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526"/>
  <workbookPr/>
  <mc:AlternateContent xmlns:mc="http://schemas.openxmlformats.org/markup-compatibility/2006">
    <mc:Choice Requires="x15">
      <x15ac:absPath xmlns:x15ac="http://schemas.microsoft.com/office/spreadsheetml/2010/11/ac" url="E:\qq下载\"/>
    </mc:Choice>
  </mc:AlternateContent>
  <xr:revisionPtr revIDLastSave="0" documentId="13_ncr:1_{9C9D1CD8-CE64-46FE-8839-A11551FECB88}" xr6:coauthVersionLast="47" xr6:coauthVersionMax="47" xr10:uidLastSave="{00000000-0000-0000-0000-000000000000}"/>
  <bookViews>
    <workbookView xWindow="-120" yWindow="-120" windowWidth="29040" windowHeight="15720" xr2:uid="{00000000-000D-0000-FFFF-FFFF00000000}"/>
  </bookViews>
  <sheets>
    <sheet name="Tablib Dataset" sheetId="1" r:id="rId1"/>
  </sheets>
  <externalReferences>
    <externalReference r:id="rId2"/>
  </externalReferenc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C14016" i="1" l="1"/>
</calcChain>
</file>

<file path=xl/sharedStrings.xml><?xml version="1.0" encoding="utf-8"?>
<sst xmlns="http://schemas.openxmlformats.org/spreadsheetml/2006/main" count="49991" uniqueCount="49904">
  <si>
    <t>id</t>
  </si>
  <si>
    <t>question</t>
  </si>
  <si>
    <t>answer</t>
  </si>
  <si>
    <t>你认为人是什么你认为人类生存的目的是什么，是为了钱还是为了别的什</t>
  </si>
  <si>
    <t>人类的活着的目的，是想达到自己那无止境的欲望，不光是对钱，还有情，还有很多你我不知道的东西，我想没有一种动物不是贪婪的，自然生态中的动物和人没有什么太多的区别。一个人到了临死的时候对钱不会再有欲望，因为只有到了那个时候，才知道那个东西是生带不来，死带不走的。</t>
  </si>
  <si>
    <t>济南近郊还有哪里可玩？快到五一了，想去近郊玩玩。五峰山，莲台山，</t>
  </si>
  <si>
    <t>嘿嘿，我来回答你吧。去济南的后花园！前几天给中国移动测信号时，把历城的各个角落都跑遍了。锦绣川红叶谷不行，就去跑马岭，门票80一位，挺好玩的。不行的话，就再往南。那地方山清水秀，也挺好的。最重要的是满足了你的要求，当天来回。这是我的意见，你看着参考吧！呵呵</t>
  </si>
  <si>
    <t>大家还是先看看吧!!我觉得只要大盘起稳这几天的损失补会来也是很快</t>
  </si>
  <si>
    <t>降低预期，安心持基。不管是加息降税，就是不放银行！呵呵！！</t>
  </si>
  <si>
    <t>触电事故有何规律？怎样预防？</t>
  </si>
  <si>
    <t>触电事故的规律：    触电事故对具体一个人来讲是偶发事件，没有规律，但对于一个单位、一个系统、一个整体来讲，触电事故是有规律的。掌握这些规律，对电气工作人员、电气事故的防范以及安全用电来讲是有益处的。      触电事故有哪些规律呢？    （1）触电事故与季节有关，资料表明，一年之中，二、三季度事故较多，6～9月份为高峰。夏秋两季雨水较多、天气潮湿，降低了电气设备及线路的绝缘性能，这里要注意陈旧设备及线路或维修不当的设备及线路，在这个时候将有更大的危险性，由于天气潮热，人体多汗，皮肤电阻降低，容易导电，且这时人穿戴较少，防护用品及绝缘护具佩戴不全；夏秋两季正值农忙季节，农村用电量增大，人们接触电器的机会多。城市空调热也增加了人触电的机会，特别是空调安装上的隐患。    （2）低压触电多于高压触电。低压电网与人关系密切，生产及当中与人接触较多；低压电气设备及线路较简单且多而广，管理上难度大且不严格，不被人们重视。而高压电则与之相反，人们接触不多，且电业人员技术素质较高，且管理严格。    （3）农村触电事故多于城市。农村用电条件差，保护装置及包理欠缺，乱拉乱接较多，不符合规范，技术落后，缺乏电气知以．    （4）青年人、中年人触电较多，一方面是他们是主要生产什．与电器接触较多；另一方面，工作年限短，思想麻痹。    （5）单相触电多于三相触电。统计数字表明，无论是高压触．匕还是低压触电，大都是单相触电。触电事故的原因大都是电气设备及线路绝缘低劣而产生漏电，如为多相漏电或绝缘不良则会引起本身跳闸，不会使人触电；而单相故障则往往不会跳闸，当人触及时会发生触电。另外，低压系统中，人们接触的单相设备M多，也是原因之一。因此，防护单相触电技术尤为重要。    （6）触电多发生在电气连接部位，如导线接头、与设备的连姑点、灯头、插座、插头、端子板、绞接点等，这些地方作业人贝易接触，当裸露或绝缘低劣时，就会造成触电机会。    （7）携带移动式电气设备及手持电动工具触电事故多，人为直接接触，使用环境恶劣，经常拆装接线，绝缘易损易磨，使川不当触电机会较多。    （8）违反操作规程或误操作导至触电伤亡居多，操作规程是经多年实践而总结出来的，里面有触电实例和血的教训，是必须遵守的，只要违反或误操作均有触电的可能。    （9）触电事故一般由几个原因造成，如绝缘损坏后的误操作，维修不当的误操作等。    （10）触电事故与环境有关，如冶金、矿业、建筑等行业多于其他行业，由于潮湿、高温、现场复杂不便管理，移动手持电具居多，造成触电机会较多。    （l）近几年来，由于电器产品质量低劣而造成触电事故增多，这是一个值得注意的问题。    综上所述，掌握了触电规律，对症下药，加强有关方面的防范，可大大减小事故率，这是每个电气工作人员及有关部门负责人必须注意的。    针对上述11点，我们只要加强电气设备及线路的维护保养及检修试验，配备安全防护用品及电气保护装置，严格用电管理，普及安全用电知识，加强安全教育及培训，遵守电气安全操作规程，提高电气工作人员的技术水平，杜绝伪劣假冒产品，电气事故及触电伤亡事故即可大大降低，可保证电气系统可安全运行。</t>
  </si>
  <si>
    <t>贷款买的车，第二年保险怎么上？在北京银行贷的款，4月份该上第二年</t>
  </si>
  <si>
    <t>网友的实际经验是：没人过问的，自己选择保险公司和险种办理。</t>
  </si>
  <si>
    <t>像明星一样自然弧度的头发是怎么做出来的呢?像蔡依林的一些造型头发</t>
  </si>
  <si>
    <t>到美容院专门做的，自己弄不来的</t>
  </si>
  <si>
    <t>"甦"字　请问五笔高手　用五笔怎么打出这个字？？甦　　用五笔怎么</t>
  </si>
  <si>
    <t>甦，拼音为su，该字在GBK字库内，:五笔86版编码 gjqg五笔98版编码 gjrg 如果你的五笔输入法用上述编码打不出来的话那是由于你的输入法不支持GBK字库的原因。</t>
  </si>
  <si>
    <t>我输入了帐号和密码，之后就显示“连接不到服务器，请确认你的网络连?</t>
  </si>
  <si>
    <t>官方有个叫网吧补丁的那个是必须下的还其他补丁动要手动下的</t>
  </si>
  <si>
    <t>我将cpu风扇拆下清洁后，重新装上电脑就不能正常使用，一直未能启?</t>
  </si>
  <si>
    <t>根据故障现象应该是CPU超温保护，原因很可能是CPU散热风扇安装不好，与CPU贴合不良所致。你把风扇取下重新安装一下，安装前最好在结合面涂上一薄层导热硅脂，这样应该没问题的。请你检查CPU是否松动。</t>
  </si>
  <si>
    <t>现在手中拿着美圆应该怎么办我现在什么都不敢买，美圆汇率实在太低</t>
  </si>
  <si>
    <t>买欧元吧，比较保险，有不会象英镑那样持续低迷</t>
  </si>
  <si>
    <t xml:space="preserve">现在手中拿着美圆应该怎么办我现在什么都不敢买，美圆汇率实在太低 </t>
  </si>
  <si>
    <t xml:space="preserve">我将cpu风扇拆下清洁后，重新装上电脑就不能正常使用，一直未能启? </t>
  </si>
  <si>
    <t xml:space="preserve">我输入了帐号和密码，之后就显示“连接不到服务器，请确认你的网络连? </t>
  </si>
  <si>
    <t xml:space="preserve">"甦"字　请问五笔高手　用五笔怎么打出这个字？？甦　　用五笔怎么 </t>
  </si>
  <si>
    <t xml:space="preserve">像明星一样自然弧度的头发是怎么做出来的呢?像蔡依林的一些造型头发 </t>
  </si>
  <si>
    <t xml:space="preserve">贷款买的车，第二年保险怎么上？在北京银行贷的款，4月份该上第二年 </t>
  </si>
  <si>
    <t xml:space="preserve">触电事故有何规律？怎样预防？ </t>
  </si>
  <si>
    <t xml:space="preserve">       触电事故的规律：    触电事故对具体一个人来讲是偶发事件，没有规律，但对于一个单位、一个系统、一个整体来讲，触电事故是有规律的。掌握这些规律，对电气工作人员、电气事故的防范以及安全用电来讲是有益处的。      触电事故有哪些规律呢？    （1）触电事故与季节有关，资料表明，一年之中，二、三季度事故较多，6～9月份为高峰。夏秋两季雨水较多、天气潮湿，降低了电气设备及线路的绝缘性能，这里要注意陈旧设备及线路或维修不当的设备及线路，在这个时候将有更大的危险性，由于天气潮热，人体多汗，皮肤电阻降低，容易导电，且这时人穿戴较少，防护用品及绝缘护具佩戴不全；夏秋两季正值农忙季节，农村用电量增大，人们接触电器的机会多。城市空调热也增加了人触电的机会，特别是空调安装上的隐患。    （2）低压触电多于高压触电。低压电网与人关系密切，生产及当中与人接触较多；低压电气设备及线路较简单且多而广，管理上难度大且不严格，不被人们重视。而高压电则与之相反，人们接触不多，且电业人员技术素质较高，且管理严格。    （3）农村触电事故多于城市。农村用电条件差，保护装置及包理欠缺，乱拉乱接较多，不符合规范，技术落后，缺乏电气知以．    （4）青年人、中年人触电较多，一方面是他们是主要生产什．与电器接触较多；另一方面，工作年限短，思想麻痹。    （5）单相触电多于三相触电。统计数字表明，无论是高压触．匕还是低压触电，大都是单相触电。触电事故的原因大都是电气设备及线路绝缘低劣而产生漏电，如为多相漏电或绝缘不良则会引起本身跳闸，不会使人触电；而单相故障则往往不会跳闸，当人触及时会发生触电。另外，低压系统中，人们接触的单相设备M多，也是原因之一。因此，防护单相触电技术尤为重要。    （6）触电多发生在电气连接部位，如导线接头、与设备的连姑点、灯头、插座、插头、端子板、绞接点等，这些地方作业人贝易接触，当裸露或绝缘低劣时，就会造成触电机会。    （7）携带移动式电气设备及手持电动工具触电事故多，人为直接接触，使用环境恶劣，经常拆装接线，绝缘易损易磨，使川不当触电机会较多。    （8）违反操作规程或误操作导至触电伤亡居多，操作规程是经多年实践而总结出来的，里面有触电实例和血的教训，是必须遵守的，只要违反或误操作均有触电的可能。    （9）触电事故一般由几个原因造成，如绝缘损坏后的误操作，维修不当的误操作等。    （10）触电事故与环境有关，如冶金、矿业、建筑等行业多于其他行业，由于潮湿、高温、现场复杂不便管理，移动手持电具居多，造成触电机会较多。    （l）近几年来，由于电器产品质量低劣而造成触电事故增多，这是一个值得注意的问题。    综上所述，掌握了触电规律，对症下药，加强有关方面的防范，可大大减小事故率，这是每个电气工作人员及有关部门负责人必须注意的。    针对上述11点，我们只要加强电气设备及线路的维护保养及检修试验，配备安全防护用品及电气保护装置，严格用电管理，普及安全用电知识，加强安全教育及培训，遵守电气安全操作规程，提高电气工作人员的技术水平，杜绝伪劣假冒产品，电气事故及触电伤亡事故即可大大降低，可保证电气系统可安全运行。</t>
  </si>
  <si>
    <t xml:space="preserve">大家还是先看看吧!!我觉得只要大盘起稳这几天的损失补会来也是很快 </t>
  </si>
  <si>
    <t xml:space="preserve">济南近郊还有哪里可玩？快到五一了，想去近郊玩玩。五峰山，莲台山， </t>
  </si>
  <si>
    <t xml:space="preserve">你认为人是什么你认为人类生存的目的是什么，是为了钱还是为了别的什 </t>
  </si>
  <si>
    <t xml:space="preserve">长时间坐着睾丸疼怎么办呢？ </t>
  </si>
  <si>
    <t>答：睾丸肿痛的主要原因是由睾丸炎引起的，睾丸炎患者常常出现睾丸疼痛，并向腹股沟放射，有明显的下坠感觉，并伴有高热、恶心、呕吐、白细胞升高等，同时睾丸肿大、压痛非常明显，阴囊皮肤红肿。答：你的情况考虑为棈鎍静脉曲张或附睾炎，跟坐姿不对或伴有感染有关，需到普外科检查明确。答：你好，你的情况是睾丸炎，睾丸炎是男科常见疾病，引起睾丸炎的原因很多，譬如感染、外伤，肿瘤都可以引起。睾丸炎临床上主要分为急性化脓性睾丸炎和腮腺炎性睾丸炎两种。急性化脓性睾丸炎的主要表现为发病较急，发热恶寒，一侧或双侧睾丸肿大疼痛。腮腺炎性睾丸炎主要表现为睾丸肿胀疼痛，红肿发热，继发于腮腺炎之后。祝你健康！</t>
  </si>
  <si>
    <t xml:space="preserve">下面的消息是真的吗?中国第一大金属镁生产企业西洋耐火材料有限公司 </t>
  </si>
  <si>
    <t>宁夏恒力(600165)公司是东方钽业的法人股东。中国最大镁业公司西洋耐火材料成为实际控制人，未来想象空间巨大。</t>
  </si>
  <si>
    <t xml:space="preserve">为什么卡怪要去坐牢！！！为什么卡怪要被抓去坐牢，在游戏里充分发挥 </t>
  </si>
  <si>
    <t>同意不过你教教我怎么卡怪</t>
  </si>
  <si>
    <t xml:space="preserve">请问在iask个人积分多,有什么好初啊??? </t>
  </si>
  <si>
    <t>拥有足够的积分才能消费积分（例如下载文件、提问悬赏等），1)积分是为鼓励用户参加而设计的一套奖励系统。回答问题并被提问者采纳才是积分增加的最好途径。2)用户凭积分不仅可以提高自己的级别，还有机会获得“爱问”定期颁发的大礼。3)平时储备足够的积分，您有问题时才有足够的积分可悬赏，才能下载文件。</t>
  </si>
  <si>
    <t xml:space="preserve">找别扭谁可以先看清那是怎么回事怎么搞的10分送上无聊啊 </t>
  </si>
  <si>
    <t>LZ很无聊啊这是你当上掌门别人在K你</t>
  </si>
  <si>
    <t xml:space="preserve">关于吃药方法吃伟哥的状况是什么样的?有没有副作用? </t>
  </si>
  <si>
    <t xml:space="preserve">吃了以后30分钟以后可以做爱了 但是做的时候也一样射精但是 他还是起来着 不变软 肯定有副作用 听说有依赖性 </t>
  </si>
  <si>
    <t xml:space="preserve">你见过木头做的杯子么杯子不是木头做的为什么“杯”字有木字旁？！幽 </t>
  </si>
  <si>
    <t>我还见过木头做的自行车</t>
  </si>
  <si>
    <t xml:space="preserve">ios6.1.3不能完美越狱，能降级么?Ios6.1.3竟然越狱 </t>
  </si>
  <si>
    <t>如果你之前有备份，是可以降级的，不过也可以不降级免费下载应用的，用快用苹果助手这类的第三方软件，可以找到最新最全的应用免费下载，现在很多人都在用这个方法</t>
  </si>
  <si>
    <t xml:space="preserve">我是A血型的我先生是O血型可我的小孩是AB型为什么？ </t>
  </si>
  <si>
    <t>可能是A型和O型，其中A型可能性75%，O型可能性25%</t>
  </si>
  <si>
    <t xml:space="preserve">最简单的黄金识别方法黄金能否焊上锡 </t>
  </si>
  <si>
    <t>可以下列几种方法简易判别：1 金的密度是紫铜的一倍还多,稍有一点经验就可通过掂量区分。2 黄金柔软，很容易弯曲变形，弯曲后不会反弹，不易折断。3 黄金向上抛落，不会弹跳。4 黄金颜色呈金黄色，用弱酸或弱碱浸泡不会变色；高温烘烤或火烤都不变色。5 可用牙咬，黄金容易咬出牙齿印，紫铜不易。</t>
  </si>
  <si>
    <t xml:space="preserve">我该租房还是住娘家呢？由于拆迁暂时没房住，估计要两三年才能住进拆 </t>
  </si>
  <si>
    <t>租房</t>
  </si>
  <si>
    <t xml:space="preserve">是否存在这样的非负数m,使关于x的一元二次方程m２x２－２m+1? </t>
  </si>
  <si>
    <t>解:若0*0-4*m*m*(-2m+1)&gt;=0即4m*m(1-2m)&lt;=0因为需求m为非负数,则可得不等式结果m1=0或m2&gt;=1/2,当m1=0或m2=1/2时,方程式m２x２－２m+1=0 有两个相等的实根;当m&gt;1/2时,方程式m２x２－２m+1=0有两个不等的实数根.</t>
  </si>
  <si>
    <t xml:space="preserve">UT掉线问题我一上线UT就掉，来不及进任何房间，怎么弄啊 </t>
  </si>
  <si>
    <t>您好，登录UTG是否正常，您的帐号类型是新浪通行证还是UC号，若是UC号建议您吧帐号和密码发到我们的信箱help@ 注明遇到的问题，我们会有专人为您处理</t>
  </si>
  <si>
    <t xml:space="preserve">这个游戏开了多久了好耍吗?想来尝尝好耍吗???大楷开了多久了.. </t>
  </si>
  <si>
    <t>好耍塞！开了有那么久了！双选择！大唐和罗马！各种职业！总之你你耍了就可以感觉到了！画面风景好哦！但升级有点枯燥！你试试嘛！</t>
  </si>
  <si>
    <t xml:space="preserve">任务~请问下“人鱼的信任”卡的任务怎么做啊？请详细的说明~还有章 </t>
  </si>
  <si>
    <t xml:space="preserve"> 那里都不容易掉的 我感觉很困难  俩个BOSS在幻惑之海的右下角   它俩在一起 小心</t>
  </si>
  <si>
    <t xml:space="preserve">刚生完孩子，有什么减肥药能见效快点的嘛？不要反弹的噢什么药比较有 </t>
  </si>
  <si>
    <t xml:space="preserve">  大肠水疗是当今国际流行的一种排毒、改善便秘、纠正腹泻、调节肠道菌群失调、预防肠癌，并有美容、美肤、减肥等功效的新兴保健方法</t>
  </si>
  <si>
    <t xml:space="preserve">考研中用Γ(n+1)=n!解题或者快速得到答案是否合“法”？龚老 </t>
  </si>
  <si>
    <t>我对高等数学的考纲较有研究，线代概率不熟悉。①关于 Γ(n+1)=n! 肯定属“数学三·高等数学”的考纲要求范围，不属“数学一·高等数学”的考纲要求。但是概率论里怎么说请你自己研究。②考研答卷，用超纲方法，一般是得不了全分，但也不会全扣完。若遇到高数考题不要直接引用Γ(n+1)=n!。在概率论试题里，应该可以直接引用。所以高数问题的答题中尽量不要用。再例如，解微分方程千万不要用算子法或拉氏变换。</t>
  </si>
  <si>
    <t xml:space="preserve">怎样知道丈夫是否有外遇 </t>
  </si>
  <si>
    <t>他对你越来越缺少精神上的交流就是了!</t>
  </si>
  <si>
    <t xml:space="preserve">请问任务中的龙女在哪? </t>
  </si>
  <si>
    <t>从无为村一直往北走，贴着海面走就能发现，那东西在海低，普通魔法攻击的怪</t>
  </si>
  <si>
    <t xml:space="preserve">高手帮忙，内存156m升级CPU类型IntelPentium4, </t>
  </si>
  <si>
    <t>配置还不算太差，买一条256MB DDR 400的内存加上就可以了，这样性能会提升不少，其它的硬件不要换了</t>
  </si>
  <si>
    <t xml:space="preserve">这个暑假准备和闺蜜一起去峨眉山毕业旅行，有去过的童鞋没～从武汉到? </t>
  </si>
  <si>
    <t>坐高铁的话早上出发当天就可以到了，现在从武汉坐高铁到成都，无缝对接，直接在成都坐高铁就可以直达峨眉山，全程差不多10个小时，高铁车次也蛮多的，既方便又快，到达峨眉山站后，出站即可购买景区门票、乘坐景区旅游观光车。并且我在网上还看到了，坐高铁去玩的游客购买门票后还可以享受到了成都之后就可以坐直通车到峨眉山的服务。 。</t>
  </si>
  <si>
    <t xml:space="preserve">怎样才能使我的博客文章刊登在新浪博客首页？ </t>
  </si>
  <si>
    <t xml:space="preserve">你好！文章要出现在首页需要自己主动推荐才行。推荐投稿在博客首页的中部有一个推荐栏（图片博客的下边），填写相应的东西就行了。注意其中的：文章链接就是你写的文章的链接地址1、首先点控制面板----BLOG文章管理----文件夹----找到要申请的文章名---点右键---点属性---URL后的就是文章链接地址。2、点击“点击此处查看原文”上边地址栏内就是该篇文章的地址了！ 投稿之后，页面显示为“谢谢你的参与”或“投稿成功”等，说明你的推荐已经成功，确认后，你就耐心的等待管理审核通过了。祝你成功！  </t>
  </si>
  <si>
    <t xml:space="preserve">600150高位套，近期怎么操作好？ </t>
  </si>
  <si>
    <t>600150中国船舶可以短线积极介入，摊低成本，必有回报！</t>
  </si>
  <si>
    <t xml:space="preserve">我是处男，难到我要求我女朋友是处女很过分吗？ </t>
  </si>
  <si>
    <t>不过分，可以看出你是一个好男人。但是由于处女少，处男也少，你可能会自己觉得很孤立，我很理解你。我觉得，找女朋友的标准不是处女，是感情，是你的感受，是你是否觉得她是纯洁的，善良的，有感觉的，是你内心的呼唤。如果你总是想她，念她，就找她，不要因为处不处的，丧失一段宝贵的感情，不是吗？但一旦选择了，就不要后悔，真心去爱。</t>
  </si>
  <si>
    <t xml:space="preserve">"板仓"先生"板仓"是什么意思"板仓"是什么意思 </t>
  </si>
  <si>
    <t xml:space="preserve">    杨昌济，字华生，又名怀中，1871年4月21日，出生于湖南省长沙县清泰都隐储山下的板仓冲。因世居板仓，所以杨昌济后来被人称之为“板仓先生”、“板仓杨”。 &lt;&lt;恰同学少年&gt;&gt;中,杨昌济称为"板仓"先生,1920年初病逝于北京德国医院。归葬长沙县板仓。 “板仓”应该是杨昌济先生诞生地。</t>
  </si>
  <si>
    <t xml:space="preserve">耳朵问题我有突发性耳聋一年了！医院治不好！就放弃了！病情没有加重 </t>
  </si>
  <si>
    <t xml:space="preserve">突发性耳聋成因:  造成突发性听力障碍和前庭平衡系统的失常原因相互重叠且很复杂，譬如说：(1)爆炸声或长期噪音; (2)低血压; (3)中毒或致聋的药物:如一氧化碳中毒及链霉素; (4)工作或精神压力; (5)内耳血管病变; (6)血管病变:如微血管栓塞、发烧引起之微血管内压力不正常；(7)内耳病毒感染；(8)新陈代谢疾病：如糖尿病及高血脂；（9）潜水后减压病；（10）圆窗破裂。  不知您属于哪一种?现介绍以下方法供参考：（一）一般治疗　患者尽可能住院治疗,卧床休息,限制水,盐摄入.（二）营养神经类药物　应及早使用维生素A,维生素B1,维生素B12,谷维素及能量合剂  （ATP,辅酶A,细胞色素C）等药物.（三）血管扩张剂以上10种成因您首先确定您属于哪一种，再对症治疗才是最佳方法。不过您突发性耳聋一年了，治愈希望不大了。也可以看看做个辨证调理。如种种努力都无效您可以佩戴助听器 适应几个月就差不多了 助听器选好一点的 一把也的5000到10000的 太便宜了效果就差 贵的能好一些 但是性价比不合算 看你的经济情况来决定把 </t>
  </si>
  <si>
    <t xml:space="preserve">谁知道adidas、安踏、puma和贵人鸟的广告语？比如说：李宁 </t>
  </si>
  <si>
    <t xml:space="preserve"> 没有不可能安踏:永不止步 贵人鸟:无人可挡(不过他们最近的广告片中的台词是:追爱也是一种运动,不知道是不是广告词改了)</t>
  </si>
  <si>
    <t xml:space="preserve">我应该选择哪样？？？我家公司老板因为嫌我工作做得不好！！给我两个 </t>
  </si>
  <si>
    <t>我觉得你应该选择1.因为哪个老板真是对你的要求太高了！！我觉得她（他）真不配做老板！！！</t>
  </si>
  <si>
    <t xml:space="preserve">什么叫直排水和侧排水？小区直排水和侧排水是什么意思呢？直排水是不 </t>
  </si>
  <si>
    <t>建筑的对外排水都是在正负零以下侧排的，不存在直排水问题；直排水和侧排水是对两类座便器而言的：直排水座便器的下水管穿过本层地板排水，侧排水座便器的下水管穿进座便器后面的侧墙排水。道路两旁的排水有明排和暗排之分:明排是在道路两旁用明沟排水,暗排是在道路两旁用暗管排水.</t>
  </si>
  <si>
    <t xml:space="preserve">我用WindowsMediaPlayer播放*.avi文件时,为? </t>
  </si>
  <si>
    <t xml:space="preserve"> 下载Windows Midia Player 10 简体中文版 下载地址：    装上就可以解决问题咯！我就是这样的情况，装上Windows Midia Player 10 简体中文版 ，问题就解决了</t>
  </si>
  <si>
    <t xml:space="preserve">语文作业谁能帮介绍一下瓦格涅 </t>
  </si>
  <si>
    <t>雷吉斯-瓦格涅（法国导演、编剧）　　雷吉斯-瓦格涅生于1948年，最初他的职业是摄影师。1972年，瓦格涅在米歇尔-德维尔的影片《穿蓝衣的女人》中担任导演助理，从此踏入电影界。此后，他又为导演弗朗斯-基罗（《女银行家》1980；《姑姑》1982）工作过。1986年，瓦格涅独立执导了自己的第一部影片《印度支 那》。这部以殖民时期的远东地区为背景的影片由著名影星凯瑟琳-德诺夫担任主演。该片赢得了包括1993年奥斯卡最佳外语片在内的众多美誉。 2004年执导的《从人到人》被选为2005年第55届柏林国际电影节的开幕式影片。</t>
  </si>
  <si>
    <t xml:space="preserve">什么牌子的平板支持3G并且可以使用阿里旺旺和office或者wp? </t>
  </si>
  <si>
    <t>所有牌子的平板都可以~</t>
  </si>
  <si>
    <t xml:space="preserve">鼻子干燥结痂怎么办 </t>
  </si>
  <si>
    <t>病情分析：你好，你出现这个情况平时一定得注意尽量少吃辛辣及温燥的食物，然后服用药物来清热败火来治疗一下指导意见：建议你可以试试服用槐角丸或麻子仁丸来治疗，再多自己按揉腹部，你便秘情况就能好转了医生询问：</t>
  </si>
  <si>
    <t xml:space="preserve">QQ的问题我在上线时在网上想下载图片或音乐发给好友，但总无法下载 </t>
  </si>
  <si>
    <t>你找到图片后右键点另存为,保存在硬盘上,在点QQ上的文件,在发送.也可以直接把图拖到回复消息里,音乐最好在百度上找,找到后左建点歌的名字,出来一个对话框后在右建点第一个地址,就可保存,发送和发送图片一样,QQ硬盘你要点QQ上左边的按钮,鼠标移到上面有提示显示网络硬盘,你点一个就可找开,在里面就可以上传到网络硬盘了,让对方看时,对方必须是你的好友,才能看</t>
  </si>
  <si>
    <t xml:space="preserve">6千公里保养想换自己的机油可以吗？我的车现在跑了六千多公里了，下 </t>
  </si>
  <si>
    <t>标号一样的就行呢，常用的10W-40.冬天可以换成5W-40等</t>
  </si>
  <si>
    <t xml:space="preserve">我该怎么面对我小妹?在我高中的时候，我读书非常好，因此也博得很多 </t>
  </si>
  <si>
    <t>打电话给她啊， 要不发短信给她说嗨， 好啊， 我是你大哥， 你发过去她总会回啊， 一来一回就话多了。</t>
  </si>
  <si>
    <t xml:space="preserve">身高和体重我家宝宝4个月20天,体重18斤,身高70CM,都说我 </t>
  </si>
  <si>
    <t>身高公式:前三个月每月增长11~12厘米   后九个月总共增长12厘米 身高公式:前三个月每月增长11~12厘米   后九个月总共增长12厘米 不过每个人体质营养不同,还是有差别</t>
  </si>
  <si>
    <t xml:space="preserve">任9必中!!!切沃VSAC米兰佛罗伦VS尤文国米VS阿斯科3拉齐 </t>
  </si>
  <si>
    <t>莱 切 VS 罗 马 3,0有危机！！！！！！！回去改下跟你！！！！</t>
  </si>
  <si>
    <t xml:space="preserve">英语口语2级考试应怎么复习请问要过二级英语口语，应该怎么复习，怎 </t>
  </si>
  <si>
    <t>二级是中级么。我是2003年考的.1我参加了首都经济贸易大学的讲座，共2节课。100元。老师讲得不错，重点突出。2着重背一些有意义的文章，包括。购物，奥运，娱乐，与游景点等3找朋友练一练4考试采用抽签方式选题。基本上没有想的时间，抽完就答5最重要一点就是自我介绍要新颖一些祝你好运</t>
  </si>
  <si>
    <t xml:space="preserve">月经总是来迟，几乎月月迟到，有时几天有时半个月。这是病吗？要治疗? </t>
  </si>
  <si>
    <t>月经失调是常见的症状之一，凡月经量及间隔与正常月经周期不同者均于此范畴。常见类型有月经过多，月经过少、月经过频、月经稀发等。月经失调的原因主要由于内分泌功能障碍，但亦可由于全身疾病或生殖器官局部疾病所致。中医学中的“月经不调”相当于现代医学中“月经失调”的一部分，不包括内外生殖器质性病变所引起的月经异常。其病主要因七情所伤或外感六淫，或先天肾气不足，多产房劳，劳倦过度，使脏气受损，肾肝脾功能失常，气血失调，致冲任二脉损伤，发为月经不调。临床常见的证型有：1．血热型：证见经来量多，色鲜红或深红，质稠粘；或有小血块，常伴有心烦口渴、尿黄、便结，舌质红，苔黄，脉滑数。2．血寒型：证见经期延后，量少，色黯红或有血块，小胶冷痛，得热减轻，畏寒肢冷，舌苔白，脉沉紧。3．气血两虚型：证见经期提前或错后，经量增多或减少，经期延长，色淡，质稀；或少腹疼痛，或头晕眼花，或神疲肢倦，面色苍白或萎黄，纳少便溏，舌质淡红，脉细弱。4．血虚型：证见经期延后，量少，色淡红，无块，或少腹疼痛；或头晕眼花，心悸少寐，面色苍白或萎黄，舌质淡红，脉细弱。5．血虚气滞型：证见月经延后，量少而色淡，小腹胀痛，面色苍白或萎黄，身体瘦弱，皮肤不润，头晕眼花，心悸，精神郁闷，胸痞不舒，乳胀胁痛，舌质暗红，苔薄黄，脉弦涩或虚细。6．肝郁脾虚型：证见月经周期不定，经量或多或少，色紫红，有块，经行不畅，或有胸胁、乳房、少腹胀痛，脘闷不舒，时叹息，暖气食少，苔薄白或簿黄，脉弦。7．肝肾不足型：证见经来先后无定，量少，色淡黯，质清；或腰骶酸痛，或头晕耳鸣，舌淡苔少，脉细弱。8．血瘀型：证见经行量少，色紫黑，有血块，小腹胀痛拒按，血块排出后胀痛减轻，舌正常，或紫黯，或有小瘀点，脉细涩或弦涩。9．气滞血瘀型：证见月经先后无定，经量或多或少，色紫红，有块，经行不畅；或伴小腹疼痛拒按，或有胸胁、乳房、少腹胀痛，脘闷不舒，舌质紫黑或有瘀点，舌薄白或薄黄，脉弦涩。一、可选用的中成药1．血热型：(1)丹栀追遥丸：每次6-9g，一日2次，温开水送服。(2)加味逍遥丸：每次6g，一日2次，温开水送服。(3)调经益母丸：每次20一30粒，一日3次，用黄酒或温开水送服。(4)丸制大黄丸：大蜜丸每次1丸，或小或温黄酒送服。未成年女子可酌服l／2丸。(4)定坤丸：每次1丸，一日2次，温开水送服。(5)鹿胎丸：每次1丸，一日2-3次，用温黄酒或温开水送服。(6)女宝胶囊：每次4粒，一日3次，温开水送服。(7)左归丸：大蜜丸1丸，或小蜜丸每次9g，均为一日2次，温开水送服。(8)龟龄集：散剂每次1g，一日2次，温开水送服。胶囊剂每次2粒，一日1次，早饭前用淡盐水送服。(9)益虚宁片：每次5-6片，一日3次，温开水送服。(10)紫河车扮(胶囊)：粉剂每次服3g，或胶囊剂每次15粒，均为一日2次，用温黄酒或温开水送服。(11)调经促孕丸：每次5g，一日2次，温开水送服。自月经周期第5天起连服20天，无月经周期者每月连服20天，连服3个月为一疗程。(12)嫦娥加丽丸：每次3-5粒，一日3次，空腹淡盐水或温开水送服。8，血瘀型：(1)复方益母草青：每次10-15m1，一日2次，温开水化服。(2)益母草膏(流浸膏、冲剂、口服液)：煎膏剂每次10g，一日1-2次。流浸膏剂每次5-10m1，一日15-30m1。冲剂每次158，用开水冲服，一日2次。口服液每次20m1，一日3次。(3)少腹逐瘀丸：每次1丸，一日2-3次，用温黄酒或温开水送服。9．气滞血瘀型：(1)妇科回生丸：每次1丸，一日2次，用黄酒或温开水送服。(2)得生片：每次4片，一日2次，温开水送服。(3)醋制香附丸：每次1丸，一日2次，温开水送服。(4)益母丸(冲剂)：每次1丸，一日2次，温开水送服。冲剂每次1袋，一日2次，开水冲服。(5)舒肝保坤丸：每次1丸，一日2次，温开水送服。(6)调经活血片：每次5片，一日3次，温开水送服。小腹不温兼寒者用姜汤送服。(7)凋经姊妹丸：每次30粒，一日2次，温开水送服。（源于其它网站，恕我拷贝）</t>
  </si>
  <si>
    <t xml:space="preserve">000572有请清泉000572今天半仓介入,后市如何操作,谢谢 </t>
  </si>
  <si>
    <t>震荡后还有一定的扬升出现,暂谨慎持有.</t>
  </si>
  <si>
    <t xml:space="preserve">请教高手，懂的进为什么每次我做完往昔世界活动后，就会掉线啊，而且 </t>
  </si>
  <si>
    <t>这样的问题有可能是官方的问题，还有一个BUG就是偶尔的坐标会掉线在次上的时候就直接踢到桌面，你可以咨询官方客服。客服电话：028—85280528</t>
  </si>
  <si>
    <t xml:space="preserve">WORD文档排版怎样改变颜色在WORD文档中排版时，有一段文字， </t>
  </si>
  <si>
    <t xml:space="preserve">    那一段文字有可能是在文字框里打的，将那段文字选上，在视图里将“绘图”选上，这时，在下面有一个象小桶往外倒水的图案，点一下小黑三角，点一下无填充颜色即可。</t>
  </si>
  <si>
    <t xml:space="preserve">脚底红痛不能着地没皮 </t>
  </si>
  <si>
    <t xml:space="preserve">    可能是得了“红斑性肢痛症”。它是以肢体远端阵发性血管扩张，皮温升高、肤色潮红和剧烈烧灼样疼痛为主征的一种植物神经系统疾病。其病因未明。可能与寒冷导致肢端毛细血管舒缩功能障碍有关。由于肢端小动脉扩张，血液流量显著增加，局部充血，血管内张力增高，压迫或刺激动脉及邻近神经末梢而产生剧烈疼前。常因气温骤降受寒或长途行走等诱发。    本病多见于20～40岁青壮年，男性多于女性。起病可急可缓，多同时累及两侧肢端，以双足更为多见。表现为足趾、足底、手指和手掌发红、动脉搏动增强，皮肤温度升高，伴有难以忍爱的烧灼样疼痛。多在夜间发作或加重，通常持续数小时。受热、环境温度升高，、行立、足下垂或对患肢的抚摸均可导致临床发作或症状加剧；静卧休息、抬高患肢，患肢暴露于冷空气中或浸泡于冷水中可使疼痛减轻或缓解。患者不愿穿着鞋、袜及将四肢放于被内，惧怕医生检查。肢端可有客观感觉减退，指（趾）甲增厚，肌肉萎缩，但少有肢端溃疡、坏疽。病程长及（或）病情重者症状不仅限于肢端，可扩及整个下肢及累及上肢。   但是还需要与冻疮、闭塞性脉管炎、真性红细胞增多症、雷诺现象、糖尿病性神经病、脊髓痨及中毒性末梢神经炎等相鉴别。</t>
  </si>
  <si>
    <t xml:space="preserve">道具猎人卡修没了。。。我晕哦，做猎人找不到学技能的家伙，我都快把 </t>
  </si>
  <si>
    <t>躺门口那哥们啊？可能躺树底下了。。。你换个线试试~~~</t>
  </si>
  <si>
    <t xml:space="preserve">传怎么加点啊,我想多做任务 </t>
  </si>
  <si>
    <t>我是一百级传,现在满血100敏其他魔,很好用.</t>
  </si>
  <si>
    <t xml:space="preserve">脱水影响生育吗，会对以后有什么影响 </t>
  </si>
  <si>
    <t>只要没有对肾脏造成伤害，以后身体恢复好了不会影响</t>
  </si>
  <si>
    <t xml:space="preserve">场内是指在证券公司、场外是指在基金公司购买基金，这种理解对吗？场 </t>
  </si>
  <si>
    <t>错。在证券公司购买开放基金也是场外交易。只有在证券公司用股票交易系统购买ETF和LOF基金才是场内交易。场外交易是按当天的市值买入基金，一般交1.5%手续费。场内交易则按照交易价格买入和卖出基金，和股票一样是0.3%左右的手续费。</t>
  </si>
  <si>
    <t xml:space="preserve">小狗乘机能不能吃安眠药我要带小狗乘飞机，按规定要把狗放在航空箱里 </t>
  </si>
  <si>
    <t>动物托运是可以的，只要给狗狗准备一个好一点的宠物箱，让它待的环境尽量安全舒适就行了～安眠药就不要选择了，对狗狗不好的，而且人与狗的药剂剂量是不一样的，不能乱用</t>
  </si>
  <si>
    <t xml:space="preserve">出师问题？为什么说和徒弟不熟啊？？？ </t>
  </si>
  <si>
    <t>1.38改版 好友度到500才让出师</t>
  </si>
  <si>
    <t xml:space="preserve">怎样查询手机密码？我想打印通话清单，但密码找不到了，利用手机怎么 </t>
  </si>
  <si>
    <t xml:space="preserve"> 如忘记密码或不知道密码，请用本机编辑短信czmm发送至01008重置密码，然后拨打1861设置您的密码.</t>
  </si>
  <si>
    <t xml:space="preserve">大家好亲们都在用什么美白产品？ </t>
  </si>
  <si>
    <t xml:space="preserve"> 无论从古到今，人们对与的审美从来都没有改变过，俗话说：一白遮百丑。可见肤色白质的重要性。猪蹄中的胶原蛋白，是皮肤恢复活力的法宝。如果少于这个量就有产生皱纹的危险。而胶原蛋白足量后，皮肤的弹性自然好，人的气色也会随之变化，脸色也能变得白皙起来。　　第一天：餐前西红柿　　餐前一个西红柿，美白、健康又美丽。西红柿中维他命C可以抑制皮肤内酪氨酸酶的活性，有效减少黑色素的形成，从而达到使皮肤白嫩，黑斑消退的效果。　　    第二天：海带猪蹄汤　　猪蹄中含有大量的胶原蛋白，是皮肤恢复活力的法宝。而胶原蛋白足量后，皮肤的弹性自然好，人的气色也会随之变化，脸色也能变得白皙起来。海带中含有较高的锌元素，可以参与皮肤的正常代谢，使上皮细胞正常分化有利于毛孔的通畅，还能减少角质的积累。　　第三天：枸杞米酒　　这不但是一道口感极佳的美食，更是一道美白的大餐。热爱美容的MM可以将其作为下午补充能量的甜汤，不但美白还能滋补。而枸杞子则能滋补肝肾，其中含有的维生素A与米酒相结合能促进营养成分的吸收，女性食用后的脸色更加滋润动人。　　第四天：猕猴桃色拉　　猕猴桃的美白原理与西红柿相似，它同样含有大量的维生素C，多吃可以帮助肌肤排毒，并可干扰黑色素生成，有助于消除皮肤上的暗沉，让肌肤更明亮。　　第五天：黄瓜粥　　粥不但简单易做、口味清淡还可以帮助瘦身和美容。此粥则是夏日里美白、降署的不二选择，最好每天早晚食用，可以润泽皮肤、祛斑、减肥。现代科学研究证明，黄瓜含有丰富的钾盐和一定数量的胡萝卜素、维生素C、维生素B1、维生素B2、糖类、蛋白质以及芥、磷、铁等营养成分。经常食用黄瓜粥，能消除雀斑、增白皮肤。  　　第六天：山药青笋炒鸡肝 　　山药是中医推崇的补虚佳品，可以健肾益气、补精强脾。鸡肝虽然是动物的肝脏，但一点都不必肌肉营养差，反而含有大量的铁、锌、铜、维生素A和B族维生素等，有利于雌激素的合成，是补血的首选食品。而青笋则富含膳食纤维，能通便、补气，是很好的美容蔬菜。三者混合，具有调养气血、改善皮肤的滋润感和色泽的作用。 　　第七天：薏仁牛奶粥  　　相信大家对薏仁的美白效果一定不会陌生，被很多专家都誉为美白的圣品。其主要成分为蛋白质、维生素B1、B2，有使皮肤光滑，减少皱纹，消除色素斑点的功效。在薏仁粥中又加入了牛奶则使此款粥品的美白效果更胜一筹，两者结合无疑是美白食材上的强强联手，保证你喝了以后又美又健康。      最后友情推荐保养皮肤使用中药材面膜粉，改善新陈代谢能帮助面部肌肤对养分的有效吸收，既能收紧毛孔，亦能促进血液微循环，抑制色素沉淀，使肌肤回复光亮。    中药能将坏死细胞去除，促进面部血液循环，改善新陈代谢能帮助面部肌肤对养分的有效吸收，既能收紧毛孔，亦能促进血液微循环，抑制色素沉淀，使肌肤回复光亮。网上搜一搜索3w点126mr点com试一试效果很好。     其次情绪对人体的影响     精神焕发，人体免疫功能大大提高。当心情不好，忧愁、悲哀时身体免疫功能就降低，抵抗各种不利因素的能力很差，容易发生各种疾病，皮肤新陈代谢，血液循环等各种功能均降低，皮肤变灰黑、干燥、皱纹增加，呈现衰老迹象。因此，保持愉快心情、乐观情绪极为重要的。有了健康的身体，不怕没有好的皮肤；只有健康的身体，才能有真正的亮丽。      </t>
  </si>
  <si>
    <t xml:space="preserve">请尽快《傲世OL》解决！！我下了机以后再上机换线时就出现了一个提 </t>
  </si>
  <si>
    <t>在桌面刷新一次，就能进了，我也碰到过这个情况，系统处理迟缓的缘故！</t>
  </si>
  <si>
    <t xml:space="preserve">什么牌子的防晒霜温和又好用呢？物理防晒的产品是不是比化学防晒的要 </t>
  </si>
  <si>
    <t>目前的数据很难说明问题，物理防晒颗粒对皮肤刺激很小，但是应用起来有这样那样的缺点，化学防晒有些还是比较安全，但是分解后的产物对皮肤有潜在威胁，关键是合理应用，晚上清除干净。</t>
  </si>
  <si>
    <t xml:space="preserve">商丘去虞城能用多长时间！ </t>
  </si>
  <si>
    <t>２０分钟</t>
  </si>
  <si>
    <t>清泉老师，请教！请问老师，600352</t>
  </si>
  <si>
    <t>暂观望，20日均线少量补仓。</t>
  </si>
  <si>
    <t>[旗谜]【2012年元旦6</t>
  </si>
  <si>
    <t>对不起，让大家久等了。谢谢旗友赠谜。</t>
  </si>
  <si>
    <t xml:space="preserve">怎样能让小眼睛变大而不用整容?我的五官都可以,唯一的缺陷就是眼睛 </t>
  </si>
  <si>
    <t xml:space="preserve">小?大眼睛的?法   步骤一：首先应选择与肤色接近的茶色或棕色系眼影，在眼尾的睫毛处轻轻涂抹，可使眼睛明显增大。 但须注意，每次涂抹应沾少量眼影 粉，宁可多次涂抹，也不要一次涂得太多。 　　步骤二：眼线画在睫毛根部， 一定要使用比眼影深一系的眼线笔，才能使眼睛看起来乌黑有神。完成眼线后，用棉棒轻轻晕开，使之呈现模糊感，如此，眼部看起来便更显自然，更加迷人。 　　步骤三：在眉下部位，涂上具有透明感的亮色眼影，以增加眉毛的高度及眼睛的明亮度。 　　步骤四：下眼睑涂上冷色调的眼影，可采用刚刚用过的步骤。注意，眼影要从眼角刷向眼尾，以增大眼睛的轮廓。 　　步骤五：将上睫毛涂上睫毛膏， 以增加睫毛的浓度和密度，使眼部看起来更有立体感。 　　步骤六：不要忘了涂下睫毛。因为浓黑的下睫毛可使眼睛增大，轮廓明显。 補充：  1。涂眼影最好用动物毛的刷子，作用是会把眼影粉扫的均匀不会涂不开。我们目前比较流行把眼影从内眼角鼻梁内?韧庋劢腔脊峭房粘鲇冒咨崃粒÷砩涎劬Φ慕峁咕统隼戳耍》浅Ａ⑻灞橇阂不岷芨撸〈嘶ㄊ屎峡Х壬谏罾渡！！！！！！?  2。眼线最好用黑色的，从外眼角节毛根部往里画！诀窍是不要一条线画到头！！到内眼角前面一点收笔！！这样很自然不假，线条也特清楚。  3。下眼影一般画在外眼角后三分之一处，要不就涂在内眼角三分之一处。整体涂满。  4。下睫毛很重要。  </t>
  </si>
  <si>
    <t xml:space="preserve">为什么我进入登陆帐号密码的时候一打帐号游戏就死机?我选择完服务器 </t>
  </si>
  <si>
    <t>游戏安装错误，重新安装尝试，要不然就重装系统，把主板，声卡，显卡，DX9.0C都安装正确，没有驱动就去官网下载</t>
  </si>
  <si>
    <t xml:space="preserve">数学排列组合有10件不同厂生产的同类产品,(1)在商品评选会上, </t>
  </si>
  <si>
    <t>我的回答：图片点击放大</t>
  </si>
  <si>
    <t xml:space="preserve">挑战任务交了后，任务给的任务东西没消失为什么我在蛮荒接了个挑战任 </t>
  </si>
  <si>
    <t>这4本书 根据我的经验是在你4转之后消失 昨天我4转成功后 4本书同时消失了 聊天对话框里有提示</t>
  </si>
  <si>
    <t xml:space="preserve">鲜花任务的鲜花在哪里啊发个坐标 </t>
  </si>
  <si>
    <t>没有坐标，在野外随即出一些石头和野果，你点它们就可以了</t>
  </si>
  <si>
    <t xml:space="preserve">剑战PK的基本步骤是什么 </t>
  </si>
  <si>
    <t>如果你等级够高的话,用冲刺+重击+雷庭剑</t>
  </si>
  <si>
    <t xml:space="preserve">BB天技问题?有只罩粉.想升罩到抗3.抗3是多少级啊.升到抗3大 </t>
  </si>
  <si>
    <t xml:space="preserve">1。有只罩粉.想升罩到抗3.抗3是多少级啊.答：抗三是60级。（维持三回合）2。升到抗3大约用多少钱.除了钱以外.升天技时还用别的什么吗?答：1。用多少钱没有记录2。除了钱以外。升级技能还需要消耗帮贡。而且还要达到以下条件：1。帮派已经研发这个技能 2。宠物必须拥有这个TJ 3。角色必须有1W帮派活力值。 4。人与该宠物的亲密度必须3W以上。 </t>
  </si>
  <si>
    <t xml:space="preserve">带兵的个数和等级有关吗？ </t>
  </si>
  <si>
    <t xml:space="preserve">影响带兵个数的因素：主将的职业，主将统御，兵的高低阶。主将职业：豪最多10个，军8个，方4个，猛2个主将统：1阶义勇兵10统带1个，你有多少统就能带多少2阶兵15统带1个。3阶20统带1个。4阶精锐兵也是20统带1个。5阶神兵25统带1个。附：主将的等级要比兵高才能带。       </t>
  </si>
  <si>
    <t xml:space="preserve">十字路口有23级精英狮子抓吗？具体在哪抓？ </t>
  </si>
  <si>
    <t>一只黑色狮子.名休玛23JY  在棘齿城上方的一棵树下,和一群普通狮子在一起LR可以用到40  是不错的选择最有个性全艾泽拉斯就这样一只黑色狮子  连相似的都没另外   刷新很慢</t>
  </si>
  <si>
    <t xml:space="preserve">喝醉了怎么办 </t>
  </si>
  <si>
    <t>1．轻者不需要特殊处理，可将其扶上床休息，睡醒一觉，常可自然缓解。 2.过于兴奋者，可多喝一些浓茶。茶叶含有单宁酸，能分解酒精，减轻酒精中毒的程度。 3.如果喝酒过量已醉者，应及早用手指或筷子刺激咽喉、舌根，促进呕吐，然后多喝浓茶。 4．醉酒者如果呕吐不止时，可用热毛巾滴数滴花露水，敷在醉酒者的脸上，能醒酒止吐。 5．当醉酒者不省人事时，可取两条毛巾，浸上冷水，分别敷在后脑和胸口上，并间断用冷开水灌入其口中，可使醉酒者逐渐醒过来。 6．当醉酒者昏睡时，应屈身侧睡，将其头偏向一侧，避免呕吐物吸入肺内，以防止窒息。皮肤发红者，要注意适当保暖，以防着凉。 7．当醉酒者出现抽搐时，应在口内塞入干净的毛巾，防止咬破舌头，并用指尖压掐人中穴2～3分钟。 8． 如发现醉酒者面色苍白、大汗不止、心律不齐、呼吸异常以及昏迷不醒时，应及时请医生出诊或送抢救。苦参有益醒酒。苦参性味苦燥湿，有祛风杀虫、利尿作用。《名医别录》载其“除伏热肠澼，止渴，醒酒”；《经疏》亦载能“消酒，除渴，明目，止纯血痢、疳痢极效”。解酒可用苦参10～12g，煎汤饮服。菊花属发散风热类，辛甘苦、微寒，能疏散风热，平肝，清热。《药鉴》言其能“解醉汉，易醒，共干葛(注：宜)煎汤”。肉豆蔻 《日华子》载其“调中，，止泻痢，开胃，。皮外络，，毒，治霍乱”；《得配》亦认为其“消，毒”。取肉豆蔻10～12g煎水饮服，可治醉酒后脘腹饱胀，呕吐等症。乌梅乌梅性味酸、涩、平，有敛肺、涩肠、生津之功效。取乌梅30g水煎服，可解醉酒后烦渴。《证治准绳·类方》载乌梅木瓜汤：用乌梅、木瓜、炒麦芽、草果仁、甘草各15g，研为粗末。每次15g，加生姜5片同煎，服之以治嗜酒积热，小便反多，肌肉消铄，嗜食冷物寒浆者</t>
  </si>
  <si>
    <t xml:space="preserve">妖草血偷的到吗？那个太难打了 </t>
  </si>
  <si>
    <t>偷不到</t>
  </si>
  <si>
    <t xml:space="preserve">中奖可信吗？爱问收件箱收到说我中奖了能信吗？ </t>
  </si>
  <si>
    <t xml:space="preserve">不要相信，我前天也碰见了这样的问题，我感觉不可思议，就发邮件给爱问管理员，他说是假的。估计现在快过年了，想弄点钱过年。 你可看看这个网页   多提防点，感觉有假先询问 </t>
  </si>
  <si>
    <t xml:space="preserve">在三角形ABC中，角A，角B，角C的对边分别为a,b,c,，如果? </t>
  </si>
  <si>
    <t>丫丫真是不顾工工死活哟</t>
  </si>
  <si>
    <t xml:space="preserve">电脑中没有音频设备.任务栏上也没有音量标志? </t>
  </si>
  <si>
    <t>1.控制面板 添加删除程序 添加windows组件  多媒体 音量控制 勾上添加 安装即可,如果这个方法不行,请按第二个方法去做1.打开我的电脑  工具  文件夹选项 查看  隐藏已知文件类型的扩展名 把这个勾去掉，确定。2.你把XP光盘放入光驱，比如你的光驱盘符是H盘3.搜索H盘下的sndvol32.ex_这个文件。4.把搜索到的sndvol32.ex_文件 复制 粘贴到 c:\windows\system32目录下，然后鼠标右键 sndvol32.ex_重命名，输入sndvol32.exe回车，然后sndvol32.ex_就被改为sndvol32.exe了，鼠标左键双击sndvol32.exe。也可以去别人的机器上copy一个</t>
  </si>
  <si>
    <t xml:space="preserve">有春秋战国题材的动画片吗？游戏呢？想让小孩通过看动画或游戏学历史 </t>
  </si>
  <si>
    <t>南郭先生：战国时期不射之射：春秋战国时期 秦时明月：秦始皇统一六国到西楚霸王项羽攻陷咸阳</t>
  </si>
  <si>
    <t xml:space="preserve">使用长期练技能问题请问各位高手，我有法师想用长期练技能，但一天才 </t>
  </si>
  <si>
    <t>用一小时时水可以换到2根草，就是2个5000经验接完任务，不能马上接任务，那个给任务的人会说“你好象刚工作过，不要太累了”，不给包裹</t>
  </si>
  <si>
    <t xml:space="preserve">求厦门旅游攻略~~旅游路线，有哪些景点还有小吃~价格实惠的住宿地 </t>
  </si>
  <si>
    <t>鼓浪屿是必去的。小吃太多了，有沙茶面、马拉桑果汁（有两家，个人觉得都很不错，区别不大）、海蛎煎等等。若想住的实惠就在厦门市内住吧（曾厝??那边有很多客栈，风景、设施不错，之前我住过阿尔小屋），在鼓浪屿上住的话性价比并不是很高</t>
  </si>
  <si>
    <t xml:space="preserve">上火长痘痘喝金茯去痘茶真的有效吗？ </t>
  </si>
  <si>
    <t>亲爱的 这个每个人的体质不一样的 有的人是很有效的</t>
  </si>
  <si>
    <t xml:space="preserve">公共事业管理可以报公共管理专业的职位吗？如题啊！郁闷死了！公共管 </t>
  </si>
  <si>
    <t>那要看你们学校的毕业证和学位证上写的是什么系什么专业了~~~发的是什么学位，就可以对照着知道可以报那些职位了。再或者打个电话咨询一下想报的那个单位~</t>
  </si>
  <si>
    <t>IBMDTLA</t>
  </si>
  <si>
    <t>想必你是在主板的CMOS里面低格的吧？的确有时候使用主板的低格无法对硬盘有效低格，至于为什么我到现在没有搞清楚，可能是BIOS程序里面对于硬盘的支持种类的原因，反正我有时使用BIOS低格是无法低格的。至于你这个情况，我不知道你使用日立降噪程序刷完FIREWARE后硬盘能不能正常使用还是仅仅无法低格？如果仅仅无法低格我建议你：1，使用FEATURE TOOL 工具关掉硬盘的所有降噪、电源管理等功能，即回复硬盘的出厂设置。2,使用Hitachi日立(IBM)硬盘Drive Fitness Test工具最新4.05版低格你的硬盘，应该OK了。请注意在使用上述软件的时候一定要确认软件可以正确识别你的硬盘的型号，否则不要强行操作，不然后果是毁灭性的。</t>
  </si>
  <si>
    <t xml:space="preserve">提问的问题，如何进行问题补充？阁下是不是想回答“在提问的右下角会 </t>
  </si>
  <si>
    <t>在提问的正下方点“我要补充问题”几个字，就可以补充问题了</t>
  </si>
  <si>
    <t xml:space="preserve">老公爱玩牌（就是赌博）怎么办呢？郁闷他说他自己有分寸，一般玩也是 </t>
  </si>
  <si>
    <t>你好，我老公以前也是这个样子的，而且我还在怀孕期，那时我也像你一样哭得很伤心，后来我生了孩子，我老公就开始慢慢的变了，变得有责任了，也喜欢上一个家的感觉了，朋友叫他，他也有时不会出去的，就在家上上网，和孩子一起玩，我现在的心情还不错了，你要慢慢来的，也许你们还是在磨合期吧，祝你幸福</t>
  </si>
  <si>
    <t xml:space="preserve">600755如何操作？ </t>
  </si>
  <si>
    <t>600755今天有上冲至13.25元，短线出货。你难道不知道现在都13.7了吗?不卖</t>
  </si>
  <si>
    <t xml:space="preserve">沈阳什么地方可以报奥运会的自愿者?有什么要求呢?具体要求是什么? </t>
  </si>
  <si>
    <t>本次活动招募的志愿者将分为二个层次：一部分是将要赴北京奥运会、残奥会服务的赛会志愿者；另一部分是将在辽宁省内各城市服务的迎奥运城市志愿者。凡申报本次奥运志愿者的人员都将参与到“志愿辽宁·人文奥运”系列主题活动中来。　　明年年初，团省委将对全省各地推报的300名志愿者进行笔试、面试、审核，最终确定100名优秀志愿者向京外赛会志愿者招募工作组推荐。(沈阳晚报 记者 王晓婷)　　奥运会在辽招募百名志愿者须具备七个基本条件 　　奥运会在辽招募百名志愿者要求申请人自愿参加志愿服务，在1990年6月30日（含）前出生 　　您想亲临2008年北京奥运现场吗？您想为奥运献出自己的一份力吗？共青团辽宁省委将招募100名优秀志愿者到北京为奥运服务，还将选出上万名志愿者在我省为奥运服务。 　　昨晚，记者得到最新消息，共青团辽宁省委向各市团委下发紧急通知，团中央、北京奥组委将于2007年1月19日在全国统一启动北京奥运会、残奥会京外省（区、直辖市）赛会志愿者招募工作。 　　啥意义 　　团省委介绍，本次活动招募的奥运志愿者分为两个层次：一是赴北京奥运会、残奥会服务的赛会志愿者；二是在我省服务的迎奥运城市志愿者。 　　由团省委、省青年志愿者协会组成的奥运会志愿者招募工作领导小组，将负责全省奥运志愿者的招募、管理、选拔等工作。 　　凡申报本次奥运志愿者的人员都是参与“志愿辽宁·人文奥运”主题活动的对象，被视为迎奥运城市志愿者。而这次招募活动将为奥运会、残奥会组建一支素质过硬的京外赛会志愿者队伍。 　　咋报名 　　咨询电话：0 2 4 - 8 1 5 1 3 3 5 6 上网辽宁共青团网站( )、北京同步启动的奥运志愿者网络报名系统报名采取双重报名方式,要求申请人在网络报名的基础上,到本地或本单位团委进行报名确认。　　咋选拔 　　2 0 0 7 年3 月开始 在辽宁共青团网站上发布通用培训电子课件及相关的音视频文件，申请人要自行登录网站学习，并在重点城市组织对申请人进行志愿者通用培训。 　　2 0 0 7 年全年 组织申请人参加“志愿辽宁·人文奥运”主题活动和各地日常开展的志愿服务活动。 　　2 0 0 7 年年末 各地团委结合申请人在活动中的表现，选拔出思想过硬、表现突出、综合素质较高的优秀志愿者3 0 0 名向团省委推荐。 　　2 0 0 8 年2 月 团省委对各地推报的3 0 0 名志愿者进行笔试、面试、审核，最终确定1 0 0 名优秀志愿者向京外赛会志愿者招募工作组推荐。 　　啥条件 　　根据北京奥组委的要求，报名申请北京奥运会赛会志愿者须具备以下七个基本条件。而在辽宁省的招募工作中，团省委还将在此要求中增加一些新内容，但新内容还没有最终确定。 　　自愿参加北京奥运会、残奥会志愿服务；1 9 9 0 年6 月3 0 日( 含) 前出生，身体健康；遵守中国法律法规；能够参加赛前的培训及相关活动；能够在北京奥运会、残奥会期间连续服务7 天以上；母语为汉语的申请人应具备基本的外语交流能力，母语不是汉语的申请人应具备基本的汉语交流能力；具备志愿服务岗位必须的专业知识和技能 希望能对您有所帮助,另外别忘记采纳为答案!</t>
  </si>
  <si>
    <t xml:space="preserve">我下个月想要宝宝，现在还可以服用黄体酮吗？对胎儿有没有影响？您好 </t>
  </si>
  <si>
    <t>当然最好还是不要啊。。。因为保险度高的话那当然就是对孩子好啊。。。希望你身体快点的是能够好起来。。过上美好的生活</t>
  </si>
  <si>
    <t xml:space="preserve">怎样可以让头发自然地竖起来，除了用Uk喱水和烫，有什么办法？ </t>
  </si>
  <si>
    <t>可以用弹力素和发蜡发泥不伤头发的答案补充买答案补充不然你就找人要答案补充拿夹板夹</t>
  </si>
  <si>
    <t xml:space="preserve">在用友U8里,怎样进行固定资产操作请根据附件数据,能细说下操作步 </t>
  </si>
  <si>
    <t>太简单了，1、在基础设置中类别增减2、部门设置3、购入方式设置4、增加资产卡片</t>
  </si>
  <si>
    <t xml:space="preserve">我跟女友第一次做爱，刚进去三五下就射了，还满头大汗，正常吗？我跟 </t>
  </si>
  <si>
    <t>新婚燕尔，不亦乐乎。但有的新郎却有说不出的，就是每当性生活时，刚刚接触妻子性器官，或阴茎刚进入阴道，就会过早地发生射精，这种现象称为新婚早泄。　　新婚早泄并不少见。性学家分析认为，造成新婚早泄的原因首先是因为新婚夫妇缺乏性知识，他们往往不了解男女性生理功能不同的特点，也不懂得性反应的生理过程，缺乏对性兴奋的控制 能力；其次是新郎在性生活前精神过度紧张或心情激动，神经高度兴奋，也容易发生早泄，若发生过几次早泄后，便误认为自己有病，精神更加紧张，就更容易发生早泄了。同时，因为连日操办婚事，过度疲劳，精力不足；或因患有神经衰弱综合征，大脑兴奋和抑制功能失调，内抑制功能下降；或蜜月期间恣意纵欲，身体虚弱；或因新郎尿道有炎症，可因炎症刺激，尿道敏感性增强，再加上性的刺激，极易引起过早射精。　　一般来说，多数男子的新婚早泄不是病。但却能影响性生活的和谐，不利于增进新婚夫妻的感情，给家庭生活蒙上阴影，因此，必须认真对待。预防新婚早泄的方法是：一是夫妻在婚前就应学习一些性生理和性心理知识，解除精神紧张状态及恐惧心理。实际上，只要正确对待性的问题，掌握性生活和性兴奋的规律，解除心理负担，早泄是完全可以避免的；二是当有早泄发生后，妻子要更加关怀体贴丈夫，不要埋怨、指责，帮助丈夫消除心理上的恐惧、紧张和内疚；三是采用“间断式性交”方法，即在男子性快感不断增强过程中，每当预感到有射精征兆时，应马上停止性活动，待射精预感消退后再继续性交，也可用挤压手法，当出现射精感觉后，妻子用右手拇指按在阴茎系带部位，食指和中指并列于龟头背侧冠状沟附近，与拇指成相对方向，作多次短促强烈挤压，使阴茎放松，男子就会随之失去射精的紧迫感；四是可采用避孕套进行性交，可降低新郎的性兴奋和对性快感的敏感性，能适当延长性生活时间，避免早泄；五是患有神经衰弱综合征或尿道炎症者，应及早到医院诊治。</t>
  </si>
  <si>
    <t xml:space="preserve">有空上来看了一下，说下罗马那场球。目前亚盘由主队初盘让平半高水到 </t>
  </si>
  <si>
    <t>庄家已经做好了套等着大家往里钻呢，看看那不勒主场战绩吧，很恐怖呀，可是这场只开平手，再有就是本赛季首回合客场逼和罗马，那只是在罗马没有状态的时候，这场的平手盘真的有问题呀，依我看还是不要过分相信那不勒的魔鬼主场了，其实本人很看好罗马</t>
  </si>
  <si>
    <t xml:space="preserve">如何加入共产主义青年团?怎样才能加入共产主义青年团组织,成为一名 </t>
  </si>
  <si>
    <t>你不要告诉我现在还没做过团员!!</t>
  </si>
  <si>
    <t xml:space="preserve">为什么最近眼睛经常想掉眼泪？[思考] </t>
  </si>
  <si>
    <t>面是泪液的分泌量太多,除了精神受到刺激和异物等的反射刺激外</t>
  </si>
  <si>
    <t xml:space="preserve">怎么熔炼黑铁和奥金RT </t>
  </si>
  <si>
    <t>黑铁：接任务NPC：格鲁雷尔地点：黑石深渊副本，召唤者之墓。就是我们通常说的主线任务的七个矮人鬼魂大厅。过了大厅就是万恶的火枪阵和通往熔岩核心副本的入口。任务说明：和NPC对话，接任务。然后点他边上的缸子，会要求放进20个金锭、10个真银锭、2个红宝石，然后获得奖励，学会熔炼黑铁锭。注意：这7个灵魂是要杀死了，所以请在杀死之前对话并完成任务。补充：熔炼黑铁锭也必须到黑石深渊副本的“黑熔炉”，地点是在熔岩核心入口边上，有个火元素守着。8个黑铁矿石才能熔炼一个黑铁锭，存够一批再去熔炼吧。 奥金：炼金做的，去佳绩森买个点金石的卷，还有点奥金的卷，学了就可以做了。两天冷却，不用作任务</t>
  </si>
  <si>
    <t xml:space="preserve">我的毛孔很大，有什么办法或者用什么药物涂下使它变小点 </t>
  </si>
  <si>
    <t xml:space="preserve">    由于皮肤老化、毛孔阻塞、毛囊发炎、抽烟和酗酒以及平时护理不当都会引起毛孔粗大。毛孔变大，很难恢复，但通过日常护理可以有所改善。    1、清洁。先卸妆再洗脸，洗脸时，水温比手温高一度最好，不可太高、太低。    2、保湿。坚持洗脸后用化妆水收敛，然后用保湿度好的精华液或保湿凝露轻轻按摩皮肤至吸收。    3、定期专业深层勤护理。    4、慎用药物。可以到皮肤科和美容科诊断，对症下药，千万别到药店购非处方药乱用，反而损伤皮肤。</t>
  </si>
  <si>
    <t xml:space="preserve">LR对战DZ谁最强决斗时 </t>
  </si>
  <si>
    <t>好我认同大家的看法 ，请认同我吧。</t>
  </si>
  <si>
    <t xml:space="preserve">工行“稳得利”人民币理财产品在四川有吗 </t>
  </si>
  <si>
    <t xml:space="preserve">没有 </t>
  </si>
  <si>
    <t xml:space="preserve">请问我刚开始感冒时怎么办?我刚感冒了,吃什么药办法能不让它严重呢 </t>
  </si>
  <si>
    <t>葱白（连须）、生姜片5钱、水一碗煎开、加适量红塘称热一次服下（葱姜不需服下），并马上睡觉，出汗即愈。</t>
  </si>
  <si>
    <t xml:space="preserve">这样的女友该怎么办?我和女友相处两年了.女友没有亲人(养父母,现 </t>
  </si>
  <si>
    <t>感觉她好像有心理疾病，也许是以前的疮伤所致。有些疮伤能让人一辈子处在阴影中。可能她也控制不了自己了。一味的原谅不是办法。她好像并不感激你的原谅了。你可能救不了她了，如果可能去看看心理医生，也不知道管不管用。你真的很善良。你已经尽了最大的力量了，如果有的人的灵魂救不过来了，就放弃吧，不用自责。</t>
  </si>
  <si>
    <t xml:space="preserve">高中物理某星球中心于地球中心的距离是地球半径R的60倍其质量月是 </t>
  </si>
  <si>
    <t>设地球半径为R，飞到具其中心偏星球L米 则该飞船与星球距离为S1  是  (30R-L),与地球距离S2 是 （30R+L），设飞船质量为m，地球质量为M,根据万有引力定律F=G*M1M2/（R*R）和题中已知条件得：G*【m（1/81）M】/（S1*S1）=G*mM/（S2*S2）可做出结果L=24R 故距其中心距离偏星球24R 既是与星球距离6R</t>
  </si>
  <si>
    <t xml:space="preserve">U盘问题！三星牌U盘插上电脑后显示驱动安装失败，该怎么办？ </t>
  </si>
  <si>
    <t>USB不被识别，如果是系统或系统自带的驱动的原因，可以按下面方法修复一下.1、开机按F8进入安全模式后在退出，选重启或关机在开机，就可以进入正常模式（修复注册表）。 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在BIOS中设置光驱为第一启动设备插入系统安装盘按R键选择“修复安装”即可。5、如果故障依旧，建议重装操作系统。如果是有盘符而没有显示出来的，解决方法：右击我的电脑/管理/存储/磁盘管理，然后右击“可移动磁盘”图标，单击快捷菜单中的“更改驱动器和路径”选项，并在随后的界面中单击“添加”按钮，接下来选中“指派驱动器号”，同时从该选项旁边的下拉列表中选择合适的盘符，在单击确定即可。最后打开我的电脑，就能看到移动硬盘的盘符了。</t>
  </si>
  <si>
    <t xml:space="preserve">成都最好的处女膜医院_成都最好的处女膜修复医院_ </t>
  </si>
  <si>
    <t>我是朋友介绍去协,和,医,院,的，那里医生态度很好，最主要是收费便宜，去过之后感觉挺好的，推荐去，是家不错的医院。地址在成都清江东路11号。</t>
  </si>
  <si>
    <t xml:space="preserve">请教，我副职想转暗骑士，还想玩个龙（做任务给了我3条风龙），需要? </t>
  </si>
  <si>
    <t>养龙,首推先知！不但可以给龙加各种状态,还可以加血(先知一次可以加300多血,对龙来说足够)。我的练龙方法是：1、高级先知一名，级别越高越好，用“弱化术”引怪，这个技能“仇恨”值很高，可保证怪不会转头打龙；2、先知和龙一起打怪，并且武器不用很好，太好对怪伤害大，龙没经验；太差打怪太慢，你会头疼。C顶强健顿器就行。3、龙的武器要最好的。4、怪物的选择一般在40----55级的普通怪。另外，3种龙最不好养的就是风龙，血少、防低太容易挂。建议样黄昏，经验是其他两重的7、8倍！</t>
  </si>
  <si>
    <t xml:space="preserve">请大师帮忙看看600362江西铜业怎样？该股值得重仓吗？你看好它 </t>
  </si>
  <si>
    <t>股价高位盘整的股票大起大落在所难免，我认为从中长期来说，是可以重仓的。</t>
  </si>
  <si>
    <t xml:space="preserve">诺基亚6230i的主题元素在哪下载？请告诉我具体链接，谢谢！老是 </t>
  </si>
  <si>
    <t>到手机网站上下啊</t>
  </si>
  <si>
    <t xml:space="preserve">唉！碰到这种事，偶该怎么办公司里有个人是老总给我的搭档，做事老是 </t>
  </si>
  <si>
    <t>好像是有点耍小聪明的感觉。下次再遇到类似情况你先半开玩笑的跟他点一下，不用说的太重，看看他是不是能多点考虑。人就是互相的，他要真是故意的的话，我觉得你也不用太顾虑他了。</t>
  </si>
  <si>
    <t xml:space="preserve">集合在暴风城怎么做啊任务说组织一支强大的军队!一、二个人可以做吗 </t>
  </si>
  <si>
    <t>别听任务提示瞎诈唬，没那么可怕的，即使你一个人去做也照样轻松过关。你需要在暴风门口=元帅，然后跟着他走，一直到要塞，之后你就可以泡杯茶看戏了。=到龙被公爵杀干净了，去接任务吧。就这么简单。</t>
  </si>
  <si>
    <t xml:space="preserve">口内无缘故长许多泡,隔一段时间就发一次,很痛的,这是怎么回事啊? </t>
  </si>
  <si>
    <t>你去药店买点 B2 吃吃看，如没用很可能需要排毒，或是便秘等原因引起的，买点排毒药吃吃，如六神解毒丸等，试试吧。</t>
  </si>
  <si>
    <t xml:space="preserve">脑筋急转弯：什么动物你打死了它，却流了你的血？什么动物你打死了它 </t>
  </si>
  <si>
    <t>蚊子~~~~~~~~~~</t>
  </si>
  <si>
    <t xml:space="preserve">美国及其盟国攻打阿富汗的时候动用了几艘航空母舰？ </t>
  </si>
  <si>
    <t>具体的不知道，不过我这有章图，图不是很全，我记得还有美的＂企业＂号和＂小鹰号＂</t>
  </si>
  <si>
    <t xml:space="preserve">晚上10点江北机场好打车吗，从机场打车到大学城西永需要多久多少钱? </t>
  </si>
  <si>
    <t>打的好是蛮方便的，全程大概40分钟左右，价格70-90之间</t>
  </si>
  <si>
    <t xml:space="preserve">如何才能知道别人的QQ密码？ </t>
  </si>
  <si>
    <t xml:space="preserve"> 最新能破解密码的软件，没病毒</t>
  </si>
  <si>
    <t xml:space="preserve">初生婴儿需要马上补钙吗?我家宝宝刚满半个月,是否需要现在马上补钙 </t>
  </si>
  <si>
    <t>要补的，我们从医院出院时医生就交待了，从14天开始补钙和鱼肝油，我家宝宝吃的钙是三精葡萄糖酸钙，但是一瓶在一天内要分三到四次吃完，这样有利于吸收，鱼肝油吃的是伊可新维生素AD滴剂,(0~1岁)1天1粒，晚上临睡前吃的。</t>
  </si>
  <si>
    <t xml:space="preserve">木器漆和金属漆有什么区别? </t>
  </si>
  <si>
    <t>两者的区别就在于:木器漆主要是指:聚酯漆,聚氨酯漆,硝基漆等;金属漆主要是指:磁漆.比如说:你要在铝合金板为基材做漆的话,你就要使用环氧树酯或聚酯粉末喷涂,经过这些先进的静电粉末处理后,其表面就很光滑,抗污染也很强.</t>
  </si>
  <si>
    <t xml:space="preserve">问下天堂2单机版南京哪儿有的卖？或者有的也可以交易。 </t>
  </si>
  <si>
    <t>单机的是用游戏客户端改的,网上有教你怎么改,要下个JAVA之类的东西,不过改完后感觉有些东西没了,有些NPC无法对话,火龙,地龙,吧温都打不了,能招出来,(也许是我不会调)拿着+65000的神秘,穿都是+65000的大卡打怪也挺爽的哈哈,在兔友论坛里有,网页保存了结果地址没了,兔友网论坛 » 网络游戏综合讨论区 » 【天堂2】最新天堂2六章单机版(铁幕降临)下载及架设全教程★★★ 上面是那个贴在兔友里的位置,搜下吧,</t>
  </si>
  <si>
    <t xml:space="preserve">农村老家原有房屋及宅基地能否要回？农村老家原有房屋及宅基地，全家 </t>
  </si>
  <si>
    <t xml:space="preserve">    1、房屋使用权可以要回来。根据有关规定，因为你有房产所有证，所以你可以以此为依据，请求房屋占有人返还你的住房。如果占有人拒不返还，可以向人民法院起诉，请求人民法院判决占有人返还房屋使用权。    2、宅基地使用权根据情况而决定，如果你家人中仍有人具有农村户口，且是老家农村的户口，你可以要回来。如果没有农村户口，即全家户口均迁出，你无法要回来。因为，第一：根据我国相关法律规定，农村宅基地房屋应当有宅基地使用证和房屋所有权证，你只有房产所有证，而没有土地使用证，故无法要回来。第二：农村宅基地使用权作为土地使用权的一部分，归当地的村委会所有。宅基地使用权作为一项特殊的物权，与农民个人的集体组织成员资格紧密相关，尽管你家宅基地建房时户口没有迁出，中途也返回居住，但随着户口的迁出，其宅基地使用权资格也随之消灭。我国法律规定，基于身份关系无偿从村集体经济组织获得的宅基地使用权，作为一种特殊物权，使用权归村委会所有。</t>
  </si>
  <si>
    <t>已知函数y=kx^2</t>
  </si>
  <si>
    <t>函数y=kx^2-7x-7的图像与x轴有交点,即方程kx^2-7x-7=0有实根，&lt;==&gt;1.k=0,-7x-7=0,x=-1;2.k≠0，△=（-7）^2+28k=7(7+4k)&gt;=0,k&gt;=-7/4.综上，k&gt;=-7/4.选C.</t>
  </si>
  <si>
    <t xml:space="preserve">华山上少林弟子劝架的任务怎么做华山上少林弟子季笛风处有个世界任务 </t>
  </si>
  <si>
    <t>在地图的下面 坐标(323.240)，</t>
  </si>
  <si>
    <t xml:space="preserve">一台电脑一小时用电量是多少八小时用电量是多少答得简单一点 </t>
  </si>
  <si>
    <t>一般办公和家用型电脑一小时大约消耗0.2度电左右，8小时则要消耗1.6-2度左右；配置越高（如带有独立显卡，电视卡，），外设越齐全的电脑耗电（如带有打印机等）会更多一些，可以达到0.3度以上，8小时则要消耗2.4-3度左右。除了上面说的，运行大型或者超大型程序，比如网络游戏、大型图形制作软件，耗电量也会随之增加增加。</t>
  </si>
  <si>
    <t xml:space="preserve">生完宝宝来了一个月的月经但这个月又停了?生完宝宝第三个月来了一个 </t>
  </si>
  <si>
    <t>生过孩子以后，短时间内月经都不太准的，首先你一定要排除再孕的可能，只要确定没有怀孕就没事，等身体慢慢恢复，这种情况就会好的。</t>
  </si>
  <si>
    <t xml:space="preserve">范晓萱的英文名是什么？生日是哪一天？血型是什么？ </t>
  </si>
  <si>
    <t xml:space="preserve">英文名：Mavis Fan  生 日：1977年2月27日  血 型：B </t>
  </si>
  <si>
    <t xml:space="preserve">有这种情况的姐妹吗？希望准妈妈们能够解答有没有怀孕50天左右，用 </t>
  </si>
  <si>
    <t>你好 我是妇科博士.你的问题答复如下一般早孕试纸是可以查出来的.除非有质量或过期的问题.一般最早排卵12天后就可以通过血液查出来.尿液一般是14天.怀孕40天后可以通过B超看出来.孩子健康与否，由父母健康决定.如果双方没有遗传病症的话，能怀上的孩子并顺利生产的孩子基本没有健康问题.</t>
  </si>
  <si>
    <t xml:space="preserve">夫妻之间是否要坦诚是的,可是夫妻之间最重要的还是要互相信任,别疑 </t>
  </si>
  <si>
    <t>要坦诚。但也该有隐私。其实我们每个人都不完全属于自己，也不可能完全属于对方。在乎对方或多或少会疑神疑鬼，担心失去。只是不要太神经质了。过分的信任未必是好事，也许给犯错制造机会。想知道的越多，就要学会少计较。想活的坦荡，也要学会少计较。</t>
  </si>
  <si>
    <t xml:space="preserve">哪个牌子的手提电脑性价比最高？LG的怎么样请勿推荐日货。最好有型 </t>
  </si>
  <si>
    <t>dell,多买点服务，连进水和自由落体都不怕啦</t>
  </si>
  <si>
    <t xml:space="preserve">怎么样治疗黄褐斑 </t>
  </si>
  <si>
    <t>现在没有斑点的感觉就是美，可以说一身的轻松，但这都要归功与o菲祛斑胶囊啊，我当时就快要完全崩溃啦，知道我遇见了o菲祛斑胶囊，是它让我找回了自信，找回了女人应有的靓丽，在这里希望你们也能去了解常识一下它希望对你们有所帮助。|</t>
  </si>
  <si>
    <t xml:space="preserve">新浪爱问积分问题知识人的积分和共享资料的积分可以互相使用吗？ </t>
  </si>
  <si>
    <t>浪爱问积分分两个，一个是知识分，积分可以换奖品，升级你的级别。另一个是共享分，资料下载 不可以互相使用</t>
  </si>
  <si>
    <t xml:space="preserve">怎样才能让帐号安全到,怎么都盗不去啊?我被盗好,不知道还玩不玩了 </t>
  </si>
  <si>
    <t>2楼找的不知道累不~!1.装个杀毒软件和防火墙!(开启自动更新)最好是有序列号可升级的2.推荐密码更改为字母+数字+标点符号(一个或两个就够)3.买点卡的时候买个密保卡或者彩信密保不贵4.记清自己注册时的资料.选择收信快的信箱,以免被盗时尽快找回5.所谓的系统补丁建议别打,现在个人机器系统多半都非正版,打补丁时会碰到微软出的防盗版补丁,这个东西有了以后机器会经常蓝屏死机等等,解决方法不难但麻烦.6.勤快点删除计算机内C盘下个人用户中TEMP文件夹的文件,以及C盘WINDOWS下Prefetch文件夹中的文件7.如在网吧上网最好使用密保</t>
  </si>
  <si>
    <t xml:space="preserve">怎样提高嗓音?自从青春期变声以来我的嗓音很低也有点沙哑现在绝大部 </t>
  </si>
  <si>
    <t>可以从低声开始练起 多请教专业人士尽力而为 每个人的嗓音都是比较固定的了什么事情都是贵在坚持 我想你多练习一定会有进步!</t>
  </si>
  <si>
    <t xml:space="preserve">在海关工作必须是公务员吗?还是某些职位是?请了解的朋友说说谢谢! </t>
  </si>
  <si>
    <t xml:space="preserve">对。中国公务员网 </t>
  </si>
  <si>
    <t xml:space="preserve">祝福各位朋友新年快乐，万事如意！ </t>
  </si>
  <si>
    <t>谢谢你！也祝你，还有大家新春——家庭幸福、合家安康、生活幸福、潇洒美丽、财源广进、生意兴隆、身体健康、快乐舒心、万事如意、心想事成、龙马精神、生机勃勃、事业顺利、学业有成、爱情美满、夫妻恩爱、子女孝顺、兄弟和睦、恋人有情、朋友有义、上司开明、同僚合作、客户大方、下属敬爱、老师和蔼、同学友爱、股票大升、工资上涨、存款日增、彩票中奖、红光满面、印堂发亮、花好月圆、彩云满天、花开富贵、东成西就、财运亨通、金玉满堂、身材变好、面容变俏、白发变黑、青春痘消、鸡年好运、大吉大利。更祝愿我们的祖国——风调雨顺、国泰民安。最后愿世界和平、天下无贼。</t>
  </si>
  <si>
    <t xml:space="preserve">华为u9508，小米2s，买哪个好[思考] </t>
  </si>
  <si>
    <t>肯定买小米2S</t>
  </si>
  <si>
    <t xml:space="preserve">斜率如何计算？ </t>
  </si>
  <si>
    <t>告诉你答案就没意思了 数学就是要多练习 如果不练习 公式记得再牢也不会用    这是一个幻灯片教学 包括定义 公式 公式运用 斜率特性和练习题 别说幻灯片不会用 打开网站后自己点下拉才能出想看的内容</t>
  </si>
  <si>
    <t xml:space="preserve">工行能转账到农行吗我想把工行的钱汇到农行里面去行吗？ </t>
  </si>
  <si>
    <t>可以的,如果现金汇款,手续费一般按１％算、最高５０元；但如果你是从个人银行结算账户用转账的方式汇款，1万元（含）以下每笔为6.5元，1万至10万元为10.5元，余此类推；如果用网上银行转账，因要落地处理，收费并不便宜。</t>
  </si>
  <si>
    <t xml:space="preserve">goalongthisstreet,It'sabouttwohu? </t>
  </si>
  <si>
    <t>第一个along是介词,意思是"沿着",第二个along是副词,意思是"向前",你提出一个非常有意义的问题,很有学习价值.</t>
  </si>
  <si>
    <t xml:space="preserve">2岁半男孩喜欢和男性接触，正常吗？陈老师你好,两岁半男孩,这孩子 </t>
  </si>
  <si>
    <t xml:space="preserve">我看没有什么不正常。如果宝宝不是刻意地拒绝所有的女性，只是较喜欢男性，那只是因为男性令他更有安全感，我想这和生活环境有一定的关系，长大些，接触的人多了，他就不会有这种特点。不过这也可引起妈妈的注意：是不是自己和宝宝相处的时间太少？不能和蔼地和宝宝说话？经常都是直接拒绝宝宝的需要？ </t>
  </si>
  <si>
    <t xml:space="preserve">阴茎太大好不好?阴茎长20公分,龟头处直径5公分,我还没有结婚也 </t>
  </si>
  <si>
    <t>太馋人了,我就爱大JJ,你将来的太太会很幸福的,有句俗话:有多大的萝卜就有多大的缸,建议你顺便可以搞点副业,去当鸭子,叫座率一定很高.</t>
  </si>
  <si>
    <t xml:space="preserve">国电600795前景如何?请高手给指点一下. </t>
  </si>
  <si>
    <t>中线有回补缺口的能力,短线以震荡蓄势为主,可低吸操作.顺势而为.</t>
  </si>
  <si>
    <t xml:space="preserve">我的HTCOne801EWCDMA连不上怎么办？ </t>
  </si>
  <si>
    <t>移动卡在T328W上只能用2G网络，中国移动卡只能用TD-scdma的手机上3G网络。而328w是一款只支持WCDMA的双卡手机，所以移动卡是不能再WCDMA手机上用3G网络的。 你说用你爸的G18网速几百KB/S你肯定是看错了</t>
  </si>
  <si>
    <t xml:space="preserve">北斗星汽车传感器请问北斗星1.4排量车的空气滤清器箱体上的那个传 </t>
  </si>
  <si>
    <t>是不是节气门该清洗了，跑多少公里了</t>
  </si>
  <si>
    <t xml:space="preserve">有哪几家酒店和天津少帅府是连锁店？ </t>
  </si>
  <si>
    <t>挺多家的， 但具体不知道！！大概数数吧~~喜来登、希尔顿、瑞吉、美高梅、铂尔曼、假日酒店，差不多这些是世界知名的品牌！</t>
  </si>
  <si>
    <t xml:space="preserve">北汽威旺306这款车怎么样呢? </t>
  </si>
  <si>
    <t>北汽威旺的威旺306确实是好评如潮，这也是跟本身的质量过硬息息相关，它动力强劲，车身采用宝钢冷轧钢板，安全性性能更高，承载空间阔大多变，改装性很高，有“百变金刚”的称号。且威旺306今年还获得了一系列的奖项，像 “中国年度微车”，“最受关注微型车“等等奖项。可以看出北汽威旺306现在已经声名在外，被越来越多的人关注和了解。这也说明北汽威旺306的质量是被消费者所认可的。</t>
  </si>
  <si>
    <t xml:space="preserve">戴银饰真的能避邪吗？ </t>
  </si>
  <si>
    <t>银器的含义都是避邪，中国古代特别流行银器，因为那个时候的人们都很迷信，他们觉得戴银器和木器（特别是桃木）可以阻止恶鬼来侵来缠；当然，银饰还有试毒的功能，比如说银簪；至于银手镯，很多新婚妇女喜欢戴，并且农村多数都是代代相传，因此主要是代表了幸福和保护的含义</t>
  </si>
  <si>
    <t xml:space="preserve">男友家人不重视怎么办？我有个已经谈了两年的男朋友。他家的条件一般 </t>
  </si>
  <si>
    <t>为什么你的男朋友还要生你的气？他觉得他家人对你这样是对的？你要和他心平气和的好好沟通，到底他家里人为什么对你这个态度？还是他家的人对谁都不热情，你也不例外。沟通很重要！你男朋友一定知道他家里人这样对你的真实原因，讲出来，看在你对他的感情上，能改你就改，态度要诚恳，你男朋友会感动的，真心换真心嘛。如果是你太敏感，想的太多，就不要放在心里，平常心对待，别要求太多，他们淡淡的，你也淡淡的，该尽的礼数尽到就行了。不能要求别人按照你想要的方式对你，强迫不来的。</t>
  </si>
  <si>
    <t xml:space="preserve">和疯子赌一把,疯子说明天小阳,我说必跌....无其他意思~~骂人 </t>
  </si>
  <si>
    <t>又来了个和疯子对者干的！呵呵1我喜欢！看今天的大盘最后走势明天有收阳的可能！钱是自己的，自己做主就好了！</t>
  </si>
  <si>
    <t xml:space="preserve">醋加蜂蜜喝的比例是多少?需对水一起喝吗?一定得是温开水吗？ </t>
  </si>
  <si>
    <t>在日常饮食规律不变的情况下，将蜂蜜和白醋以1：4的比例食用。具体方法：早餐前20分钟空腹喝，中餐和晚餐后立刻喝。以下是各种蜂蜜的不同功效：冬蜜：调理肠胃，养气润肺。 椴树蜜：养颜，嫩白肌肤。 荆条蜜：祛风解毒，润肠通便。 桂花蜜：消肿止血，润喉通肠。 百花蜜：养肝护肝，润肺化痰。 龙眼蜜：补脑益智，增强记忆。 柑桔蜜：生津止渴，润肺开胃。 洋槐蜜：清脂降压，祛皱消斑。 荔枝蜜：安神镇痛，活络止血。 老年蜜：抗衰消疲，延年益寿。 儿童蜜：提高食欲，促进发育。 野藿香蜜：消暑化浊，开胃止呕。 桉树蜜：健脾养胃，调理胃病。 雪脂莲蜜：清热解毒，滋润肌肤。 党参蜜：养气补血，静心安身。 枸记蜜：明目清肝，滋阴壮阳。 枣花蜜：补血和脾，养胃疗损。 黄莲蜜：清热解毒，消炎祛火。 人参蜜：通经活血，养颜安神。 黄芪蜜：固表止汗，利尿消肿。 枇杷蜜：止咳化痰，清肺和胃。 乌梅蜜，生津止渴，和胃消食。 川贝蜜：止咳化痰，清心润肺。 五倍子蜜：补肾益气，调理体虚。 蜂巢蜜：消炎止痛，治疗炎症。 蜂蜜醋：消食除腻，降低血脂。</t>
  </si>
  <si>
    <t xml:space="preserve">信息传递的历史从古到今，有多少种信息传递的方式？ </t>
  </si>
  <si>
    <t>首先，信件传送是从古至今都有的一种信息传递方式，只不过古代是人骑马送信，现代是用汽车或飞机送信。烽火是古代战争时期传递信息的最好方法，不过现代已经不用了。到了近代，随着科学技术的飞速发展，信息传递技术也有了更新，电话的出现使远距离间迅速通话成为可能。到了现代，电子邮件成为比电话更快捷的一种方式。</t>
  </si>
  <si>
    <t xml:space="preserve">为什么新浪网上下的1.17的补丁不能用啊？用了，解压缩后说是要用 </t>
  </si>
  <si>
    <t>daemontool是虚拟光驱，你可以将这个文件放入虚拟光驱中，然后插入，在虚拟光驱中安装，没有这种虚拟光驱用别的试试也许可以。daemontool可以在：  这里下载我也用了1.17的补丁，这个软件用得起，多了两个英雄，但是成了英文版的了</t>
  </si>
  <si>
    <t xml:space="preserve">这个人是谁？您认识吗？他很英俊？ </t>
  </si>
  <si>
    <t>王动。。。。。。。。。。。。。</t>
  </si>
  <si>
    <t xml:space="preserve">有线电视信号问题家里有两台电视，有线电视打算弄一个分配器，会有信 </t>
  </si>
  <si>
    <t>买个一分二的分支器(注意:不是分配器)分支器一个头衰减2bd,几乎没有影响;分配器一个头衰减4bd以上,信号稍微差点效果就不好了.进线接IN端,出线接OUT端,电视上接TV处,FM是调频收音机的天线接口,你可以接根天线试试,看能不能收到广播节目.</t>
  </si>
  <si>
    <t xml:space="preserve">再问IP与MAC！！IP和MAC地址完全一样的2台机子会提示IP </t>
  </si>
  <si>
    <t>网卡MAC一样无所谓，都可以正常上网的；以前我们公司有个老笔记本网卡就是出不来ＭＡＣ号，我就用其他机器网卡的照抄了一个填上，就能用；ＩＰ重复肯定不可以的，在同一网段中绝不能出现同样的两个ＩＰ，肯定一台机先登录，另一台机启动后提示ＩＰ号有重复，不能联网的；手动改一下就可以了</t>
  </si>
  <si>
    <t xml:space="preserve">我想问大家婚姻登记处发的避孕套是比较好的吗还是不好 </t>
  </si>
  <si>
    <t xml:space="preserve">应该是一般的，向要好得，就去性保健品商店买吧，那里应该啥样的都有。 </t>
  </si>
  <si>
    <t xml:space="preserve">关于光的直线传播天气晴朗阳光明媚,操场上竖着一根旗杆.老师给小名 </t>
  </si>
  <si>
    <t>先找些较短易测的物体例如短尺，测出尺的长度，然后把尺竖在地上测尺子的影子的长度，根据这可知道此时尺的长度与其影子长度的比例，这时再测旗杆的影子的长度就可算出旗杆的长度了。。</t>
  </si>
  <si>
    <t xml:space="preserve">怎么发表小说我想发表一本我自己写的小说 </t>
  </si>
  <si>
    <t>是神马类型的。。如果是言情的话可以去晋江或者潇湘或者红袖添香或者起点女频什么的 这些都是人们去得多的网站。相信你会签约出版的。如果是玄幻之类的，那起点啦之类的。大家一般都去那里。这样你的作品就可以被很多人看到啦</t>
  </si>
  <si>
    <t xml:space="preserve">问两道高二化学题21、甲苯苯环上的一个氢原子被含有3个碳原子的烷 </t>
  </si>
  <si>
    <t>1。取代位置有邻、间、对三个，3个碳原子烷基有两种碳原子。因此可得到6种一元取代物。2。这是脱羧（基）反应。苯乙酸脱羧为甲苯。</t>
  </si>
  <si>
    <t xml:space="preserve">XP的IE中的收藏夹如何备份到D盘 </t>
  </si>
  <si>
    <t>很简单的`IE收藏夹中的网页都保存到了 C:\Documents and Settings\*\收藏夹中~ “* ”是指你的登陆计算机的用户名！然后 你把收藏夹中的网页复制到D盘就可以了！祝你好运！</t>
  </si>
  <si>
    <t xml:space="preserve">怎么赚积分，共享知识的 </t>
  </si>
  <si>
    <t>共享积分可以下载资料（多上传好的和有特色的资料，别人下载你就可以得分，共享积分的获得没有捷径，另外每天登录共享资料首页，选右侧上“点击签到”） 获得积分的途径 积分增加值 注册成为爱问共享资料用户 20分 成功激活邮箱 20分 每天登录爱问共享资料 5分，每天5分封顶 资料被人下载 每次获得设定的分数。 每条资料30分封顶(如果您将资料无偿共享给别人，用户每下载一次，将奖励您1个积分)</t>
  </si>
  <si>
    <t xml:space="preserve">问美国电视新闻网的问题？请问美国ABCCBSWBNBCUPN分属 </t>
  </si>
  <si>
    <t>基本是AOL和国际新闻集团</t>
  </si>
  <si>
    <t xml:space="preserve">楚雄二手车交易市场电话是多少 </t>
  </si>
  <si>
    <t>楚雄彝族自治州二手车交易市场有限公司地址：开发区程家坝电话：(0878)3381022,(0878)3381043</t>
  </si>
  <si>
    <t xml:space="preserve">元素叛乱的任务多少级接到我现在87级了,可是还是接不到元素叛乱, </t>
  </si>
  <si>
    <t>81级接的，到81会有系统提示一个“返回寻梦港”的任务让你找寻梦长老，然后接到杀金甲妖的任务，杀完找万流长老交，后续任务就是元素叛乱</t>
  </si>
  <si>
    <t xml:space="preserve">嘴唇上的痣要不要做掉下嘴唇上有两颗淡淡的痣，不大。因为想到嘴唇刺 </t>
  </si>
  <si>
    <t>不要轻易去碰它，不那么容易会变性的。我指的是：不要轻易用药物或手术刀去碰它，那样反而会刺激它变性的。</t>
  </si>
  <si>
    <t xml:space="preserve">西安做无痛人流医院哪家好？ </t>
  </si>
  <si>
    <t>正规大医院，千万别去私立医院，只会赚钱。做人流肯定要选择正规公立医院，你想想人流对身体的影响有多大啊，如果还是选择一些私立医院的话，可能毁了你一辈子哦。身体是最重要的，价钱其次。做无痛人流一定要找对医院，这是非常重要的、不要去哪些黑门诊，一旦手术失败，那会对女性身体造成非常大的伤害.</t>
  </si>
  <si>
    <t xml:space="preserve">关于猎人ＳＳ任务的心得请各位猎人说下做ＳＳ任务的心得（不是要网上 </t>
  </si>
  <si>
    <t>人的一生要走过许许多多的路，叶子任务也是每个猎人必经之道。以下是我的一些心得。当然如果你嫌史诗任务麻烦想直接拿惩戒之弩，那业无可厚非，只是这样的猎人不完整哦　　本人是2区 海加尔服务器 Our Home 3团一名小猎， 由于06年1月份才开始接触WOW.如果出现某些错误请各位大侠多多包含。　　言归正传，SS任务所需要杀的恶魔为4个，按照个人难度观点来看：1号 安古洛环形山的西蒙尼 2号 燃烧平原的弗兰克林 3号冬泉谷的阿托留斯  最后则是希里苏斯的小侏儒索伦诺尔。 　　前3个BOSS不需要BUFF就可轻松完成，当然BUFF会是你成功的保障……　　西蒙尼 有很多种打法都适应她，因此她也是最好杀的恶魔。如果你是风筝好手，那你完全有可能在哪个温泉附近一路避开小怪 将她和她的狗狗一起放死。第2种则是仇恨分离方法：选择一个比较干净的地方。清光小怪后激活她，跑开，然后用多重射击，紧接着对西蒙尼放出震荡射击，等到狗来到你身边假死，这时西蒙尼会比狗BB先回到原地，你立刻放奥术，至此你就成功分离她和宝宝了，开自然抗……近身肉搏……看到她要释放闪电链就驱散射击（生存30+21射击或者31射击+20生存）。如果是兽王猎人准备一瓶红就足够了。还有一种就是BUG打法。我曾经实验过，你先放狗的风筝拉出西蒙尼视野外把狗放死狗会卡住，这时候你在去杀西蒙尼她也不会召唤第2只。（本人击杀无任何buff和药品消耗）　　弗兰克林 此BOSS说容易杀也容易杀，但是说杀他最辛苦也不为过。先说他的杀法： 15秒狂暴一次。这个是关键。 选择靠近大路的地方激活。41码 冰冻陷阱 ，标记，瞄准。震荡。多重。平射。等BOSS跑到陷阱在跑到41码之外 瞄准……震荡。多重。此时他应该已经狂暴，钉刺，此时他的攻击会变为1.这里有个时间的问题，有很多猎人拿的是双单武器，对于时间控制很好的猎人拿这样的武器可以提前结束战斗，但是对于时间控制的不好的，还是找一把速度3.0s左右的双手武器，推荐残暴之刃（厄运西完美供品掉落）或者冰刺长矛（这个很容易搞到，属性也极品），拿双手武器砍三下9s过去了，摔拌，侧身子跑，记住！！！！！是侧身跑 如果你把背后暴露给他就算他只有1的攻击也是会把你打晕，跑开等他狂暴用跳射释放钉刺然后重复刚才动作，不出3分钟恶魔就挂了。注意不要使用猛禽一击，容易消耗蓝。这里为什么说他不容易杀呢？因为燃烧平原乃是矿产和草药的盛产地。而且是部落和联盟交接相当频繁的地方……如果是人品好的部落会很自觉的走开，让你完成任务，可是……在PVP服务器本来就是PK世界……免不了……被干扰……有时候联盟也是令人很头疼的，譬如说不知情的人给你+血……或者帮你K恶魔……这时候你真是哑巴吃黄连有苦说不出啊……（笔者曾经被部落骚扰4次，还有次在我杀到8%的时候被一个74+血……T T）（本人击杀 无任何BUFF药水）　　阿托留斯 纯风筝。这个恶魔如果进入30码之内你就会被变身，那么你就需要重来，当然你说你能抵抗……也不是没有可能。最关键的是用来吸引仇恨的1级奥术射击和阻止他靠近的震荡要经常用。要计算好自己的蓝如何合理的搭配钉刺和震荡射击。（本人击杀无任何buff和物品消耗……只是在风筝最后 蓝只有100多点……相当危险，所以推荐带上一瓶蓝药）　　索论诺尔 此BOSS应该是相对较难 但是对于操作好点……好点的猎人不是问题。据说一个好猎人可以在不用杀死任何一只虫子的前提下消灭BOSS……这个BOSS最大的特点也就是放虫子和恐惧+暗影伤害。所以暗抗药水必须佩带。如果能找到SS帮忙就更好，在开始前让SS跟你决斗下一个1级卤莽诅咒（这个可以抵抗恐惧使你的任务相当轻松）。BOSS的特性就是被摔拌后会固定在原地30秒，期间BOSS释放恐惧和暗影伤害。躲着点打 消灭这个BOSS应该不是问题。（本人……击杀第一次喝下2瓶暗抗一个治疗石……没有成功……第2次杀 谨慎躲避和不停攻击 喝了1瓶暗抗和大蓝以及绷带1个）　　至此任务主要内容已经完成。剩下的就是去拿你的SS弓拉。……　　单刷版本我是生存30射击21猎人　　猎人真的是一个无所不能的职业。改版后，很多人说大树会召唤小树。其实不然。大树所召唤的是在路上巡逻的古树，如果用宝宝和猎人之间拉仇恨的方法还是很容易就杀掉大树的，将BB定位在右上角（事先要把两边的110干掉哈！） 然后自己开灵候等待BB冲到大树面前攻击他的第一瞬间让BB开突进跑回停留地点，自己则将仇恨拉过来这时候可能大树会传送。这就要看运气了，其实这么做是为了不让BB进入110的仇恨，如果你能及时将大树仇恨拉过来 那么跟随而来的110的仇恨也在你身上，这时你就硬抗两下等BB到位……110也差不多都来了，然后假死，大树就会去找BB而110则返回巡逻路线……然后用无限假死的办法消灭大树……HOHO猎人还可以做的事情有很多 单刷厄运西的奥术兽。单刷小鬼 ……单刷BWL老5之前的地精（这个相当有挑战性 为了加快效率最好带上一个输出者和一个治疗者）……如何分离仇恨是关键 还有N多……今天太晚就不多做介绍了，总而言之 相当多的地方需要仇恨分离这个办法。然后呢……作为一个猎人要DPS第一 钱也要第一哈哈……（貌似我还没办到+_+）送每个猎人一句话：BB是你最可爱的乖乖，一定要好好对待他哦！　　最后祝在经历过一些风风雨雨后的Our Home重铸辉煌！！善待每个人才是对自己的宽容！</t>
  </si>
  <si>
    <t xml:space="preserve">这种情况能用公积金贷款吗我有一套商业贷款的房子，老公名下有套房子 </t>
  </si>
  <si>
    <t>公积金贷款各地有些不同，不过，从我家的经历来看，我家在申请公积金贷款之前，也支取过公积金，但同样能顺利贷款（但要注意，若你当年支取过公积金，则当年不能申请公积金贷款）， 所以  1.2010年你没支取过公积金，2010年你就能申请贷款。  2.你的公积金在哪家银行，你就到哪家银行咨询。若银行“认贷不认房”，那用你的名字，就算第二套；用你老公的名字，就算第一套；若“认房不认贷”，现在银行通常会以户来计算，那用你俩谁的名字都一样，算第三套房；还有些银行既“认房又认贷”。  3.因为你的公积金在哪家银行，你就得到哪家银行贷款。咨询公积金所在银行。</t>
  </si>
  <si>
    <t xml:space="preserve">现在手上有点余钱，想做点投资，请问大家我该怎么投资？ </t>
  </si>
  <si>
    <t xml:space="preserve">如果你比较忙 投资金融市场比较好 变现快 资金可大可小，当然得做一下前期考察 股票 基金 外汇 保险等 据我的了解 股票和期货庄家控盘很严重 也易于控制 散户想赚钱比较难。外汇还比较公平 而且可以晚上在家做 你可以了解一下。给你推荐个网站 看看外汇  </t>
  </si>
  <si>
    <t xml:space="preserve">乙肝两对半第2和第5项是阳需不需要打预防针的啊,怎么有的人说已经? </t>
  </si>
  <si>
    <t>在的化验单中，除抗-HBS外，还有另外两种抗体：e抗体（抗-HBe）及核心抗体（HBc）。这两种抗体与抗-HBs不同，它们不是保护性抗体，它们的存在，常提示被检查者曾经感染过乙肝病毒。如果抗-HBs与抗-HBc同时阳性，甚至3种抗体（抗-HBs、抗-Hbe、抗-HBc）均为阳性，而肝功能正常，说明被检查者虽然曾经感染过乙肝病毒，但由于身体的免疫功能正常，已将乙肝病毒从体内清除了。如果你检查已经产生乙肝病毒表面抗原抗体，说明感染过病毒，而且产生了抗体，这时再打乙肝疫苗已不起作用了。乙肝疫苗的注射对象是没有感染过乙肝病毒的人，你再打乙肝疫苗就没有意义了。但建议每年要检查,看抗体是否消失,如果消失了还必须注射疫苗。相关知识:注射乙肝疫苗的目的就是要刺激人体产生保护性抗体——乙肝病毒表面抗体（ 抗－HBs），这种抗体的产生，标志着人体对乙肝病毒具有免疫和抗御能力，人就 不会得乙肝了。 　　注射乙肝疫苗必须按照0、1、6方案实施，即注射第一针后一个月时，打第二 针；六个月后打第三针，一共要打三针。注射第一针后，机体进入感应阶段，疫苗 作为小剂量的特异性抗原进入人体，刺激人体产生免疫反应细胞，这期间大约30％ ～50％的人会出现表面抗体；注射第二针后，进入效应阶段，表现为机体细胞免疫 反应增强，这一阶段，大约80％～90％的人会产生表面抗体；注射第三针后，进入 加强阶段，机体细胞免疫和体液免疫处于最佳状态，大约90％～95％的人可以出现 表面抗体，第三针打完2～3周后，抗体滴度达到高峰，之后滴度逐渐下降，长期维 持在较低水平。一般乙肝疫苗保护的时间都在5年以上，由于个体差异较大，要求 有抗体形成者，也需每年检查一次乙肝“两对半”，观察表面抗体是否消失，如果 消失，还需再次注射。 以上供参考祝健康!</t>
  </si>
  <si>
    <t xml:space="preserve">中国有哪些保险公司 </t>
  </si>
  <si>
    <t xml:space="preserve">中国有哪些公司  中国人保控股公司  中国人民财产保险股份有限公司  中国人民财产保险股份有限公司 中国人民健康保险股份有限公司 中国人保寿险有限公司  中国人寿保险(集团)公司  中国人寿保险股份有限公司    中国人寿保险（海外）股份有限公司  中国再保险(集团)公司  中国财产再保险股份有限公司  中国人寿再保险股份有限公司  中国大地财产保险股份有限公司 中再资产管理股份有限公司   中国保险(控股)有限公司  太平保险有限公司  太平人寿保险有限公司   太平养老保险股份有限公司 中国出口信用保险公司 （010）88382288 北京市西城区阜城门北大街5号融金大厦  民生人寿保险股份有限公司中华联合财产保险公司  中国太平洋财产保险股份有限公司  中国太平洋人寿保险股份有限公司  中国平安保险(集团)股份有限公司 中国平安财产保险股份有限公司中国平安人寿保险股份有限公司 （ 平安养老保险股份有限公司 平安健康保险股份有限公司 平安资产管理有限责任公司  新华人寿保险股份有限公司 （泰康人寿保险股份有限公司 华泰财产保险股份有限公司  华泰资产管理有限公司 （华泰人寿保险股份有限公司 天安保险股份有限公司 大众保险股份有限公司华安财产保险股份有限公司  永安财产保险股份有限公司 生命人寿保险股份有限公司 ( 东方人寿保险股份有限公司  永诚财产保险股份有限公司 （安信农业保险股份有限公司  安邦财产保险股份有限公司  天平汽车保险股份有限公司 安华农业保险股份有限公司  阳光农业相互保险公司 合众人寿保险股份有限公司 阳光财产保险股份有限公司 （长城人寿保险股份有限公司  都邦财产保险股份有限公司 渤海财产保险股份有限公司  -------------------中国人寿股份 平安人寿 太平洋人寿 中意人寿 中国人寿集团 新华人寿 泰康人寿 太平人寿 友邦 生命人寿 信诚人寿 中英人寿 太平洋安泰 中宏人寿 民生人寿 中保康联 合众人寿 金盛人寿 海尔纽约 海康人寿 安联大众 光大永明 首创安泰 恒康天安 恒安标准 中美大都会 招商信诺 国泰人寿 瑞泰人寿 广电日生 华泰人寿 人保健康 中航三星 平安养老 国信人寿 太平养老 平安健康 以上为寿险 下面为财产险 中国人民财产保险股份有限公司 中华联合财产保险公司 中国大地财产保险股份有限公司 永安财产保险公司 阳光财产保险公司 华安财产保险公司 中国太平洋财产保险股份有限公司 安邦财产保险公司 </t>
  </si>
  <si>
    <t xml:space="preserve">圣诞老人多大年纪开始当圣诞老人的啊？不能出生就是吧？ </t>
  </si>
  <si>
    <t>圣诞老人以前并不叫圣诞老人，他本来叫尼古拉，出生在小亚细亚巴大拉城，只是他乐善好施，把父母亲留下的丰富的财产，全部捐送给贫苦可怜的人，圣诞老人是他后来的别号，这个名字是出自他暗中送钱，帮助三个女孩子的故事 .</t>
  </si>
  <si>
    <t xml:space="preserve">请问一下？现在从北京到临沂的火车票多少钱？汽车票又是多少钱呢？ </t>
  </si>
  <si>
    <t>票价多少要看你的车次，是普快还是特快，是普通车还是豪华车，票价是不一样的。大约在100元左右。</t>
  </si>
  <si>
    <t xml:space="preserve">济南哪个大型的新华书店最差，书最少。 </t>
  </si>
  <si>
    <t>和平商场那一个十分差。解放路上那一个也不咋的。西市场和东图这两家还可以。最好的还是泉城路上的那家，环境好。我去的最多的还是西市场那一家，方便。</t>
  </si>
  <si>
    <t xml:space="preserve">狗狗需要灯光吗暖气呢？奶粉能喝吗？凉开水呢？狗狗晚上起来便便和喝 </t>
  </si>
  <si>
    <t xml:space="preserve">1.狗狗晚上起来便便和喝水 需要灯光吗？   不需要灯光,狗是靠鼻子来闻的,眼睛是近视的2.家里晚上的暖气就停了 请问没有暖气的情况下 怎样给狗狗保暖？   没有暖气的情况下,狗可以盖条毯子,狗也不是很怕冷,所以这点小狗不在乎3.还有 狗狗到底能不能喝奶粉呢？   只要是牛奶小狗喝了都会拉肚子，大狗应该不会，刚断奶的小狗由于没有接触食物，一直食用狗奶，会不适应，最好不要为牛奶，跟奶粉，如果反映强烈，小狗拉肚子会拉死的，给他用水泡点饼干就可以了。4.小狗狗很爱喝水 请问给他凉开水行吗？ 凉的水对她不好吗？小狗狗有点感冒    狗不喝热的东西的,给她喝凉开水没关系的 </t>
  </si>
  <si>
    <t xml:space="preserve">易中天说的三国是三国正史还是《三国演义》 </t>
  </si>
  <si>
    <t>易中天品三国是以《三国志》为基础，夹杂了《三国演义》和其他一些史书的三国部分，尤其是对《三国志》和《三国演义》的一些比较，纠正了人们对三国人物的历来印象</t>
  </si>
  <si>
    <t xml:space="preserve">上海血糖仪哪有卖哪问知道告诉下？听说有个稳豪倍优的比较好？ </t>
  </si>
  <si>
    <t xml:space="preserve">买血糖仪还是去海宁路上海鸿健医疗器械店买去 那里面便宜 经常还搞活动 还真巧 我前天在他们那买了个强生稳豪倍优的 他们现在赠75片试纸呢？我这有名片：上海市虹口区海宁路141号 电话：021-63092353 </t>
  </si>
  <si>
    <t xml:space="preserve">宝宝五个月感冒了怎么办宝宝才五个月感冒了,上周五发热38.5度, </t>
  </si>
  <si>
    <t>咳嗽本身不是一种独立的疾病，而是一种清除呼吸道异物的防御性反应，咳嗽轻对机体无妨，可去因治疗，不必应用止咳药，但咳嗽重给患者带来痛苦时则可酌情选用止咳药。引起咳嗽的病因很多：如呼吸道的急、慢性炎症，呼吸道异物，呼吸道受压迫，过敏反应，胸膜受刺激等等。所以，遇有咳嗽的病人，首先要全面分析病情，查明原因，在治疗病因的基础上，选择适当的止咳药，给以对症治疗。治疗咳嗽的药物主要分为镇咳药，祛痰药和平喘药三大类：镇咳药主要包括：可待因、吗啡、咳必清、咳美芬、甘草合剂等，这类药对呼吸道轻度炎症，产生的刺激性干咳效果较好，但此类某些麻醉药类必须在医生指导下应用。祛痰药包括：牡荆油、氯化铵、碘化钾、痰易净、满山红、小咳宁糖浆等，这类药对清除呼吸道痰多和痰液粘稠效果较好。平喘药包括：麻黄碱、舒喘灵、氨茶硷、维生素Kl等。喘症多是由于过敏或炎症，刺激支气管平滑肌痉挛所造成的。平喘药所起的药理作用主要是解除支气管平滑肌痉挛，有利于痰液排出，但用药时应选择副作用小，对小儿安全可靠的药物。80%～90%的感冒是由病毒引起的，能引起感冒的病毒有200多种；占10%～20%的感冒是由细菌所引起的。1岁以内的婴儿由于免疫系统尚未发育成熟，所以更容易患感冒。 感冒的宝贝很难受 孩子一年要得上5～6次感冒是属于比较普遍的。感冒的典型症状包括：流鼻涕、鼻子堵塞、咳嗽、嗓子疼、疲倦、没有食欲、发热。1岁以内的婴儿感冒，常常会出现发热（体温超过38℃）、咳嗽、眼睛发红、嗓子疼、流鼻涕。感冒的宝宝常常会出现食欲下降。6个月内的宝宝，由于还不会在鼻子完全堵塞的情况下进行呼吸，所以常常会出现吃奶和呼吸困难。 感冒的持续时间 一般，感冒将持续7～10天，小宝宝有时可持续2周左右。咳嗽往往是最晚消失的症状，它往往会持续几周。经常和大孩子一起玩耍的婴儿，头一年通常要得6～10次感冒；甚至整个冬天都在不停地流鼻涕。 何时需要去看医生 3个月内的宝宝，一出现感冒的症状，你就要立即带他去看医生。 较大的宝宝，一旦出现以下情况之一，你要立即带他去：感冒持续5天以上；体温超过39℃；宝宝出现耳朵疼痛；呼吸困难；持续的咳嗽；老流黄绿色、粘稠的鼻涕。 感冒的治疗 1、带着宝宝去医院，医生常会要求宝宝进行一些检查，这样才能知道感冒的原因。 2、如果是病毒性感冒，并没有特效药，主要就是要照顾好宝宝，减轻症状，一般，过上7～10天就好了。 3、如果是细菌引起的，医生往往会给宝宝开一些抗生素，一定要按时按剂量吃药。有的妈妈为了让孩子病早点好，常会自行增加药物剂量，这可万万不行，否则会事与愿违。 4、如果宝宝发烧，应当按照医生的嘱托服用退烧药，体温低于38.5℃，不用服用退烧药。不要乱吃感冒药。1岁以内的婴儿，乱吃感冒药往往弊大于利。 5、如果鼻子堵塞已经造成了宝宝吃奶困难，你就需要请医生给你开一点盐水滴鼻液，在吃奶前15分钟滴鼻，过一会，即可用吸鼻器将鼻腔中的盐水和粘液吸出。滴鼻水可以稀释粘稠的鼻涕，使之更容易清洁。如果未经医生允许，千万不要给孩子用收缩血管或其他的药物滴鼻剂。 照料感冒的宝宝 1、充分休息 对于感冒，良好的休息是至关重要的，尽量让孩子多睡一会，适当减少户外活动，别将宝宝累着。 照顾好宝宝的饮食 让宝宝多喝一点水，充足的水分能使鼻腔的分泌物稀薄一点，容易清洁。让宝宝多吃一些含维生素C丰富的水果和果汁。据说鸡汤可以减轻感冒的症状，不妨煲点鸡汤让宝宝喝上一点。尽量少吃奶制品，它可以增加粘液的分泌。对于食欲下降的宝宝，妈妈应当准备一些易消化的、色香味俱佳的食品。 2、让宝宝睡得更舒服 如果宝宝鼻子堵了，你可以在孩子的褥子底下垫上一、两个毛巾，头部稍稍抬高能缓解鼻塞。千万不要让两岁以下的宝宝直接睡在枕头上或将枕头垫在床垫下，这样很容易引起窒息或损伤颈椎。 3、帮宝宝擤鼻涕 宝宝还太小，不会自己擤鼻涕，让宝宝顺畅呼吸的最好办法就是帮宝宝擤鼻涕。你可以在宝宝的外鼻孔中抹上一点凡士林油，往往能减轻鼻子的堵塞；如果鼻涕粘稠，你可以试着用用吸鼻器或将医用棉球，捻成小棒状，沾出鼻子里的鼻涕；如果鼻子堵塞已经造成了吃奶困难，你可以在吃奶前15分钟用盐水滴鼻液滴鼻，过一会，用吸鼻器将鼻腔中的盐水和粘液吸出，宝宝的鼻子就通畅了。 4、保持空气湿润 你可以用加湿器增加宝宝居室的湿度，尤其是夜晚能帮助宝宝更顺畅地呼吸。别忘了每天用白醋和水清洁加湿器，避免灰尘和病菌的聚集。 5、为宝宝做个蒸汽浴 带上宝宝和你一起去浴室，打开热水或淋浴，关上门，让宝宝在充满蒸汽的房子里待上15分钟，宝宝的鼻塞定会大大好转。浴后别忘了立即为宝宝换上干爽的衣服。如果让宝宝在稍热的水中玩上一会，也能减轻鼻塞的症状和降低体温。 特别提示 如果宝宝除了鼻塞之外，没有任何症状，你需要带宝宝去耳鼻喉科进行鼻腔检查。也许你不知道：既使很小的宝宝，也能将东西放进鼻腔里。</t>
  </si>
  <si>
    <t xml:space="preserve">《外来媳妇本地郎》中的黄菲的资料漂亮女孩黄菲的资料。她的原名好像 </t>
  </si>
  <si>
    <t>扮演者大起底：钱莹，毕业于中国人民解放军通讯学院(广州)，参加多条知名品牌的广告拍摄。影视剧集系列：2001年《柴米新人类》2002年《外来媳妇本地郎》2003年《飓风》；影视主持系列：2002年《相聚珠江》-外景主持。</t>
  </si>
  <si>
    <t xml:space="preserve">SSC提升750点大家说能转出什么，就SSC空气，进气，S34/ </t>
  </si>
  <si>
    <t>拥有的人多了,买的人自然少了,价格就会下跌,就是这么简单</t>
  </si>
  <si>
    <t xml:space="preserve">公务员去世后单位发的10个月工资是其的个人遗产吗公务员去世后单位 </t>
  </si>
  <si>
    <t>要看这“10个月工资”的性质，或是什么时候产生的，如果按单位规定，死亡后才发放，按遗产进行分配。如果是生前产生的，则属于其工资收入。</t>
  </si>
  <si>
    <t xml:space="preserve">食道癌把食管全部切除我哥食道癌术后进食下咽非常困难，喝水下咽都非 </t>
  </si>
  <si>
    <t>食管癌手术后很难再做手术。目前进食困难是复发？还是瘢痕狭窄？如是复发所致可以行放化疗，看看是否有缓解的可能，如果是瘢痕狭窄治疗有困难，支架即使上了也只能缓解一点儿</t>
  </si>
  <si>
    <t xml:space="preserve">让人烦恼的HP品该电脑令人烦恼的HP品牌电脑2006年7月1日， </t>
  </si>
  <si>
    <t>看发上述的文章,受到启发.有可能宏图三胞以次充好.不然就是最差的品牌机也不会这样的,另外宏图三胞可能不是正规的商家,正规的生意人不会这样的.所以买电脑一定去正规的商家.售后好,商品好,态度好,沟通好.出了问题及时解决.另外外行人买电脑最好找一个朋友帮助,不然会被不法商家骗了,多数商家还是好的.讲究信誉的.买电脑,首先要选的是商家,第二选品牌,好的商家经验好品牌.他要利润的同时也要信誉的.</t>
  </si>
  <si>
    <t xml:space="preserve">百万美金猫喝的水在哪儿？ </t>
  </si>
  <si>
    <t xml:space="preserve">  按水龙头啊！就有水出来了！</t>
  </si>
  <si>
    <t xml:space="preserve">急急急急！电脑的属性里边设置里的颜色一开始是最低4位桌面什么东西 </t>
  </si>
  <si>
    <t>有可能中病毒了。桌面上什么都没有，可以从开始菜单…所有程序…打开相应软件。先杀下毒。要是还不管用。用360浏览器自带的“浏览器医生”重置下网络连接。如果依然不行，建议重装系统。</t>
  </si>
  <si>
    <t xml:space="preserve">骨质增生吃什么好老妈骨质增生犯了，颈椎有点变型，不知道该给她吃什 </t>
  </si>
  <si>
    <t>一、食疗调理鲮鱼粉葛猪骨汤:【材料】鲮鱼640克，葛根960克，猪脊骨480克，蜜枣20克，陈皮5克，花生油100克，盐5克。【做法】1、鱼洗净，粉葛去皮洗净切块，猪骨洗好。蜜枣去核冲洗，陈皮浸软刮净。2、煲开水，放入粉葛、猪骨、红枣和陈皮。另用油盐将鱼煎黄，煮约1小时后放入煲中，再煮1小时便成。四、杜仲30克，淫羊霍10克，威灵仙25克、牛膝20克。分别研粉，后混合拌匀，再取猪腰子(猪肾脏或羊腰子)8--12个，破开，洗去血液，再放入药粉，摊匀后合紧，共放人碗内，加水少许，用锅装置火上久蒸。吃其猪腰子，饮其汤，每二日吃1剂，每日二饮，早晚空腹，可连用2-4周。二、骨质增生吃什么好多进食高钙食品，以确保老年人骨质代谢的正常需要。老年人钙的摄取量应较一般成年人增加50%左右，即每日成分钙不少于1200毫克，故宜多食牛奶、蛋类、豆制品、蔬菜和水果，必要时要补充钙剂。蛋白质的摄入要有限度，食物中过高的蛋白质会促使钙从体内排出。要增加多种维生素的摄入，如维生素A、B1、B6、B12、C。三、骨质增生吃什么不好1、 蛋白质的摄入要有限度，食物中过高的蛋白质会促使钙从体内排出。2、 勿吃任何柳橙类水果，尤其是橘子、橙子。也避免糖、酒、咖啡。这些物质将阻挠复原过程，并扰乱体内的矿物质平衡。3、忌食辛辣刺激的食物，禁烟酒。四、常规治疗膏药 [骨质增生舒.宁.贴搭配骨质增生舒.宁.液]贴于体表的膏药刺激神经末梢，通过反射，扩张血管，促进局部血液循环，改善周围组织营养，达到消肿，同时药物在患处通过皮肤渗透达皮下组织，在局部产生药物浓度的相对优势坚持外敷即可治愈。五、颈椎骨质增生需要注意1．避免在潮湿处睡卧，不要汗出当风，不要在出汗后，即洗凉水浴或洗脚，以防风、湿、寒三邪气对膝关节的侵害。膝关节不过于劳累或负荷过重。 　　2．早1.用枕适当 人生的三分之一是在床上度过的，枕头的高低软硬对颈椎有直接影响，最佳的枕头应该是能支撑颈椎的生理曲线，并保持颈椎的平直。3.颈部保暖 颈部受寒冷刺激会使肌肉血管痉挛，加重颈部板滞疼痛。在秋冬季节，最好穿高领衣服；天气稍热，夜间睡眠时应注意防止颈肩部受凉；炎热季节，空调温度不能太低。 4.姿势正确 颈椎病的主要诱因是工作学习的姿势不正确，良好的姿势能减少劳累，避免损伤。低头时间过长，使肌肉疲劳，颈椎间盘出现老化，并出现慢性劳损，会继发一系列症状。最佳的伏案工作姿势是颈部保持正直，微微地前倾，不要扭转、倾斜；工作时间超过1小时,应该休息几分钟，做些颈部运动或按摩；不宜头靠在床头或沙发扶手上看书、看电视。 5.避免损伤 颈部的损伤也会诱发本病，除了注意姿势以外，乘坐快速的交通工具，遇到急刹车，头部向前冲去，会发生“挥鞭样”损伤，因此，要注意保护自己，不要在车上打瞌睡，坐座位时可适当地扭转身体，侧面向前；体育比赛时更要避免颈椎损伤；颈椎病急性发作时，颈椎要减少活动，尤其要避免快速的转头，必要时用颈托保护。 　　6.要适当增加户外活动，尽量避免长期卧床休息。</t>
  </si>
  <si>
    <t xml:space="preserve">打彩蛋鸡王要做什么准备？多少人？多少级？多少道具？谢谢 </t>
  </si>
  <si>
    <t>它是第一节的最后一个任务。你如果是根据情节发展的话，就必须做完以前的所有任务，至于任务的详情你可以去看网站的任务系统，它在里面写得很清楚。你如果只是单纯的想打彩蛋鸡王的话，只要练到三四十级就可以去挑它了。PS：如果你的等级不是很高的话，一定要多买点药，而且要注意彩蛋鸡王旁的那些S果冻鸡，它们可是会主动攻击的。</t>
  </si>
  <si>
    <t xml:space="preserve">佣人的作用佣人的等级与修理房屋和清洁房屋有关系么？ </t>
  </si>
  <si>
    <t>佣人等级高，维护费用减少是肯定的！一般豪宅高级佣人比低级佣人每次维护至少省1半钱。</t>
  </si>
  <si>
    <t xml:space="preserve">西安普通话等级考试报名时间 </t>
  </si>
  <si>
    <t>只知道 4月的时候已经考过一次拉  下一此恐怕要到 年底拉</t>
  </si>
  <si>
    <t xml:space="preserve">今天的单场，有中国队，哈哈 </t>
  </si>
  <si>
    <t>中国31封死,科特赖31,安德莱01,洛克伦30,梅赫伦3,罗斯勒0,哈茨31,流浪者01.朴茨30,曼联31.仅供参考!!</t>
  </si>
  <si>
    <t xml:space="preserve">交强险是什么意思啊？ </t>
  </si>
  <si>
    <t>　机动车交通事故责任强制(以下简称“交强险”)是我国首个由国家法律规定实行的强制保险制度。《机动车交通事故责任强制保险条例》(以下简称《条例》)规定：交强险是由保险公司对被保险机动车发生道路交通事故造成受害人(不包括本车人员和被保险人)的人身伤亡、财产损失，在责任限额内予以赔偿的强制性责任保险。【必要性】　　实行交强险制度是通过国家法律强制机动车所有人或管理人购买相应的责任保险，以提高三责险的投保面，在最大程度上为交通事故受害人提供及时和基本的保障。　　交强险负有更多的社会管理职能。建立机动车交通事故责任强制保险制度不仅有利于道路交通事故受害人获得及时有效的经济保障和医疗救治，而且有助于减轻交通事故肇事方的经济负担。而商业三责险则属于商业保险，保险公司经营该险种的目的便是盈利，这与交强险“不盈不亏”的经营理念显然相去甚远。　　此外，交强险还具有一般责任保险所没有的强制性。只要是在中国境内道路上行驶的机动车的所有人或者管理人都应当投保交强险，未投保的机动车不得上路行驶。这种强制性不仅体现在强制投保上，也体现在强制承保上，具有经营机动车交通事故责任强制保险资格的保险公司不得拒绝承保，也不能随意解除合同。而商业三责险则属于民事合同，机动车主或者是管理人拥有是否选择购买的权利，保险公司也享有拒绝承保的权利。【交强险责任限额】　　交强险责任限额是指被保险机动车在保险期间（通常为1年）发生交通事故，保险公司对每次保险事故所有受害人的人身伤亡和财产损失所承担的最高赔偿金额。　　交强险的责任限额（即每次保险事故的最高赔偿金额），全国统一定为6万元人民币。在6万元总的责任限额下，实行分项限额，具体为死亡伤残赔偿限额5万元、医疗费用赔偿限额8000元和财产损失赔偿限额2000元。此外，被保险人在道路交通事故中无责任的赔偿限额分别按照上述限额的20％计算。　　保监会有关负责人介绍，确定6万元赔偿责任限额主要是基于以下各方面的考虑：一、满足交通事故受害人基本保障需要。二、与国民经济发展水平和消费者支付能力相适应。三、参照了国内其他行业和一些地区赔偿标准的有关规定【交强险的基础费率】　　交强险的基础费率共分42种，家庭自用车、非营业客车、营业客车、非营业货车、营业货车、特种车、摩托车和拖拉机等八大类42小类车型保险费率各不相同。但对同一车型，全国执行统一价格。【交强险计算方式】　　最终保费＝基础保费×(1＋与道路交通事故相联系的浮动比率)×(1＋与交通安全违法行为相联系的浮动比率)。　　如：6座以下的私家车主一年内未发生有责任交通事故，但有过1次酒后驾车，其第二年缴纳的保费为：1050×（1-10%)×（1+30%)=1228.5元。【交强险和商业三责险的区别】　　一是赔偿原则不同。根据《道路交通安全法》的规定，对机动车发生交通事故造成人身伤亡、财产损失的，由保险公司在交强险责任限额范围内予以赔偿。而商业三责险中，保险公司是根据投保人或被保险人在交通事故中应负的责任来确定赔偿责任。　　二是保障范围不同。除了《条例》规定的个别事项外，交强险的赔偿范围几乎涵盖了所有道路交通责任风险。而商业三责险中，保险公司不同程度地规定有免赔额、免赔率或责任免除事项。　　三是具有强制性。根据《条例》规定，机动车的所有人或管理人都应当投保交强险，同时，保险公司不能拒绝承保、不得拖延承保和不得随意解除合同。　　四是根据《条例》规定，交强险实行全国统一的保险条款和基础费率，保监会按照交强险业务总体上“不盈利不亏损”的原则审批费率。　　五是交强险实行分项责任限额。【机动车交通事故责任强制保险条例全文】机动车交通事故责任强制保险条例 第一章 总 则 第一条 为了保障机动车道路交通事故受害人依法得到赔偿，促进道路交通安全，根据《中华人民共和国道路交通安全法》、《中华人民共和国保险法》，制定本条例。 第二条 在中华人民共和国境内道路上行驶的机动车的所有人或者管理人，应当依照《中华人民共和国道路交通安全法》的规定投保机动车交通事故责任强制保险。 机动车交通事故责任强制保险的投保、赔偿和监督管理，适用本条例。 第三条 本条例所称机动车交通事故责任强制保险，是指由保险公司对被保险机动车发生道路交通事故造成本车人员、被保险人以外的受害人的人身伤亡、财产损失，在责任限额内予以赔偿的强制性责任保险。 第四条 国务院保险监督管理机构（以下称保监会）依法对保险公司的机动车交通事故责任强制保险业务实施监督管理。 公安机关交通管理部门、农业（农业机械）主管部门（以下统称机动车管理部门）应当依法对机动车参加机动车交通事故责任强制保险的情况实施监督检查。对未参加机动车交通事故责任强制保险的机动车，机动车管理部门不得予以登记，机动车安全技术检验机构不得予以检验。 公安机关交通管理部门及其交通警察在调查处理道路交通安全违法行为和道路交通事故时，应当依法检查机动车交通事故责任强制保险的保险标志。 第二章 投 保 第五条 中资保险公司（以下称保险公司）经保监会批准，可以从事机动车交通事故责任强制保险业务。 为了保证机动车交通事故责任强制保险制度的实行，保监会有权要求保险公司从事机动车交通事故责任强制保险业务。 未经保监会批准，任何单位或者个人不得从事机动车交通事故责任强制保险业务。 第六条 机动车交通事故责任强制保险实行统一的保险条款和基础保险费率。保监会按照机动车交通事故责任强制保险业务总体上不盈利不亏损的原则审批保险费率。 保监会在审批保险费率时，可以聘请有关专业机构进行评估，可以举行听证会听取公众意见。 第七条 保险公司的机动车交通事故责任强制保险业务，应当与其他保险业务分开管理，单独核算。 保监会应当每年对保险公司的机动车交通事故责任强制保险业务情况进行核查，并向社会公布；根据保险公司机动车交通事故责任强制保险业务的总体盈利或者亏损情况，可以要求或者允许保险公司相应调整保险费率。 调整保险费率的幅度较大的，保监会应当进行听证。 第八条 被保险机动车没有发生道路交通安全违法行为和道路交通事故的，保险公司应当在下一年度降低其保险费率。在此后的年度内，被保险机动车仍然没有发生道路交通安全违法行为和道路交通事故的，保险公司应当继续降低其保险费率，直至最低标准。被保险机动车发生道路交通安全违法行为或者道路交通事故的，保险公司应当在下一年度提高其保险费率。多次发生道路交通安全违法行为、道路交通事故，或者发生重大道路交通事故的，保险公司应当加大提高其保险费率的幅度。在道路交通事故中被保险人没有过错的，不提高其保险费率。降低或者提高保险费率的标准，由保监会会同国务院公安部门制定。 第九条 保监会、国务院公安部门、国务院农业主管部门以及其他有关部门应当逐步建立有关机动车交通事故责任强制保险、道路交通安全违法行为和道路交通事故的信息共享机制。 第十条 投保人在投保时应当选择具备从事机动车交通事故责任强制保险业务资格的保险公司，被选择的保险公司不得拒绝或者拖延承保。 保监会应当将具备从事机动车交通事故责任强制保险业务资格的保险公司向社会公示。 第十一条 投保人投保时，应当向保险公司如实告知重要事项。 重要事项包括机动车的种类、厂牌型号、识别代码、牌照号码、使用性质和机动车所有人或者管理人的姓名（名称）、性别、年龄、住所、身份证或者驾驶证号码（组织机构代码）、续保前该机动车发生事故的情况以及保监会规定的其他事项。 第十二条 签订机动车交通事故责任强制保险合同时，投保人应当一次支付全部保险费；保险公司应当向投保人签发保险单、保险标志。保险单、保险标志应当注明保险单号码、车牌号码、保险期限、保险公司的名称、地址和理赔电话号码。 被保险人应当在被保险机动车上放置保险标志。 保险标志式样全国统一。保险单、保险标志由保监会监制。任何单位或者个人不得伪造、变造或者使用伪造、变造的保险单、保险标志。 第十三条 签订机动车交通事故责任强制保险合同时，投保人不得在保险条款和保险费率之外，向保险公司提出附加其他条件的要求。 签订机动车交通事故责任强制保险合同时，保险公司不得强制投保人订立商业保险合同以及提出附加其他条件的要求。 第十四条 保险公司不得解除机动车交通事故责任强制保险合同；但是，投保人对重要事项未履行如实告知义务的除外。 投保人对重要事项未履行如实告知义务，保险公司解除合同前，应当书面通知投保人，投保人应当自收到通知之日起5日内履行如实告知义务；投保人在上述期限内履行如实告知义务的，保险公司不得解除合同。 第十五条 保险公司解除机动车交通事故责任强制保险合同的，应当收回保险单和保险标志，并书面通知机动车管理部门。 第十六条 投保人不得解除机动车交通事故责任强制保险合同，但有下列情形之一的除外： （一）被保险机动车被依法注销登记的； （二）被保险机动车办理停驶的； （三）被保险机动车经公安机关证实丢失的。 第十七条 机动车交通事故责任强制保险合同解除前，保险公司应当按照合同承担保险责任。 合同解除时，保险公司可以收取自保险责任开始之日起至合同解除之日止的保险费，剩余部分的保险费退还投保人。 第十八条 被保险机动车所有权转移的，应当办理机动车交通事故责任强制保险合同变更手续。 第十九条 机动车交通事故责任强制保险合同期满，投保人应当及时续保，并提供上一年度的保险单。 第二十条 机动车交通事故责任强制保险的保险期间为1年，但有下列情形之一的，投保人可以投保短期机动车交通事故责任强制保险： （一）境外机动车临时入境的； （二）机动车临时上道路行驶的； （三）机动车距规定的报废期限不足1年的； （四）保监会规定的其他情形。 第三章 赔 偿 第二十一条 被保险机动车发生道路交通事故造成本车人员、被保险人以外的受害人人身伤亡、财产损失的，由保险公司依法在机动车交通事故责任强制保险责任限额范围内予以赔偿。 道路交通事故的损失是由受害人故意造成的，保险公司不予赔偿。 第二十二条 有下列情形之一的，保险公司在机动车交通事故责任强制保险责任限额范围内垫付抢救费用，并有权向致害人追偿： （一）驾驶人未取得驾驶资格或者醉酒的； （二）被保险机动车被盗抢期间肇事的； （三）被保险人故意制造道路交通事故的。 有前款所列情形之一，发生道路交通事故的，造成受害人的财产损失，保险公司不承担赔偿责任。 第二十三条 机动车交通事故责任强制保险在全国范围内实行统一的责任限额。责任限额分为死亡伤残赔偿限额、医疗费用赔偿限额、财产损失赔偿限额以及被保险人在道路交通事故中无责任的赔偿限额。 机动车交通事故责任强制保险责任限额由保监会会同国务院公安部门、国务院卫生主管部门、国务院农业主管部门规定。 第二十四条 国家设立道路交通事故社会救助基金（以下简称救助基金）。有下列情形之一时，道路交通事故中受害人人身伤亡的丧葬费用、部分或者全部抢救费用，由救助基金先行垫付，救助基金管理机构有权向道路交通事故责任人追偿： （一）抢救费用超过机动车交通事故责任强制保险责任限额的； （二）肇事机动车未参加机动车交通事故责任强制保险的； （三）机动车肇事后逃逸的。 第二十五条 救助基金的来源包括： （一）按照机动车交通事故责任强制保险的保险费的一定比例提取的资金； （二）对未按照规定投保机动车交通事故责任强制保险的机动车的所有人、管理人的罚款； （三）救助基金管理机构依法向道路交通事故责任人追偿的资金； （四）救助基金孳息； （五）其他资金。 第二十六条 救助基金的具体管理办法，由国务院财政部门会同保监会、国务院公安部门、国务院卫生主管部门、国务院农业主管部门制定试行。 第二十七条 被保险机动车发生道路交通事故，被保险人或者受害人通知保险公司的，保险公司应当立即给予答复，告知被保险人或者受害人具体的赔偿程序等有关事项。 第二十八条 被保险机动车发生道路交通事故的，由被保险人向保险公司申请赔偿保险金。保险公司应当自收到赔偿申请之日起1日内，书面告知被保险人需要向保险公司提供的与赔偿有关的证明和资料。 第二十九条 保险公司应当自收到被保险人提供的证明和资料之日起5日内，对是否属于保险责任作出核定，并将结果通知被保险人；对不属于保险责任的，应当书面说明理由；对属于保险责任的，在与被保险人达成赔偿保险金的协议后10日内，赔偿保险金。 第三十条 被保险人与保险公司对赔偿有争议的，可以依法申请仲裁或者向人民法院提起诉讼。 第三十一条 保险公司可以向被保险人赔偿保险金，也可以直接向受害人赔偿保险金。但是，因抢救受伤人员需要保险公司支付或者垫付抢救费用的，保险公司在接到公安机关交通管理部门通知后，经核对应当及时向医疗机构支付或者垫付抢救费用。 因抢救受伤人员需要救助基金管理机构垫付抢救费用的，救助基金管理机构在接到公安机关交通管理部门通知后，经核对应当及时向医疗机构垫付抢救费用。 第三十二条 医疗机构应当参照国务院卫生主管部门组织制定的有关临床诊疗指南，抢救、治疗道路交通事故中的受伤人员。 第三十三条 保险公司赔偿保险金或者垫付抢救费用，救助基金管理机构垫付抢救费用，需要向有关部门、医疗机构核实有关情况的，有关部门、医疗机构应当予以配合。 第三十四条 保险公司、救助基金管理机构的工作人员对当事人的个人隐私应当保密。 第三十五条 道路交通事故损害赔偿项目和标准依照有关法律的规定执行。 第四章 罚 则 第三十六条 未经保监会批准，非法从事机动车交通事故责任强制保险业务的，由保监会予以取缔；构成犯罪的，依法追究刑事责任；尚不构成犯罪的，由保监会没收违法所得，违法所得20万元以上的，并处违法所得1倍以上5倍以下罚款；没有违法所得或者违法所得不足20万元的，处20万元以上100万元以下罚款。 第三十七条 保险公司未经保监会批准从事机动车交通事故责任强制保险业务的，由保监会责令改正，责令退还收取的保险费，没收违法所得，违法所得10万元以上的，并处违法所得1倍以上5倍以下罚款；没有违法所得或者违法所得不足10万元的，处10万元以上50万元以下罚款；逾期不改正或者造成严重后果的，责令停业整顿或者吊销经营保险业务许可证。 第三十八条 保险公司违反本条例规定，有下列行为之一的，由保监会责令改正，处5万元以上30万元以下罚款；情节严重的，可以限制业务范围、责令停止接受新业务或者吊销经营保险业务许可证： （一）拒绝或者拖延承保机动车交通事故责任强制保险的； （二）未按照统一的保险条款和基础保险费率从事机动车交通事故责任强制保险业务的； （三）未将机动车交通事故责任强制保险业务和其他保险业务分开管理，单独核算的； （四）强制投保人订立商业保险合同的； （五）违反规定解除机动车交通事故责任强制保险合同的； （六）拒不履行约定的赔偿保险金义务的； （七）未按照规定及时支付或者垫付抢救费用的。 第三十九条 机动车所有人、管理人未按照规定投保机动车交通事故责任强制保险的，由公安机关交通管理部门扣留机动车，通知机动车所有人、管理人依照规定投保，处依照规定投保最低责任限额应缴纳的保险费的2倍罚款。 机动车所有人、管理人依照规定补办机动车交通事故责任强制保险的，应当及时退还机动车。 第四十条 上道路行驶的机动车未放置保险标志的，公安机关交通管理部门应当扣留机动车，通知当事人提供保险标志或者补办相应手续，可以处警告或者20元以上200元以下罚款。 当事人提供保险标志或者补办相应手续的，应当及时退还机动车。 第四十一条 伪造、变造或者使用伪造、变造的保险标志，或者使用其他机动车的保险标志，由公安机关交通管理部门予以收缴，扣留该机动车，处200元以上2000元以下罚款；构成犯罪的，依法追究刑事责任。 当事人提供相应的合法证明或者补办相应手续的，应当及时退还机动车。 第五章 附 则 第四十二条 本条例下列用语的含义： （一）投保人，是指与保险公司订立机动车交通事故责任强制保险合同，并按照合同负有支付保险费义务的机动车的所有人、管理人。 （二）被保险人，是指投保人及其允许的合法驾驶人。 （三）抢救费用，是指机动车发生道路交通事故导致人员受伤时，医疗机构参照国务院卫生主管部门组织制定的有关临床诊疗指南，对生命体征不平稳和虽然生命体征平稳但如果不采取处理措施会产生生命危险，或者导致残疾、器官功能障碍，或者导致病程明显延长的受伤人员，采取必要的处理措施所发生的医疗费用。 第四十三条 机动车在道路以外的地方通行时发生事故，造成人身伤亡、财产损失的赔偿，比照适用本条例。 第四十四条 中国人民解放军和中国人民武装警察部队在编机动车参加机动车交通事故责任强制保险的办法，由中国人民解放军和中国人民武装警察部队另行规定。 第四十五条 机动车所有人、管理人自本条例施行之日起3个月内投保机动车交通事故责任强制保险；本条例施行前已经投保商业性机动车第三者责任保险的，保险期满，应当投保机动车交通事故责任强制保险。 第四十六条 本条例自2006年7月1日起施行。</t>
  </si>
  <si>
    <t xml:space="preserve">请问我的首页被MY123.com篡改了,如何更改首页为百度呀?谢? </t>
  </si>
  <si>
    <t>瑞星卡卡第1号反流氓追杀令-流氓软件"My123"就在“瑞星卡卡3.0”刚刚发布24小时之后，部分流氓软件开始采取更恶劣的行为躲避“瑞星卡卡3.0”的查杀，其中一个名为“my123”的流氓软件竟彻底变身为恶性病毒，并疯狂地制作变种病毒来逃避“瑞星卡卡3.0”的追杀。针对该流氓软件（病毒），瑞星发布第一号追杀令，迅速升级瑞星卡卡的免费专杀工具库，向全社会发放“my123”免费专杀工具。     据瑞星反病毒工程师介绍说，“my123”侵入用户电脑之后，会把浏览器的首页修改成“ ”，由于采用了Rootkit技术，很多反流氓软件工具及杀毒软件难以彻底清除。与原有的流氓软件不同，它在技术上全面向病毒靠拢：采用Rootkit技术、随机更改驱动名称，对自身进程及文件进行保护；它还会在短时间内频繁升级，有时候一天之内会出现十余个变种，使得很多反流氓软件工具都很难对付。瑞星反病毒工程师介绍说，此前“my123”及其一部分变种已经被列入病毒库，可以被瑞星杀毒软件彻底查杀。而随着卡卡3.0的发布，非瑞星用户也可以采用反病毒技术来清除该流氓软件，这一行动把“my123”制造者逼入了死角，致使其展开疯狂的技术升级与瑞星卡卡对抗。    根据瑞星客户服务中心的调查统计，目前约有5%的上网电脑曾经被该病毒感染，首页被篡改。按照国家相关部门的数据，目前我国有5000万上网电脑，据此测算，已经有大约250万台上网电脑被该病毒感染。    瑞星副总裁毛一丁表示，“不管流氓软件采用什么样的技术手段，我们都会和他死磕到底。针对my123，我们已经启动了紧急处理机制，只要出现变种就会在最短的时间内被瑞星卡卡杀掉。另一方面，我们将通过各种技术手段追杀my123的幕后黑手，通过追查其域名注册者信息、主机托管信息等方式，向公安机关举报，协助有关部门进行调查。”    根据瑞星工程师对my123的域名注册、主机托管等信息的分析和技术追踪表明，该流氓软件的受益者是网址导航站点： （IP： ）， 的ICP证信息为虚假信息（粤ICP备06012658号）,而释放流氓软件和病毒的母体域名是 （IP: ），和受益网站为同一IP地址，该网站主机托管于辽宁沈阳某机房。    瑞星已将该网站所有人姓名和居住地等信息通报给公安部门，根据我国法律，病毒制造者将被判处7年以下有期徒刑。    针对“my123”流氓软件（病毒），瑞星将推出“my123专杀工具”，并将其集成在卡卡3.0之中，供网民免费下载（ ）。已经安装了瑞星卡卡的用户，可以点击“立即升级”按钮升级到最新版本，然后利用其集成的“my123专杀工具”对其进行彻底查杀。</t>
  </si>
  <si>
    <t xml:space="preserve">满分送上!3力1敏火的问题!本人3力1敏的74火号,道现在少了点 </t>
  </si>
  <si>
    <t>楼主这样练是是攻击型,这样的练法加点土系比较适合火系有个加速的技能,应该发火这个优势,火系该练辅助型全敏加点,敏火能加个速度,在PK中能使自己的队友比对方先出手是制胜的关键一罩而楼主练的也3力一敏也可以,虽然1敏不能很早的出手,但有时候加下速度也是很必要的</t>
  </si>
  <si>
    <t xml:space="preserve">小窍门:没有奶牛关是什么意思游戏中打开小窍门,在进入的时候显示各 </t>
  </si>
  <si>
    <t>暴雪的单机游戏一般都留有隐藏关，隐藏关中有隐藏的装备，而且隐藏关一般比较难打，著名的就是DIABLO2里的奶牛关WOW里说没有奶牛关，意思就是在WOW中，暴雪没有刻意设计一个隐藏关让你通过完成隐藏任务打开，获取隐藏的装备，所有副本、任务、地图，如果开放了，那就是所有达到公示的条件即可参与的，如果没开放的地区，你也进不去，或出错，不存在隐藏未公布的地区</t>
  </si>
  <si>
    <t xml:space="preserve">有线电视到期不用了，还要交钱吗？我家的有线电视交费是交到2007 </t>
  </si>
  <si>
    <t>你没办停机，就要交钱。滞纳金是本来你该每月付的钱，你没付，超期的那些欠款就要按比例交一定的拖欠费。</t>
  </si>
  <si>
    <t xml:space="preserve">蒙妮坦的护肤品好不好？郑明明的蒙妮坦产品，谁有使用经验？据说都是 </t>
  </si>
  <si>
    <t>我身边有个女孩去了蒙妮坦做过美容.据她说很一般.而且美容院的美容师手法也很一般.</t>
  </si>
  <si>
    <t xml:space="preserve">谁有龙与地下城：地下城主的流程攻略？急！ </t>
  </si>
  <si>
    <t>字太多写不下了 -_-!</t>
  </si>
  <si>
    <t xml:space="preserve">怀孕4个月拉肚子了怎么办 </t>
  </si>
  <si>
    <t>孕妇腹泻的治疗贵阳市华烽医院主治医师  张少武    腹泻的原因有好多种，最常见的是肠道感染，致病微生物有沙门氏菌、痢疾杆菌、病毒及原虫等，夏天腹泻还应想到食物中毒。 　　孕妇出现腹泻，首先是要恰当地补液，同时观察胎儿的情况，有无流产或早产的征兆。给孕妇应用治疗腹泻的药物，特别是抗生素类应格外小心，氨基甙类、磺胺类、喹诺酮类及四环素、甲硝唑、病毒唑等，对感染性腹泻有效，但因为对胎儿有致畸作用或潜在的危害，因之都不能使用。此时可选用青霉素类如氨苄青霉素或先锋霉素类抗感染治疗，对母婴均较安全。也可给病人服用一些微生态制剂，如丽珠肠乐、整肠生、金双歧等，能调节肠道菌群，扶正抑邪。思密达有多层结构，吸附面大，又不被母体所吸收，比较安全，它不但可吸水，而且还可吸附一些致病菌，有止泻和抗菌的双重作用，可以选用。</t>
  </si>
  <si>
    <t xml:space="preserve">血小板低是怎么回事？本人没有任何不适症状，但最近两次血常规检查， </t>
  </si>
  <si>
    <t>血小板正常值100--300。从你二次报告看第一次基本正常，第二次偏低。血小板检测受诸多因素影响，比如采血是否顺利等，如果你身上没有出血点或出现皮下乌青等情况，无需吃药，定期复查。如果继续偏低在60以下可以看血液科门诊，查找原因，对症治疗。</t>
  </si>
  <si>
    <t>紧急请问初中数学题?用简便方法计算:[(</t>
  </si>
  <si>
    <t>我不太明白，题目还用中括号干嘛！是不是写错了，问题也太简单了！这样这个题就简单了:0.125=（1/2的三次方）原题就变形为：（-2）的2004*3次方乘以（1/2）的2004*3次方！               等于(-2乘以1/2)的2004*3次方               等于-1的2004*3次方               等于1这样能明白吗？</t>
  </si>
  <si>
    <t xml:space="preserve">我的孩子两岁,爱摸自己的小鸡鸡,怎么办我的孩子是男孩，有一种怪癖 </t>
  </si>
  <si>
    <t>男孩子爱摸自己的小鸡鸡是普遍现象，一是他感到好奇，二是可能因为有一些瘙痒。你检查一下如果并没有发现什么异常的话，就最好不要让他穿开裆裤，这样可能可以避免他摸了。</t>
  </si>
  <si>
    <t xml:space="preserve">怎样彻底收藏一个网站或者说是下载我想把一个学习网站的部分学习资料 </t>
  </si>
  <si>
    <t>把你需要的资料的网页地址收藏到你的收藏夹中即可，到时打开就是啦。好运！！！</t>
  </si>
  <si>
    <t xml:space="preserve">如何抗皱？用什么产品抗皱效果好？ </t>
  </si>
  <si>
    <t>抗皱的前提必须要保证肌肤的水分充足，这样才能保证肌肤的再生顺利进行，所以，在抗皱之前做好补水保湿的工作，能达到事半功倍的效果。我现在用法国蓓肤雅，号称采用独创的EGF+双分子玻尿酸双效祛皱科技，去皱效果显著。我自己也觉得很不错。推荐给你，希望对你有帮助。</t>
  </si>
  <si>
    <t xml:space="preserve">怎么的女人才算漂亮？评价一个女人是否漂亮，是看外表？还是其他的？ </t>
  </si>
  <si>
    <t>情人眼里出西施.有时候你不得不承认这个事实.至于大众眼中的美丽,包括很多方面:外表,身材,服饰,神态,气质,性格,还有内心,修养,学识.一个有女人味的女人,外表也不差,我们也认为她很漂亮.相反一个外表很美的女人,满口脏话,随处乱扔垃圾,你还会觉得她美吗?所以女人是因为可爱才美丽.最好的是外表和内心的完美统一.</t>
  </si>
  <si>
    <t xml:space="preserve">教育培训机构乱收费向什么部门投诉？ </t>
  </si>
  <si>
    <t>可以向纪委或者教育局投诉。</t>
  </si>
  <si>
    <t xml:space="preserve">那个猎人怎么点好?还有拥兵那3件武器怎么能让他快点下降到100以? </t>
  </si>
  <si>
    <t>如果你练过刀，可以用具损，费得快</t>
  </si>
  <si>
    <t xml:space="preserve">银行卡有使用期限吗 </t>
  </si>
  <si>
    <t>我国的银行卡都是有使用期限的,不论是借记卡,贷记卡，还是信用卡,但是各种卡的使用期限不同,一般的借记卡使用期限特别长,为50年或者100年,而贷记卡和信用卡使用期限较短,一般只为几年,过期以后就需要去银行换新卡.(使用期限有的卡上有标记,有的卡上没有,如我的建设银行卡上标有CCB LN 07/2022 这个就表示我的卡是辽宁省建设银行卡 使用期限到2022年7月)</t>
  </si>
  <si>
    <t xml:space="preserve">怀孕5个月了,去检查的时候发现自己有缺铁性贫血,请问缺铁性贫血吃? </t>
  </si>
  <si>
    <t>我怀孕的时候也有贫血，后来我是吃铁剂来补的，吃的是铁之缘片，效果挺好的，可以补铁、生血、营养三效合一，服用也安全对肠胃没有刺激。我除了吃这个外还经常吃些含铁丰富的食物，含维生素C高的食物。</t>
  </si>
  <si>
    <t xml:space="preserve">“国王长了兔（驴）耳朵”这个故事想说明什么？是想讲世上没有绝对的? </t>
  </si>
  <si>
    <t>人只要有缺点,早晚会公布于众的,哪怕是国王!而这个故事真正想说明的是,人一旦有了烦恼的事,只要说出来,喊出来,一吐为快,就什么烦恼也没有了!不信你可以试试,有心事别憋着,大喊几声保你开心又保健!</t>
  </si>
  <si>
    <t xml:space="preserve">香港美千代服饰都适合什么样的人穿？在哪里可以买得到啊！我在仙桃 </t>
  </si>
  <si>
    <t xml:space="preserve">  据我所知，香港美千代服饰主要面向25－35岁崇尚生活的审美氛围，在意自己的精神层次，了解时尚、不盲目追逐流行的都市女性，注重品味，质感，自信，坚持。香港美千代服饰现在已入住仙桃武商购物中 心。 </t>
  </si>
  <si>
    <t xml:space="preserve">15天前有不洁性爱，现在撒尿时感觉尿道刺痛，颜色很黄，请问是不是? </t>
  </si>
  <si>
    <t>不是啊，是你自己心里乱想</t>
  </si>
  <si>
    <t xml:space="preserve">人力资源专业考研哪个学校比较好一、我不是这个专业的学生听说还不错 </t>
  </si>
  <si>
    <t>依次回答：一，这个专业的有很多学校的研究生招生都把它归类为学科下的一个方向，要是单独招生的话，中国人民大学劳动人事学院最好，他们做人力方面是很有经验的，但竞争也是相当激烈。要是单说企业管理的话，中山，北大，浙大，厦大，上海交大，西安交大等等都不错。管理类专业重在实践和工作经验，要说就业，得看自己的能力。我有师兄在企业做人力，本科毕业一个月就6000+，而硕士毕业也有找不到较满意的工作的。就业嘛，总体还好，但实际是，你一个学生出去，没人会一开始就叫你去管别人，都是做些杂七杂八的工作，管理学科，如果你不想搞研究的话，多实践积累经验才有出路。就业方向的话，做员工激励，薪酬设计，组织管理，员工培训，招聘都可以，看你对哪个比较感兴趣了。最终工作地点就是企业的HR部门，当然你想考公务员也可以，要是读到博士当老师也可以。二，这个专业考研肯定要考数学，考的是数学三。（人大公共管理学院的公共组织与人力资源管理不考数学，但是它是面向政府和公共组织方向的，而我们一般所说的人力，都指企业方向。）数三的内容主要有微积分，考研占78分；线性代数，占36分；概率论和数理统计，占36分。共150分，是全国统一命题。数三比数一稍简单，但实际上，你如果以后想在管理领域做出一点成绩，数学很重要。越到高层次，管理就越技术。特别是人力中的薪酬设计，企业年金和员工福利等内容对数学和统计要求很高。三，我不知道你对自己的水平和实力有什么样的评估。如果想考好学校，就要比别人付出更多的努力。要是推荐学校，就是上述几所，他们的管理学实力都很强，但竞争，不用我说，你也应该明白。而且企业管理（包括人力）是考研十大热门专业之一，本就很火爆，如果学校再名气大一些，录取率一般不会超过15%，也就是说你要做好10个人取一个的心理准备。当然，考研成功也需要那么一点点的运气，祝你好运，梦想成真！写这么多，再多给点分呗！</t>
  </si>
  <si>
    <t xml:space="preserve">如何看筹码分布？复权看和除权看到的主力成本价不一样，怎么理解？哪 </t>
  </si>
  <si>
    <t>用复权图形更准确一点。你看到的分布也是某些软件的一项功能，并不足以论证主力成本。更多的还是依靠基础性的形态和量能以及指标变化等基础性的技术分析条件来进行操作。对中集来说，用复权来看，前期是双头，但随着量能放大，双头的有效性被击破，而除权则不明显，只是普通的反弹。</t>
  </si>
  <si>
    <t xml:space="preserve">注册教育策划师资质证书是长期有效的吗?注册教育策划师资质证书是长 </t>
  </si>
  <si>
    <t>凡是注册的证书都不是长期有效的，注册教育策划师（CEP）的认证通常需要经过系统的教育策划专业知识和业务技能的培训（培训方式有面授培训和网授培训），并需要通过材料申报、资格审查、案例评审、理论考试、面试答辩等环节的严格考试，最后取得国际个性化教育协会和中国个性化教育研究院联合颁发的《注册教育策划师资质证书》和在中国个性化教育研究院进行注册登记，这样就可以用注册教育策划师的名义为学校经营发展、企业教育培训以及个人学习成长开展教育策划业务了。 中国个性化教育研究院对注册教育策划师的注册登记和年检是这样规定的： 注册教育策划师的注册登记由中国个性化教育研究院直接组织，注册登记要求如下：1、注册条件：具有完全民事行为能力；无不良业绩记录；取得国际个性化教育协会和中国个性化教育研究院联合颁发的《注册教育策划师资质证书》。2、注册期：五年。在注册期满半年前，到中国个性化教育研究院申请换证。 3、年检：每年不少于12标准学时的继续教育，经考核合格后，通过年检。未参加年检的，其《注册教育策划师资质证书》自动失效</t>
  </si>
  <si>
    <t xml:space="preserve">小说里面。女强文的女主名字！谢谢各位，帮忙想想！ </t>
  </si>
  <si>
    <t xml:space="preserve">席君傲 林莫若 乱花莲  陆莳千 </t>
  </si>
  <si>
    <t xml:space="preserve">如果要测算一个企业正常生产经营所需的流动资金?要考虑哪些方面,如? </t>
  </si>
  <si>
    <t>流动资金需求量应考虑的因素：库存现金占用应收款及预付款余额占用存货（购入原材料、库存产品）余额占用其他应收款占用（如备用金）</t>
  </si>
  <si>
    <t xml:space="preserve">推荐一本数据库系统原理的书 </t>
  </si>
  <si>
    <t>数据库系统概念但这只是基础,如果喜欢国外的教学模式和方法，那么这本书再适合不过了。</t>
  </si>
  <si>
    <t xml:space="preserve">吃到蟑螂了＊苔湾的一个小美眉，很爱吃棒冰。前些天，她买了一个棒冰 </t>
  </si>
  <si>
    <t>他中奖率还挺高！赶快去买彩票吧！厄  她运气算好的了。。如果她看到的是少了一半的小强                               那 就 恐 怖 了。。</t>
  </si>
  <si>
    <t xml:space="preserve">关于捷波悍马HA04Ultra捷波到底出没出这块板?我怎么去哪都 </t>
  </si>
  <si>
    <t>还没出呢！HA04有！但是ULTRA没看到！包括淘宝，捷波网站都没查到！中关村在线也写了即将上市！所以应该是还没上市的</t>
  </si>
  <si>
    <t xml:space="preserve">戴过隐形眼镜的朋友来帮个忙~谢我一直是戴眼镜的最近想换成隐形想问 </t>
  </si>
  <si>
    <t>..。。不是看牌子了，是看的眼睛能用哪个。我只能用卫康和爱爵，医生说是因为什么距离的问题，洗澡建议不要带，容易感染，不过我就带。。呵呵，不良习惯啊。要注意用眼卫生就OK了。还有不要带的时间过长，我就是因为用眼过度，直接现在角膜炎。。痛苦啊</t>
  </si>
  <si>
    <t xml:space="preserve">谁讲讲国债对汇率的影响？谢谢！各国国债收益的差别，会对各国货币汇 </t>
  </si>
  <si>
    <t xml:space="preserve">   一国国债收益上升，由于国债利率往往是一国的基础利率，会引起该国其他金融产品（包括存款/债券等等）利率的上升，因此会引起国际投资者来投资该国的金融产品，当然国债也在其中。这样，国外资金会流入，该国汇率上升。反过来分析思路也是一样。 当然，这种影响是短期的。</t>
  </si>
  <si>
    <t xml:space="preserve">花冠和福克斯娶谁2010花冠经典1.6MT和2011福克斯经典1 </t>
  </si>
  <si>
    <t>花冠，丰田故障率比较低</t>
  </si>
  <si>
    <t xml:space="preserve">听懂阳光语言的亲身经历或情景对于阳光的语言，每人均有不同的体验， </t>
  </si>
  <si>
    <t>冬天，我躺在我家阳台的靠背椅子上，微微的闭着眼睛，让阳关温暖地洒在身上，我浑身舒服极了。</t>
  </si>
  <si>
    <t xml:space="preserve">喜欢和爱的区别喜欢与爱的区别 </t>
  </si>
  <si>
    <t>喜欢可以喜欢很多人爱只能爱一个喜欢是你跟他在一起很开心爱一个人却常常会很痛苦喜欢是想一个人总跟你在一起爱一个人即使她不跟你在一起，只要她幸福，你就开心</t>
  </si>
  <si>
    <t xml:space="preserve">ppt幻灯片怎么复制?ppt幻灯片怎么复制,可以怎样复制背景？ </t>
  </si>
  <si>
    <t>选中直接就可以复制了啊，会整个过去的，背景也是一样的。不过后期你在做幻灯片背景时最好不要全部应用，否则就没了。</t>
  </si>
  <si>
    <t xml:space="preserve">word公式问题请教word里面的公式从哪里找？插入－对象，没有 </t>
  </si>
  <si>
    <t>工具—自定义—命令，在左边“类别”选项中选“插入”，在右边“命令”选项中找到“公式编辑器”（如下图）。点即可进入。如果常用，将“公式编辑器”拖放到“常用工具栏”中，以后要用时直接在“常用工具栏”中点“公式编辑器”即可。</t>
  </si>
  <si>
    <t xml:space="preserve">研究认为，印度有潜力成为在未来的30至50年里“金砖四国”中发展? </t>
  </si>
  <si>
    <t>你不应该把印度和中国相提并论，现在不是一个档次的国家一个连坦克都研制几十年都没成功的国家怎么和中国比。一个被世界称为垃圾回收站的国家怎么和中国比。一个只靠别人为自己生产武器的国家怎么和中国比。一个连枪械子弹，炮弹都要买别人的国家怎么和中国比。印度要比中国落后最少10年以上，想超越中国也是做梦</t>
  </si>
  <si>
    <t xml:space="preserve">为什么我家宝宝害怕走路？我宝宝11个月了，与他同龄的宝宝都可以走 </t>
  </si>
  <si>
    <t>是呀，学长说的我赞同。最重要的是不要强迫宝宝，多点耐心，每个孩子都不同，多些纵向比较，少些横向比较，这样最好。宝宝会学会走路的，不要担心。</t>
  </si>
  <si>
    <t xml:space="preserve">我要学学电脑高手教教我要学电脑要怎么做啊？第一步是什么啊？大家说 </t>
  </si>
  <si>
    <t xml:space="preserve">  先熟悉一下电脑的基本结构，什么主板啊，电源啊，内存啊，硬盘啊，CPU等，然后再熟悉一些小问题的解决办法，比方说重装系统等，再看看电脑方面是书，基本上操作问题就OK了。  希望你尽快掌握。</t>
  </si>
  <si>
    <t xml:space="preserve">10月下旬以来股市经历了前所未有的动荡，尤其在上周创下了九年来单? </t>
  </si>
  <si>
    <t>非常高兴看到堂主的帖子，我还保留了你7月9日发的帖子“未来两个月股市趋势之浅见 ”（  ）。当时你就说：“所以当我们坚持下来，渡过这段黎明前的黑暗后，相信曙光就在前面。”7、8月的走势不仅证明了你的分析是正确的，甚至超过了你的预期。支持你本帖的分析，特别喜欢本帖的结束语：“春天前的寒冬是很难熬的，黎明前的黑暗更是倍加难耐，或许我们前面的道路仍然坎坷，但无需害怕，让我们静下心来，笑看风云，我们期待的太阳会照样升起！”</t>
  </si>
  <si>
    <t xml:space="preserve">牛关等1.我在普通难度杀了牛王,在噩梦和地狱还能再打牛关吗?2. </t>
  </si>
  <si>
    <t>1.能2.不知道。神圣冰冻根据等级不同范围也不同。等级越高范围越大3.冻结目标可以让普通怪物完全不能行动，但有一定概率才能发生。+3是冻住怪物的概率加了3</t>
  </si>
  <si>
    <t xml:space="preserve">有限责任公司亏损需要交税吗 </t>
  </si>
  <si>
    <t>实行查实征收的企业，只要真正亏损，企业所得税就没有可缴纳的了。但是，实行核定征收的企业，无论亏损还是盈利，都要按收入的一定比例计算纳企业所得税。除此之外，不管盈利还是亏损，增值税、营业税等流转税，都是应当缴纳的。</t>
  </si>
  <si>
    <t xml:space="preserve">皮肤暗黄有什么既便宜有实用的洗面奶或者面膜或润肤霜？要适合冬天用? </t>
  </si>
  <si>
    <t>洗面奶仅仅是停留几分钟是不会使脸变白的 推荐你使用佰草集的七白面膜这里很多人都用过的 效果很好 就是过程慢一些</t>
  </si>
  <si>
    <t xml:space="preserve">装备1每人限回答2题，多回答不采纳请问这是什么机，机上挂的是什么 </t>
  </si>
  <si>
    <t>题图是美国二战期间共和P-47D“雷电”战斗机（第15到第22批次），特征是翼下增加挂架但座舱仍然是旧的温室式。这架P-47战斗机翼下挂的是114毫米（4.5英寸）T30三联发射器，主要配用M8系列空射火箭弹。该弹于1942年7月首次投入使用，重17千克，射程1.6-3.2千米，战斗部包括半穿甲和高爆两种。</t>
  </si>
  <si>
    <t xml:space="preserve">吃辣椒美容减肥吗？ </t>
  </si>
  <si>
    <t>辣椒 燃烧掉你的脂肪辣椒，那个让你又爱又恨的家伙，让你啧啧出汗却欲罢不能，它玲珑的身体里包裹着一团燃烧的烈火，是蔬菜中最有激情和热情的角色，现在，调皮的它又多了一个你无法拒绝的理由：燃烧脂肪，修身塑体！　　脂肪何以被燃烧　　1、辣椒燃烧脂肪的奥秘是什么？关键在于--辣椒碱，只须吃上一两勺，它的刺激口味即刻会向脑神经发出“足够”讯号，导致食欲大减。同时辣椒碱的另一大作用是刺激体内生热系统，加快新陈代谢。你是否曾经听大说起他们狼吞虎咽呢？其中的秘诀就是快速的生热系统，它能提升机体工作效率，就像快速运转的机器能够消耗大量碳氢燃料。　　2、进食一餐辣味之后，可以消耗大于25%的卡路里。而当辣在腹中燃烧时，喝上一杯富含咖啡因的红茶，效果则更明显。辣椒还能促进体内生产两种酶，在燃烧脂肪的过程中它们能一边“说服”脂肪细胞卸载，一边阻止脂肪过量堆积。这个减肥方法无需任何饮食规则做伴，因为辣椒碱刺激了内啡肽和血清素的生产，同时还会让你拥有一份好心情。　　食辣Q&amp;A：　　1、在日常的饮食中，如果想大快朵颐而不担心身材，该怎么做？你需要第一道就吃辣菜，这是为了接下来更好地消耗卡路里。如果要控制食欲，则千万记住蛋白质丰富的食物容易增加胃口，所以应该在菜里多放葱和洋葱。不要使用包装好的调料，因为他们都是辣椒碱的替代品，不起作用。最后，当做好一道辣味菜后应盛放2个小时，辣椒碱会自动升温。　　2、可是有人怕辣怎么办？辣是辣椒碱引起的，它刺激了神经末梢疼痛的感觉。要让你的嘴巴不怕辣，有个好办法：规则地食用辣椒，让它一点一点适应，而大脑的疼痛感也会慢慢麻木。　　3、怎样学习吃辣？　　建议吃辣新手一开始每天尝试着中饭和晚饭两餐各一小口，然后可以喝一点牛奶或酸奶，因为牛奶中的蛋白质能缓和辣椒碱的味觉刺激和引起的胃酸。另外还可以在含有辣椒粉的调料中慢慢去适应辣，再逐步扩大自己对辣椒的承受程度。吃青椒最为理想，它富含维生素而辣椒碱则相对较少，青椒口感好又能避免胃酸。　　食辣TIPS：　　1.一定要早餐：唤醒体内新陈代谢系统，并防止一会儿之后饥饿感侵扰。　　2.选择低脂牛奶，它能让你即刻有饱的感觉。　　3.不要经常在早上吃奶油蛋糕，相反我们可以吃一点小辣椒片。　　4.一天中吃四次水果，以补充维生素和丰富的纤维质。　　5．有两种人吃辣椒的时候要慎重，一种是患有哮喘的人应当适量食用，因为辣椒碱有时会令你的哮喘复发。还有就是阿司匹林服用者，因为辣椒会抑制人体对阿司匹林的吸收。</t>
  </si>
  <si>
    <t xml:space="preserve">西安市110指挥控制中心再哪里 </t>
  </si>
  <si>
    <t>西安市110指挥控制中心在西大街123号市公安局院内，全西安市的报警信息由指挥中心统一接警后，根据案发地转至各分局指挥室再具体到派出所。</t>
  </si>
  <si>
    <t xml:space="preserve">洛阳输卵管不通如何治疗好？洛阳输卵管不通能治好吗？ </t>
  </si>
  <si>
    <t>您好，目前输卵管不通最好的治疗方法就是做手术， 三镜一丝输卵管复通术，是通过联合运用输卵管镜、宫腔镜与腹腔镜"三镜"和COOK导丝系统"一丝"，一次性有效介入，准确检测出卵巢、宫腔、腹腔、输卵管腔禸外病变，能同步全面解决子宫、卵巢盆腔与输卵管积水、粘连与阻塞等问题。建议到不孕不育专科医院做治疗，做造影检查明确堵塞部位，更针对性的治疗。您好，远端输卵管堵塞可以采用三镜一丝微创手术治疗，术后半年怀孕率高。您好，输卵管堵塞要查明病因，找出输卵管堵塞的部位，是在近端、中端还是远端，不同的病因和部位治疗的方法是不同的，手术治疗一般多采用三镜一丝复通术治疗，建议到不孕不育专科医院做治疗，积极配合医生的治疗，祝你早日康复。</t>
  </si>
  <si>
    <t xml:space="preserve">雪弗兰赛欧三厢1.2排量的怎么样 </t>
  </si>
  <si>
    <t>家用很经济，空间基本够用，动力的话就很一般，毕竟是1。2发动机，家用挺好的，希望可以帮到你</t>
  </si>
  <si>
    <t xml:space="preserve">安卓手机有哪些好用的软件！安卓手机的软件，大神们分列推荐下啊！要 </t>
  </si>
  <si>
    <t/>
  </si>
  <si>
    <t xml:space="preserve">如何下载暴风影音？我的电脑不能播放VCD，据说可以下载一个“暴风 </t>
  </si>
  <si>
    <t xml:space="preserve">暴风影音最新版，到以下地址下载：  更多精彩请点击： </t>
  </si>
  <si>
    <t xml:space="preserve">我的博客里的“我的杂志”里照片咋没有了我的博客杂志里的照片不见了 </t>
  </si>
  <si>
    <t>你好！如果你的照片原来在博客中显示正常，出现上述现象一般是网络的问题，等到系统稳定的时候再试试看。</t>
  </si>
  <si>
    <t xml:space="preserve">猫游级里要几级才能当副会长？我为什么当不了副会长 </t>
  </si>
  <si>
    <t>这是由会长决定的,没有等级之分。但最近更新了，以前是副会长依然是副会长，但以前不是副会长的只能做管理员。</t>
  </si>
  <si>
    <t xml:space="preserve">我女友总担心我有一天会不爱她，我也担心她有一天不爱我了!怎么办呢? </t>
  </si>
  <si>
    <t>相互信任，相互包容这点无论在与普通朋友相处时还是男女朋友相处时都是很重要的的我以前就是这样一个人啊，我总觉得自己的朋友不把自己放在心上，总要他们经常联系我，其实这都是没有安全感，没自信的缘故现在我摆脱了，因为有个人跟我讲了个道理感情这种事用平衡来形容最恰当的，任何一方太过严重的付出都会给另一方造成压力，于是会逃避，闪躲。。。从你的话里，我感觉你害怕失去她的成分多一些吧呵呵，男孩子很难得呢，提醒你哦，有一种方法可以缓解你们的这种不安全感，明白自己的生活重心不是爱情，是什么呢？你自己想想咯~~这样松弛有度，爱情才可以长长久久，细水长流哦~~太过激烈的爱情永远没有平平淡淡的来的长久，虽然我偏爱前者嘻嘻，说得有些过了~~祝你们幸福快乐哦~~~</t>
  </si>
  <si>
    <t xml:space="preserve">手机报价诺基亚5230和5230XM这两款都有卖的吗？有没有黑色 </t>
  </si>
  <si>
    <t>5230就是指5230XM，目前没有黑色，国美苏宁信誉好一些，当1680元左右。</t>
  </si>
  <si>
    <t xml:space="preserve">蚌埠最好治疗尖锐湿疣的医院是哪家 </t>
  </si>
  <si>
    <t>领先国内外先进的医疗技术，妙手回春的大夫，是正规医院的根本，在这里您能体会到什么是专业的尖锐湿疣医院，在这里能让尖锐湿疣得到有效的控制，如果您是尖锐湿疣患者病人，一定要选择这样的医院。尖锐湿疣是一种顽固性性传播疾病，一般医院不具备完善的专业设备，就诊时应根据实际情况和可能，尽量选择医疗设备先进、检查手段先进齐全，诊断治疗器械完善，专业技术力量雄厚的医院。治疗尖锐湿疣要选择有优秀医生，也就是在医德上和业务技术上都优秀的医生所在的医院去就诊。</t>
  </si>
  <si>
    <t xml:space="preserve">一号航站楼可以坐机场大巴么 </t>
  </si>
  <si>
    <t>有车，到公主坟的大巴末车是24：00的，如何坐车你看这个网址吧！</t>
  </si>
  <si>
    <t xml:space="preserve">为什么战旗美如画（计生名词一） </t>
  </si>
  <si>
    <t xml:space="preserve">血缘 </t>
  </si>
  <si>
    <t xml:space="preserve">镰刀帮忙估计一下谢谢本人55w收了一个加攻镰刀，6d可惜加错一点 </t>
  </si>
  <si>
    <t>你很赚了 才55W6D的加错1点没什么的就是说出去不好听罢了.你就不用跟人说加错1点了 直接说6D的就行了.</t>
  </si>
  <si>
    <t xml:space="preserve">我把初夜给了男友，现在想离开他又不心甘情愿，我该怎么办？我们相识 </t>
  </si>
  <si>
    <t>离开吧。如今这年头，初夜已经不重要了。不要为了初夜而葬送自己的一生。</t>
  </si>
  <si>
    <t xml:space="preserve">中国和世界最贵的邮票是那张 </t>
  </si>
  <si>
    <t>在2009年秋季以前中国最贵的邮票是《红印花加盖邮票》，这枚邮票当时在香港以折合22.6万欧元（约合227万人民币）的高价成交，是当时有史以来成交价格最为昂贵的单枚中国邮票。现在中国最贵的邮票是《全国山河一片红》，在香港布约翰邮票拍卖有限公司举行的2009年秋季邮票拍卖会上，一枚大幅《全国山河一片红》以368万港元成交，刷新了单枚中国邮票拍卖最高成交价世界纪录。美国纽约什里夫邮品馆2012年2月2日成交了一笔足以轰动全球集邮界的邮票交易。一枚“Z－暗纹”邮票在交易中换得有“美邮之王”称号的一联四枚“倒置的珍妮”邮票，从而以300万美元身价当之无愧地成为迄今世界上最昂贵的单枚邮票。</t>
  </si>
  <si>
    <t xml:space="preserve">青香蕉怎么吃？青香蕉色青味苦，而且发硬，要等一些时候才能吃。 </t>
  </si>
  <si>
    <t>把青香蕉和几个苹果放在盒子里一起闷上几天就会变黄，这样就可以吃了</t>
  </si>
  <si>
    <t xml:space="preserve">无法登陆？中午都能登陆游戏，怎么到了晚上就无法登陆了！~怎么回事 </t>
  </si>
  <si>
    <t>请问你无法登陆游戏有什么具体提示呢，请您详细说明，谢谢。</t>
  </si>
  <si>
    <t xml:space="preserve">我睡眠不好，经常早醒但躺床上又很难睡着该怎么办 </t>
  </si>
  <si>
    <t xml:space="preserve"> 首先，改掉不良习惯，培养起良好的生活规律是关键。小建议：1．床只能用于休息，失眠患者不要在床上看书、吃饭；2．睡觉时思考问题只会加剧失眠，为了分散精力，可以采取数数的方法或者看有定时装置的电视来进入睡眠状态；3．卧室里不要放闹钟，闹钟的滴答声和指针发出的刺眼亮光就是睡觉正常的人也会睡不好觉；4．体育运动、经常活动有助于睡眠，但是，失眠者应该注意的是，睡前两小时内不要做剧烈运动；5．晚上不要喝咖啡、茶以及含酒精的饮料，也不要吸烟，因为这些东西都是起兴奋作用的；6．睡觉、起床时间有规律能起镇静作用。因此，失眠者应该在固定的时间睡觉，尽量在固定的时间起床，就是在周末、休假时也要如此；7．晚饭吃太饱会影响睡眠，因此要避免晚饭过量；8．午睡对部分人来说可能是享受，而对失眠患者来说则是不允许的。谁要是白天睡觉了，那么他就别抱怨晚上睡不着了。</t>
  </si>
  <si>
    <t xml:space="preserve">打Ｇ的问题　我白天用单位的电脑玩，机器不好　不能去外域．想问一个 </t>
  </si>
  <si>
    <t>那你不如去奎岛去做日常,反正一天20多个日常晚上回家下班你可以做10几个也就1个小时,在单位时做另外10几个日常,一天这25个日常下来的任务奖金和掉落的物品,至少也有300G以上,如果你专业技能是双采,还可以边打任务边采东西.其实对于现在来说,做日常是最少时间挣最多的钱的方法了,你想想如果你采矿在地图上玩命跑2小时,最后一组矿卖几十G,一共才5组,这个效率和物品的价值与做日常相比,几乎是一样的``所以,建议日常任务,做完下线,或者打打JJC和战场娱乐娱乐,TBC后我就是这样玩WOW的``没卖过点卡,因为TBC以前带G团,把G全换了40张点卡`所以现在号里的钱都是TBC后打的``慢慢来,钱会越来越多的</t>
  </si>
  <si>
    <t xml:space="preserve">如何配眼镜？我的右眼550度+100度闪光，左眼350度+75度 </t>
  </si>
  <si>
    <t>　　我只用普通的镜片，没用过渐进片，但我感觉加膜是很有必要的，我配过不加膜的，感觉很刺眼，非常不舒服，最后换掉了，我不知道你戴不加膜的什么感觉，反正我是戴不了．     加膜眼镜片表面镀有多层介质膜，其功能是减少反光，减小干扰光，降低色散，消减高度镜片的圈圈感，具有良好的光学作用．高中不是学物理么，这个多少也涉及了一点吧？相机的镜头也镀了一层膜，也是类似的作用．    至于用眼过度，最好就是学一段时间休息几分钟，做一下眼保键操，我也是从你这时候过来的，高中的时候也很累，不过好在度数增长不是特别快．下课的时候出去活动一下，很有帮助的，磨刀不误砍柴工嘛．</t>
  </si>
  <si>
    <t xml:space="preserve">路边的野菊花野菊采回来，晒干后也可以冲水喝吗 </t>
  </si>
  <si>
    <t xml:space="preserve">   得改正楼上的错误，怎么路边的野菊就是蟛蜞菊了呢？两个完全不同的概念，别一味的搬网站的东西。只要经过适当的加工，野菊可以在晒干后当茶泡。但古人有语，如《牧坚闲谈》中所说：“真菊延龄，野菊。”所以我们平时泡茶一般用杭菊花或者滁菊花而不用野菊花。</t>
  </si>
  <si>
    <t xml:space="preserve">为什么传奇3G2007的法师技能不能用~就最开始的火球能用~后来 </t>
  </si>
  <si>
    <t>按“E”鼠标悬在霹雳掌上。按F1。就行了。</t>
  </si>
  <si>
    <t>“白肉”都包括哪些动物？（6</t>
  </si>
  <si>
    <t>长翅膀的。。。和水里游的。。。</t>
  </si>
  <si>
    <t xml:space="preserve">羧基丁苯胶乳的各种用途 </t>
  </si>
  <si>
    <t>羧基丁苯胶乳是以苯乙烯、丁二烯、不饱和羧酸及各种助剂的作用下经乳液共聚而成的乳白色合成胶乳，能与水、颜料、助剂等其它粘合剂及填充料混溶性较好。特别是加入了极性基因（羧基）后，使产品粘接性、适用性、成膜性大大提高，具有良好的机械和化学稳定性，有较强的粘结力，是一种优良的水基粘合剂。 羧基丁苯胶乳广泛用于铜版纸、终底纸板、造纸、木材、喷胶棉、地毯、制革和建筑防水等领域。</t>
  </si>
  <si>
    <t xml:space="preserve">南京哪个药店最便宜?在什么地方? </t>
  </si>
  <si>
    <t>太平商场旁的太平宝丰大药房的药品比较便宜.在杨公井.</t>
  </si>
  <si>
    <t xml:space="preserve">古天乐的女朋友是谁啊?是干什么的? </t>
  </si>
  <si>
    <t>目前没有 。进入演艺圈后有很多绯闻女友:郑秀文,蔡少芬,雪儿,李珊珊,张玉珊等等，他唯一承认过的是黄纪莹(演港版&lt;&lt;天龙八部&gt;&gt;里西夏公主的),两人交往了几年后分手</t>
  </si>
  <si>
    <t xml:space="preserve">70猎人的武器选择刚70手里拿的还是影月谷的任务弓想换但不知道该 </t>
  </si>
  <si>
    <t>瓦弓不错，我们价格在80一下，我开箱子出了一把，80G都买不出去，还在仓库呢，+10智力也是很适合LR，蒸汽泡是16耐力+暴机，要说拉风把，我建议你去刷破碎老2出的天火弓，那个拉风啊，和KLZ王子掉的一样，帅呆拉~~~1！！</t>
  </si>
  <si>
    <t xml:space="preserve">在哪里可以查到上市公司的资料？包括公司的年报，中报，等基本面资料? </t>
  </si>
  <si>
    <t>各证券公司交易软件上都有,华泰,大智慧等</t>
  </si>
  <si>
    <t xml:space="preserve">真丝衣服上的油渍如何洗净 </t>
  </si>
  <si>
    <t>洗涤真丝注意什么 (1)水温不能太高。因为丝织品的颜色多数是用酸性染料染色的，水温过高，会造成严重褪色，一般情况下，用冷水即可。由于夏天自来水中含有较多的氯气；故应用隔日的自来水来洗涤。 (2)真丝服装耐碱性差，应选用弱碱性洗衣粉、中性洗涤剂、肥皂洗涤。咖啡、深灰、黑色等深色衣服，不能用肥皂直接擦洗，否则会出现色花或产生斑痕。 (3)真丝衣服不能长时间在洗涤液中浸泡，一般浸泡时间以5一10分钟为宜，最长不能超过20分钟，以防褪色。 (4)洗涤时要用手轻轻搓揉，不能用力过猛。重点部位可铺在洗衣板上用软棕刷轻轻刷洗，而且要顺着纹路轻刷，不能横刷或逆刷。 (5)清洗几遍之后，再过一次醋酸水，以增加颜色的鲜艳度，消除残余的洗涤液。 (6)漂洗干净后，不要用力拧干，可直接挂晾，拽平阴干。忌在阳光下曝晒，最好勿用洗衣机洗涤和甩干。 (7)待衣服基本晾干并略有潮湿时，收回熨烫，熨烫温度在110—120℃之间为宜。</t>
  </si>
  <si>
    <t xml:space="preserve">清泉老师:您好,请问600380下周一如何操作,是否可补仓?短期? </t>
  </si>
  <si>
    <t>可以在5日\10日均线间补仓操作.</t>
  </si>
  <si>
    <t xml:space="preserve">大阪樱花，我光想前面的亚冠了，没看后面还有亚冠大阪樱花，我光想前 </t>
  </si>
  <si>
    <t>那只能祝下次好运了</t>
  </si>
  <si>
    <t xml:space="preserve">求推荐手机：屏幕四寸左右，像素八百万以上，机身存储8或16G，双? </t>
  </si>
  <si>
    <t>现在刚出不久的小米2还是不错的，另外中兴和联想和华为这些牌子都算是不错的，你可以自己去看一下。参考一下。</t>
  </si>
  <si>
    <t xml:space="preserve">BUGBUG严重的漏洞，我做七佛珠的第7科时，才发现严重的漏洞， </t>
  </si>
  <si>
    <t>其实这根不算不上是BUG,本来有些物品就是在下面,面你看到的任务列表里可能是写着到***上面去取回**物品,其实有的时候物品在下面也说不定,这样的误差在游戏里很常见.</t>
  </si>
  <si>
    <t xml:space="preserve">什么样的人才算思想成熟？一个男人思想成熟的话会有什么具体表现？ </t>
  </si>
  <si>
    <t>1.具有一定的自主能力2.有自知之明3.正视现实4.具有一定的决断能力5.善与人相处6.具有自我成就感</t>
  </si>
  <si>
    <t xml:space="preserve">问：血压波动和感冒有关吗？ </t>
  </si>
  <si>
    <t>有直接关系，主要是体温低的现象。</t>
  </si>
  <si>
    <t xml:space="preserve">街头蓝球到底要卡到几时啊?维护............以前不在打 </t>
  </si>
  <si>
    <t>没办法 现在………… 埃…………   有时别人用加速也是卡的原因。感觉现在越来越不好玩了</t>
  </si>
  <si>
    <t xml:space="preserve">失落的宝物现在都可以卡。。晕请问完美什么时候把挖宝任务的BUG改 </t>
  </si>
  <si>
    <t>非常理解楼主的心情,以前我也有这样的经历,不过现在我再也不挖宝了...</t>
  </si>
  <si>
    <t xml:space="preserve">oppox909怎么样才能隐藏l来电号码 </t>
  </si>
  <si>
    <t>~1、因为现在版本不用，可能设置黑名单路径不一样，请问的手机是什么版本的。您可以在设置---常规--关于手机--查看到手机版本号。2、来电铃声时大时小可能是您下载的歌曲自身频率有差别，重新换一首频率差别不大的歌曲试试。3、经常没有网络可能原因是：当地信号差，换个信号好的地方看看，谢谢。~希望能帮到你,给个好评啊</t>
  </si>
  <si>
    <t xml:space="preserve">妈妈说看准了倍投!实单!!!个人感觉很好,很强大,很雷人!!! </t>
  </si>
  <si>
    <t>多特和欧塞尔有可能出问题，祝你好运了！</t>
  </si>
  <si>
    <t xml:space="preserve">幻灯片里面怎么插入可以动的一些小动画？在制作音乐幻灯片时候，怎么 </t>
  </si>
  <si>
    <t>到oh，100： 这里有许多素材方法见上</t>
  </si>
  <si>
    <t xml:space="preserve">在风穴的一个问题我是一个格斗士请问各位70级在风穴练至少要多少攻 </t>
  </si>
  <si>
    <t>现在风穴如果歧视不严重的地方，弓格魔随便一起就行但是如果歧视严重的地方就会750弓450格1000+魔！所以你还是满攻带纯水水晶为最好！</t>
  </si>
  <si>
    <t xml:space="preserve">请教高手！~问一下，现在打出来的传世宝卡（是打出来的吧？）有什么 </t>
  </si>
  <si>
    <t>1。那是垃圾，谁都不要的，打出来了，就不用管，放在地上，等它消失2。战士去僵尸洞，如果尸王殿人不多，就去那里！道士也可以去那里打。不过我那时侯去的是将军东5层。每小时3到5W的经验</t>
  </si>
  <si>
    <t xml:space="preserve">据传，重大利好,中央将打“组合拳”由于下周一IPO第一单中工国际 </t>
  </si>
  <si>
    <t>俺是 前天 3.73圆 弄了点 G复华（600624）...面临 周末 不敢 多弄..^_^..</t>
  </si>
  <si>
    <t xml:space="preserve">一区处女1D掉1F绿TL1级70W亏了吗？ </t>
  </si>
  <si>
    <t>晕，70W你千万不要买。买了你就后悔。绿的是5色螳螂中最便宜的。这只1档的我觉得出40W左右就不少了。你出那么多钱买绿的，不如去买别的颜色3档左右的螳螂70W都能买下来了</t>
  </si>
  <si>
    <t xml:space="preserve">推荐言情小说最好是有点小小的温馨的像笙离的《爱你，是我做过做好的 </t>
  </si>
  <si>
    <t>等待花开的日子 青春的蜕变，就是学会成长的过程。作者以细腻温暖的笔触讲述了一个至纯至美的爱情故事。许秋露是一位有着DJ梦的单纯女孩，当她向着理想勇敢迈进，终于如愿以偿时，邂逅了霸道男生林字燃。可是林宇燃却对心仪许久的女生许春妮念念不忘。电台首席主播杨帆对秋露照顾有嘉，缺乏父爱的她一直把他当成最敬爱的哥哥，而杨帆对秋露的感情却超越了兄妹之情。一系列的变故和曲折后，林宇燃渐渐对“得罪”过自己的秋露心生爱慕。偏偏这时，秋露却获悉春妮竟然是她的亲姐姐。亲情和爱情的抉择，从来就不会是一件轻松的事情。作者以她独特的心灵语言告诉我们：爱情，就如等待花开的日子，如果在对的时间碰到了对的人，那，就爱吧。恋空 2000年夏天，平凡的高一女生田园美嘉在一次偶然的机会中与高大帅气的同级男生弘树结识，并开始交往。从来没有好好谈过的美嘉仿佛被激流吞没一样，陷入了与弘树的美好恋情中。然而这段恋情曲折艰难，突如其来的可怕事件袭击了美嘉，在弘树坚定的爱的守护下，美嘉的心灵创伤渐渐愈合。　　另一个出乎预料的“大事件”接踵而来——美嘉有了弘树的孩子。美嘉把这个消息告诉弘树后，弘树笑着说：“请把我们的孩子生下来吧。”两人约好要一起抚养这个孩子。就在圣诞夜，意外的悲剧再度降临在美嘉身上。虽然美嘉为之深感痛苦，但她和弘树之间的感情却因此更深了一层。　　两人越过了各种各样的困难，发誓永远相爱。不料到了二年级的春天，弘树突然提出分手，行为乖张放浪，美嘉大受打击。在朋友们的鼓励下，伤心欲绝的美嘉重新振作了起来。同时，大学生优出现在她的生活中。优的关怀宽厚温柔，使美嘉重新体会到爱的温情和力量。为了回报优的温柔，美嘉决定忠于这场平稳安然的恋情，毕业后她考进了优所在的大学。　　又到了圣诞夜，美嘉终于得知弘树离开她的真相……一边是温柔而宽厚的优，一边是桀骜却坚毅的弘树，她将如何选择？在无可逆转的绝症面前，两个年轻人竭力以青春和爱的力量跨越生与死的阻隔。而美嘉最终也明白了，以往那么多的挫折，原来亦是青春和爱的证明。在永远相连结的爱的天空下，美嘉获得了继续追求美好生活的勇气。全世爱 这部半自传体和半虚构的小说以情景剧的形式，讲述了一对情侣发生的各类趣事以及对婚前婚后幸福生活的经营。每个故事均独立成篇，完全生活化的语言，语句简单轻快，没有过多的华丽修饰，读起来轻松诙谐，让人忍俊不禁。　　作者以真实幽默的笔调向读者展示了一对情侣的幸福生活，不论是俩人婚前交往时的温馨和浪漫，还是在充满了柴米油盐酱醋繁杂但平淡生活中出现的摩擦和争吵，全篇文字均充满智慧性和饱含哲理的语句。旋风少女 当今青少年中最酷、最眩的跆拳道运动闪亮登场了！如雪的道袍在风中轻摆，蓝天白云下的清新爱情，在阳光下流淌的青春汗水啊，让我们在热血沸腾中彻底燃烧吧。明晓溪称这是自己有史以来写得最酣畅淋漓的一部书，“经常激动得坐立不安，有时又在夜间伤心得写不下去”。在这一部里，跆拳道女孩戚百草小荷才露尖尖角，但已掩饰不住她的浑身光芒，胜利的女神在向她招手，少女的心在运动与甜蜜的爱情中悸动不已。青春那么伤 十六七岁里最纯真的爱情，恰是我们最深刻的伤。岩井俊二式的青春，两个女孩的故事，她们是蓝色的花与爱丽丝。她们是夏天的霍莎和许薇。 许薇，霍莎，安洛，再加上顾汐。本该是四段简单美好的青春年少，却因为上一代的错误而遭受惩罚，想爱的无法爱，相爱的错过爱。当真相逐渐清晰，他们可以承受那一场青春的伤吗？</t>
  </si>
  <si>
    <t xml:space="preserve">林宥嘉什么时候来济南开演唱会 </t>
  </si>
  <si>
    <t>目前看来还没有来济南的行程安排，只有台北和香港已在日程</t>
  </si>
  <si>
    <t xml:space="preserve">怎么开网店？如何开网店？最什么东西最好？ </t>
  </si>
  <si>
    <t>建议新手开店从虚拟做起。为什么呢？原因主要有三点： 第一，你可以有一个上家指导你开店，开通店铺，店铺装修，宝贝上架，推广，这些你都需要一个好师傅，这样店铺开起来就会得心应手。 第二，你可以快速升高店铺信用，熟练掌握店铺的操作，不管是以后继续做虚拟还是转行做实物都对你很有帮助的. 第三，代理软件招收下级代理 代理一个软件出去提成是很高的，你招收一个下级代理是250招两个就回赚了，你可以往这方面发展，做的好你应该知道能赚多少钱！ 最后说的是， 开店自己要做好心理准备，要有耐心，不断学习的精神，祝你一切顺利！【如有疑问或想开网店请随时找我！24小时在线！】 用户名扣</t>
  </si>
  <si>
    <t xml:space="preserve">1月29日出生的明星有哪些？ </t>
  </si>
  <si>
    <t>生日大全 1月~ 1月1日 言承旭 陈锦鸿 葛优 堂本光一（日）安成基（韩） 1月2日 竹野内丰（日） 1月3日 孙耀威 蔡一智 陈冲 黄伊汶 朴素美（韩） 1月4日 陈坤 1月5日 黄凤仪 戚美珍 1月6日 陆毅 黄瑞丰 朴善英（韩） 1月7日 陈秀雯 杨恭如 1月8日 陈明真 朴真姬（韩） 1月9日 孙淑媚 蔡安荞 满江 1月10日 郑惠玉 1月11日 黄舒骏 孙艺珍（韩） 1月12日 堂娜 齐秦 张镐哲 1月13日 叶蕴仪 1月14日 高雪岚 傅佩嘉 李霞 黄俊贤（韩） 1月15日 陶虹 俞飞鸿 林美贞 朱孝天 1月16日 苏玉华 1月17日 李玟 王海珍 1月18日 周杰伦 白雪 1月19日 吕方 1月20日 滕丽名 卓文萱 袁彩云 1月21日 陈松伶 钟欣桐 1月22日 许晴 王小丫 1月23日 李心洁 汪佩蓉 王子鸣 1月24日 翁倩玉 严宽 1月25日 苏瑾 1月26日 1月27日 范文芳 高胜美 林心如 王雪娥 钟真 1月28日 蔡健雅 1月29日 邓丽君 宋新妮 1月30日 加籐纪子（日） 1月31日 王祖贤 陈琳 林雅诗 李英爱（韩）温碧霞 ------------------------------------------- ~2月~ 2月1日 叶佩雯 2月2日 彭羚 莫少聪 2月3日 杨千??佟大为 惠英红 2月4日 张兆辉 2月5日 吕颂贤 申恩庆（韩） 2月6日 钟楚红 陈娟红 蔡一杰 福山雅治（日） 金国振（韩） 2月7日 小雪 李贞贤（韩） 2月8日 辛晓琪 张卫健 2月9日 巫启贤 章子怡 铃木亚美(日) 2月10日 杜德伟 李湘 金晓珍（韩） 2月11日 王识贤 金光烈（韩） 全道妍（韩） 朴素娴（韩） 2月12日 叶玉卿 顺子 詹小楠 2月13日 胡凯莉 2月14日 叶璇 涂善妮 胡兵 马景涛 酒井法子 2月15日 邵兵 洪秀铉（韩） 2月16日 陈雅伦 2月17日 河莉秀（韩） 2月18日 黎瑞恩 张茜 孙楠 2月19日 罗建章 2月20日 孙志昌（韩） 2月21日 曾宝仪 李仁慧（韩）金荷娜（韩） 2月22日 李英娜（韩）姜成勋（韩）苗圃 2月23日 2月24日 伍咏薇 郑少秋 金胜佑（韩） 2月25日 刘玉婷 李绮红 金喜善（韩） 2月26日 黄品冠 方力申 宋惠乔（韩） 2月27日 范晓萱 邵美琪 2月28日 黄格选 菊川怜（日） 2月29日 饭岛爱(日) -------------------------------------- ~3月~ 3月1日 罗中旭 金敏姬（韩） 3月2日 杨乃文 邓萃雯 朴真星（韩） 3月3日 徐怀钰 郭奖 3月4日 伊能静 任泉 金桢恩（韩） 3月5日 唐林 李慧珍 3月6日 3月7日 徐濠萦 张东健（韩） 申爱罗（韩）原子鏸 3月8日 谢雨欣 金灿宇（韩） 叶童 3月9日 郑中基 3月10日 3月11日 方季惟 阿杜 3月12日 赵薇 叶蓓 3月13日 陈怡蓉 赵明明 3月14日 文熙俊 3月15日 刘虹桦 李政在（韩） 李敏宇（韩） 3月16日 柏原崇（日） 3月17日 黄品源 李爱静（韩） 小凡 聂远 3月18日 蔡幸娟 范玮琪 胡军 本多ruru 张娜拉（韩） 麦浚龙 3月19日 徐若瑄 任达华 金来元（韩） 3月20日 张可颐 郑宇成（韩） 3月21日 3月22日 朴中勋（韩） 3月23日 萧正楠 金民钟（韩） 周涛 3月24日 3月25日 梁咏琪 陈玉莲 白智英（韩） 车太贤（韩） 李太兰（韩） 3月26日 周蕙 张信哲 3月27日 3月28日 蔡琳（韩） 3月29日 3月30日 何嘉文 柯以敏 朴京林（韩） 3月31日 赵学而 黄贯中 ----------------------------------------- ~4月~ 4月1日 4月2日 戴娆 4月3日 邝文? 4月4日 陈乔恩 金贤政（韩） 4月5日 申敏儿（韩） 4月6日 4月7日 成龙 4月8日 4月9日 李瑶媛（韩） 4月10日 堂本刚（日） 明时彬（韩） 4月11日 田家达 4月12日 4月13日 刘志太（韩） 4月14日 曾志伟 4月15日 金太宇（韩） 金锡勋（韩） 4月16日 舒淇 徐静蕾 杨思敏 陈豪 4月17日 阮丹青 李小燕 倪睿思 4月18日 徐峥 4月19日 周俊伟 4月20日 彭佳慧 赵之璧 4月21日 4月22日 戴佩妮 路嘉欣 满文军 4月23日 4月24日 钟汶 孙昌敏（韩） 金贤珠（韩） 4月25日 4月26日 林忆莲 4月27日 李翊君 宁静 4月28日 何炅 4月29日 4月30日 张宇 田丽 梅婷 ------------------------------------------ ~5月~ 5月1日 陈德容 5月2日 张震岳 5月3日 方子璇 5月4日 高明骏 5月5日 吴美珩 崔江姬（韩） 5月6日 邓健泓 李勋（韩） 文瑾英（韩） 5月7日 翁美玲 钱韦杉 田震 5月8日 陈司翰 李小冉 5月9日 秋尚美（韩） 潘粤明 5月10日 张玉??何韵诗 金南珠（韩） 5月11日 梁汉文 杨钰莹 陶红 5月12日 5月13日 施易男 5月14日 陈淑桦 曹颖 5月15日 陈秋琳 5月16日 邱淑贞 谷祖琳 5月17日 王力宏 5月18日 周润发 5月19日 赵咏华 尹子维 吴启华 5月20日 林瑞阳 许玮伦 美秀芝（韩） 5月21日 陈志朋 5月22日 miggic Q 5月23日 杨采妮 毛宁 5月24日 张柏芝 5月25日 5月26日 5月27日 5月28日 佘诗曼 5月29日 5月30日 陈慧珊 王喜 5月31日 陶莉萍 章小蕙 ----------------------------------------------- ~6月~ 6月1日 刘若英 金相庆（韩） 李东勤（韩） 6月2日 莫文蔚 6月3日 6月4日 温翠萍 胡瓜 李周姬（韩） 杨承琳 6月5日 6月6日 於娜 6月7日 陈绮贞 张雨生 林韦君 车承元（韩） 宋润亚（韩） 6月8日 金玟（韩） 万弘杰 6月9日 孔令奇 俞小凡 6月10日 6月11日 崔智友（韩） 6月12日 陈冠桦 6月13日 方文琳 苏芮 6月14日 6月15日 江凯文 6月16日 梁静茹 容祖儿 黄耀明 6月17日 黄锦雯 6月18日 赵传 6月19日 樊少皇 6月20日 李嘉欣 应采儿 朴桑雅（韩） 6月21日 6月22日 周星驰 6月23日 任贤齐 6月24日 陈纯甄 6月25日 蔡时罗（韩） 6月26日 伊雪莉 黄小桢 金恩亭（韩） 6月27日 李度 梁朝伟 金圭丽（韩） 马德钟 6月28日 何芷缓（韩） 6月29日 井川遥（日） 6月30日 潘美辰 汤盈盈 ------------------------------------------------- 7月~ 7月1日 7月2日 吴倩莲 瞿颖 7月3日 7月4日 7月5日 马千珊 7月6日 林佳仪 万芳 林志炫 7月7日 王喜 张惠春 7月8日 陈小春 陈芷菁 7月9日 雷颂德 7月10日 秦汉 张学友 7月11日 陶哲 7月12日 郭羡妮 李秉宪（韩） 7月13日 7月14日 尹馨 叶安婷 7月15日 陈明 谢天华 7月16日 温岚 关咏荷 刘锡明 7月17日 陈孝萱 7月18日 广末凉子(日) 7月19日 陈姗妮 李宗盛 於秀琴 李冰 7月20日 文颂娴 7月21日 张艾嘉 许巍 康成艳（韩） 7月22日 金芝禾（韩） 於波 7月23日 孙燕姿 伍思凯 成贤娥（韩） 李铭顺 7月24日 陈翠婷 陈纯甄 陈龙 高枫 7月25日 万梓良 7月26日 童安格 7月27日 陈奕迅 甄子丹 7月28日 陈慧娴 庾澄庆 廉静儿（韩） 7月29日 徐路 7月30日 7月31日 张克帆 关心妍 濮存昕 ----------------------------------------- ~8月~ 8月1日 陈妙瑛 何嘉莉 王静莹 8月2日 鲍蕾 李?英（韩） 吴君如 8月3日 蔡淳佳 蒙嘉慧 李本（韩） 8月4日 8月5日 王馨平 关淑怡 8月6日 杨紫琼 曾华倩 奥莱惠（日） 金相钟（韩） 8月7日 8月8日 王菲 8月9日 张惠妹 冯德伦 霍经伦 8月10日 周小菁 姚嘉妮 8月11日 丁菲飞 朱镇某（韩） 周镇卯（韩） 苏幼贞（韩） 8月12日 许志安 韩宰锡（韩） 朴勇河（韩） 8月13日 洪爱莉 胡海泉 8月14日 江美琪 8月15日 8月16日 李若彤 8月17日 林嘉欣 孟广美 陈自瑶 韩石圭（韩） 8月18日 古巨基 宣萱 恭硕良 李升燕（韩） 8月19日 郑秀文 叶世荣 8月20日 8月21日 吴辰君 8月22日 何静 8月23日 郭妃丽 李成宰（韩） 8月24日 高慧君 萧亚轩 熊天平 8月25日 8月26日 陶大宇 汪琳 8月27日 侯湘婷 张智霖 8月28日 汪明荃 8月29日 谢霆锋 裴勇俊（韩） 8月30日 王光良 姜培琳 周丽淇 8月31日 张清芳 陈庆祥 ----------------------------------------- ~9 月~ 9月1日 江蕙 潘仪君 9月2日 江希文 黄秋生 米雪 9月3日 陈晓东 蒋勤勤 沈银河（韩） 9月4日 黄日华 林保怡 袁咏仪 9月5日 黄子华 金惠秀（韩） 9月6日 许冠杰 陈予新 谭小环 9月7日 陈百强 金志英（韩） 9月8日 9月9日 康净淳 郑裕玲 解晓东 陈采岚 9月10日 艾敬 9月11日 苏有朋 今井佐智子（日） 刘五性（韩） 丘本承（韩） 9月12日 叶全真 张国荣 甄志强 9月13日 陈慧琳 何润东 黄奕 韩彩英（韩） 9月14日 柳瀚雅 曾治伦 9月15日 蔡依林 陈洁仪 袁洁莹 9月16日 9月17日 蔡少芬 翁虹 黄大炜 龚慈恩 9月18日 李婷宜 陈文媛 9月19日 钟丽缇 9月20日 黄乙玲 许茹芸 张曼玉 巫奇 安室奈美惠（日） 江美仪 9月21日 吴佩文 黄立行 林家栋 9月22日 9月23日 吴绮莉 李茏怡 李美妍（韩） 姚乐怡 9月24日 关之琳 赵一豪 苏永康 9月25日 沈星 李钟原（韩） 9月26日 吴宗宪 郭霭明 韩红 9月27日 许美静 王颂恩 刘德华 9月28日 窦智孔 韩君婷 9月29日 於台烟 沈傲君 元彬（韩） 9月30日 叶倩文 李小璐 张文慈 陈胜龙 陈跃虎 ----------------------------------------- ~10月~ 10月1日 黄韵玲 黎姿 杨林 甘成宇（韩） 李学庆 10月2日 万绮雯 卓依婷 吴大维 向海岚 10月3日 王仁宏 柯以柔 10月4日 吴佩慈 李蕙敏 汤宝如 吴佩慈 郑伊健 高修（韩） 10月5日 高圆圆 宋承宪（韩） 沈晓海 10月6日 高小英（韩） 柳时元（韩） 10月7日 贾静雯 陈冠希 陈浩民 10月8日 中山亚微梨（日） 10月9日 李珊珊 郭晋安 10月10日 梅艳芳 10月11日 金城武 王建隆 裴斗娜（韩） 10月12日 李泉 金幽美（韩） 10月13日 刘恺威 傅明宪 松岛菜菜子（日） 10月14日 刘松仁 邱泽 车仁彪（韩） 10月15日 林志颖 尹孙河（韩） 10月16日 袁泉 10月17日 丁小芹 齐豫 许绍洋 吴文忻 10月18日 卢巧音 周迅 吴克群 崔宇赫（韩） 10月19日 高山峰 10月20日 王杰 张楚 魏骏杰 10月21日 古天乐 10月22日 岳梅 10月23日 林俊贤 10月24日 金知秀（韩） 10月25日 郭嘉璐 朱茵 俞可欣 10月26日 郭富城 郁芳 马浚伟 陈倩倩 姜昕 10月27日 苏慧伦 陈美 10月28日 利绮 李雨寰 陈法蓉 尹天照 仓木麻衣（日） 申贤俊（韩） 10月29日 林熙蕾 陶晶莹 陈升 楚谨 10月30日 游鸿明 安在旭（韩） 全智贤（韩） 10月31日 吴奇隆 任家萱 刘晓庆 ----------------------------------------- ~11月~ 11月1日 朴信洋（韩） 11月2日 金素妍（韩） 11月3日 钟丽淇 林青霞 范逸臣 11月4日 婷婷 张慧仪 朱桢 苏志燮（韩） 11月5日 boa（韩） 赵敏基（韩） 朴正哲（韩） 11月6日 郑钧 11月7日 焦恩俊 田海蓉 金允珍（韩） 李宗翰 11月8日 朴树 11月9日 11月10日 彭丹 11月11日 李彩桦 天心 11月12日 刘雪华 11月13日 刘孜 木村佑哉 余文乐 11月14日 郑智化 11月15日 王秀琳 赵雅芝 何宝生 11月16日 蓝心湄 李银珠（韩） 11月17日 唐文龙 陈妃平 11月18日 温兆伦 张瑶 陈羽凡 11月19日（tvb台庆） 潘越云 罗百吉 舒高 金铭 江华 11月20日 周慧敏 11月21日 陈炜 11月22日 蔡卓妍 11月23日 黄仁颖（韩） 11月24日 权捂钟（韩） 11月25日 徐华凤 马艳丽 11月26日 11月27日 郭可盈 迪克牛仔 李小龙 那英 11月28日 11月29日 徐子淇 11月30日 钟汉良 蔡晓仪 林昌廷 ----------------------------------------- ~12月~ 12月1日 12月2日 张家辉 何美钿 刘玉玲 滨崎步（日） 12月3日 12月4日 12月5日 许慧欣 观月亚理沙（日） 12月6日 李克勤 周海媚 黄磊 12月7日 12月8日 刘嘉玲 林峰 12月9日 林晓培 12月10日 张佳佳 12月11日 黎明 洪金宝 王思懿 12月12日 雪儿 吴廷烨 12月13日 12月14日 魏雪漫 12月15日 张洪量 黄申惠（韩） 12月16日 罗嘉良 欧倩怡 12月17日 何欣穗 颜仟汶 黄湘怡 12月18日 洪筠惠 杨坤 12月19日 纪如璟 反町隆史（日） 林文龙 12月20日 张赫（韩） 12月21日 吴镇宇 12月22日 孟庭苇 周华健 蔡琴 12月23日 大谷允保（日） 12月24日 邝美云 费翔 崔真实（韩） 黄秀贞（韩） 12月25日 彭海桐 桥本丽香（日） 12月26日 何念庭 12月27日 卢春如 丁文琪 12月28日 车婉婉 崔秀钟（韩） 12月29日 梁小冰 何家劲 12月30日 12月31日 巩俐 徐有贞（韩）</t>
  </si>
  <si>
    <t xml:space="preserve">会计一个月工资多少福建地区，新手一般会计多少钱一个月？ </t>
  </si>
  <si>
    <t>新手工资都很低的啦，当然也要看你的毕业院校的啦，好学校出来两三千算高的了，但时间久了有经验就好啦。</t>
  </si>
  <si>
    <t xml:space="preserve">如何下载这些视频啊！ </t>
  </si>
  <si>
    <t>1、打开播客视频的播放页面，复制播放页面的网址2、打开视频网站探测地址：  ，将网址粘贴进去，点击获取地址3、右击获得的地址，可以目标另存为或将获得的地址贴到ie地址栏，回车，用ie下载即可。</t>
  </si>
  <si>
    <t xml:space="preserve">上海的化妆培训学校哪家好些？ </t>
  </si>
  <si>
    <t>我也推荐你到上海荟艺化妆学校去看看，我在上海就听说过这一家学校还不错，其他化妆学校不了</t>
  </si>
  <si>
    <t xml:space="preserve">为毛会过敏？？？脖子过敏了成鸡皮疙瘩一样的！！！！！因为什么？？ </t>
  </si>
  <si>
    <t>去皮肤科看看，可能是接触过敏</t>
  </si>
  <si>
    <t xml:space="preserve">十天游北京，指望修改，谢谢谢谢大家了，有经验的可否在基础上给我修 </t>
  </si>
  <si>
    <t>颐和园一天都玩不完的，时间太紧了没有历史重要的建筑物：圆明园啊，很遗憾了西单之行可以把中友加上，也算是比较大的商场了，也能代表北京的老百姓可以逛的大商场了。如果你的友人或者你的消费水平较高，也可以考虑建国门一行，吃哈根达斯，逛赛特</t>
  </si>
  <si>
    <t xml:space="preserve">卖貂蝉+9头5月份在八阵里得来的，还没换，有意者带价来 </t>
  </si>
  <si>
    <t>弥补弱点？不然不值几个钱</t>
  </si>
  <si>
    <t xml:space="preserve">为什么佛教没有成为印度的国教而在泰国却成为国教 </t>
  </si>
  <si>
    <t>成为国教了只是时间短，究其根源是他在印度不占统治地位。也可能和他思辩性太强有关，佛死后，信徒们对他理论的理解分歧太大。争吵一天也没停过。哪有这种国教？小乘较保守还好点在泰国可成国教。大乘就不行了显宗密宗公开争论实际上他们几乎没有差别。</t>
  </si>
  <si>
    <t xml:space="preserve">吃穿山甲对以后怀孕有影响吗我有乳腺纤维瘤，现在复发了准备吃中药， </t>
  </si>
  <si>
    <t>您好，乳腺纤维瘤大多是一种良性肿瘤，建议手术切除。</t>
  </si>
  <si>
    <t xml:space="preserve">公司给员工宿舍安装的防盗窗材料费和人工费做什么会计分录1公司给员 </t>
  </si>
  <si>
    <t>1 公司给员工宿舍安装的防盗窗材料费和人工费750元做什么会计分录？ 借：管理费用-福利费 750贷：现金或其它科目2 公司打印标签的打印机加粉的费用120元做什么会计分录？(我们公司是卖盒饭的，标签是贴在盒饭上面的）借：管理费用-办公费贷：现金或其他科目</t>
  </si>
  <si>
    <t xml:space="preserve">小弟我不知道练白妖好还是黑妖好,我有3500W,如果练黑,我有一? </t>
  </si>
  <si>
    <t>想练什么号还是看你自己喜欢玩什么啊？其实什么号等级高了都好玩的．因为你的黑妖自己已经说了．我就说说白妖吧．白妖前期你要买把９１０字弓，因为是体妖用９１０字．防御装备嘛用安定的吧．比如艾亏．腕甲，４５级前用６精链４５后买个古皮．４刚脚．６精斗吧．用弓防御少点无所谓的．当然你所在的区东西便宜３５００万能买到更好的就用好点的装备．你用９１０字３０级前在海音打打，钱也多．之后去欧瑞战场练级．会很快到４８的．４８以后你还可以选择在这继续，也可以到火山或龙２龙３．或３１＋练级．建议还是５０前用一直用弓．省钱也不会很慢的．４８虽然有体魄但用刀还是很吃力的．但肯定的是刀肯定比弓快．有保姆号或者有好的装备就用刀．不然就用弓吧．希望你游戏快乐．</t>
  </si>
  <si>
    <t xml:space="preserve">国际标准单位有哪些？它们最初和现在都是如何定义的？ </t>
  </si>
  <si>
    <t>(1)米:米是光在真空中于1／299 792 458s时间间隔内所经路径的长度. 在1960年国际计量大会上,确定以上定义的同时,宣布废除1889年生效的以铂铱国际米原器为标准的米定义. (2)千克:国际千克原器的质量为1 kg. 国际千克原器是1889年第一届国际权度大会批准制造的.它是一个高度和直径均为39 mm的,用铂铱合金制成的圆柱体.原型保存在巴黎国际计量局. (3)秒:铯—133原子基态的两个超精细能级之间跃迁所对应的辐射的9,192,631,770个周期的持续时间为1 s. 起初,人们把一昼夜划分为24 h,1 h为60 min,1 min为60 s.但一昼夜的周期,即太阳日是变动的,所以定义1 s等于平均太阳日.后来又发现,地球公转周期也是变动的,于是又需确定另外的定义.随着技术的发展,科学家们发现,原子能级跃迁时,吸收或发射一定频率的电磁波,其频率非常稳定.于是在1967年第十三届国际计量大会上确认了上述定义. (4)安培:在两条置于真空中的,相互平行,相距1米的无限长而圆截面可以忽略的导线中,通以强度相同的恒定电流,若导线每米长所受的力为2×10-7 N,则导线中的电流强度为1 A. 1948年国际度量衡委员会第九次会议作了这样的规定.1960年10月,第十一届国际权度大会上确认为国际单位制中的七种基本单位之一. (5)开尔文:水的三相点热力学温度的为1 K. 该单位是以英国物理学家开尔文的名字命名的."开尔文"的温度间隔与"摄氏度"的温度间隔相等.但开氏温标的零度(0 K),是摄氏温标的零下273度(-273℃). 1968年国际计量大会决定把"开尔文"作为七个基本单位之一. (6)摩尔:简称摩,摩尔是一系统的物质的量,该系统中所包含的基本单元数与0.012kg 12C的原子数目相等. 使用摩尔时,基本单元应予指明,可以是原子,分子,离子,电子及其他粒子,或这些粒子的特定组合. 摩尔拉丁文的原意是大量和堆量.它是用宏观的量来量度微观粒子的一个单位.1971年第十四届国际计量大会通过了对摩尔的定义.我国1977年国务院公布了介绍摩尔的文件,同时取消克原子,克分子,克分子浓度,克分子体积等概念. (7)坎德拉:简称坎,一个光源在给定方向上的发光强度.该光源发出的频率为540×1012赫兹的单色辐射,且在此方向上的辐射强度为瓦特每球面度.</t>
  </si>
  <si>
    <t xml:space="preserve">脑死亡和心跳停止那一个先啊？ </t>
  </si>
  <si>
    <t>临床判定脑死亡的标准有三个，一是自主呼吸小时5分钟以后，大脑出现不可恢复的细胞损伤；二是无脑活动，脑电波检查图像呈直线；三是各种脑干反射消失，虽然有血压和心跳，但已经不受脑神经支配。如果患者出现上述情况，医生就可以做出脑死亡的断定了。</t>
  </si>
  <si>
    <t xml:space="preserve">圣骑士学了工程后可以用火枪吗？ </t>
  </si>
  <si>
    <t>不可以！只有林克的回旋标（做任务奖励的饰品）圣骑才可以拿来远程！</t>
  </si>
  <si>
    <t xml:space="preserve">又是仙剑玩仙剑3到德阳的时候怎么都找不到霹雳堂,请各位高手指点下 </t>
  </si>
  <si>
    <t>德阳在一间民居外会有一个小女孩在墙壁上画烧饼,景天见此不免心酸,于是便到小女孩右方不远处的摊贩买了一个烧饼给她(须付一文钱),小女孩收了烧饼后会告知在客栈后方的井可到达霹雳堂.之后来到客栈左方,点选井,便会落到低一点的平地上,走到不远处会看到一张桌子和几个椅子,只要点选桌子便可到霹雳堂西部(建议等级:17)　　●古董提示：　　绿釉陶水榭：德阳豪华民居乙桌子下　　●支线提示：　　在武器店后方会找到花楹,而花楹身旁好像很痛苦的霹雳堂弟子请求花楹替他买点治红伤的药,可是花楹没有钱,霹雳堂弟子只好请求芯楹为他看看一张纸上写著些什么,可是花楹又不识字.景天只好出手治愈他,令他不再感到这么痛苦,霹雳堂弟子便请求景天帮他看看一张纸,景天细看只下却发现只是一张金创药的药方,霹雳堂弟子便将其赠予景天.对话中有等待时间棒，在时间棒跑完前按下(或空格)花楹好感度+2，任时间棒跑完则+0。之后得到“金创药”合成法。　　各人合成的成功率：　　景天60%　　雪见80%　　龙葵40%　　●支线提示：　　在一间窗前长著花树的民居内会有一名老人和小孩在争执,突然,小孩向窗外的人说不要弄他的花,这时出现等待时间棒，如果在时间棒跑完前按下鼠标(或空格)，景天立即到屋外阻止雪见,此时会遇到花精,她会拜托景天去找天香续命露给屋内的老人，蓬莱拿到的天香续命露派上用常完成后雪见可获得新技能:绿波红露斩，并且雪见好感+16。如果前面任时间棒跑完则好感+0，而且触发不了花精事件。</t>
  </si>
  <si>
    <t xml:space="preserve">离婚对吗老公和我是第二次婚姻有一个七个月大的孩子但是我发现他有外 </t>
  </si>
  <si>
    <t>男人不容易，离婚了还要有理由人家有外遇了，当然要离婚了你能和小三和谐相处吗？如果能，不离</t>
  </si>
  <si>
    <t xml:space="preserve">为什么总是掉线和延迟!平均每2分钟延迟一次.5分钟掉线一次! </t>
  </si>
  <si>
    <t>公测第一天实在是不敢恭维，第二天好多了，但是今天晚上又是吐血，跟搂住差不多。什么叫“以日本网络为基础的”，现在好多画面豪华的大型3D游戏还不是在中国一样的玩的开。游戏的开发一般是以自身的技术和目标为标准，还没有听说以“以日本网络为基础的”，只能说明水平不行，不管是开发公司还是代理公司！</t>
  </si>
  <si>
    <t xml:space="preserve">为什么惠山的泥人，宜兴的紫砂都在无锡？那边的土质有什么不一般吗？ </t>
  </si>
  <si>
    <t>　　宜兴的紫砂陶器必须用紫砂，宜兴特产。但目前紫砂资源已接近用光，以后只能到别处去买紫砂原料了。　　惠山泥人的泥土没有什么特别，主要是传统手工艺制作在那里得到了继承发扬，历史悠久。</t>
  </si>
  <si>
    <t xml:space="preserve">600808今日走?萑绾危窟?能介入?幔恐x謝。 </t>
  </si>
  <si>
    <t>蓝筹暂时告一段落，出！</t>
  </si>
  <si>
    <t xml:space="preserve">英语学习这几个词:"性格开朗,善解人意,诚实待人,有礼貌."用英 </t>
  </si>
  <si>
    <t>optimistic and open-minded,considerate and kind,honest and sincere,polite and gentle. 建议：用形容词更好。</t>
  </si>
  <si>
    <t xml:space="preserve">(人际交流障碍)怎样建立属于自己的个性表达呢?感谢上帝,从小就生 </t>
  </si>
  <si>
    <t xml:space="preserve">你需要从学习观察了解别人开始，这样可以慢慢放下对自己的担心，也自然学会去表达和交流。  </t>
  </si>
  <si>
    <t xml:space="preserve">戒律神圣牧师去厄运东刷小花视频在哪有？最好可以下载的 </t>
  </si>
  <si>
    <t xml:space="preserve">可以刷厄运，东西北都可以，只是刷的怪不一样。东主要是刷小，装备和经验够的话可以杀水boss，带小鬼的女人和那个会传送的恶魔（名字一个都想不起来了）。天赋无所谓，但要刷花，神圣新星一定要有，另外蓝要在6000以上，这样可以让你比较轻松的一次a掉一堆小花。主要收益是小花给的草药，偶尔凋落的绿蓝紫装，和极小几率开书堆给的屠龙纲要。学采药的还可以多收入点草药。时间方面如果装备较好，手法熟练，单刷小花的话1个小时应该可以刷4次左右，但我一般都是30分钟刷完一次。西就是刷树人，还得挑那些不带守护者的杀。boss就省省吧，一个也杀不掉。主要收益是树人掉落的蛮荒之叶，钱，偶尔的装备和圣典。时间方面根据不带守护者的树人的多少来定，一般一次都可以杀2堆到3堆，耗时20分钟以下。北我去主要是杀虫子和第一卫兵，用心灵安抚过了右边的2堆共4个怪，开始用神圣新星a，3000蓝可以搞定一堆。最后是用跳台阶的方法，用痛磨死狗和第一卫兵。主要收益是虫子掉的虫子皮，偶尔的绿蓝紫装，和卫兵掉落的物品。时间方面因为杀的怪比较稳定，时间也相应固定，以我150的魔伤，一小时基本可以完成3次多，不到4次。地方有限，具体刷法不能说的很详细，推荐你去 的赚钱专区找牧师刷厄运的视频下载看。除了厄运，还有很多地方牧师都可以单刷，没有难度的比如高地以下级别的副本，高点的比如玛拉顿的公主和地精。另外告诉楼主，想用牧师飞速赚钱基本不可能，比如我，刷厄运北一般一个小时只有20左右的收入，rp爆发出了紫的不算。所以想暴富还是去拍卖行倒买倒卖吧。单刷副本在我看来更多属于娱乐和对自己的挑战，收益倒是次要的。注明：我是31－20－0的天赋，有神圣新星。 </t>
  </si>
  <si>
    <t xml:space="preserve">急求胃癌晚期良方朋友的妈妈胃癌晚期，已扩散，主要扩散到肺部，急求 </t>
  </si>
  <si>
    <t xml:space="preserve">1 负责“ 迄今为止，在我国临床所收治的胃癌病人中，晚期胃癌所占的比例仍然很大。因此，如何能为这部分病人选择合适的手术方式以进一步延长自下而上期、减轻痛苦，亦为重要的问题。按我国全国胃癌协作组分期，Ⅳ期胃癌的诊断标准有如下三点：1、肿瘤侵出浆膜而累及周围脏器或呈皮革状胃者；2、淋巴结已叶阳性者；3、有远处转移者。根据瑞金医院1，881例胃癌病例的分析，第Ⅳ期口才作扩大切除术后之五年自下而上率为8.92%，而同期内第Ⅳ期病例作胃部分切除术者五年自下而上率较扩大切除术者为优，说明晚期胃癌患者不应作为扩大性手术的对象，而应酌情作相应的较简单手术。最近，我国白求恩医科大学第一临床学院外科曾就310例晚期胃癌的手术治疗体会作了报道，认为对晚期胃癌积极进行手术的意义如下：1、解除病人痛若及精神负担，改善全身情况；2、在主要癌块被切除的情况下，能使化疗、免疫疗法等在杀灭残余癌组织时发按更大的疚；3、由于胃癌的生物学特性各不相同，有少数病例在行姑息性手术后也能获得长期存活；4、积极多作检查有提高切除率和生存率之可能。可供选择的手术方法有二：1、如全身及局部情况许可，力争切除原发肿块及近胃淋巴结，以昼减少肿瘤组织，为术后化疗创有利条件；2、如局部情况不允许作肿块切除而又有梗阻症状者，则争取作捷径吻合手术。还有其它具体相关的你自己上http // 参考资料：  ”2 为什么会得癌证 预防癌症要有良好的生活习惯.比如癌症属基因突变,人在半夜过后是最容易突变的时候,所以不能熬夜是肯定的,还有证明,黄曲霉素是致肝癌的元凶,而这种东西最多存在发霉的玉米中,花生等中,所以发霉的干果或是其他都不能吃.所以我觉得有个良好生活习惯是最重要的.（ 你好我给你做回答吧！首先声明我不是医生！癌细胞是体内细胞在新陈代谢更新时发生的突变而形成的。而这种突变是身体在60兆个细胞更新之际，经常会发生！但是我们体内存在3大细胞有巨噬细胞，NK细胞LAK细胞他们可以识别癌细胞并能杀死癌细胞。所以正常情况下人体是不会形成癌症的。但是由于上述细胞无法顺利发挥作用，癌细胞就会在体内繁殖，最后达到发病的程度！再就是人体本身的PH值，正常的应该是在7，35到7，45之间是中和身体，但是我们现在的身体根本达不到，而成酸性体质，酸性体质却是万病之源！通常PH值在6，85到6，95之间是癌细胞最为活跃的阶段！没有一个癌患者在医院可以治疗好。那时因为医院治疗是从器官开始治疗，中药有时好使是因为从组织开始治疗，但是癌却不同它要从根本治疗，那就是人的细胞！再说癌的形成是人为的，食物，空气，水是每个生命体生存的基本条件！首先是食物，现在的食物哪个不含激素？肉类，现在的动物普遍是激素供应，3月不肥4月肥，4月不肥厂家赔！水果，一摸红，西红柿蔬菜，农药！国家97年做出市场调查平均每人每年吃2，5公斤的农药。却根本排不出体外！所以我们肚子里没有蛔虫！次空气，人为的污染，汽车，工厂排放的这些。我们现在的臭氧层已经破坏！水，纯净的水是要地下70米，但是工厂排放的污水渗透地下，无法达到。自来水里含有消毒液，那是致癌物质！癌字的来由不是凭空的，一口不好的食物，一口污染的空气，一口不纯净的水，日积月累所形成！人们根本无法预防！还有工作的压力生活的压力睡眠不足更上一层！所以癌症就可以肆无忌惮的在人间传播！）3 癌症患者不能吃哪些食物 毛豆仁200克磨菇80克素火腿80克全脂牛奶240毫升水200毫升月桂叶2片油15克鲜奶油30毫升作法：1．毛豆仁煮熟，磨成泥，即成毛豆糊。2．磨菇、素火腿切成小丁，用油炒香。3．添加毛豆糊、牛奶、水及月桂叶，用小火煮滚。4．捞起月桂叶，呈盘，然后添加鲜奶油装饰即完成。※花莲慈济医学中心营养师 刘诗玉的小叮咛－－癌症饮食是配合病友病情及营养需求的饮食，营养能帮助维持体力，预防体重减轻或减轻过多，避免身体过度败坏，重建正常组织。而良好的营养也能增强抵抗力，减少各种治疗可能发生的副作用，及预防营养不良引起综合症，使病友体力足够、感觉舒适。高热量、高蛋白为适合癌症病友治疗前的饮食原则，此份食谱善用了富含蛋白质的食材，而素食者蛋白质源即是豆腐、毛豆仁，甚至奶类…等都是可选择的；但病友常因疾病因素而导致食欲变差，所以照顾者必须多花心思在烹调上。若病友无法接受奶类，可将高蛋白奶粉及麦芽糊精等添加三餐菜肴中，例如此食谱就将之使用于浓汤或粥内，病友只需摄取少量即可获得足够的热量及蛋白质；甚至也可附加的增加点心的摄取，如奶冻等，既不需花费太多时间制备，也方便病友摄取养份。其实制备癌症病友餐食，最重要还是需迎合病友需求，病友愿意摄取营养并达到足够热量，是进行各种治疗前的营养支持。（一两约等于37.5克）癌症病人的饮食调理来源：一品海参海洋食品网 更新：2005-12-25 查看：601、饮食调理存在什么误区饮食调理所存在的误区一方面是严格控制进食量，以"饿死"癌细胞。持这种观点的认为，癌细胞摄取营养的能力比正常细胞强的多，如果病人吃的多，营养好，首先好了癌细胞，因而不主动加强营养。这是错误的。正是癌细胞增殖速度快，它急剧地消耗人体的营养，导致人体营养不足，抗癌能力下降，癌细胞进一步发展，扩散。另一方面认为癌症是"富贵病"，要大吃大补。虽然癌症病人需要营养，但是由于癌症在侵蚀人体过程中，严重破坏了人体各个器官的功能，使病人的味觉减退，食欲下降，消化功能很差，致使食欲减退，食欲下降，营养吸收我各项代谢发生障碍，这时如果一味的给病人进食龟，甲鱼，海参等不易消化的大补食物，不但不能消化吸收，还会加重胃肠消化吸收功能的障碍，进一步加重厌食。实是欲速则不达，反而有害。再一方面是重食轻饮。病人和家属常常是重视吃什么、怎样吃，而对饮水方面的调理则有所疏忽。事实上，癌症破坏人体水和电解质的平衡是一样严重，而水的平衡是人体赖以生存的必不可少的。因此在防治和康复过程中，就很需要注意病人饮水的正确调理。2、如何正确进行饮食调理基本要求是：总热量要够，营养要平衡，食物结构要合理，烹调方法和进食方法要讲究。（1） 总热量癌症病人每日从食物摄入的总热量一般尽可能争取不低于正常人的最低要求，即每日在10千焦以上，因为癌症病人体内蛋白质分解高，合成代谢功能减低，营养处于入不敷出的负氮平衡状态，故对蛋白质的需求量要增加。一般每日摄入蛋白质应达到1.5克体重以上，而且应以优质蛋白为主，如鸡蛋，牛奶，肉类，豆制品等。（2 营养要相对平衡根据病人的需要，各营养素要相对应的适量，齐全，除充足优质的蛋白质摄入外，一般应以低脂肪，适量碳水化合物为主。注意补充维生素，无机盐，纤维素等，这些可从新鲜蔬菜和水果中获得。（3） 食谱结构要合理癌症病人食谱切不可简单和单一。应该是品种多，花样新，结构合理，在制作食谱时，要尽可能做到：清淡和高营养优质量相结合，质软易消化和富含维生素相结合，新鲜和食物寒热温平味相结合，供应总量和病人脏腑寒热虚实证相结合。最好在医生的指导下进行。（4） 烹调方法和进食方法要讲究，设法增进病人食欲在食物的选择，制作，烹调上，应创造食物良好的感观性状，在色，香，味，形上下功夫，尽可能的适合和满足病人的口味爱好和习惯。还要根据病人的消化能力，采取少量多餐，粗细搭配，流质，软食与硬食交替，甜咸互换等形式进餐。吃饭时要创造愉悦气氛，尽量与亲属同进食。吃饭前，尽量避免油烟味等不良刺激。在病人放、化疗间歇期，抓紧食欲好转的有利时机补充营养。3、癌症病人要不要忌口？是否忌口，民间说法颇多。有的主张忌口；有的认为不要忌口，什么都可以吃。有的认为不能吃鸡、螃蟹、牛，肉、鲤鱼等。究竟要不要忌口，中医相对主张适当忌口，要西医一般不提倡忌口。西医重视饮食与疾病的关系，也不是一概反对忌口，例如被黄曲毒素污染的食物，则不能吃；烧焦食品易使蛋白质变性，热解和热聚易产生多环芳烃类化合物，对人体有害而不主张吃，熏鱼，熏肉也不主张多吃，酒能减低人体解毒功能和生物转化功能，使免疫力下降，酒在机体内增加致癌物活性，并且具有细胞毒性，故不应饮酒。在服药期间有的食物不能吃，如维生素C不宜吃虾，因为维生素C能使虾肉中的五价砷还原为三氧化二砷，对人体有很大毒性。中医也不是盲目的不加区分地忌口，而是辨证地适当的忌口。一般认为，癌症的早中期，病伤津劫阴，多属阴虚内热，故在饮食调理上，应忌辛温燥热属性的食品，滞腻食品也主张少吃；在癌症的中晚期多为虚证，寒证，饮食上主张温补脾胃，益气生血等食品类，而性属寒凉的食品，则应少吃或不吃，在不同的病种上，忌口也有所不同，如鼻咽癌病人在放疗期间，应忌辛温燥热、油炸烧烤食物，忌吃狗肉、羊肉、胡椒、茴香等；胃癌病人忌食辛燥食品、桂皮、芥末，辣椒等；食管癌病人老猪肉、老鸭肉；肝癌病人忌母猪肉、少吃韭菜。总之，忌口应适当，盲目地忌口将致营养不良，影响疾病康复。鸡蛋，鸡肉，牛奶，鲤鱼等可以吃，虾蟹因易过敏，则应慎重。1） 应以新鲜、易消化，富含优质蛋白质、维生素、矿物质的食物为主，新鲜蔬菜、水果每餐必备。2） 多吃有一定防癌抗癌的食物，如菜花，卷心菜，西兰花，芦笋，豆类，蘑菇类，海参，鲨鱼等。3） 选用具有软坚散结作用的食物：海蜇，紫菜，淡菜，海参，鲍鱼，墨鱼，海带，甲鱼，赤豆，萝卜，荠菜，荸荠，香茹等。但此类食品性滞腻，易伤脾胃，食纳差和发热时要少吃。4） 不同体质选用不同食物。脾胃虚弱，中气不足可食用乳鸽，鹌鹑，鸡蛋，大枣，圆肉，生姜，大蒜，鲜菇等；肝肾阴虚可用乌鸡肉，猪腰子，黑豆，黑芝麻，核桃，鲍肉等；血虚可食用猪肝，猪骨，鹅血，菠菜，豆制品等。5）不同病种选用不同食物。肺癌病人可酌情选用水鸭，猪肺，百合，白木耳等；体虚舌质红时可选用黑白木耳，鳗鱼，淡菜，蜂蜜；痰多咳喘者可用雪里蕻，竹笋，大头鱼，萝卜，枇杷等；黄脓痰多时可用生梨，柿子。胃癌病人脾胃虚湿热时可食用苡仁，莲子，豇豆，大枣，青鱼等；脾胃虚寒时可用羊肉，龙眼肉，干姜等；上腹饱胀消化不好时可食用鸡肫，生姜，枇杷，佛手。肝癌患者有黄疸时可食用螺，鲤鱼汤，苜蓿等；腹水时可选食冬瓜，莴苣，赤豆，鲤鱼，西瓜等；食管癌可选用牛奶，韭菜汁，蕹菜，鹅血等。5、如何调理饮水水是人体组成的重要部分，新生儿全身含水量占体重的75%，成人占60%。水是调节人体各种生理活动的重要物质基础，各种营养素的消化吸收，代谢都需要水。一般成人每天摄入和排出维持在2600ml左右。如果人体失水超过人体的2%，就会发生口喝；失水10%就会导致体内代谢紊乱、水盐平衡失调；失水20%就可致死。癌症患者常常会出现严重和水电解质紊乱，应尽可能每日饮水不少于1500ml。发热，腹泻或出汗多时要适当增加并补充食盐；心肾功能不全，有腹水，水肿者应控制水和盐的摄入。6、术后的饮食如何调理？术后应以收口生肌，气血双补，增进食欲为原则。食物可选用鸡蛋，牛奶，鲜瘦肉，鲜水果蔬菜（如胡萝卜，西红柿，菠菜，洋葱等），可饮用北芪瘦肉汤，西洋参瘦肉汤，当归生姜羊肉汤等。头部手术后宜补肾养脑，安神健智，食物可选用牛奶，鸡蛋，西红柿，芦笋，胡萝卜，桑椹子等，可饮用桂圆乌鸡汤，枸杞猪脑汤，鱼头豆腐汤等；颈部手术后宜选用有软坚散结，活血化瘀作用的食物，如海参，海蜇，海带，甲鱼，鲍鱼等；胸部手术后宜选用宽胸利膈，补益气血作用的食物，如猪肺鱼腥草汤，洋参瘦肉汤，芦笋鸡丝粥，白木耳莲子汤；腹部手术后可选用调理脾胃柔肝养血的食物如生姜，大枣，佛手，猪肝，香菇，大蒜等。7、化疗期间的饮食如何调理？化疗期间的饮食调理主要针对帮助增进食欲，减少呕吐，帮助造血功能的恢复，改善肝肾功能等。增进食欲，减少呕吐：属脾胃虚寒者可选食生姜，大枣，芥菜，胡椒，香菜，茭白，洋葱，菜心，乳鸽，羊肉等；属脾虚热者可选食冬瓜，白瓜，白扁豆，赤小豆，绿豆，枸杞菜，芹菜，苋菜，莲子等。恢复造血功能可选食牛奶，鸡蛋，猪肝，乌鸡，胎盘，红枣，黑木耳，核桃，黑芝麻，海参，发菜，鲨鱼等。改善肝肾功能可选用清肝，柔肝的食物，如枸杞菜，牛奶，胡萝卜，莲子，薏苡仁，淮山，山楂，苦瓜,冬瓜，香蕉，西瓜，石榴等。8、放疗期间的饮食如何调理由于放疗可能会引起一些组织器官损伤，如口腔，食管，肺部的放射性的炎症，出现口干，舌燥，食纳减小，大便干结等症状，在饮食调理上宜以养阴，生津，益气，辅以清热解毒的有关食物，以清淡，易消化，有营养的半流质饮食为主。如冬瓜，生菜，菜心，莲藕，苦瓜及新鲜肉类，不宜食用油炸，烧烤和煎炒，少用或不用辛辣刺激调味品。9、癌症病人如何选用海参？海参参的药效已被公认，具有大补元气，延年益寿之功效。海参能提高机体免疫功能，抑制癌细胞的生长。在放、化疗期间服用可减轻毒副反应。防癌抗癌食疗方淮杞西洋参炖海参方药及用法：发海参96克，西洋参10克（另包，只炖15分钟），猪脊骨250克，淮山65克，盐、花生油适量。先将发海参切成小块，与斩块的猪脊骨放入大炖盅，放入淮山、水适量，水开后用文火炖1小时，然后放入西洋参片和杞子、生油和盐再炖15分钟即成。分数次喝汤，吃海参。效能：防癌抗癌，补气益血。评价：海参性温，含丰富的蛋白质、钙、铁，其所含的粘多糖，能有效提高机体的免疫功能，抑制肿瘤细胞的生长和阻止其转移，其所含的海参素也有抗癌作用；西洋参微苦微甘，性凉，具有补气养阴、清火生津的效能，尤适用于经“放疗”、“化疗”后出现疲乏、口渴、舌干、头晕的气阴两虚者；淮山味甘性平，益气养阴，补脾肾；杞子味甘性平，养血益精，明目护肝，能减轻化疗药物对肝脏的损害；配上补髓的猪脊骨，起防癌抗癌，补气益血之功效。红豆160克生薏仁120克冰糖160克鲜奶240毫升洋菜适量作法：1．薏仁、红豆洗净泡水约半日，沥干备用。薏仁加水煮半软时，添加红豆煮熟，再添加糖，待溶解后熄火。2．洋菜加水煮至溶化呈透明状，再倒入煮好的红豆薏仁搅拌均匀，静置冷却后再放入冰箱冷藏即可。豆腐320克山药250克香菇4朵红萝卜40克青豆仁85克 适量的太白粉及盐作法：1．山药洗净去皮，红萝卜洗净、去皮、切块，鲜香菇去蒂、豆腐等洗净备用。2．豆腐及山药煮软再压成泥状；红萝卜块煮软切成红萝卜末。3．分别在豆腐泥、山药泥洒上适量的盐。4．豆腐泥内包裹山药泥及红萝卜末，接着放上香菇1朵，即可放入蒸箱蒸熟。5．最后洒上青豆仁泥并用太白粉勾芡，呈盘。肝脏是人体重要的器官，尤其对人的消化系统起着主要的作用。肝癌发生后，必然影响消化系统的功能，饮食对肝癌的病情有直接的作用，所以必须重视肝癌的饮食。比如肝癌病人早期有食欲减退、恶心、肝区疼痛、腹胀、乏力的症状。是因为肝癌的发生使肝细胞分泌的胆汁明显减少或胆汁排泄障碍，致使肠道内脂肪不能正常吸收。这时，易消化的低脂肪饮食不仅可以缓解病人的恶心、呕吐、腹胀等症状，还可以缓解肝区疼痛，减轻肠道负担，对疾病的康复有益。肝癌中、晚期的病人，或合并有肝硬化的病人，多因血小板减少或食管静脉曲张而发生出血现象，如上消化道出血、鼻出血、牙龈出血、皮下淤斑等。因此不要吃过于坚硬和粗纤维的食物，以免发生食管静脉出血。少吃过热过冷、过于辛辣和刺激的食物，以免刺激胃粘膜而引起出血，要少量多餐，以减轻胃肠道的负担。有腹胀的病人食物不要过咸，以味淡为好。不同的食物对人体产生不同的效用。食物的性质有热有寒，人的脏腑有阴有阳，其性质也有寒热的区别。性质偏热属阳的脏器，需要得到性质偏寒的食物来进行调节，才能保持自身的阴阳平衡。如果不注意这些，大量进食性质偏热的食物，就会使热者更甚，导致阳盛而发生热病；反之，性质偏阳偏寒的脏器，则需要得到性质偏热的食物来进行协调，才能保持自身的阴阳平衡。如果大量进食寒性食物就会使寒者更寒，导致阴盛而发生寒病。食物如果气辛而荤者，助火散气；味重而甘者，助湿生痰；体柔而滑者，通肠利便；质坚而硬者，不易消化；烹炼而熟者，服之气壅。所以服药、饮食其理相同，必须使其温凉补泻与病人之寒热虚实相符合，才得理而有利于身体。有的人只知道服药，但所进的食物与药物的性质、作用相反，不自觉的引起病情加重。我们已知道，肝癌的病机主要以气逆、伤阴、肝热为主，那么肝癌的人的饮食的选择，要选择那些能顺气、养阴、清凉的食物。脾胃虚寒症状突出的病人应主要选择温中的食物等等。有的人认为，肝癌病人选择的食物应平和、应防燥热伤阴和腻滞壅气，以免使口干、腹胀、肋痛、发热、小便不利等症状加重。选择食物的主要原则是：便于消化和吸收，有利于疾病的减轻和康复。所以建议首先应采用清淡饮食，即平常所说的素食，少吃高脂肪的油腻食物。高蛋白食物也要适量，以免增加肝脏的负担。要多吃新鲜蔬菜，如胡萝L、白菜、菜花、圆白菜、西红柿、黄瓜。可以经常吃香菇、木耳、豆腐、豆浆、花生、核桃、芝麻等。另外，每天吃一些新鲜水果如桃、苹果、梅子、西瓜、猕猴桃等。肝癌病人的主食以大米为好，加食些杂粮如玉米、小米、红小豆、黄豆、绿豆。多吃蔬菜和水果，可以大量摄取维生素A和维生素C。维生素A和维生素C 的抗癌作用早已得到了证明。如小白菜、油菜、菠菜、香莱、青蒜、雪里红、韭菜、草萄、山楂、猕猴桃这些蔬菜和水果中，同样富含大量的维生素A和维生素C，可以供肝癌病人食用。回答者：272928861ml - 总监 八级 12-31 21:59--------------------------------------------------------------------------------癌症的发病原因，目前仍在深入研究之中，但大量的监床观察和实验研究资料表明，许多因素与恶性肿瘤的发病有着密切的关系。祖国医学典籍远在2000多年前，就记载了对肿瘤形成具有重要影响的因素，并从宏观上进行推论，开创了探索肿瘤病因病机的先河。在当时已经认识到外邪侵害、水土不适、包含不调、情志失常均可导致机体罹患昔瘤、肠覃、石瘕、癖结等痼疾。如《灵枢。九针论》说："四时八风之客于经络之中，为痼病者也。 "在《素问。异法方宜论》就明确论断，多食肥甘厚味对人体的危害，"东方之域┅┅皆安其处，美其食┅┅其病皆痈疡。"还有，如《吕氏春秋。尽数》中就说： "轻水所，多秃与瘿人"。说明古人已经认识到水中缺少微量元素或人体必需的维生素，易诱发肿瘤，包括甲状腺瘤或甲状腺癌等。现代医学研究从流行病学调查及实验资料证实，归纳癌症的病因可分以下几个方面：癌症发病外部因素（包括化学、物理、生物等致癌因子）；癌症发病内部因素（包括免疫功能、内分泌、遗传、精神因素等），以及饮食营养失调和不良生活习惯等。限于篇幅，不能详细论述，仅作概要介绍如下。1．癌症发病的外部因素（1）化学致癌因素：这类因素是目前导致肿瘤的主要原因，其来源甚广，种类繁多。经考察和动物实验证实有致癌作用的化学物质已发现有千余种，其中与人类关系密切的化学致癌物就有数百种之多。化学物质致癌潜伏期的相对较长，对人类危害极大，它广泛存在于食物、生产作业环境、农药、医疗药品之中。人们所熟知的黄霉毒素，在花生、玉米、高粱、大米等许多粮食作物中都有沾染，它具有公认的致癌作用，有明显的致癌力，已被证实可导致肝癌的发生。广布于自然界的亚硝胺类化合物（在腌制过的鱼、肉、鸡中含量较高）和熏烤或烧焦后的食物中（尤其是高蛋白食品，如鱼、肉、蛋类）致癌物的种类和含量剧增，以及受到多环芳烃类化合物，如3，4苯并芘、二甲基苯蒽、二苯蒽等致癌物污染的空气，均会对人体产生影响，严重的会诱发并导致肺癌、鼻咽癌、食管癌、贲门癌、胃癌、肝癌、白血病、膀胱癌、大肠癌、阴囊癌、皮肤癌等。（2）物理致癌因素：物理致癌因素包括灼热、机械性刺激、创伤、紫外钱、放射线等。值得高度重视的是，受辐射危害可以来自环境污染，也可以来自医源性。比如多次反复接受X射线照射检查或放射性核素检查可使受检人群患肿瘤机率增加，若用放射疗法治疗某些疾病，也可诱发某些肿瘤。有资料报告，在用放射性核素磷治疗红细胞增多症后，相当数量的患者经过一定的潜伏期而出现白血病。肺结核患者反复的胸透检查，可诱发乳腺癌。（3）生物致癌因素：目前，对这类因素研究较多的是病毒。近代科学研究已证明，有30多种动物的肿瘤是由病毒引起的。近来发现人类的某些肿瘤与病毒的关系密切，在一些鼻咽癌、宫颈癌、肝癌、白血病等患者的血清中可以发现有相应病毒的抗体。有资料报道，血吸虫病可诱发大肠癌、肝癌等。2．癌症发病的内部因素（1）免疫功能的影响：人体免疫系统是机体的护卫军，当其功能正常时，能有效地抵抗、消灭外侵的细菌、病毒等，并能清除外来的有毒物质及机体内的代谢产物。机体的免疫功能在肿瘤的发生、发慌中占有重要地位。临床研究的资料证明，人体对肿瘤确有免疫能力，有不少病人可以长期带瘤生存而不恶化，说明了机体对肿瘤有一定的抵抗力，正如《内经》所说，"正气存内，邪不可干"。当机体的免疫功能受到抑制或损伤时，肿瘤的发生率高，生长亦快，并容易转移。祖国医学认为肿瘤形成与正气不足有关，《医宗必读》说得很清楚："积之成也，正气不足而后邪气踞之。"（2）内分泌紊乱的影响：内分泌紊乱对某些肿瘤的发生、发展有一定的作用（2）内分泌紊乱的影响：内分泌紊乱对某些肿瘤的发生、发展有一定的作用。临床观察资料表明，有些长期服用已烯雌性激素治疗，或用雌激素治疗（60岁以下者）用男性激素治疗，或用雌激素治疗，或用雌激素治疗（60岁以上者），均可减轻症状。现已发现，内分泌紊乱与甲状腺癌、乳腺癌、宫颈癌、卵巢癌等发生有关。（3）遗传因素的影响：遗传因素对人类肿瘤的直接影响问题，目前尚无定论。到目前为止，在人类肿瘤中，只有视网膜母细胞瘤、肾母细胞瘤、神经纤维瘤病以及结肠息肉综合征被认为有明显的遗传倾向。有学者报道，在欧美妇女中最常见的乳腺癌约有30%的病例有遗传倾向；某些润滑脂道癌瘤（如胃癌、食管癌、肝癌）也具有遗传性；肺癌也似有一定的遗传倾向。（4）精神因素的影响：精神因素即祖国医学所概括的喜、怒、忧、思、悲、恐、惊等情志活动，这对于患者赖以抵抗癌症侵袭的免疫力是有重要影响的。《妇人良方》认为"乳岩"的发生："此属肝脾郁怒，气血亏损。"许多临床研究资料表明，情绪的好坏与癌症的发生有重大关系。癌症患者精神多有重大创伤，或有较长时间精神的压抑、郁闷等，性格开朗的人很少患癌症。5 4．不良生活习惯不良生活习惯包括偏食、吸烟、嗜酒、不科学烹调等行为。现代医学研究证实，不良的习惯是导致癌症发生的最大危害。这在我国医药典籍中早有记载，《医碥．反胃噎膈》中就说，噎膈（即现代病名食管癌或贲门癌等）的成因为"酒客多噎膈，饮热酒者尤多，以热伤津液，咽管干涩，食不得入也。"《医学统旨》中还深刻地指出："酒面灸博，粘滑难化之物，滞于中宫，损伤脾胃，渐成痞满吞酸，甚则为噎膈反胃。"唐代大文学家韩愈说"断送一生唯有酒"这句话，其哲理是非常精深的。当前，吸烟已成为世界性的社会公害，严重地威胁着人类的健康。有综合研究报告，美、英、加拿大吸烟者癌症发病情况：吸烟者肺癌死亡是非吸烟者的 10．8倍；喉癌死亡是5．4倍；有学者呼吁：由于大量吸烟，中国男性死于肺癌的人数将会猛增，到下个世纪，将有200万人死于吸烟，其中的一半是因肺癌而死．这是一个多么惊人的数字．美国癌症权威研究机构的报告指出：不良包含习惯占致癌因素35％，吸烟占30％，两者加起来就占65％．有鉴于此，重视以上可近代环节的防范，就能让绝大多数人远离癌症，每个人都从自己做起，是非常重要的．原因有好多，如果你想具体了解的话，我可以去学校的数据库给你查阅，在这里留言给我好了参考资料： </t>
  </si>
  <si>
    <t xml:space="preserve">一般安睡人辅导期预缴税款的会计分录请教，1、我6月份预缴税款20 </t>
  </si>
  <si>
    <t>1、我6月份预缴税款20000元，实际应缴6000元，那么分录怎么呢， （1）预缴税金时的分录借：应交税金--预缴增值税 20000贷：银行存款等 20000（2）实际缴纳税金分录借：应交税金--应交增值税 6000贷：应交税金--预缴增值税 6000（3）剩余预缴增值税14000元，可以在下月继续抵扣。2、我本月认证运费发票3000元，分录怎么做啊借：库存商品（或营业费用--运费）1790借：应交税金--增值税（进项税额）210（3000*7%）贷：银行存款等 2000</t>
  </si>
  <si>
    <t xml:space="preserve">8A头盔应该值多少钱？多少卖比较合理？ </t>
  </si>
  <si>
    <t>看闪一般28，29闪的，+点低级骑士就可以卖高很多。一般1W8~2W5左右不加宝石</t>
  </si>
  <si>
    <t xml:space="preserve">当皱纹悄悄地爬满眉梢时，你会选择整形手术吗？为了延缓衰老选择怎么 </t>
  </si>
  <si>
    <t>如果整形又安全又保险，那我也许会去试试。可常常听到整过形的人，非常非常痛苦，有时会留下终身残疾。那还是不去做得好。我认为，既要顺其自然，又要采取积极的态度对待皱纹，不能听之任之。爱美之心，人皆有之。用很好的保健方法，来延缓衰老，来调剂生活。提高生命和生活的质量，内调很重要，化妆品只能是治标，治不了本的，蜂王浆是最廉价的保健品，DNA丸剂是延缓衰老的最佳的药补，每天三颗枣是养颜的妙药，黄瓜、柠檬、酸奶、蛋黄是较好的自制面膜，保持鲜活的运动习惯，保持健康向上的心态，会越来越年轻的。</t>
  </si>
  <si>
    <t xml:space="preserve">怎样做剪报将剪下来的东西贴在怎样的本子上 </t>
  </si>
  <si>
    <t xml:space="preserve">    剪下来的报子，内容、大小不同的，如再制作成册，可根据自己的审美，再一次编排。买些白纸先订成册，随后可按内容，也可按大小编排，把剪下的报子分内容放好，一个内容一个版面，空的地方可也可画些小花之类的，小卡通之类的，自己画也可剪。也可以根据大小的造型排版。有些报子上的内容的确很好，如有心剪下来再排版看起来内容尽收眼底，真是一件大美事，我很赞同你有这样的爱好。一定要用白纸先订成册，旧杂志不行，背面有字，这样做出来的版面有点乱。或会电脑，电脑上有许多的图片，可以采纳，打印出来随后剪贴。自己画点花边之类的。也蛮好看的。</t>
  </si>
  <si>
    <t xml:space="preserve">为防金融犯罪工行年底有望发行“换芯”银行卡? </t>
  </si>
  <si>
    <t>是的,将发行新卡,而且是全国各行都发行的</t>
  </si>
  <si>
    <t xml:space="preserve">如何删除任务道具？中止任务，如何删除任务道具内的东东？ </t>
  </si>
  <si>
    <t>任务道具是交易不了的东东。如果你接了任务而不想完成的话想删除任务道具只有在物品栏中有一个垃圾箱，把任务道具放进去OK就好了，呵呵 我是屡试不爽，我是北京（贾斯汀）的 爱的没道理  再不对 你密我</t>
  </si>
  <si>
    <t xml:space="preserve">淋巴结肿大严重吗我女儿今年九岁，今年年初下颚淋巴结肿大，没在意由 </t>
  </si>
  <si>
    <t>以下资料会让你宽心：这情况考虑淋巴结炎。淋巴结不会无缘无故的发炎肿大，都是它附近的炎症（如发炎、伤口等）引起的。附近存在这个炎症的话，那这淋巴结的病症就是普通的淋巴结炎。（颚下的淋巴结炎多由当初口腔当中、鼻、咽部的炎症引起。） 再就是，如果你用手指捏着推动它，它的活动性好的话，并且这个淋巴结与周围的皮肤、肌肉不相粘连的话，也是淋巴结炎。不是淋巴结核，更不是所担心的癌啊瘤啊那种大的疾病，也不必做这样那样的仪器检查。分辨普通淋巴疾病与淋巴瘤，还可以从时间长度上来分别：淋巴结炎与淋巴结核可以存在好多年，但淋巴瘤的支撑时间不会长(可敬可亲的罗京，全国顶尖的专家会诊治疗，从发病到去世才是10个月。)淋巴结的规律是：身体的哪个部位有了炎症，邻近的淋巴结进行防御杀菌时均会肿大。这个做为病因的炎症好了之后，但淋巴结不一定随之好。做为免疫系统的淋巴结的病治起来难度大，有的慢性淋巴结炎能持续几年十几年。淋巴结肿大如果情况轻微的话，过一段时间，自然就会好；或是吃一些普通意义上的消炎药，打些消炎针，就会好。这不算个什么问题。但如果肿大厉害的话，又长时间不愈，那就需要治疗了：一是避免它的进一步加重恶化，二是身体需要让它恢复功能，发挥它的免疫杀菌作用，增强体质。 淋巴方面的疾病，看似是不大的病,但至今中及药厂生产的药物效果不能令人满意。我了解一个传了好几代的中药，药丸，以化淤散结、解毒消肿为主，是专门治疙瘩、肿块、炎症的，对淋巴结炎与淋巴结核的治疗是拿手，可谓会者不难。</t>
  </si>
  <si>
    <t xml:space="preserve">人的身体上有很多器官都是圆柱形，大自然中的生物也很少见到方方正正? </t>
  </si>
  <si>
    <t>这是大自然的造化.圆是比较牢固和圆滑,在很多场合都需要圆,比如汽车轮,最好的应用.但是它在造房子上不完全应用,因为建造起来比方形麻烦,这些可以在立体几何中验证.还有风阻小,圆柱形铁塔\灯塔.在同样的体积上圆的容积大还牢固,比如水塔.承受的压力也大,比如蛋类.人如果见棱见角,那会天天受伤,圆柱相对接触阻力就小多了.</t>
  </si>
  <si>
    <t xml:space="preserve">我开车超速50%，一次扣12分,A2驾照，要降级，请问考试哪种科? </t>
  </si>
  <si>
    <t>所有的东西都要考的，理论，小路，大路都是要考的。如果您觉得正确或者采纳的话，麻烦给我好评哦，谢谢。</t>
  </si>
  <si>
    <t xml:space="preserve">春节的来历正在写作文，急急急 </t>
  </si>
  <si>
    <t xml:space="preserve">关于年的来历在民间有两种说法： 一种说法是： 　　相传，中国古时候有一种叫“年”的怪兽，头长触角，凶猛异常。“年”长年深居海底，每到除夕才爬上岸，吞食牲畜伤害人命。 　　 因此，每到除夕这天，村村寨寨的人们扶老携幼逃往深山，以躲避“年”兽的伤害。 　　这年除夕，桃村的人们正扶老携幼上山避难，从村外来了个乞讨的老人，只见他手拄拐杖，臂搭袋囊，银须飘逸，目若朗星。 　　乡亲们有的封窗锁门，有的收拾行装，有的牵牛赶羊，到处人喊马嘶，一片匆忙恐慌景象。这时，谁还有心关照这位乞讨的老人。 　　只有村东头一位老婆婆给了老人些食物，并劝他快上山躲避“年”兽，那老人捋髯笑道：“婆婆若让我在家呆一夜，我一定把“年”兽撵走。 　　老婆婆惊目细看，见他鹤发童颜、精神矍铄，气宇不凡。可她仍然继续劝说，乞讨老人笑而不语。婆婆无奈，只好撇下家，上山避难去了。 　　半夜时分，“年”兽闯进村。它发现村里气氛与往年不同：村东头老婆婆家，门贴大红纸，屋内独火通明。“年”兽浑身一抖，怪叫了一声。 　　“年”朝婆婆家怒视片刻，随即狂叫着扑过去。将近门口时，院内突然传来“砰砰啪啪”的炸响声，“年”浑身战栗，再不敢往前凑了。 原来，“年”最怕红色、火光和炸响。这时，婆婆的家门大开，只见院内一位身披红袍的老人在哈哈大笑。“年”大惊失色，狼狈逃蹿了。 　　第二天是正月初一，避难回来的人们见村里安然无恙十分惊奇。这时，老婆婆才恍然大悟，赶忙向乡亲们述说了乞讨老人的许诺。 　　乡亲们一齐拥向老婆婆家，只见婆婆家门上贴着红纸，院里一堆未燃尽的竹子仍在“啪啪”炸响，屋内几根红腊烛还发着余光…… 　　欣喜若狂的乡亲们为庆贺右祥的来临，纷纷换新衣戴新帽，到亲友家道喜问好。这件事很快在周围村里传开了，人们都知道了驱赶“年”兽的办法。 　　从此每年除夕，家家贴红对联、燃放爆竹；户户烛火通明、守更待岁。初一一大早，还要走亲串友道喜问好。 　　这风俗越传越广，成了中国民间最隆重的传统节日。 另一种说法是： 　　我国古代的字书把“年”字放禾部，以示风调雨顺，五谷丰登。由于谷禾一般都是一年一熟。所“年”便被引申为岁名了。 　　我国古代民间虽然早已有过年的风俗，但那时并不叫做春节。因为那时所说的春节，指的是二十四节气中的“立春”。 　　南北朝则把春节泛指为整个春季。据说，把农历新年正式定名为春节，是辛亥革命后的事。由于那时要改用阳历，为了区分农、阳两节，所以只好将农历正月初一改名为“春节”。 　　元宵节：是我国传统节日中的大节，颇为显要。元宵节的得名，因其节俗活动在一年的第一个月（元）的十五日夜（宵）举行而来。 　　元宵节也叫“灯节”、“灯夕”，因为这个节日的主要活动是夜晚放灯，故名。此外，元宵节也叫“上元”、“上元节”，这是从道教借来的说法。 　　关于元宵节习俗的形成，说法颇多，但一般变为在汉代就初具雏形。史载汉武帝的时候，汉室要祭祀一位叫“太一”的神明。据称泰一是当时相当显赫的一位神明，地位在五帝之上，并有恩于汉帝，所以受到的奉祀比较隆盛。相传另一位汉室皇帝汉文帝也和元宵节有关。 　　这位汉文帝是大将周勃勘平“诸吕之乱”即位称帝的，而那勘平叛乱的日子正是正月十五，所以此后每逢正月十五夜晚汉文帝都要出宫游玩，与民同乐，并且确定这天为元宵节。不过，和这两位汉室皇帝有关的正月十五夜祭太一、游玩，并无张灯、放火的记载，汉室的另一位皇帝——汉明帝则敕令元宵燃灯，从而形成了后世张灯、观灯的习俗 </t>
  </si>
  <si>
    <t xml:space="preserve">请问人类最终会怎样灭亡呢？疾病？行星撞地球？还是宇宙大爆炸？ </t>
  </si>
  <si>
    <t>请不要那么没有信心！对于人类来说，科技在发展，社会在进步。我们有理由相信，我们有朝一日，能用我们的科技实力，永远生活在这茫茫浩瀚的宇宙中！只要我们保护环境，大自然就不会报复我们！只要我们发扬医学，疾病就不会侵蚀我们！只要我们大力发展科技，任何都征服不了我们！人类与宇宙长存！！！</t>
  </si>
  <si>
    <t xml:space="preserve">三九蓝荷茶有效果吗?效果怎么样？会反弹吗？ </t>
  </si>
  <si>
    <t>茶特点 1.兴奋剂，像是麻黄，被当做食欲抑制剂。2.另一种是泻药，像番泻叶，导致体液大量流失。泻药被视为减肥产品是因为有人相信它增加肠的蠕动，阻绝卡路里吸收。但是美国ＦＤＡ指出，泻药引发的拉肚子，并不能减少卡路里的吸收，因为泻药不作用在吸收卡路里的小肠，而是在肠的尾端结肠。不良影响 1.麻黄副作用包括头痛、心肌抑制、失眠以及紧张2.泻药副作用包括呕吐及肠胃痉挛；过度依赖则会造成便秘，肠功能不良；严重时则会发生晕厥、脱水、电解质不平衡死亡。一旦停用，胃肠肌肉会无法运作。每天吃上 5 种不同水果，均衡饮食和进行适当运动，绝对能让你美丽与健康。充足且均衡营养绝对是让人美丽与健康的致胜关键。根据美国食品药物管理局（FDA）的建议，想让人长得美丽与健康，不可缺少的营养素包括蛋白质、钙质、维生素A、维生素C、维生素D、矿物质镁及锌。女性对运动量大的活动适应性差，容易造成肌肉拉伤与韧带的劳损，因此在运动更要注意准备活动和循序渐进。多选择以腿部活动为主的各种体育活动。乒乓球、羽毛球、游泳、滑冰、健美操等运动均可增强腿部的弹跳力，增强肌肉和韧带的柔韧性，同时还可让双腿变得修长亲，如合用请加好评，如不合用也请手下留情，现在我的好评数伤不起了。</t>
  </si>
  <si>
    <t xml:space="preserve">千里马1.3的和1.6那种不容易坏，比较“抗造”我是穷人，想买千 </t>
  </si>
  <si>
    <t>肯定是1.6的抗造，但是1.3的也可以满足基本要求1.6的要是你乱造也受不了</t>
  </si>
  <si>
    <t xml:space="preserve">大宇DX380LC型挖掘机一个台班能挖多少立方 </t>
  </si>
  <si>
    <t>35立方( 麻烦设为好评，谢谢 )</t>
  </si>
  <si>
    <t xml:space="preserve">布嘉迪威龙你们会不会买?????????????这个车子你们会不 </t>
  </si>
  <si>
    <t>我想问以下大家现在飚车你们都还是那么喜欢玩吗？  ？我呢~我现在就不玩了~只是无聊没游戏玩的时候才上去看看~现在我都是玩地下城了多爽啊~这个游戏才叫做免费~知道不？再看看飚车~切~一辆车就是几天的工资了~值吗？</t>
  </si>
  <si>
    <t xml:space="preserve">目前西甲夺冠军团乱成一团，估计谁可夺冠？同上 </t>
  </si>
  <si>
    <t>感觉还是巴塞罗那，塞维利亚太不稳定，皇马就不要提了</t>
  </si>
  <si>
    <t xml:space="preserve">求新版本70级满外刀打造方法!!!!!打造和买那个划算些``?打 </t>
  </si>
  <si>
    <t>本人个人认为60及以下的 装备买最号 因为打造的 付出金钱太多了 打个比方60的 土拳来说 买不国 200W而打造得花上了 400－500W别的门派也一样   希望我的 建议能给你点帮助 我是 神雕侠女的 龙腾狂四海谢谢</t>
  </si>
  <si>
    <t xml:space="preserve">我上次10月29号来的月经，现在都已经12月16号了，还没有来。? </t>
  </si>
  <si>
    <t>您好：试纸不准确，最好是到医院查血HCG明确是否怀孕,如不是怀孕,影响月经的因素很多，常见如卵巢功能异常，子宫疾病，宫腔疾病，内分泌功能紊乱等,可以来院做电化学发光免疫分析法激素六项的检查了解内分泌情况,结合阴道四维彩超明确子宫卵巢有无异常,确诊病因再对症治疗，不要盲目治疗，另外环境因素，精神因素对月经也是有影响的，偶尔一次不正常也可以观察。</t>
  </si>
  <si>
    <t xml:space="preserve">电脑摄像头怎样看的是130W像素清晰点还是800W像素清晰点还是 </t>
  </si>
  <si>
    <t>数越大越清除，也越贵，跟镜头啦显示器啦有关的都这道理，记住了！</t>
  </si>
  <si>
    <t xml:space="preserve">怎样在博客空间的两侧贴一些漂亮的图片,具体操作是甚麽啊,谢谢 </t>
  </si>
  <si>
    <t>★新浪博客各部位上传图片的几种方法★更换blog个性图片: 管理博客－－BLOG信息设置－－个人基本信息－－更改图片：浏览－－确定 如果不显示，不要着急．只要保存成功, 刷新几次页面即可．不会丢失.因为登陆得人多，服务器有延迟．※温馨提示：为了您页面的美观，上传图片的宽和高请处理为180象素*120象素，大小不要超过30K，并且为.gif或.jpg格式。※对于超过标准的图片可以用以下方法修改大小。 　　链接：  ★将个人的图片上传到相册中： 操作步骤：登陆博客－－管理博客－－BLOG图片管理－－添加相册－－键入相册名称－－确认－－浏览－－上传．完成．★１、里的图片上传到日志里： 点击文章发表框下边的＂图片剪切板＂－－浏览－－单击图片－－上传成功－－确定－－发表文章．就完成了！ ★２、网上的图片放在日志里： 点击文章发表框上方黄色小图标－－复制图片地址－－确定－－发表文章。就ＯＫ了！ ★３、网上的图片放在日志里： 把你找到的图片划黑－－鼠标右键复制－－粘贴在文章发表框内－－发表文章．就完成了！ １在侧栏添加图片：（可以添加动画图片） 进入管理博客－－首页内容维护－－自定义空白面板－－进入编辑 －－新增－－把你找到的图片划黑－－鼠标右键复制－－粘贴在新增的空白面板里－－打上面板标题－－保存－－定制我的首页－－添加模块－－勾选刚建的空白面板－－选取－－保存设置就完成了．２在侧栏添加图片： 进入管理博客－－首页内容维护－－自定义空白面板－－进入编辑 －－新增－－点上方黄色小图标－－复制图片地址－－确定－－打上面板标题－－保存－－定制我的首页－－添加模块－－勾选刚建的空白面板－－选取－－保存设置就完成了．注意：图片的宽度不要超过１８０像素．否则图片显示不全． ★如果是本地图片，将其上传到相册里．打开图片点右键．属性．即可获得图片地址．</t>
  </si>
  <si>
    <t xml:space="preserve">离职告别词就要离开共事一年的同事了，怎样写告别词 </t>
  </si>
  <si>
    <t>各位：一年前的隆冬时节我来到这里，而今即将伴着和煦的春风离去，已过不惑之年的我就要挥别这曾经工作过的地方，即将踏上人生新的征程。此时此刻，我的心情很不平静，回顾过去的一年，这几日我辗转难眠，有太多的感慨和留恋，依依不舍之情常常浮现在眼前。这里有我朝夕相处的同事，有给予我无私帮助的朋友，有关怀爱护我的各级领导，有以大局为重支持理解我的同志们，借此机会，我要向你们致以诚挚的谢意！谢谢你们！过去的一年里，我从来没有想也我要离开的那一天，我一直觉得它会离我很遥远很遥远，我怎么也没有想到这么快就要和大家说再见了。和大家说再见不是件容易的事，这里有我深爱的团队、深爱的同事、这里的一切是那么的熟悉、那么的亲切、我很满足，在这曾经工作过的地方，在这曾经工作过的地方的日子我都很满足，我喜欢和大家一起的感觉，我还想着我们可以一直一起办公，我还想着我们一起欢庆，我还想着我们的团队、深爱的同事那么的真实亲切。再工作多久，总还是会有离开的那一刻，我曾经工作过的地方是一家最好的公司，以后也一定还是最好的公司，我们都应该庆幸我们是其中的一员，即使哪天也会离开，我们都曾经拥有过，这就够了，当你走的那一刻，这里一切会让你感慨，会让您留恋的。过去的你们对我很重要很重要，我在意你们每一位。你们都很优秀很优秀，我尽力了，我做了我能做的，我感谢每一位同事，能和你们共事，我很充实，我会记得你们的每一位……希望我们继续保持联系，共同努力，共同进步！</t>
  </si>
  <si>
    <t xml:space="preserve">怎样学好电脑只会简单操作，怎样深入应用 </t>
  </si>
  <si>
    <t>学好电脑，入门并不难，难的是精通它。电脑是科学技术的结晶。可以说现在的工作、学习、生活、娱乐都离不开电脑。学习电脑要除了要学习它的一些理论知识，但更重要的是多操作，多动手。俗话说“熟能生巧”就是这个道理。你掌握了简单的操作，就可以有计划、有目的的去学习和熟悉一些更深层次的东西，比如说计算机硬件的维护和管理技能、网络的维护和管理、办公系统的操作技能、图像制作的技能、视频处理和制作的技能等等。因为计算机的功能太强大了，涉及的面太大了，我们只能选择自己最喜爱的方面去发展，只要你多实践，多动手，一定能学好它。</t>
  </si>
  <si>
    <t xml:space="preserve">我的公积金属于中央国家机关住房公积金，我爱人属于北京市公积金。请? </t>
  </si>
  <si>
    <t>　　１、“伟嘉安捷”专家解释，在实施操作中，凡在《个人住房担保委托贷款借款申请表》“个人登记号”一栏写的是以502、509数字开头的，即视是国管单位；以身份证号开头的号码，则大多数视为市管单位。　　２、住房公积金的贷款度调整上限额度至80万后，对借款人来说是否能够贷到这个额度还要视个人情况区别对待。一般来说，市管公积金是根据借款人的个人月缴存额度来计算的，国管公积金是根据借款人个人或者夫妻双方的收入证明来核定。具体计算公式分别为：（１）市管公积金最高可贷款额度的公式为：借款人家庭月收入（月收入＝职工个人住房公积金月缴存额÷职工住房公积金缴存比例），每月至少扣除400元的生活费后所剩余额，再除以申请贷款年限的每万元贷款月均还款额的所得，即为最高可贷款额度。（２）国管公积金最高可贷款额度的计算方式与市管公积金不同，国管公积金看借款人的收入证明，以家庭为单位，只要夫妻二人的收入证明能够开到月还款额的2倍以上即能够申请公积金贷款最高上限额度80万。　　　　</t>
  </si>
  <si>
    <t xml:space="preserve">关于把脉确定是男是女????有谁相信?或者有谁试过是真的???? </t>
  </si>
  <si>
    <t>我也找老中医把过脉，（不过是我自己因为好奇要求的，嘻嘻！）那人是我老公的大伯，结果把出来也是个女儿。当时刚好是老公的爷爷过八十大寿，结果两个老人家当场就气蒙了。他们气归气吧，反正怀男怀女又不是我能说了算的，况且科学上还讲主要因素还在于男方呢！把脉的时候是医生把住你左右手腕上的动脉，要把上好一会呢。你说的那个用笔的方法，是江湖骗术，胡弄人的！我好在平时老公家把我看得挺重的，其实这主要是在于你老公对你的态度，如果他平时当着他家人的面，对你唯唯喏喏的样子，他家里人自然也会敬你三分的。所以这种时候关键得靠你老公：一方面得让他表现得你怀了宝宝他很痛你的样子，比方说在他家里，你可以撒撒娇，让他给你倒洗脚水，给你捶背，故意让他父母看见；另一方面下次他父母再讲要把宝宝打掉之类的话，让他老公好好的凶一下他父母！宝宝在妈妈肚子里是感受得到外面世界的，所以你要保持良好的心态，不要老是闷闷不乐的，这样对宝宝不好；另外你千万不要有要把宝宝打掉的念头，这样子宝宝潜意识里会感受得到的，出世之后会容易胆小，自卑！</t>
  </si>
  <si>
    <t xml:space="preserve">谢谢,请帮忙!1.Theboydivedintothewater </t>
  </si>
  <si>
    <t>1. The boy div into the water and after _a. what_ seemed to be a long time , he came up again. d.which选a,单独用时 用it, 但在这里时放在after 后,代替"所....的时间",所以用what.2. ---Anthony told me once he had a fall and broke his arm.---__b. how long ago _ was that? rhowlong选b,问句中told me once 时指过去某时,如果用a,d, 句中要用现在完成时.c项不存在.3. I shall never forget these days _that _ I spent with the farmers, which__ has a great effect on my life.a.when, at,whichc.which,thatd.when,who选b, 第一空作定语从句中spent的宾语,不能用when;第二空非限制性 定语从句.用which指these days.不能用that 或when(缺主语).</t>
  </si>
  <si>
    <t xml:space="preserve">什么是测速侧长传感器? </t>
  </si>
  <si>
    <t>有各种测速传感器，也有各种测长传感器。测速传感器概述　　测速传感器是对被测物的运行速度进行测量并转化成可输出信号的传感器。测速传感器包括测量线速度传感器和测量转速度传感器。随着科技的发展，传统的测量设备已不能满足现状的需求，已渐渐地被淘汰，而激光测速传感器已被广泛使用，在产品生产过程中有着重要意义，它通过与计算机连接，可对被测物进行自动化、智能化的测量控制。这也就是现在测量技术与计算机技术相结合的产物。编辑本段测速传感器分类　　测速传感器主要可分为测线速传感器和测转速传感器两种。由于测速传感器产品有很多种，在这里我就不一一列出来了，以下将介绍目前国内常用的两种激光测速传感器，也在国外已被广泛使用，仅供参考。测线速传感器　　简介　　ZLS-C50测速传感器是特别定制高精度的一款测速传感器，其精度小于0.05%。它是非接触在线精密测量物体运行速度的利器。它不仅能测运行速度，还能测量运行物体左右摆动量，以及方向和停机状态。它不仅能测量大物体，也能测量细小物体,是目前一款性能非常优异的在线测速度传感器。　　原理　　该传感器系统是基于一种可靠的空间滤波方法原理，此工作方法是通过观察穿过光栅的移动物体来实现。运动影像的重合和光栅结构导致探测器输出信号的频率被测物的移动速度相匹配。1.频率滤波原理测长传感器　　ZLS-C50频率滤波测长传感器系统是基于一种可靠的空间滤波方法原理，此工作方法是通过观察穿过光栅的移动物体来实现。运动影像的重合和光栅结构导致探测器输出信号在一个物体速度相称的频率上发生变化。这个效果可以通过一个简单的图解很好的说明：在一个阳光明媚的日子，路上的树在路上产生了有规则的明暗图案区域。行驶在这条路的每辆车反射一定数量的光线，这取决于汽车是正在通过阴影区还是光亮区。汽车开的越快，从汽车反射的光线的间隔就越短。在实际的测量情形中，来自被照物体反射的光线通过光栅，然后被高速影像传感器探测。间隔代表了树之间的距离。传感器能测量频率物体反射来确定位移的时间。一般上很多物体在同一时间穿过完整的测量区域进行移动。  2.相差法原理测长传感器　　ZLS-Px相差法测长传感器以整个镜头中的某一点在镜头中的不同位置来判断被测物的长度 。好比用相机照相，相机是固定的，背景不会改变，然后在同一个背景下，人物站在不同的位置，人物就好比是被测物体，他移动了多少的长度，传感器都能判断出来。ZLS-Px像差测速传感器有两个端口：一个发射端口，发出LED光源；一个是高速拍照端口，实现CCD面积高速成像对比，通过在极短时间内的两个时间的图像对比，分辨被测物体移动的长度，结合传感器内部的算法，还能实时输出被测物体的速度。如图所示，①LED光发射口，②摄像接收口，③、④接线端，⑤固定螺孔 。①LED光发射口对着被测物发射出激光，经反射到②摄像接收口，接收到信号后传给信号处理器，通过算法计算出它的速度。  编辑本段侧长传感器应用　　频率滤波测长传感器是一款目前性能非常优异的高精度在线测长传感器，也是非接触在线精密测量物体长度的利器。它可应用于螺纹钢、铁丝、钢带、钢板、钢轨等在线长度测量；相差法测长传感器也是一款高精度的侧长传感器，特别适合测量粗糙表面，如绒布、毛皮等纺织品，涂层或粘胶表面，泡沫橡胶表面的测长，可应用于板材、管材在线切割，电缆或砂纸长度测量等；也非常适用于绒布、毛皮等纺织品、涂层或粘胶表面、泡沫橡胶表面物体的测长。</t>
  </si>
  <si>
    <t xml:space="preserve">贝克汉姆的外号是什么? </t>
  </si>
  <si>
    <t>万人迷</t>
  </si>
  <si>
    <t xml:space="preserve">中译英,烦请帮忙请按出集装箱的方式安排出货。如果贵司平时以集装箱 </t>
  </si>
  <si>
    <t>Please arrange shipment with containers. If your company usually load more cartons when shipping goods with containers, please do so.</t>
  </si>
  <si>
    <t xml:space="preserve">家电问题三洋洗衣机在洗衣服的时候突然不转了，还有一股糊味，请问朋 </t>
  </si>
  <si>
    <t>遇到这种情况请先拨下电源。有糊味并不代表电机烧了，做为家用电器，电机是不易受损的。请拆开后盖，用手摸下电机是否发烫，如有，请用万用表检测电机绝缘是否完好。或是用手转动，以此检验是否因衣物太多过载而卡住。如以上均正常，再看电容是否炸开。如有，请买相同型号的更换即可。如没有,再用眼仔细观察线路是否因电机短时过载发热引起电线胶皮烫损粘连而短路，（现在很多厂商为了更高的利润难免使用劣质非国标，或低于应使用规格的电线）如您有幸找到他们亲密接触点。找两同规格电线接上，也许就行了。当然在您试运行前请尽量关闭其他家用电器。开起洗衣机并立即关闭，听听感觉下是否有异响或异况。如果仍不行，麻烦您请家电维修人员。必竟我并没有看到你洗衣机的具体状况。所言有限。如果您有幸成功，那俺就恭喜您了。</t>
  </si>
  <si>
    <t xml:space="preserve">个子不高的女人留长发好还是短发好 </t>
  </si>
  <si>
    <t>当然是短发好了长发会显得自己更矮 而且还不够精神短发可以协调一下身材比例</t>
  </si>
  <si>
    <t xml:space="preserve">美洲杯上的美国和墨西哥。参加这次美洲杯的美国和墨西哥，是不是金杯 </t>
  </si>
  <si>
    <t>北京时间6月23日，美国国家队主教练鲍勃-布拉德利公布了将参加本届委内瑞拉美洲杯的22人大名单，而这份名单充分体现了美国要拿美洲杯锻炼新人的意图。　　多位成名老将没有出现在这份名单中，包括兰德勒-多诺万、达马库斯-比斯利、克林特-邓肯西和卡洛斯-博卡尼格拉都没有入选。这22名球员中，有14人年龄不到25岁。参加过2006年德国世界杯的球员中，只有门将凯勒、后卫吉米-康拉德、中场本-奥尔森和前锋埃迪-约翰逊这四人出现在这次出征美洲杯的美国队中。　　当然，美国队近期比较频繁，金杯赛和美洲杯赛相聚时间很短，因此主帅布拉德利也要考虑球员体能的问题，权益之下美国还是比较注重金杯赛，毕竟他们在这项北美和加勒比海地区的传统赛事上存在优势。参加金杯赛的球员中，也只有9人将出征接下来的美洲杯。　　“美洲杯将是我们锻炼年轻球员的一个非常好的机会，在这种最高水平的国际赛事中我们的小伙子将获得宝贵的经验。”布拉德利并不掩饰自己的想法，“这样两个大赛背靠背举行，从组队方面，对我们来说即是机会也是挑战。这支队伍在未来两年里都将承担重要角色，而我们的最终目标是取得2010年南非世界杯的参赛资格。”　　美国队本次美洲杯的首场比赛将于当地时间周二开打，对手是卫冕冠军阿根廷队。四天之后他们将迎战小组赛第二个对手巴拉圭，7月5日对阵哥伦比亚。　　以下为美国队参加本届美洲杯的具体名单：　　守门员：根岑、凯勒、伯恩斯坦；后卫：博斯威尔、卡里夫、康拉德、德米立特、摩尔、皮尔斯、韦恩；中场：贝克尔曼、克拉克、费尔哈伯、吉文、科尔杰斯坦、马普、内杨、奥尔森；前锋：戴维斯、戈麦斯、约翰逊、泰威文。墨西哥美洲杯大名单： 　　桑切斯（桑托斯），奥楚阿（墨西哥美洲），马伽隆（瓜达拉哈拉），平托（帕楚卡），马奎斯（巴塞罗那），卡斯特罗（UNAM），皮内达（瓜达拉哈拉），卡斯特罗（墨西哥美洲），罗德里格斯（瓜达拉哈拉），托拉多（墨西哥蓝十字军），科雷亚（帕楚卡），莫拉雷斯（瓜达拉哈拉），洛扎诺（塔格雷斯），瓜尔达多（亚特拉斯），阿尔塞（莫纳卡斯），梅迪纳（瓜达拉哈拉），博尔格蒂（墨西哥蓝十字军），布兰科（芝加哥火焰），卡乔（帕楚卡），保蒂斯塔（美洲虎），布拉沃（瓜达拉哈拉），卡斯蒂略（希腊奥林匹亚科斯）</t>
  </si>
  <si>
    <t xml:space="preserve">现市面上美白粉底液.隔离霜太多了,我肤色偏黑黯,请教有经验的各位? </t>
  </si>
  <si>
    <t>你去lancome看看，我之前买过一款绿色的粉底液，（那个店员说我的皮肤偏红，适合用绿色的），用了之后很白的，还有其他的粉底液的颜色，是根据不同的皮肤底色来选择的。我不是很确定现在还有没有，因为我买的时候是在一年前，那个店员还告诉这个系列只在亚洲范围内出售的！！！！！P.S.我现在用的是CD的粉底液，感觉比lancome的那个好，这个看上去很自然的，我嫌lancome 的那个太白了！！！！！！</t>
  </si>
  <si>
    <t xml:space="preserve">关于男人有外遇的问题？有一女子和他丈夫结婚6年了，而且共同奋斗了 </t>
  </si>
  <si>
    <t>他是不是人啊~！？竟然这样对你~，而你还竟然这样犹豫，在这里问这个？？？当然，你们是有感情的，可以理解。那么是不是也存在着现在的家庭经济状况，你离不开你的老公呢？？？不管怎么说，他是已经犯了原则性的错误了，而且不知悔改！！！还厚颜无耻的让你们生活在一起！！！不但是不负责任，还让人不能理解！不说了，如果是我，会毅然的离开他的！即使不容易，即使舍不得，即使不愿意。可是，这是第一次，如果没有了这个，还会有别人进入你们的生活的，他是这样的人！</t>
  </si>
  <si>
    <t xml:space="preserve">扁豆不煮熟为什么会有毒？ </t>
  </si>
  <si>
    <t xml:space="preserve">扁豆中毒是由于扁豆中含有红细胞凝集素、皂素等天然的毒素，若加工时未做到煮熟闷透，将这些毒素破坏，就会导致中毒。因为扁豆的毒素主要是在“豆”中，只有持续长时间的高温（通常要将扁豆在沸水中煮30分钟左右）才可以将其破坏，因此当采用沸水焯扁豆、急火炒扁豆等方法加工扁豆时，由于加工时间短，加工时炒（煮）温度不够，往往不能完全破坏“豆”中的天然毒素，因此食用后致人中毒。中毒的症状是恶心、呕吐、腹痛、头痛、头晕等，若及时治疗大多数病人可在24小时内恢复健康，一般不会致人死亡。   </t>
  </si>
  <si>
    <t>优博</t>
  </si>
  <si>
    <t>你好，un已经上个月就没有了的，现在唯一好的只有优博了，左面的名就是优博总代。</t>
  </si>
  <si>
    <t xml:space="preserve">指甲易断是为何? </t>
  </si>
  <si>
    <t>指甲的健康状况反映着全身状况。指甲容易劈裂、折断，变薄、变脆，除了一些疾病、感染等原因外，很可能是人体缺乏维生素A或存在全身性营养不良。出现这种情况的患者要审视自己的饮食习惯，如是否偏食，不爱吃维生素A含量高的食物。建议多吃富含维生素A的食物，如羊肝、胡萝卜、鱼肉、水果等。有的患者不是偏食，而是消化功能障碍，即使吃了富含维生素A的食物，但吸收差，这样的人要考虑到专科进行治疗。指甲容易劈裂、折断等，还可能和一些疾病有关，如牛皮癣患者，指甲就可能出现凹陷、裂口、增厚等问题。糖尿病患者、动脉血管病患者，其健康问题也容易体现在指甲上。另外，指甲受到感染也会出现上述问题，如受到红色毛癣菌、白色念珠菌感染，指甲都可能增厚，呈现灰褐色，出现缺损、变形等情况。此外，传染性疾病也会导致指甲出现问题，如患有脚气的人用手抠脚，就可能把脚癣感染到指甲上。</t>
  </si>
  <si>
    <t xml:space="preserve">两种杀毒软件，其中一个会不会把另一个的病毒库当作病毒杀掉？ </t>
  </si>
  <si>
    <t>一台机器只应该安装一个杀毒软件否则可能因为冲突而死机甚至系统崩溃记得：1.绿色版免安装的除外2.不是杀毒的软件除外（例如杀木马的、杀恶意软件的……）</t>
  </si>
  <si>
    <t xml:space="preserve">什么是套期保值？ </t>
  </si>
  <si>
    <t xml:space="preserve">一）套期保值的基本原理 1、套期保值的概念： 套期保值是指把期货市场当作转移价格风险的场所，利用期货合约作为将来在现货市场上买卖商品 的临时替代物，对其现在买进准备以后售出商品或对将来需要买进商品的价格进行的交易活动 2、套期保值的基本特征： 套期保值的基本作法是，在现货市场和期货市场对同一种类的商品同时进行数量相等但方向相反的买卖活动，即在买进或卖出实货的同时，在期货市场上卖出或买进同等数量的期货，经过一段时间，当价格变动使现货买卖上出现的盈亏时，可由期货交易上的亏盈得到抵消或弥补。从而在“现”与“期”之间、近期和远期之间建立一种对冲机制，以使价格风险降低到最低限度。3、套期保值的逻辑原理： 套期之所以能够保值，是因为同一种特定商品的期货和现货的主要差异在于交货日期前后不一，而它们的价格，则受相同的经济因素和非经济因素影响和制约，而且，期货合约到期必须进行实货交割的规定性，使现货价格与期货价格还具有趋合性，即当期货合约临近到期日时，两者价格的差异接近于零，否则就有套利的机会，因而，在到期日前，期货和现货价格具有高度的相关性。在相关的两个市场中，反向操作，必然有相互冲销的效果。 （二）套期保值的方法 1、生产者的卖期保值： 不论是向市场提供农副产品的农民，还是向市场提供铜、锡、铅、石油等基础原材料的企业，作为 社会商品的供应者，为了保证其已经生产出来准备提供给市场或尚在生产过程中将来要向市场出售商品的合理的经济利润，以防止正式出售时价格的可能下跌而遭受损失，可采用卖期保值的交易方式来减小价格风险，即在期货市场以卖主的身份售出数量相等的期货作为保值手段。2、经营者卖期保值： 对于经营者来说，他所面临的市场风险是商品收购后尚未转售出去时，商品价格下跌，这将会使他 的经营利润减少甚至发生亏损。为回避此类市场风险，经营者可采用卖期保值方式来进行价格保险 3、加工者的综合套期保值： 对于加工者来说，市场风险来自买和卖两个方面。他既担心原材料价格上涨，又担心成品价格下跌 ，更怕原材料上升、成品价格下跌局面的出现。只要该加工者所需的材料及加工后的成品都可进入 期货市场进行交易，那么他就可以利用期货市场进行综合套期保值，即对购进的原材料进行买期保 值，对其产品进行卖期保值，就可解除他的后顾之忧，锁牢其加工利润，从而专门进行加工生产。 （三）套期保值的作用 企业是社会经济的细胞，企业用其拥有或掌握的资源去生产经营什么、生产经营多少以及如何生产 经营，不仅直接关系到企业本身的生产经济效益，而且还关系到社会资源的合理配置和社会经济效益提高。而企业生产经营决策正确与否的关键，在于能否正确地把握市场供求状态，特别是能否正确掌握市场下一步的变动趋势。期货市场的建立，不仅使企业能通过期货市场获取未来市场的供求信息，提高企业生产经营决策的科学合理性，真正做到以需定产，而且为企业通过套期保值来规避 市场价格风险提供了场所，在增进企业经济效益方面发挥着重要的作用。 （四）套期保值策略 为了更好实现套期保值目的，企业在进行套期保值交易时，必须注意以下程序和策略： 1、坚持“均等相对”的原则。“均等”，就是进行期货交易的商品必须和现货市场上将要交易的商 品在种类上相同或相关数量上相一致。“相对”，就是在两个市场上采取相反的买卖行为，如在现货市场上买，在期货市场则要卖，或相反。 2、应选择有一定风险的现货交易进行套期保值。如果市场价格较为稳定，那就不需进行套期保值， 进行保值交易需支付一定费用。 3、比较净冒险额与保值费用，最终确定是否要进行套期保值。 4、根据价格短期走势预测，计算出基差（即现货价格和期货价格之间的差额）预期变动额，并据此作出进入和离开期货市场的时机规划，并予以执行。 </t>
  </si>
  <si>
    <t xml:space="preserve">20岁的大三女孩还是处女的可能性有多大？最近和一个20岁的女孩开 </t>
  </si>
  <si>
    <t>因人而异有的人交了好几个男朋友自己还是处女有的人才刚交上一个男朋友就不是了</t>
  </si>
  <si>
    <t xml:space="preserve">大家来看看这是怎么了我在家玩飚车的时候怎么感觉特别晃啊是不是跟网 </t>
  </si>
  <si>
    <t>网络问题的可能性大点！因为我也出现过这样的问题！我的电脑是1G内存，100G硬盘，CPU双核1.83G应该没问题吧！极品飞车9玩起来很好！飚车有时方向会偏，应该就是网络问题！开始我还以为我的手提是宽屏有拉偏现象加上手提键盘不如台机键盘！不过长时间下来才发现键盘不好最多方向打的比较大！车是不会飘的！</t>
  </si>
  <si>
    <t xml:space="preserve">关于笔记本硬件首次安装我的笔记本是今年6月11日买的，一直在用， </t>
  </si>
  <si>
    <t>驱动信息，看你的驱动是否有更新的，或已经更新过，现在有的信息还是2009年的，属正常情况</t>
  </si>
  <si>
    <t xml:space="preserve">有关不同战网的切换我现在是上impk的，如果我想上百灵或ttbn </t>
  </si>
  <si>
    <t>你说的对，想上哪个战网就运行哪个战网的注册表，不过上TTBN要升级到1.11哦，回百灵或IMPK还要回到1.10版本。</t>
  </si>
  <si>
    <t xml:space="preserve">我家昨天不知道谁送来了很多酒精棉花，酒精棉花有哪些用处或可以干哪? </t>
  </si>
  <si>
    <t>医院里我看到过好多！好像是消毒的吧！我不知道你说的是不是这个酒精棉花！</t>
  </si>
  <si>
    <t xml:space="preserve">才发现第2场的1比尤文的1还冷呀 </t>
  </si>
  <si>
    <t>哎~~我又中头冷拉~~~~</t>
  </si>
  <si>
    <t xml:space="preserve">请教扫描仪问题我扫描一个文件，两种方法：a.把扫描仪扫描分辨率设? </t>
  </si>
  <si>
    <t>相同尺寸下dpi越高，文件越大，图片更清晰200dpi缩小到70%图片1（缩小只是尺寸变小，dpi不变的），150dpi图片2哪个清晰，理论上图片1清晰在网上和本地机上看到的效果应该是一样的，本地机上看哪个清晰就是网上哪个清晰</t>
  </si>
  <si>
    <t xml:space="preserve">天然的金针菇是白色还是黄色?是白色经过了漂白,还是黄色经过了染色 </t>
  </si>
  <si>
    <t>其实，金针菇有黄色，也有白色的，它们都是天然的，营养成分也差不多，只不过，他们的品种不一样。金针菇按色泽分为黄色种、浅色种和白色种三大类。</t>
  </si>
  <si>
    <t xml:space="preserve">有谁知道鲜花怎么保鲜的吗，急我昨天收一束玫瑰花，但今天就有点枯了 </t>
  </si>
  <si>
    <t xml:space="preserve">A.水处理：水中处理法是鲜花保鲜的基本方法 。     购买回来的鲜花重新剪切一下底部枝条。即将鲜花枝条放在水中，用剪刀在水中直接将花茎剪短。这样做的目的是为了促进花茎的吸水能力。如水温在7度左右，效果最佳。因为水有助于花茎中的气泡排出，形成通畅的吸水通道，以延长花的寿 命。        B.末端击碎法：将花梗末端约一寸左右处击碎，使吸水面积扩大。    C.灼焦法：把花枝末端放在蜡烛火焰上烧焦后，即放入酒精溶液中浸一分钟，再用清水漂洗。      D.保鲜剂：使用市场上出售的现成保鲜剂。    E.维生素C让鲜花保鲜.(一朵配一粒）    F:鲜花只养在清水里的效果是不理想的，为了使鲜花保鲜，可在水里放入适量的糖，因为糖能供应鲜花需要的能量。 希望能帮助你。 </t>
  </si>
  <si>
    <t xml:space="preserve">我对生活很盲目！我总是参与到是非之中！我做了一件错事跟旁边的人有 </t>
  </si>
  <si>
    <t xml:space="preserve">有错就改的人,仍然是好同志.你要跨越的是你心理上的"槛".也许别人(长辈或身边人)并没有因你做的错事改变对你的看法,即使确实象你说的那样,你要做的是:心理上战胜自己,用实际行动证明自己,恢复别人对你的信任.    这也是对你做错事的一种处罚方式.关键是:做回你自己,用行动说明一切.    相信你能行,祝你好运.    </t>
  </si>
  <si>
    <t xml:space="preserve">外地人能在天津限购买车吗？ </t>
  </si>
  <si>
    <t>有资格就摇号，没有资格就上河北牌照，或者买不过户的连牌照转让的车。希望我的回答对您有所帮助，记得给我好评！~</t>
  </si>
  <si>
    <t xml:space="preserve">如何成为一名兼职短信写手？搜虎短信同盟现在已经不办理这项业务了， </t>
  </si>
  <si>
    <t>骆驼进鸡窝</t>
  </si>
  <si>
    <t xml:space="preserve">请教清泉老师000858\600007\600104\60030? </t>
  </si>
  <si>
    <t>600308 60日均线注意压力.000858 半年线可短线减仓.600104 年线做换股.</t>
  </si>
  <si>
    <t xml:space="preserve">什么是财政/货币政策 </t>
  </si>
  <si>
    <t>财政public finance   以国家为主体，为了实现国家职能的需要，参与社会产品的分配和再分配以及由此而形成的国家与各有关方面之间的分配关系。在中国，对财政这一范畴有不同的认识：一种观点认为，财政是由国家分配价值所产生的分配关系，这种价值分配，在国家产生前属于生产领域的财务分配，在国家产生后属于国家财政分配；第二种观点认为，财政是为了满足社会共同需要而对剩余产品进行分配而产生的分配关系 ，它不是随国家的产生而产生的，而是随着剩余产品的产生而产生的；第三种观点认为，财政是为满足社会共同需要而形成的社会集中化的分配关系。   财政一词最早起源于西欧。13～15世纪，拉丁文 finis是指结算支付期限的意思，后来演变为finare，则有支付款项、裁定款项或罚款支付的含义。到16世纪末 ，法国政治家波丹将finances作为财政一词使用，认为财政是“国家的神经”，随后逐步泛指国家及其他公共团体的理财 。中国古代一般采用国用、国计、邦计 、度支、理财等词语。日本自1868年明治维新以后，从西欧各国引用 finance一词，吸收中国早已分开存在使用的“财”和“政”二字的含义，创造了财政一词，并于1903年传入中国，逐步取代以前的各种名称，确立了财政的概念。   财政是社会生产力发展到一定的历史阶段的产物。在国家产生以前，原始公社末期已经存在着从有限的剩余产品中分出一部分用于满足社会共同需要的经济现象。但这只是集体劳动成果由集体分配，属于经济分配，还没有财政分配 。国家产生以后，在经济上占统治地位的阶级，为了维护国家的存在，依靠政治力量，强制占有和支配一部分社会产品 ，以保证国家机器的运行和社会的发展，从而便从一般经济分配中分离出独立的财政分配，于是产生了财政。   由于社会生产方式及由此决定的国家类型不同，财政经历了奴隶制国家财政、封建制国家财政、资本主义国家财政和社会主义国家财政的历史演变。资本主义国家及其以前的财政是以生产资料私有制为基础的，是在经济上占统治地位的阶级凭借国家的政治权力对劳动人民进行的额外剥削，反映了剥削阶级对劳动人民的超经济剥削关系。社会主义国家财政是建立在生产资料公有制基础之上的，消灭了剥削制度，它是服务于人民根本利益的国家财政，体现了取之于民、用之于民的新型分配关系。但是，不同类型的国家财政，一般具有下列共性：即财政分配的国家主体性、无偿性、强制性和社会基金性。这些特性之间相互关联，使财政分配与其他经济分配相区别。   国家财政一般具有3个职能 ：① 分配职能。即以国家为主体参与社会产品分配的职能，包括组织财政收入和安排财政支出两个方面。②经济调节职能。即根据宏观政策目标 ，通过调整财政分配以调节国民经济发展的职能。③监督职能。即对财政的分配、调节过程及其相关方面实施监察、督促和制约的职能。它是财政分配职能、调节职能完满实现的条件。财政的三大职能相互联系、相互制约，其中分配职能是基本职能，调节职能和监督职能是由分配职能所派生的。   随着自然经济向商品经济的发展，财政分配形式经历了力役、实物、货币3种形态 。财政分配的范围也逐步由小到大，财政分配的活动逐步由分散到集中，财政分配的管理逐步由不完备到比较完备，形成了诸如税收、公债、预算等日臻完善的现代财政制度，财政分配的目的也由单纯满足国家政权机器的需要逐步发展为满足国家政权机器需要，促进社会事业发展和进行宏观经济调节三者并存。   财政参与分配社会产品，必须正确处理财政与经济的关系，经济决定财政，财政来源于经济，它在一国经济发展和分配体系中占有重要地位。货币政策，是中央银行采用各种工具调节货币供求以实现宏观经济调控目标的方针和策略的总称，是国家宏观经济政策的重要组成部分。    货币政策调节的对象是货币供应量，即全社会总的购买力，具体表现形式为：流通中的现金和个人、企事业单位在银行的存款。流通中的现金与消费物价水平变动密切相关，是最活跃的货币，一直是中央银行关注和调节的重要目标。    货币政策工具是指中央银行为调控货币政策中介目标而采取的政策手段。我国现行的货币政策工具有：存款准备金率、利率、再贴现、中央银行再货款、公开市场操作和贷款规模等。    货币政策的最终目标是保持币值稳定，防止通货膨胀，并以此促进经济发展。货币政策是涉及经济全局的宏观政策，与财政政策、投资政策、 分配政策和外资政策等关系十分密切，必须实施综合配套措施才能保持币值稳定。金融宏观调控的主要经验：1、 治理通货膨胀，必须坚持适度从紧的货币政策不动摇。2、 贯彻适度从紧，要坚持控制过度需求与增加有效供给相结合，注重结构调整。3、 贯彻适度从紧与加强金融监管和深化改革相结合。4、 金融宏观调控要坚持经济手段、法律手段与必要的行政手段相结合。</t>
  </si>
  <si>
    <t xml:space="preserve">请教行家：双回路供电就只能用专变吗？最近签了购房合同，签约时售楼 </t>
  </si>
  <si>
    <t>按照我国的供电规定,只有一、二类供电才能使用双回路供电,一般民用电都属于3类供电，所以公变不能使用双回路供电，专变含有电梯，消防，供水、及应急供电等系统，可以划入2类供电，所以才可以双回路供电。</t>
  </si>
  <si>
    <t xml:space="preserve">1—8号美国财务会计概念框架汉语版（注意不是英语版），相当于中国? </t>
  </si>
  <si>
    <t xml:space="preserve">总体上来看, 美国财务会计准则委员会的财务会计概念框架的内容是详细、充实和严谨的, 基本上能自成一个完整的体系并符合佩顿和利特尔顿提出的连贯、协调、内在一致的理论体系的要求。本文肯定FASBCon cepts具有许多独创性, 值得借鉴学习。例如, 第 1号概念公告提出用财务报告代替财务报表, 发展了财务会计;第 5号概念公告提出四项确认的基本标准等等。但FASBConcepts仍有弱点和不足之处。因此, 本文提出若干建议, 试图说明它的不足和如何加以改进。 </t>
  </si>
  <si>
    <t xml:space="preserve">西班牙商人，在哪学杀猪JN？入题，，， </t>
  </si>
  <si>
    <t>首先做那个0报酬的任务,给你一本简单的料理入门,然后你就磨面磨面,等磨到3级烹饪了,去波尔图,道具商买本烹饪料理·猪之章 就可以杀猪了做火腿了.</t>
  </si>
  <si>
    <t xml:space="preserve">公布网通骗子大家小心这骗子是辽宁之星副队！这样的怎么能当上副队 </t>
  </si>
  <si>
    <t>谢谢！今后注意这些骗子</t>
  </si>
  <si>
    <t xml:space="preserve">单机游戏红色警戒为什么不能和共用一个网线的电脑联机玩啊 </t>
  </si>
  <si>
    <t>能联机玩红警的条件是：正版红警游戏，网络要求是在同一个局域网，或者是要有一个游戏平台，且是同一版本的游戏，然后才能搜索到，并联机玩游戏</t>
  </si>
  <si>
    <t xml:space="preserve">紧急求助:“自动更新”不能关闭右击“我的电脑”——“属性”——“ </t>
  </si>
  <si>
    <t>关闭不了，你不用它打补丁就可以了，成为灰色就已经不能使用了，可能是自动更新的服务被关闭或注册表的修改，如果你让它恢复不是恢色，请按最下面的方法做。错就错在有些人打了微软的补丁，升级了他们的SP3 。我一直用超级兔子打补丁，她很人性化，对你不利的补丁她不给你打，所以我的盗版系统他们控制不了(如果你没有打微软的补丁，又没有黑屏，就不用担心)。你的如果也遇到此问题，建议你重新安装操作系统（盗版）。用超级兔子打补丁不就行了吗。建议你将自动更新关闭。下载超级兔子，让她帮助你下载补丁。你选择快速检测后，按安装按钮，她会自动帮助你下载安装，并且不需要重启。到目前为止，使用超级兔子打补丁全部成功（对于系统不需要安装全部补丁，因此超级兔子有快速检测（推荐）、全面检测、自定义，选择快速检测只安装对系统有严重安全漏洞的补丁打）。下载地址： 关闭自动更新的方法：打开控制面板/安全中心/自动更新/点选“关闭自动更新”，按应用即可。以下三种方法用哪种方法都可以解决防盗版的问题： 1、传个“序列号替换器”给你,可以让你的系统变成正版,保证可以通过微软的主板验证。 2、如何手工删除微软正版验证方法是：运行输入regedit回车，打开注册表定位[HKEY_LOCAL_MACHINE\SOFTWARE\Microsoft\windowsNT\CurrentVersion\winlogon\Notify\wgaLogon]分支将一个名为“wgaLogon”删除重新启动电脑。在把C:\windows\system32中的“wgatray.exe”删除，在系统盘搜索查找，在别的文件夹中如还有，删除即可。3、去下载一个名为MSWGA.EXE 的文件就可以了(中文名称:微软正版认证离线包) 下载网址： 提示：下载后双击运行即可，运行时，系统可能会问你“现在安装的版本低，是否替换”，你选择是就行了，这样你就能够通过正版验证了。第三个方法最有效果。不能自动更新1、打开控制面板/性能和维护/管理工具/双击服务/在打开的对话框中的右侧选“自动更新”双击它，在打开的对话框中选择启动类型“自动”，服务状态为“启动”然后按应用确定即可。2、如果通过以上设置还不能启用，请开始/运行输入 c打开组策略，在左侧选用户配置/管理模板/Windows组件/Windows Update/在右侧选“删除使用所有Windows Update功能的访问”双击它，在打开的对话框中选择“未配置”然后按应用确定，重启电脑即可。</t>
  </si>
  <si>
    <t xml:space="preserve">拒绝后的话.这样跟她说可以吗?我不想放弃!!我想这样跟她说:顺其 </t>
  </si>
  <si>
    <t>加油吧。。。。本人不赞成顺其自然了事喔！没什么好迷惘的，你又不是同时放不下两个人只是喜欢一个人，就让那种感觉自生自灭或者系一直保持咯</t>
  </si>
  <si>
    <t xml:space="preserve">腰椎间盘突出的锻炼?我有腰椎间盘突出的病症，怎么治疗啊？腰椎间盘 </t>
  </si>
  <si>
    <t>腰椎间盘突出的锻炼？腰椎间盘突出如何锻炼方法如下第一节：脚尖往回勾，腿向上抬5秒钟，然后慢慢放下。循环10次。左右腿交换做。第二节：拱桥：双肘双脚撑床，臀部向上抬5——10秒循环10次。第三节：燕飞：俯卧床上，双臂向后伸起，双腿向上翘起5-10秒。循环10次。腰椎间盘突出的锻炼方法一般是作为辅助治疗方法，腰椎间盘突出的原因，症状以及主要治疗方法一般有以下几种腰椎间盘突出：椎间盘组织局限性移位超过椎间隙。它的基本因素是椎间盘退变。一般容易造成腰椎间盘突出的原因有以下几种。1、脊柱畸形。2、年龄偏大。3、种族遗传。4、长期久坐、长期弯腰、长期负重。5、外伤原因。6、腰部受寒。7、糖尿病。腰椎间盘突出症状主要是下腰痛和坐骨神经痛，具体表现为腰部胀痛、臀部及大腿麻木胀痛、感觉减退或疼痛过敏、脚麻酸痛、肌肉萎缩、患腿变细、行走困难等，严重时大小便功能障碍、下肢瘫痪、长期卧床不起使病人生活质量下降、工作和劳动能力丧失。腰椎间盘突出怎么治疗    药物治疗中，包括治疗性药物和缓解症状类药物。由于腰椎间盘的特殊结构决定很多一般药物难有治疗作用，因此一般西药只有止痛功能，缓解临床症状为主，口服大部分药物还是达不到根治腰椎间盘突出的目的，外用的中药贴剂，效果会更好，从外皮渗透，药物渗入骨质，也没有副作用，德国研制的沃卡恩聚能离子风湿骨痛贴在德国上市两年，已全面取代手术，对腰椎间盘突出的治疗可以彻底治愈，并且不易复发，基本上没有副作用。腰椎间盘突出的食疗方法以下几种可供参考：　　（1）海带25g，荔枝15g，小茴香15g。加水共煮，每日饮服一次。　　（2）生韭菜（或根）500g。捣汁温服，每次500ml，每日2次。　　（3）淡菜300g。烘干研末，与黑芝麻150g炒熟，拌匀，早晚各服一匙。　　（4）芝麻15g，大米100g。将芝麻用水淘净，轻微炒黄后研成泥状，加大米煮粥。每日一剂，供早餐食用。</t>
  </si>
  <si>
    <t xml:space="preserve">怀孕?一般多长时间用试纸就能测出怀孕啊? </t>
  </si>
  <si>
    <t>您好!根据您的具体情况分析一般医学的角度来讲在平经规律的情况在超过正常月经的3-7天之内都可以测定的.</t>
  </si>
  <si>
    <t xml:space="preserve">暑假作业的疑惑？一客轮逆水行驶，船上一乘客掉了一件物品，浮在水面 </t>
  </si>
  <si>
    <t>5分钟。设船速为V船；设水速为V水；设从丢失到到发现的时间为T1，发现到追到的时间为T2，因为距离相等，所以有等式：（V船＋V水）T2＝V水（T1＋T2）+（V船-V水）T1解方程得：T1＝T2。所以，丢失到发现时间为5分钟。</t>
  </si>
  <si>
    <t xml:space="preserve">能否用同一银行卡在两个证券公司分别开户,请指教,多谢!有何利弊 </t>
  </si>
  <si>
    <t>目前每个人只能在证券公司开一个A股账户，用别人的身份可以再开个户。但是A股账户和银行帐户要同一个人的名字。</t>
  </si>
  <si>
    <t xml:space="preserve">内墙涂料要具有透气性，请问什么是“透气性”，能用通俗易懂的语言描? </t>
  </si>
  <si>
    <t>“透气性”打一个简单的比如，你用塑料薄膜做一个蚊帐，这个蚊帐就没有透气性，睡在里面会感到很不舒服（热量难散，新鲜空气进不来）。</t>
  </si>
  <si>
    <t xml:space="preserve">单位实行标准工时制！首先可以肯定、肯定、再肯定的是：单位在实行的 </t>
  </si>
  <si>
    <t>劳动法第四十四条　有下列情形之一的，用人单位应当按照下列标准支付高于劳动者正常工作时间工资的工资报酬： （一）安排劳动者延长时间的，支付不低于工资的百分之一百五十的工资报酬； （二）休息日安排劳动者工作又不能安排补休的，支付不低于工资的百分之二百的工资报酬； （三）法定休假日安排劳动者工作的，支付不低于工资的百分之三百的工资报酬。　第三十六条 国家实行劳动者每日工作时间不超过8小时、平均每周工作时间不超过44小时的工时制度。如果你的单位是一般的企业，这样安排工作肯定是不合法的，周六日安排工作肯定是加班的。</t>
  </si>
  <si>
    <t xml:space="preserve">用电脑看高清电视一定要加装独立显卡吗？我想组装一台电脑，专门看高? </t>
  </si>
  <si>
    <t>高清视频解码工作归CPU，不需要配置特别高端的显卡，目前的板载显示芯片或者是CPU集成的显示芯片基本上可以满足高清视频的输出，如果需要3D输出的话需另行考虑。</t>
  </si>
  <si>
    <t xml:space="preserve">我10元割掉了002197.有人叫我今天挂单10元价.很幸运7万? </t>
  </si>
  <si>
    <t>短期看 002197 在 9块多会形成底部，其实没必要出来，可等待新一浪形成   既然出来，可在  9。4附近低吸等待反弹 中期行情具体买卖点可家我咨询</t>
  </si>
  <si>
    <t xml:space="preserve">小成本电影如何才能在院线上映？ </t>
  </si>
  <si>
    <t xml:space="preserve">在国外独立电影通常都在影院的萧条时段放映 一般这类电影并不已票房为最终目的 而导演更高是想传播自己电影的思想为主 在中国由于没有非常完善的电影体制 影院是由几大电影公司掌控 小成本电影想要发行非常困难 个人或者小团体制作的影片也只能通过网络最大限度传播 </t>
  </si>
  <si>
    <t xml:space="preserve">压岁钱怎么用？压岁钱的详细用法。 </t>
  </si>
  <si>
    <t xml:space="preserve">  压岁钱 莫乱用 存个存摺最荣幸存摺取名叫长命 密码可取1 0 0 （腰洞洞）钱越多 命越重 逢凶化吉凭此证若是遇灾身不舒 一文能顶两文用我说此话你不信 你可试试灵不灵</t>
  </si>
  <si>
    <t xml:space="preserve">计算机ie浏览器总是出现错误报告，然后关闭很多很多的网页自行弹出 </t>
  </si>
  <si>
    <t>有木马潜入你的电脑注意杀毒去网站上下载一个木马专杀 如果还不能解决问题就重新装IE</t>
  </si>
  <si>
    <t xml:space="preserve">房价下跌可以向开发商维权吗？ </t>
  </si>
  <si>
    <t>律师支招　　四种方式帮你亡羊补牢　　那么业主们因为房价下跌要求开发商补偿，是否合乎规定呢？　　北京大成律师事务所刘世杰律师认为，作为商品房，它其实也是市场当中的一种商品，应当受到市场价格规律的调节。消费者在购买时，应当考虑房子价格出现下跌的风险。就像股民在股市当中，股票是有涨有跌，你不能要求上市公司来赔偿你的损失。　　在这一事件中，开发商在卖房过程中存在欺诈吗？刘世杰表示，欺诈是故意隐瞒真实情况，骗购房人买房。比如开发商在售楼时将小产权房说成大产权房，但开发商对房屋进行降价并不存在隐瞒事实的情况，房屋在购买后出现价格下跌，是开发商受到市场供求关系以及政策等方面的影响做出的对策。　　开发商降低房价违反了民法通则的公平原则吗？刘世杰表示，公平原则是在房屋买卖双方签订合同时出现了重大误解时才适用，但房价下降并不属于重大误解。　　但对于房屋降价给购房者带来的投资损失，买房者可以采取以下几种亡羊补牢措施。具体可以区分几种情况：　　一、无付款无约定，买房人可放弃购房计划　　购房者已经同开发商签订了《认购书》/《购房意向书》，但尚未交付诸如定金、预付款、诚意金等款项的，建议购房人在确认《购房意向书》对自己并未约定罚责或约定的罚责远轻于继续购房造成的损失的，购房人可以坚决不再交付定金、预付款、诚意金等款项，放弃本次购房计划。　　二、有付款，买房人权衡利弊后可放弃购房　　在购房者已签订《认购书》/《购房意向书》并交付定金、预付款、诚意金等款项的情况下，购房者应先与开发商协商，争取退回或是相应退回已缴纳的款项。因为根据法律或《购房意向书》的约定，一旦购房人反悔，预付款、诚意金等款项是很难全部退回的。　　若协商无果，购房人在确定损失最小的情况下，可以放弃定金、预付款、诚意金等款项，放弃本次购房计划。　　三、暂无房产证，毁约承担风险多　　购房人已签订了《商品房买卖合同》并取得房屋，但产权证仍未办理，这就需要购房者根据《商品房买卖合同》约定，详细计算自己的毁约成本及法律风险，做出对自己有利的决策。　　如果开发商资金不充足、诚信度不高，购房者还要考虑开发商会不会耍流氓：同意退房却迟迟不退购房款，并可能将房屋再行出售甚至卷款消失。　　因此，最好的办法是购房人在毁约前先与开发商充分协商，并一次性拿到退房款。　　四、已办产权证，退房无可能　　房屋已交付购房人并办有产权证的全款购房人，如果无反悔的正当理由则只能作为房屋的合法所有权人继续持有房屋。很多采取按揭贷款方式买房的购房人在房价下降幅度过大时，如要解除《房屋买卖合同》还要考虑不还款而引发的诉讼费用。　　另外，《商品房买卖合同》与《商品房贷款合同》是不同主体之间签订的合同，《商品房买卖合同》被确认无效，被撤销、解除的，购房人应及时解除《商品房贷款合同》，否则购房人的还款义务并不免除。　　一点提醒　　降价增加“不还贷”风险　相关部门应重视　　很多采取按揭贷款方式买房的购房人在与开发商协商不成且房价下降幅度过大时，往往采取不再偿还银行贷款的方式保护自己的权益。但购房者可能会由于自己不还款而使银行将自己告上法庭。购房者还将承担由此引发的费用。　　同时，若此类情况大量发生，将波及银行巨额贷款的资金安全，对银行的贷款资产构成潜在的系统性风险，不利于房地产市场和金融市场的稳定和健康发展，应引起相关部门的足够重视。　</t>
  </si>
  <si>
    <t xml:space="preserve">宠物改造问题是不是图纸上说是什么宠就得带什么的1级宠改造？ </t>
  </si>
  <si>
    <t>有些是要求一级宠进行改造的，如改僵、改水蜘蛛、改绿口臭等。不要求一级的改造宠有。改造阴影（改兔，兔耳吓人箱的等级任意）                      改旋律（改纯白，纯白箱等级任意）特殊等级要求“：改黄蜂（要求黄蜂等级60＋）                改螳螂（要求螳螂等级60＋）                改鬼灵（要求鬼灵等级80＋）</t>
  </si>
  <si>
    <t xml:space="preserve">大家上网的主页一般都用什么,相比之下,hao123好用,还是番茄 </t>
  </si>
  <si>
    <t>推荐你使用有网页内容导航的网站作为主页，这是未来的趋势，所以说hao123这种网站必将会被淘汰的，网站导航已经越来越不能满足现在网民精益求精的需求了</t>
  </si>
  <si>
    <t xml:space="preserve">福满家便利店可以加盟吗 </t>
  </si>
  <si>
    <t>朋友你好 应该可以吧，不过不怎么出名，加盟费应该也需要不少了，要做就做先机，做趋势。我目前代理连锁超市，公司提供免费开店的机会，如果你有创业梦想 或者不甘心打工，加我扣扣490196953。更多资讯详情可咨询，发一些资料给你参考</t>
  </si>
  <si>
    <t xml:space="preserve">找女朋友的标准，男人不看后悔一辈子！！！注意！！但凡看完此帖不回 </t>
  </si>
  <si>
    <t>我没看完，但是，王伟哥的贴子，有一张我就顶一张，有两张我就顶一双！</t>
  </si>
  <si>
    <t xml:space="preserve">螺带混合机有什么功能特点？ </t>
  </si>
  <si>
    <t xml:space="preserve"> 螺带混合机革命性地改变了传统工艺的混合状况，使混合向高速、高效、易操作清洗方便，无污染方面发展，标志着现代工艺的显著进步。螺带混合机混合物适应性广，一般用于粘性或有凝聚性的粉碎体的混合及粉粒体中添加液体及糊状物料的混合。该机装料系数较大，装置所占空间及作业面积较小；缺点是在混合拈性或具有凝聚性的物料时清洗困难，故适合于产量大，不经常更换品种的物料混合。功能特点简介：是由安装于搅拌轴上的内外径螺旋带动筒体内物料，使搅拌器在筒体内最大范围翻动物料。搅拌器结构上，螺旋设计成内外、左右互为反螺旋，搅拌器工作时内螺旋带动靠近轴心处物料做轴心旋转，轴向内至两侧推动，外螺旋带动靠近筒壁物料做心旋转，轴向由两侧至内推动，于是造成物料在筒体内对流循环、剪切渗混，完成物料在较短时间内快速均匀混合。</t>
  </si>
  <si>
    <t xml:space="preserve">office2003为什么没有自动更正文章内容最近我买的手提电脑 </t>
  </si>
  <si>
    <t>在Word中单击"工具",单击"选项",单击"拼写和语法",在"键入时检查拼写""总是提出更正议建""键入时检查语法"前打钩,单击确定</t>
  </si>
  <si>
    <t xml:space="preserve">在哪个网可以看到CCTV5？最好不卡 </t>
  </si>
  <si>
    <t>央视推出了自己的视频网站，即中国网络电视台，里面可以查看所有CCTV以及其他地方的电视直播（和电视节目同步），速度很快，相当流畅，且有高清版本。   可以在线看，也可以下载客户端CBOX再看。</t>
  </si>
  <si>
    <t xml:space="preserve">彤彤今天排名77. </t>
  </si>
  <si>
    <t>恭喜、、、</t>
  </si>
  <si>
    <t xml:space="preserve">广州旖旎美甲学校怎么样？收费如何？我想学美甲，网上搜索到广州旖旎 </t>
  </si>
  <si>
    <t>不错啊，我就是在哪里学的。我学的是全科美甲师班还赠送美甲师开业指导课程。</t>
  </si>
  <si>
    <t xml:space="preserve">红薯吃多了有什么害处吗？会不会得糖尿病？ </t>
  </si>
  <si>
    <t xml:space="preserve"> 红薯营养十分丰富，含有大量的糖、蛋白质、脂肪和各种维生素与矿物质，还有胡萝卜素和维生素C。日本科研者最近还发现，红薯中含有抑制癌细胞生长的抗癌物质。他们在实验中发现，浓缩四倍的白薯汁，对癌细胞增殖的抑制作用比普通白薯汁要强五分之一左右。他们还发现红薯制作淀粉后的残渣中含有抑制癌细胞增殖的物质。我们日常食用的红薯中也含有这种抑制癌的物质。 　　　　另外，红薯还具有多种药用价值。红薯含有一种特殊性能的维生素C和E，即只有红薯中所含的维生素C和E，才会有在高温条件下也不被破坏的特殊性能。其中维生素C能明显增强人体对感冒等数种病毒的抵抗力，而维生素E则能促进性欲，延缓衰老。 　　　　红薯中含有丰富的钾，能有效防止高血压的发生和预防中风等心血管疾病，红薯含有的乳白色浆液能起到通便、活血与抑制肌肉痉挛的作用，将鲜红薯捣烂，挤汁涂搽，便可治疗湿疹、蜈蚣咬伤、带状疱疹等疾患。</t>
  </si>
  <si>
    <t xml:space="preserve">管理小型企业的进货出货的软件，免费的。我有一个小型企业，想找一个 </t>
  </si>
  <si>
    <t>去我的共享资料里看下吧！如果觉得不合适，可以把要求发到我邮箱，我帮你找，这类软件非常多。</t>
  </si>
  <si>
    <t xml:space="preserve">可以设置不让别人看到我的关注和粉丝么？不想让人知道我关注谁，谁关 </t>
  </si>
  <si>
    <t>不可以。只有悄悄关注</t>
  </si>
  <si>
    <t xml:space="preserve">请问老师600074后势如何操作600074中达股份我是4.67 </t>
  </si>
  <si>
    <t>600074寻找支撑震荡整理阶段,谨慎观望.</t>
  </si>
  <si>
    <t xml:space="preserve">孕期甲状腺功能与补碘问题医生您好，我看了您关于孕期补碘的文章想到 </t>
  </si>
  <si>
    <t>您好，感谢您的咨询。很抱歉未能在第一时间给您回复，让您久等了。首先，感谢您上传相关的检查报告单，也很理解您的担忧。对于您的疑虑，请见以下信息供参考。1. 根据您上传的三张报告单，第一张报告单里的促甲状腺素偏高（在第一孕周期，澳洲的标准是：TSH 在0.1–2.5 mIU/L范围），在您之后的两次随访检查中，您的甲状腺机能显示正常（在第二孕周期，澳洲的标准是：TSH 在0.2–3.0 mIU/L范围）。2. 的确，您的三张报告单里均显示您的TPOab (甲状腺过氧化物酶抗体) 明显增高（阳性）。在澳洲，大约有10%的孕妈妈会发现TPOab阳性，但是，在澳洲，不会常规检查这个项目；这个检查项目只会给有习惯性流产病史的妈妈进行。很遗憾，甲状腺机能正常，但是甲状腺过氧化物酶抗体阳性的妈妈会比其他抗体阴性的妈妈面临更高的自然流产和早产的风险（注意：只是风险增高，但是并不是说，抗体阳性的妈妈一定会发生这些不好的妊娠结局）。虽然知道这个临现象，但是目前西方医学界仍未有有效的干预帮助抗体阳性的孕妈妈，主要的原因是目前尚无优质的临床证据显示使用甲状腺素对抗体阳性的孕妈妈的临床意义和风险。3.对于您的状况，在澳洲，通常是如下建议：在孕20周之前，每四周复查一次甲状腺功能。在孕26周与孕32周之间，再检查一次甲状腺功能。不建议使用甲状腺素治疗，特别是您的检查报告显示您的甲状腺机能正常。很明显，很庆幸，您得到了合理的产检监控，在接下来的孕周里，您只需再监察一次甲状腺机能即可。希望以上参考信息对您有帮助。很抱歉，不能为您带去更好的消息。但是相信，让您了解其中的所有利弊关系，能让您心里踏实一些。若有中文转述欠妥之处，请见谅。祝好孕，韩医生</t>
  </si>
  <si>
    <t xml:space="preserve">请教高人:移祸江东,祸起萧墙,空手套白狼,三个典故的来历???? </t>
  </si>
  <si>
    <t>移祸江东:应该出自《三国演义》，江东即东吴孙权，遗祸江东就是把危险和祸乱转嫁给东吴孙权的意思。祸起萧墙:典故: “今由与求也，相夫子，远人不服而不能来也；邦分崩离析而不能守也；而谋动干戈于邦内，吾恐季孙之忧，不在颛臾，而在萧墙之内也。” 是从孔子那里来的，他曾经教训他的两个学生。他说，子路、冉求，你们两个人在季家当辅相，（等于现在美国的基辛格），远人不服，（好像中东一直就不妥协，不服气，到处吃瘪。）而不能来也；人家不服你的气，你的政治道德无法使人信服，所以人家没有来结交纳好。在国内则弄得分崩离析、意见分歧，表面上看是整体的，内在很多因素是分裂的。大家离心离德，迟早要崩溃的。这种情形是守不住的，因为内部分崩离析，难以自保，只好向外发展，转移人家的视线，是同样的道理。所以孔子说，你们因为许多内政问题不能解决，于是只好用兵，在外面发动战争来转移内部的注意力。在我看来，你们很危险，季家最大的、痛苦、忧愁，不在颛臾这个边区的小国家，而是在萧墙之内，在季家自己兄弟之间。孔子说了这个话不久，后来季家兄弟果然发生了问题；所以后世内部发生祸乱，就用“祸起萧墙”这句话，在文学上典故，就是从孔子这句话来的。空手套白狼:一、什么是“空手套白狼”？ 也不知道什么时候开始“空手套白狼”这个词在讲普通话的商业圈里和商业新闻媒体上成为了使用频率很高的一个词。而且这个词的用处广泛，含义繁杂，褒贬都有（媒体上以贬义为主，私下谈话中用褒义的多）。所以在我们讨论之前，有必要先把“空手套白狼”这个词的具体意思搞清楚。我手头没有《词海》或是《大百科全书》之类的工具书，也不知道这个词的具体定义在这些工具书中查得到查不到。如果谁手里有《词海》的话，帮忙查一下。 在“官方”的定义暂缺的情况下，我这里班门弄斧根据自己的理解给这个词个定义一下。先望文生义，从字面上说文解字一下它的最原始的意思：“空手套白狼”中的“空手”应该是指没有使用任何先进的武器，“套”表明了用了绳子这种最便宜和最原始的武器或工具，而且也表明用了计谋和智慧。“白狼”当然是不多见的狼了，稀少也就珍贵，表明“收获”很大。当然这么大的“收获”或利益，风险也是不小的，毕竟是在没有武器的情况下抓到了一只大白狼，如果不是艺高人胆大，估计就被大白狼给吃了。所以从这个意义上讲，这个词无论怎么看也应该是一个好词，是一个和“武松景扬岗上空手打死老虎”一样值得歌颂的英雄行为。而且好象比“武松打虎”表现出了更多的足智多谋的一面，应该是知识年代大家推崇的榜样才对啊！ 这个词用在商业战场上，大概意思是说：一个人以很小的付出（或是暗指没有付出）而取得了很大的回报。这是投资回报最大化的表现，是好事啊？所以这也就是为什么大家私下拿这个词当褒义词用得多。 可是当你用“空手套白狼”在GOOGLE上一查，你会发现这个词是和骗子、诈骗等等联系在一起的。也不知道媒体怎么就把这么一个和武松一样的英雄行为给妖魔化了。媒体在实际应用中，从这个词里又不断引伸出来其他许多暗含的意思，比如，暗指一个人付出的成本或代价过少（或根本没付出任何成本或代价）而取得的不应该得到的巨大利益或回报，有走歪门邪道的嫌疑，也有不公平交易的嫌疑，更有欺骗欺诈的嫌疑，甚至就是犯罪，就差在中国的《刑事诉讼法》里加一条“空手套白狼罪”了。当然这里也隐隐约约流露出说话人嫉妒的心理在里面。所以，现在没人敢公开说自己干的事情是“空手套白狼”了，但大家又都渴望自己也能什么时候“空手套白狼”干成点大事。所以“空手套白狼”又成了中国另一件只能干不能说的事情了，中国人真累啊！ 二、到地有没有“空手套白狼”的事情呢？ 无论是按媒体妖魔化之后的意思还是按“空手套白狼”的本意，“空手套白狼”都是存在的。咱们这里不去讲媒体妖魔化之后的“空手套白狼”，因为那是犯罪。是万万不可以做的。 咱们这里讲“以小投入换取高回报”的“空手套白狼”的本意。按这个意思，“空手套白狼”是在追求投资回报的最大化，这是每个商人都在追求的目标。马克思好象也讲过：追求利润最大化是资本主义生产和经营的唯一目标。所以说“空手套白狼”的事情不但有，而且是每个商人追求的目标，是每个商人天天都想干的事情。 在西方商业社会比较成熟了，大家对“空手套白狼”的运作早以很熟悉了。没有人会象国内的媒体那样大惊小怪把正常的商业运作当犯罪来报道了。 三、如何“空手套白狼”？ 既然“空手套白狼”是正常的商业运作，那么如何“空手套白狼”？ 要想知道如何“空手套白狼”，首先先要明确一点，那就是“天下没有免费的午餐”。没有人能以“零投入”换得回报的。就算中彩票，也还要去买奖卷呢。要有回报就一定要有投入，只是投入的多少不同，投入方式的不同（包括有型的或是无型的投入）。这里的关键是“以小搏大”，以最小的投入取得最大的回报。 所以，如何“以小搏大”和“空手套白狼”呢？我认为有这么三种相互相关的方法： 方法一：叫leverage。这个词在英文里含义很广，尤其是被应用到商业上的时候，不是中文中“杠杆”一个解释能概括得了的。所以我们还是用英文比较准确。Leverage是一个用来解释如何“以小搏大”的最好的词。比如在美国LBO (Leverage Buy Out) 已经是一个相当成熟的并购手段。美国大部分的并购是以LBO方式完成的。但在中国如果你用LBO并购企业，准被骂作“空手套白狼”，然后就被骂作是骗子，然后就是你的DEAL陷入僵局，国内一级资本市场发展不起来这也是原因之一。 方法二：叫Other People's Money (OPM)，这个词翻译过来是“别人的钱”。但因为OPM在英文中已经有了特定的含义，不是中文里“别人的钱”这四个字能概括的。所以这里还是用英文比较准确。关于什么是OPM和如何利用OPM“空手套白狼”取得商业成功，我以后会专门写文章介绍。这里就不多说了。 方法三：利用时间差或空间差打破“先有鸡先有蛋”的商业死循环，使一个几乎不可能的DEAL变成现实。这也是成功地“空手套白狼”取得商业成功的秘诀。（看到这里大家明白了我为什么在前面要写，“先有鸡还是先有蛋”的问题是商业上的首要问题那篇文章）。 方法简单，在实际中应用更不难。大家看一个例子。 四、“空手套白狼”的案例分析 咱们以牟其中当年倒飞机的案例，给大家分析分析什么是优秀的“空手套白狼”。 1991年，牟其中从前苏联以货易货的方式换回了4架图-154飞机。在这个交易之前，牟其中没有足够的现金来买这四架飞机。但要做成这个DEAL，怎么办？不是没办法，看老牟是怎么干的。 首先，牟其中想到是要搞一个leverage，以小搏大；第二，那么怎么以小搏大呢？这就是要利用Other People's Money (OPM)来做这个生意。第三、怎么利用OPM呢？于是在这个交易中，牟其中成功地打破了“先有鸡先有蛋”的商业死循环，让苏联人同意先把飞机开了回来，然后再以飞机抵押贷款拿了钱，买了中国的轻工物资还给了苏联人，于是后面的整个交易链完成了，生意成功了。 看了这个案例，有人说牟其中是空手倒飞机，是典型的“空手套白狼”，说得对！如果说现金，牟其中没有投入，是“空手”。但牟其中在这个DEAL中投入了比钱更重要的东西。第一、他投入的是对商业机会的把握——有谁在当时看到这个商业机会了？别忘了钱到处都是，但好的商业机会却不多；第二、他投入的是对巨大风险的承担——当时苏联刚刚解体，社会秩序混乱，谁敢和他们作生意？当时中国国内的飞机市场也不开放，如果拿回了飞机却不能得到贷款、或不能卖掉飞机、或不能出租飞机怎么办？第三、他投入的是构造别人不敢想的DEAL STRUCTURE的智慧和手腕。打破僵局需要智慧、谈判技巧和执行手段。这些都是老牟拥有的无形资产，是比现金还贵重的价值。从这点上说，牟其中也是投入个他的“身家性命”的。 一句话：He broke the chicken-egg stalemate by leveraging Other People's Money and made the deal success. So, he deserved the money he made. （不知道为什么，有些事情用英文讲很理直气壮，但用中文一讲就不对劲了，这又一次证明了了上次说的“作投行的人都要说英文”）。 这个案例是一个经典的卖方信贷融资和抵押债权融资的案例。没有任何错误，拿到哪里都是一个教科书上的经典的商业运作。就因为牟其中后来犯了事，于是媒体的记者们就把这个案例拿出来当他的罪行说了。 其他案例我不讲了，当作业留给大家了。比如可以讲讲海南航空的陈峰。也可以分析分析杨斌、周正毅等等。凡是被人骂作“空手套白狼”，都可以拿来当案例研究研究。其实其中有许多可取之处。 五、结论 中国不成熟的商业环境和没有商业知识的媒体记者把许多正常的商业手段拿来当“空手套白狼”来定罪。这将严重影响中国投资的大环境，严重影响中国经济的发展。但我们又不可能等中国的商业环境成熟了之后再做生意啊，所以“空手套白狼”的事还是要干，但不能说。</t>
  </si>
  <si>
    <t xml:space="preserve">送礼时该怎么说？最近一同事旅游回来送我一盒当地的名茶，包装不错， </t>
  </si>
  <si>
    <t>就跟那个人说是别人送的东西 拿点来跟你分享分享。。</t>
  </si>
  <si>
    <t xml:space="preserve">盗贼问题～盜賊高手??我想编个冷血Ｔ骨的宏谁知道告诉我下啊～先谢 </t>
  </si>
  <si>
    <t>打开宏`新建一个宏``选取好图案``然后在技能书里找到冷血的技能```按住Shift键点鼠标这时宏命令里就应该会有/** ****之类的字```这时候敲下回车键`再找到TG技能`按住Shift键点鼠标`在宏命令的第二行就会出相应的/** ****文字````最后把这个宏的图案拖到快捷键里就行了``  使用这个宏的前提是``你的能量够打出TG技能的</t>
  </si>
  <si>
    <t xml:space="preserve">三星X608手机插上数据线后,电脑找不到手机,为什么?我买的三星 </t>
  </si>
  <si>
    <t>还没有安装驱动程序,当然找不到了.</t>
  </si>
  <si>
    <t xml:space="preserve">刚开的新网店遇到有人恶意申请退款怎么办 </t>
  </si>
  <si>
    <t>刚开的新网店遇到有人恶意申请退款怎么办可以和买家联系好，看是不是哪里出现了问题</t>
  </si>
  <si>
    <t xml:space="preserve">80力量15玉佩值多少钱？（图）80力量15玉佩值多少钱？ </t>
  </si>
  <si>
    <t>我也是逐鹿的，你这个在咱区有点值钱，最多3卡，最少2卡</t>
  </si>
  <si>
    <t xml:space="preserve">骑自行车时尾椎疼痛如何治疗？ </t>
  </si>
  <si>
    <t>......要是因为不习惯的话——换坐垫要是因为身体原因，那就要找医生啦</t>
  </si>
  <si>
    <t xml:space="preserve">因为懂得，所以慈悲！因为懂得，所以慈悲；因为慈悲，品格最美！你如 </t>
  </si>
  <si>
    <t>谢谢。这题答慢了，有两位的答案基本和我想法吻合，我再答也是狗尾续貂，拾人牙慧，无甚新意。不如采纳这两位高人的答案可好？以行动来诠释这题吧。</t>
  </si>
  <si>
    <t xml:space="preserve">压铸壳体如何去毛刺？我们生产的锌合金压铸壳体，形状很复杂，请问用 </t>
  </si>
  <si>
    <t xml:space="preserve">去毛刺机机械手可以解决压铸产生的毛刺，处理的典型零件有：铝轮毂、变频器壳、同步器壳、同步器齿毂、轴承盖、缸体、阀体、阀盖、输出轴、发动机齿轮等。     去毛刺机器人是典型的机电一体化装置，它综合运用了机械与精密机械、微电子与计算机、自动控制与驱动、传感器与信息处理以及人工智能等多学科的最新研究成果，随着经济的发展和各行各业对自动化程度要求的提高，去毛刺机器人技术得到了迅速发展，出现了各种各样的去毛刺机器人产品。去毛刺机器人产品的实用化，既解决了许多单靠人力难以解决的实际问题，又促进了工业自动化的进程。  </t>
  </si>
  <si>
    <t xml:space="preserve">大家知道这是什么曲子吗就是在视频中的曲子 </t>
  </si>
  <si>
    <t>let's  get now李宇春唱过</t>
  </si>
  <si>
    <t xml:space="preserve">哪种水果可以止咳？ </t>
  </si>
  <si>
    <t>枇杷祛痰止咳、生津润肺、清热健胃之功效。主要用于治疗肺热和咳嗽、久咳不愈、咽干口渴及胃气不足等病症柿子有清热润肺，生津止渴，健脾化痰的功效。用于治疗肺热咳嗽、口干口渴，呕吐、泻泄梨子性味甘、微酸、微寒，归肺、胃经，生津润燥、清热化痰、泻热止渴、润肺镇咳、养血生肌、润肠通便。用于热病伤阴、肺燥咳嗽、烦咳惊狂、咽干失音、反胃便秘等症。罗汉果有润肺止咳，生津止渴的功效，适用于肺热或肺燥咳嗽，百日咳及暑热伤津口渴等柑橘具有顺气、止咳、健胃、化痰、消肿、止痛、疏肝理气等多种功效柚子有止咳平喘、清热化痰、健脾消食、解酒除烦的医疗作用</t>
  </si>
  <si>
    <t xml:space="preserve">患有癫痫病经常发作该怎么办？ </t>
  </si>
  <si>
    <t>你好，癫痫本身是一种顽固积极，但是只要找到适合自己的治疗方法，癫痫是可以达到控制的，药物是现在最保守的治疗方法。目前目前治疗癫痫最显著的方法“微创经穴阻断疗法，迷走神经刺激疗法”彻底杜绝癫痫发作，达到癫痫临床治愈，</t>
  </si>
  <si>
    <t xml:space="preserve">生产系称号的问题裁缝4级了，称号还是无名的旅人……是不是网星的问 </t>
  </si>
  <si>
    <t>请问你是不是一天之内把他冲到4级的？如果是的话，很抱歉，虽说是生产系，但是扔是有时间锁的，只是比较短而已如果不是，那得看你用了多少天呢？我两天到追求技巧的人，因为我也担心你这问题，所以我没像你冲那么快如果你是分了好几天冲的，那建议你到4线找GM谈谈如果你是一天内冲到，那建议你分几天时间，这几天都上去做做衣服，不用太多，做到有称号为止另外生产系的称号不需要找阿蒙问，找阿蒙的情况是，你的生产或采集放了NNNN天，因为你没有使用采集或生产技能，所以称号不会自动提升，这时候你才需要找阿蒙</t>
  </si>
  <si>
    <t xml:space="preserve">请问生产助理英文怎么翻译？ </t>
  </si>
  <si>
    <t>可译为：Production Assistant</t>
  </si>
  <si>
    <t xml:space="preserve">维拉和利物浦是对立派系的吗？听说他们是一个派系的？谁对这个有研究 </t>
  </si>
  <si>
    <t>热刺帮忙，伯明翰保级</t>
  </si>
  <si>
    <t xml:space="preserve">魔法躲避高的白虎对防御合击有用吗？一些大号专收40%以上的白虎齿 </t>
  </si>
  <si>
    <t>分析魔法躲避40%应该是可以闪开40%的魔法攻击，也就是说受到伤害的程度要减小40%，就如现在狂雷装备同理，对于物理攻击应该没效果，群P中主要防止远程攻击，也就是各个道士的符与法师的电，对合击应该没有多少效果，合击的效果只要受攻击的对象速度快闪开合击主要点，效果又会少一些，你们应该试过道 3级合时打在中间的血掉得最多，边上3X范围内也会掉血，但不致死，也就是如此。</t>
  </si>
  <si>
    <t xml:space="preserve">轩辕剑五安装完成后，字幕是乱码怎么办？说是繁体中文版，可是安装完 </t>
  </si>
  <si>
    <t>用 Apploc或 化繁为简如果你不介意看繁体字,推荐用Apploc</t>
  </si>
  <si>
    <t xml:space="preserve">苯酚，次氯酸，氢氟酸和碳酸的酸性强弱怎么排列？ </t>
  </si>
  <si>
    <t>酸性由大到小的顺序：HF&gt;H2CO3&gt;HClO&gt;C5H5OH这可由酸的电离常数看出：酸     pKa=-lgKa（对酸的电离常数取常用对数的相反数）H2CO3    6.37HClO     7.40HF       3.20C6H5OH   9.95HA=可逆=H+ + A-(酸HA的电离方程式)Ka=[H+]eq * [A-]eq  / [HA]eq（[B]eq表示平衡时B的浓度）Ka越大，反应进行的程度越大，即越容易电离，酸性越强。pKa越大，酸性越弱，碱性越强。</t>
  </si>
  <si>
    <t xml:space="preserve">昆山治疗妇科炎症最好的医院？昆山治疗妇科炎症最好的医院是哪家？女 </t>
  </si>
  <si>
    <t xml:space="preserve">昆山妇科很多，可以先去咨询看看，我的朋友是在昆山环城北路的昆山俪人医院看的炎症效果可以，收费也蛮合理啊。医生护士都挺好的，医院看病的人挺多的，口碑很好。      </t>
  </si>
  <si>
    <t xml:space="preserve">天2可以用五笔打字吗？ </t>
  </si>
  <si>
    <t>可以！有3种方法可以试一下：①进入C:\windows\system32\→点上面按钮栏中的“搜索”按钮→“全部或部分文件名(O)”中填入“*.ime”，回车。→在找出的ime文件中找出winabc.ime(智能ABC输入对应的文件).→之后把winabc.ime重命名，比如winabcback.ime(改什么名都可以) ②再找到winwb86.IME(五笔86版)→然后把它复制,在system32里粘贴，使其生成俩个winwb86.IME,其中一个是复制品。→把复制出来那个重命名为winabc.ime。→注意：第一步与第二步间请动作稍快，否则系统会自动生成winabc.ime。→好了，重启下，进去试下吧。试试这个方法，我现在就是这样做的，17173里的东东，自己可以先去看看使--&gt;LEMON 五笔问题去GOOGLE上查下吧,索引打(天堂2 五笔)有好多的,大多都可以用的,我就那里找了个如下：天堂2是可以直接使用微软的全拼输入法的,我们的思路就是修改全拼输入法，把全拼改成你用的五笔字形。 进入注册表(运行 regedit) HKEY_LOCAL_MACHINE\\SYSTEM\\CurrentControlSet\\Control\\Keyboard Layouts\\E0010804 这个位置下面的IME FILE项的值改成你用的五笔的IME文件，重启就可以。 王码五笔的文件名应该叫winwb86.ime;;陈桥输入法名是：chenhu4.ime ;;最强五笔是WinWB.IME 改完后重启，然后你调用全拼输入法就会发现全拼变成了王码或陈桥了，之后再进用切换全拼输入法就可以打五笔了 PS:如何查找你的五笔使用的IME文件呢,这个简单,搜索你的WINDOWS系统文件下的SYSTEM32文件夹里的*.IME文件,然后在找到的文件上面点右键属性,看他的版本,其它的就不用教了吧.. 以上的方法我已经试过了,应该没问题的：） 我用的是念青五笔,我就以念青为例,把改双拼(当然你想改别的输入也行,但为了不麻烦,还是以改双拼为例吧)改成五笔,那就可以用.你要先确定你的电脑里是否有双拼,然后进入注册表(知道怎么进吗?不知道偶就晕倒了,找人教教你)找到:HKEY_LOCAL_MACHINE\SYSTEM\CurrentControlSet\Control\Keyboard Layouts\E0010804然后把里面的IME File的键值改为五笔的名称,我的五笔是NQX.IME(当然你的五笔名称,也能在:HKEY_LOCAL_MACHINE\SYSTEM\CurrentControlSet\Control\Keyboard Layouts这里找到的,大概是E00*****这几个文件夹里,耐心找一下就行.)我这里说明,不知道你能不能看懂呢?*_*</t>
  </si>
  <si>
    <t xml:space="preserve">SEC测试问题!SEC测试有一个服务器是4.9,还有个5.1有了 </t>
  </si>
  <si>
    <t>你如果要玩5.1的话就要装那个补丁，玩4.9不要装。用CD-KEY申请帐号要在这个帐号下申请游戏ID才能进行游戏。测试开了，开了一个多月了。但12月3号，SEC会删内测资料。现在测试所有的号全是白练了。</t>
  </si>
  <si>
    <t xml:space="preserve">初中学生如何写好作文 </t>
  </si>
  <si>
    <t>想写好作文,主要的是抓住主题,表达出你所要表达的内容,不用华丽的语言也可以,只按照你的思维去写就可以.初中的作文不像小学那样的死板,以前我在小学,动不动都是扣分.我现在在初中,作文随便写写,50分的作文我都能够得40多分,从来作文都没有下过40分.祝你学习越来越好~~一起努力哦~~</t>
  </si>
  <si>
    <t xml:space="preserve">个子矮怎样才能长高呢？个子矮怎样才能长高呢。 </t>
  </si>
  <si>
    <t>病情分析：青少年身高与营养遗传有关. 指导意见：要想增高,应该多吃蛋白质,尤其是含有中"胺基酸"的食物,如：面粉,小麦胚芽,豆类,虾,螃蟹,贝类,海藻,牛肉,鸡肉,肝脏,猪腿肉,蛋,牛奶,乳酪及深色蔬菜等. 反之,白米,糯米,甜点等食品则应尽量不吃.可乐与果汁也少吃为妙,因为其中所含的糖份多,会阻碍钙质的吸收,吃多了会影响骨骼的发育.此外,盐也是增高的大敌,必须养成少吃盐的习惯.</t>
  </si>
  <si>
    <t xml:space="preserve">microsoftpersonalwebserver是什么 </t>
  </si>
  <si>
    <t xml:space="preserve">如果您正在为公司安装 Web 站点，或者计划以后由 Internet 服务提供商主持您的私人 Web 站点，Microsoft Personal Web Server 将为您提供快速安装和运行的全方位服务！Microsoft Personal Web Server 4.0，作为一种桌上型 Web 服务器，可以使用户在家中通过个人电脑主持 Web 站点或作为公司的 Intranet，或者让 Internet 服务提供商 (ISP) 主持站点之前开发和测试 Web 站点。 </t>
  </si>
  <si>
    <t xml:space="preserve">我的男朋友犹豫结不结婚我和男朋友好多年了，已经到了不结婚就得分手 </t>
  </si>
  <si>
    <t xml:space="preserve">   不管别人怎么说。我是女人。我懂得你现在的心情与你的痛苦！所以，我劝你还是快快与他分手吧！因为你们这样下去是没有结果的啊！   他是一个不负责任也不体谅你的心的男人！更不懂得什么是    这就是我的劝告！！你想想看！如果是你的父母亲知道 了你的情况。他们会怎么说！就是两条：一是快结婚！二是快分手！没有第三条路的啊！！    当然主意还你自已拿 呵！别人只供你参考！</t>
  </si>
  <si>
    <t xml:space="preserve">出生时辰查询女孩出生在2012年11月26号9点15分是什么时辰 </t>
  </si>
  <si>
    <t>姓氏：？　　性别：女出生时间：公历2012年11月26日9时15分农历：二○一二年十月十三日巳时生辰八字：壬辰年 辛亥月 辛卯日 癸巳时八字五行原始得分情况：土8；金19　　　水47；木18；火9　八字喜用神：日主弱，八字弱，实用神为比肩和正印。八字喜土金，土金就是此命的「喜神」。</t>
  </si>
  <si>
    <t xml:space="preserve">速腾1.6自动与朗逸1.6自动的这两款车哪款好一些？想在速腾1. </t>
  </si>
  <si>
    <t>我还是趋向推荐明锐1.6AT，速腾拥有PQ35平台及ESP车辆动态稳定系统，但是发动机比较落后，朗逸拥有EA111的1.6发动机但是属于上一代的PQ34平台，明锐拥有先进的平台和发动机可惜没有ESP，也许这就是狼堡为了制衡南北大众采取的无奈之计！</t>
  </si>
  <si>
    <t xml:space="preserve">培训过二级建造师的进！！大家好，谁培训过二级建造师啊，有什么资料 </t>
  </si>
  <si>
    <t xml:space="preserve">  这的冲刺班和精讲班最后都附有模拟试题，可以免费试听，你听下效果怎么样。 应该是不错的，他们一直做培训，网上还有历年真题和最新模拟题。 </t>
  </si>
  <si>
    <t xml:space="preserve">中国有几个领国，是哪些？中国2005年承认锡金属于印度管辖。 </t>
  </si>
  <si>
    <t xml:space="preserve">问题可能打错了，是“邻国”吧？在陆地边界上与中国相邻的有14个：东：朝鲜（以鸭绿江和图门江为界河）北：俄罗斯（以乌苏里江、黑龙江为界河，同时大兴凯湖是中俄两国的界湖）、蒙古（以贝尔湖为界湖）西北：哈萨克斯坦、吉尔吉斯斯坦、塔吉克斯坦（它与中国关于帕米尔高原的划界也已经结束，原来地图上是虚线的“未定国界”变为实线的“国界”了。）西：阿富汗、巴基斯坦（通过巴基斯坦实际控制的1/3的克什米尔地区相接）西南：印度（锡金为印度的一个邦，称为“锡金邦”，1975年印度派军队进入该国内，几年后宣布其并入印度。中国原来一直不予承认，这也是中印之间的一个敏感话题。今年温家宝总理访问印度时将一张印度地图送给辛格总理，上面就将锡金划入印度了。）、尼泊尔、不丹南：缅甸、老挝、越南（广西东兴北仑河为界河），同时与越南的关于北部湾划界问题也将解决，中国将撤出几个实际控制的小岛，同时将北部湾北部的海域划回中国。去年报纸上还炒作过，某些的标题吓人的很。同我国隔海相望的有6个国家：东为韩国、日本（隔黄海与东海）东南为菲律宾南为马来西亚、文莱和印度尼西亚（以上都是以南中国海相隔）   </t>
  </si>
  <si>
    <t xml:space="preserve">疑问....真心喜欢你的男人会说,想让你给他生个孩子的话吗? </t>
  </si>
  <si>
    <t xml:space="preserve">  我认为当然是会的。爱你才会想要和你有爱的结晶嘛。就如同女人很爱一个男人时，一定会想到要和他生孩子。其实现在要一个孩子对于男人来说是一件压力不小的事，当然，前提是他是一个有责任感的男人。我身边就有一些男的因为怕对女人负责，怕将来对孩子负责而不想要小孩，要小孩几乎就是做出了永远和你在一起的承诺，他自然是会想找一个自己喜欢的女人共同抚养自己的后代。所以我认为他这样对你说的话至少现在还是爱你的。</t>
  </si>
  <si>
    <t xml:space="preserve">单挑预测都灵VS锡耶纳进球,对的得10分都灵VS锡耶纳 </t>
  </si>
  <si>
    <t>都　灵 1：2锡耶纳</t>
  </si>
  <si>
    <t xml:space="preserve">专业人士给点建议啊，剪什么样好点？还是继续留？[思考][思考][? </t>
  </si>
  <si>
    <t>这个发型还是好看，但需要一个颜色，你肤色偏黄，适合染个亚麻色，马上给人感觉就不一样了</t>
  </si>
  <si>
    <t xml:space="preserve">法师怎么加点才好啊，我有个高级的敏魔想洗点了RT </t>
  </si>
  <si>
    <t>本人有100级杂魔与95级敏魔因为两种都有练过所以我想我应该有资格回答这个问题呵呵。虽然你现在等级不高但是现在练级实在很快91级很快就能练到那我就按91级的分配点数来讲解一下把。91级的人物有390点的点数分配我的想法是。加：20点血，50点防，125点敏，195点魔。法师满魔是必须的我就不说了那我说说这样加出来人物的明细情况好了。下面是无装备情况下的指数。91级人物按上述分配点数。900血/2340魔/76攻/166防/301敏/精神247/回复77。/我同样练过纯敏魔，我这样分配点数得出的精神要比纯敏魔多出11点精神。这样分配我个人认为的好处在于血稍微多点对于生存能力有很大提高。防御在166，打BOSS用好装备+8紫仗能过450以上，平时练级普通装备也能轻松过240，敏捷过300轻松比怪快魔少一点就能比同队的战斗系快。91级以上加点就直接加纯敏魔就可以了，毕竟敏高对本身没坏处，血防20和50已经到位没有必要在加很多加的太多无疑是在浪费有限的宝贵的点数而已（虽然有很多人喜欢多防的杂魔，希望我的话没击怒他们的好*^^*）我是典型的魔攻主义者很大程度上认为只要有足够的魔攻就能发动高级魔法，但是我也不完全排除精神的影响所以我一直保持满魔，这样的加点方式精神绝对不会底而且20血和50魔也是我推算出来的相对比较合理的分配方式了。如果你是不喜欢加血的魔的话那可以稍微改那么一下下就是/50防145敏195魔/放弃加血这样的结果是比前者的加点方式少了100点血只多了4点精神而已所以我还是比较偏向加20血的前者的配点方式。呵不管认为我说的怎么样，毕竟也是我一番努力的结果把至少也认真的看下呵，要是看都没看，那我可心寒到极点。曾经用另一个号发了一则关于舞者技能的问题打了好长一篇。结果发现同一个人发同一则消息发了N遍还都没解决还真不知道他有没看过别人辛勤的成果真是让人感到心寒，也没什么积极性去写什么东西了。真希望所有发问题的人能尊重别人为了你们的问题而冥思苦想的奋斗结果。不要辜负了那些为了你们而努力的人啊。我的演讲完了谢谢！谢谢！</t>
  </si>
  <si>
    <t xml:space="preserve">初4)为什么我的物理理解不到位,我爸爸也对理科不怎么了解,他也不? </t>
  </si>
  <si>
    <t>光背公式是远远不够的。我们的物理老师就很好，我们问他题的时候，他总是只给一点提示，尽量鼓励我们自己思考。物理就是要多思考，及时总结一些比较好的方法。比如解题的时候，不要一看就觉得不会做，只要认真分析过程，一定是可以做出来的。毕竟再难的题都是从课本出发，从基本概念和原理出发的。</t>
  </si>
  <si>
    <t xml:space="preserve">红军长征人数红军长征开始时有几万人？结束时有几万人？ </t>
  </si>
  <si>
    <t xml:space="preserve">红一方面军长征历时12个月，转战11省，行程25000里。 红二方面军长征历时11个月，转战8省，行程16000余里。 红四方面军长征历时19个月，转战6省，行程10000余里。 红25军长征历时10个月，转战4省，行程约10000里。 红一方面军长征出发时为86000余人，到达陕北后有7000余人。 红二方面军长征出发时为14000余人，到达陕北后剩11000余人。 红四方面军长征出发时为80000余人，到达陕北后剩37000余人，经西路军损失后余14000余人。 </t>
  </si>
  <si>
    <t xml:space="preserve">喜欢犬夜叉里面的桔梗还是戈薇看到最终结局，都对这个问题纠结不清 </t>
  </si>
  <si>
    <t>戈薇吧，桔梗只能算是旧爱</t>
  </si>
  <si>
    <t xml:space="preserve">城保和镇保具体有什么不同的？我以前是城保，现在新单位给我办的是镇 </t>
  </si>
  <si>
    <t>以前所说的现在应该叫作城保，城保和镇保都属于社保。到退休的时候，看你符合城保还是镇保退休，符合城保退休的把镇保的缴费折到社保中，反之，相反。 现在城保的养老金出来新的计算办法，和镇保在越来越接近，不过呢，总归是多缴多得的。 主要还是在医疗上的区别，镇保如果不缴补充医疗的话，那只能住院和门诊大病（癌症化疗等）能享受。象上海现行城保单位缴的是37%，个人缴11%，假设我的工资是4000元/每月，公司缴的数就是1480，这笔钱完全进入统筹，个人没有享受；交镇保的话单位缴费是社平的60%再乘以25%（以04年社平2033为例）为305元，这钱也是被统筹掉的，现在和各人也没有关系。也就是说，从现在的利益看，公司缴城保还是镇保对个人都没有损失，再加上镇保的补充部分是自愿缴的，如果个人不缴的话，现在工资里的这个11%还可以不用扣。（我这里还是假设个人自愿交11%，让自己就和原来没有差别。纯算公司应该补贴我多少。）那么损失就损失在将来的养老、医疗上。基于城保和镇保的养老金都是在交满15年后拿基础部分+个人部分这样组成的，又基础部分将来的拿法几乎相同（都是当时年度上一年的社平*20%），那么这里也可以抵消不考虑，差别就又缩小到个人部分。交城保的话11%，我交的是440元，再假设我缴费30年，退休后活40年，到时我可以拿的总额就是（440*12*30）/120*12*40=633600元，如果我寿命长就可以拿更多；交镇保的话个人部分是可以一起拿的，因为总共就是这些钱，你分月拿拿完了也没有了。所以总额是440*12*30=158400。这样一看，我不是损失很多，那公司就开始补贴了，很多单位的办法是给镇保的补充帐户也缴费（小于等于23%部分才能税前列支，超过部分要缴税），作为HR怎么做才能做到员工不损失，单位又节流呢。还有我刚才的例子都是假设的，实际是工资是变动的，交费年限和我的寿命都是不确定的。如果要补是不是也不能只和这一家单位有关阿。</t>
  </si>
  <si>
    <t xml:space="preserve">我的外公和她的外婆是亲兄妹那我们可以结婚吗我们是近亲结婚吗我们是? </t>
  </si>
  <si>
    <t>巧了，跟我一样。我的外公跟他的外公是亲兄弟。属于第4代旁系血亲。我太外公是第一代；我外公是第二代；我妈妈是第三代；我是第四代。我孩子聪明伶俐，活泼可爱。祝你幸福！！</t>
  </si>
  <si>
    <t xml:space="preserve">帐号问题那位大哥大姐告诉小弟:我和一个人交易魔兽帐号是不是他只要 </t>
  </si>
  <si>
    <t>不是的，如果对方有身份证，一样可以拿回去的，只要对方把身份证复印件传真给9C的客服，就可以拿回去了，只要没有密码保护的，即没有登记身份证和邮箱的账号，才不被拿回去。我以前也是玩魔兽的，曾经问过9C，只要能准确提供注册时候的身份证复印件，不管是否更改密码、邮箱，都可以拿回来，所以你要人家的身份证复印件或修改邮箱，还是没有太大的用处的。</t>
  </si>
  <si>
    <t xml:space="preserve">我总是感冒怎么回事啊？？？我50几岁了，近十几年总是感冒，三五十 </t>
  </si>
  <si>
    <t>最根本的原因是免疫力下降，这是人衰老的表现。建议适宜运动，多喝水，可服用维生素C，多吃点水果，秋天到了，不要过早过多的添加衣服，但也不能不添加，感到冷还是要加穿衣服。适当地尝试一下冷水洗脸。</t>
  </si>
  <si>
    <t xml:space="preserve">格蕾丝怎么不能穿正义的裁决？ </t>
  </si>
  <si>
    <t>格蕾丝穿皮甲的把～</t>
  </si>
  <si>
    <t xml:space="preserve">进老师大讲堂～～～交易时间目前沪深交易所规定，每周一至周五上午9 </t>
  </si>
  <si>
    <t>最近跟着进老师学了很多投资理财知识，谢谢进老师，同时佩服进老师的充沛的精力！</t>
  </si>
  <si>
    <t xml:space="preserve">为什么不能玩梦幻泡泡岛（我下载了）每次要玩的时候就会出现无法连接 </t>
  </si>
  <si>
    <t>先打开游戏大厅，在里面先进入频道，之后就可以进行游戏了。</t>
  </si>
  <si>
    <t xml:space="preserve">乐字开头的成语有哪些，谢谢大家的帮忙 </t>
  </si>
  <si>
    <t>乐 字开头的成语：    乐不极盘    谓享乐不能过分。盘，乐    乐不可极    享乐不可过分。《礼记·曲礼上》：“志不可满，乐不可极。”郑玄注：“乐，音洛。”一说指。孔颖达疏：“乐者，天子宫县以下皆得有乐，但主欢心，人情所不能已，当自抑止，不可极为……靡靡之乐，是极乐也。”    乐不可言    快乐得无法用言语形容    乐不可支    形容快乐到极点    乐不思蜀    《三国志·蜀志·後主传》：“後主举家东迁，既至洛阳”裴松之注引晋习凿齿《汉晋春秋》：“司马文王与禅（刘禅）宴，为之作故蜀技，旁人皆为之感怆，而禅喜笑自若……他日，王问禅曰：‘颇思蜀否？’禅曰：‘此间乐，不思蜀。’”后因以“乐不思蜀”谓乐而忘返或乐而忘本    乐昌分镜    南朝陈将亡时，驸马徐德言与妻乐昌公主估计不能相保，因破铜镜各执其半，约于正月十五日售其破镜，俾取联系。陈亡，妻没入杨素家。及期，徐辗转依约至京，果访得售半镜者，夫妻卒得重聚。事见唐孟棨《本事诗·情感》。后因以“乐昌分镜”比喻夫妻分离    乐昌破镜    见“乐昌分镜”    乐昌之镜    见“乐昌分镜”    乐成人美    乐于成全人家的好事    乐此不倦    见“乐此不疲”    乐此不疲    《後汉书·光武帝纪下》：“扞光武呴每旦视朝，日仄乃罢。数引公卿、郎、将讲论经理，夜分乃寐。皇太子见帝勤劳不怠，承閒谏曰：‘陛下有禹汤之明，而失黄老养性之福，原颐爱精神，优游自宁。’帝曰：‘我自乐此，不为疲也。’”后以“乐此不疲”谓耽乐某事，不觉疲倦    乐道安命    乐守正道而安于天命    乐道安贫    ①乐守正道，安于贫贱。②唐代取士科目之一。参阅宋赵彦卫《云麓漫钞》卷六    乐道好古    以守道为乐，喜爱古制    乐道忘饥    谓醉心于圣道    乐道遗荣    乐守圣贤之道而抛弃荣华富贵    乐而不荒    同“乐而不淫”    乐而不厌    喜爱而不厌倦    乐而不淫    快乐而不放荡。指有节制，不过分    乐而忘返    快乐得忘记返回。极言留恋之意    乐而忘死    形容胸襟旷达，忘怀一切    乐祸幸灾    犹言幸灾乐祸。谓以别人的灾祸为乐    乐极哀来    同“乐极则悲”    乐极悲来    同“乐极则悲”    乐极悲生    同“乐极则悲”    乐极生哀    同“乐极则悲”    乐极生悲    同“乐极则悲”    乐极则悲    欢乐到了极点，将转而发生悲伤的事    乐极则忧    好乐过度而不止，必生忧伤    乐嗟苦咄    高兴时招唤，不高兴时责骂。形容对人态度恶劣    乐尽哀生    犹言乐极生悲    乐尽悲来    犹言乐极生悲    乐山爱水    爱好山水风光    乐山乐水    比喻各自爱好不同。语本《论语·雍也》“知者乐水，仁者乐山。”    乐善不倦    乐于坚持做好事    乐善好施    谓乐于行善，喜好施舍    乐善好义    谓乐于行善，喜好正义    乐事劝功    谓乐于从事所业，努力获得成效    乐天安命    见“乐天知命”    乐天任命    犹言听天由命    乐天知命    ①旧谓乐从天道的安排，安守命运的分限。②现引申为安于现状，乐守本分    乐退安贫    谓乐于逊退，安于贫穷    乐往哀来    欢乐逝去，悲哀到来    乐新厌旧    喜新厌旧。谓感情不专一    乐行忧违    谓所乐的事就去做，所忧的事则避开。语本《易·乾》：“乐则行之，忧则违之。”    乐业安居    乐于所业，安于所居。谓生活愉快安定    乐以忘忧    ①谓因乐于道而忘记忧愁。②指因眼前的快乐而忘记了忧愁    乐在其中    谓其中自有乐趣。语本《论语·述而》：“饭疏食饮水，曲肱而枕之，乐亦在其中矣。”</t>
  </si>
  <si>
    <t xml:space="preserve">五庄观怎么加点？ </t>
  </si>
  <si>
    <t>要是没人带的话，不能这样练，要加攻击，来提高烟雨的威力，但是这样的话PK，肯定不行，因为耐性太低，如果为了PK，那么要做好郁闷准备，就象上面这个人说的加法</t>
  </si>
  <si>
    <t xml:space="preserve">香港大学在九龙吗 </t>
  </si>
  <si>
    <t>香港大学在港岛西北面薄扶林道和般咸道交界处</t>
  </si>
  <si>
    <t xml:space="preserve">安装不了极品五笔下载了极品五笔为什么输入法里还没有？ </t>
  </si>
  <si>
    <t>你先从网络下载到默认的C盘中，然后，打开我的电脑双击C盘，双击极品五笔图标，就可根据提示直接安装。最后祝你成功。</t>
  </si>
  <si>
    <t xml:space="preserve">管理帮派晕，我才62，就是个5级帮的帮主了，不知道要怎么管理，我 </t>
  </si>
  <si>
    <t>多帮助有困难的成员 当然是有限度的 需要自己把握有打架的大家都去帮忙 增进感情帮供的问题 说难就难 说简单也简单 不能强求 需要真心希望帮派成长的朋友共同出力 把帮顶到5级 5级帮以后有完美的任务 占城以后贡献50000以上更可以接到大量经验的任务 大家就都会自觉了强要帮供的帮没有几个真正壮大的加油o(∩_∩)o...</t>
  </si>
  <si>
    <t xml:space="preserve">热血江湖邪派102级任务去哪接? </t>
  </si>
  <si>
    <t>102没有任务。。。</t>
  </si>
  <si>
    <t xml:space="preserve">是不是长的高的男人JJ比较长，或者粗？如题 </t>
  </si>
  <si>
    <t>我接触过几个男人也做过爱，长得壮的个子高的肯定又长又粗，因为我的这个朋友太长太粗我受不了，就分手了。如果这个男人壮但个子一般，可能粗但不太长，我有这样一个朋友他满足不了我，所以我同他分手了。后来我接触了一个180的，人长的瘦，个高但那太细，也满足不了我，太松，所以我在考虑要不要和他分手。我只碰到一个适合我的，太爽了和他做爱。个子在174左右，体重有170，不太长但粗，用着可舒服了，只可惜他有老婆了。我给他做爱是最好的一个。不知道我的回答你能否满意，以后长合作，谢谢。</t>
  </si>
  <si>
    <t xml:space="preserve">《红楼梦》详细的主要人物介绍贾宝玉林黛玉薛宝钗…… </t>
  </si>
  <si>
    <t>主要人物介绍： 金陵十二钗之————林黛玉 林如海与贾敏的女儿，因父母先后去世，外祖母怜其孤独，接来荣国府扶养。虽然她是寄人篱下的孤儿，但她生性孤傲，天真率直,和宝玉同为封建的叛逆者，从不劝宝玉走封建的仕官道路，她蔑视功名权贵，当宝玉把北静王所赠的圣上所赐的名贵念珠一串送给她时，她却说：“什么臭男人拿过的，我不要这东西！”。他和宝玉有着共同理想和志趣，真心相爱，但这一爱情被贾母等人残忍地扼杀了。林黛玉泪尽 而逝。 金陵十二钗之————薛宝钗 金陵十二钗之一，薛姨妈的女儿，家中拥有百万之富。她容貌美丽，肌骨莹润，举止娴雅。她热衷于“仕途经济”，劝宝玉去会会做官的，谈讲谈讲仕途经济，被宝玉背地里斥之为“混帐话”。她恪守封建妇德，而且城府颇深，能笼络人心，得到贾府上下的夸赞。她挂有一把錾有“不离不弃，芳龄永继”的金锁，薛姨妈早就放风说∶“你这金锁要拣有玉的方可配”，在贾母、王夫人等的一手操办下，贾宝玉被迫 娶薛宝钗为妻。由于双方没有共同的理想与志趣，贾宝玉又无法忘怀知音林黛玉，婚后不久即出家当和尚去了。薛宝钗只好独守空闺，抱恨终身。 金陵十二钗之————王熙凤 金陵十二钗之一，贾琏之妻，王夫人的内侄女。长著一双丹凤三角眼，两弯柳叶吊梢眉，身量苗条,体格风骚。她精明强干，深得贾母和王夫人的信任并成为贾府的实际大管家。她高踞在贾府几百口人的管家宝座上，口才与威势是她谄上欺下的武器,攫取权力与窃积财富是她的目的。她极尽权术机变，残忍阴毒之能事，虽然贾瑞这种纨子弟死有余辜，但“毒设相思局”也可见其报复的残酷。“弄权铁槛寺”为了三千两银子的贿赂，逼得张家的女儿和某守备之子双双自尽。尤二姐以及她腹中的胎儿也被王熙凤以最狡诈、最狠毒的方法害死。她公然宣称∶“我从来不信什么阴司地狱报应的，凭什么事，我说行就行！”她极度贪婪，除了索取贿赂外，还靠著迟发公费月例放债，光这一项就翻出几百甚至上千的银子的体己利钱来。抄家时，从她屋子里就抄出五七万金和一箱借券。王熙凤的所作所为，无疑是在加速贾家的败落，最后落得个“机关算尽太聪明，反算了卿卿性命”的下场。 金陵十二钗之————贾巧姐 金陵十二钗之一，贾琏与王熙凤的女儿。因生在七月初七，刘姥姥给她取名为“巧姐”。巧姐从小优裕，是豪门千金。但在贾府败落、王熙凤死后,舅舅王仁和贾环要把她卖与藩王作使女，在紧急关头，幸亏刘姥姥帮忙，把她乔装打扮带出大观园。后嫁给一个 姓周的地主。 金陵十二钗之————贾探春 贾政与妾赵姨娘所生，排行为贾府三小姐。她精 明能干，有心机，能决断，连王夫人与凤姐都让她几分，有“玫瑰花”之诨名。她的封建等级观念特别强烈，所以对处于婢妾地位的生母赵姨娘轻蔑厌恶，冷酷无情。抄检大观园时，她为了在婢仆面前维护作主子的威严，“令丫环秉烛开门而待”，只许别人搜自己的箱柜，不许人动一下她丫头的东西。“心内没有成算的”王善保家的，不懂得这一点，对探春动手动脚的，所以当场挨了一巴掌。探春对贾府面临的大厦将倾的危局颇有感触，她想用“兴利除弊”的微小改 革来挽救，但无济于事。最后贾探春远嫁他乡。 金陵十二钗之————贾元春 贾政与王夫人之长女。自幼由贾母教养。作为长姐，她在宝玉三四岁时，就已教他读书识字，虽为姐弟，有如母子。后因贤孝才德，选入宫作女吏。不久，封凤藻宫尚书，加封贤德妃。贾家为迎接她来省亲，特盖了一座省亲别墅。该别墅之豪华富丽，连元春都觉太奢华过费了！元妃虽给贾家带来了“烈火烹油，鲜花著锦之盛”，但她却被幽闭在皇家深宫内。省亲时，她说一句，哭一句，把皇宫大内说成是“终无意趣”的“不得见人的去处”。这次省亲之后，元妃再无出宫的机会，后暴病而亡。 金陵十二钗之————贾惜春 金陵十二钗之一，贾珍的妹妹。因父亲贾敬一味好道炼丹，别的事一概不管，而母亲又早逝，她一直在荣国府贾母身边长大。由于没有父母怜爱，养成了孤僻冷漠的性格，心冷嘴冷。抄检大观园时，她咬定牙，撵走毫无过错的丫环入画，对别人的流泪哀伤无动于衷。四大家族的没落命运，三个本家姐姐的不幸结局，使她产生了弃世的念头，后入栊翠庵为尼。 金陵十二钗之————贾迎春 贾迎春是贾赦与妾所生的，排行为贾府二小姐。她老实无能，懦弱怕事，有“二木头”的诨名。她不但作诗猜谜不如姐妹们，在处世为人上，也只知退让，任人欺侮。她的攒珠垒丝金凤首饰被下人拿去赌钱，她不追究，别人设法要替她追回，她却说∶“宁可没有了，又何必生气。”她父亲贾赦欠了孙家五千两银子还不出，就把她嫁给孙家，实际上是拿她抵债。出嫁后不久，她就被孙绍祖虐待而死。 金陵十二钗之————李纨 李纨，字宫裁，贾珠之妻，生有儿子贾兰。她出身金陵名宦，父亲李守中曾为国子祭酒。她从小就受父亲“女子无才便是德”的教育，以认得几个字，记得前朝几个贤女便了，每日以纺织女红为要。贾珠不到二十岁就病死了。李纨就一直守寡，虽处于膏粱锦绣之中，竟如“槁木死灰”一般，一概不闻不问，只知道抚养亲子，闲时陪侍小姑等女红、诵读而已。她是个恪守封建礼法的贤女节妇的典型。 金陵十二钗之————妙玉 苏州人氏。她祖上是读书仕宦人家。因自幼多病，买了许多替身〈旧时迷信认为命中有灾难的人应该舍身出家做僧、道，有钱人家买穷人家子女代替出家，叫替身〉，皆不中用。只得入了空门，身体才好,故一直带发修行。父母已亡，身边带两个老嬷嬷，一个小丫头服侍。她极通文墨，极熟经典，模样又极好。十七岁时随师父到长安都修行，师父圆寂后，被贾家请入栊翠庵带发修行，但她“欲洁何曾洁，云空未必空”，刘姥姥喝过的茶杯，她嫌脏，不要了，而给宝玉喝的茶杯却是自己日常用的绿玉斗。宝玉生日,她特地派人送去“槛外人妙玉恭肃遥叩芳辰”的字帖。后贾府败落,她被强人用迷魂香闷倒奸污，劫持而去。 金陵十二钗之————秦可卿 金陵十二钗之一，贾蓉之妻。她是营缮司郎中秦邦业从养生堂抱养的女儿，小名可儿，大名兼美。她长得袅娜纤巧，性格风流，行事又温柔和平，深得贾母等人的欢心。但公公贾珍与她关系暧昧，致使其年轻早夭。 金陵十二钗之————史湘云 金陵十二钗之一，是贾母的侄孙女。虽为豪门千金，但她从小父母双亡，由叔父史鼎抚养，而婶婶对她并不好。在叔叔家，她一点儿也作不得主，且不时要做针线活至三更。她的身世与林黛玉有些相似，但她没有林黛玉的叛逆精神，且在一定程度上受到薛宝钗的影响。她心直口快，开朗豪爽，爱淘气，甚至敢于喝醉酒后在园子里的大青石上睡大觉。她和宝玉也算是好朋友，在一起时，有时亲热，有时也会恼火,但她襟怀坦荡，从未把儿女私情略萦心上。后嫁与卫若兰，婚后不久，丈夫即得暴病，后成痨症而亡，史湘云立志守寡终身。 其 他 人 物------贾母 贾母，贾代善之妻，出嫁前为金陵世家史侯的小姐。她在贾家从重孙媳妇做起，一直到有了重孙媳妇，凭著她的精明能干，才坐稳了贾家最高统治者的位置。她虽已年老，也不管家，但余威犹在。当她发现有下人在园中聚赌时，便立即一一查实，并作严厉的处罚。她是个典型的享乐主义者，她的儿孙成了淫棍和赌徒，只要他们不来搅扰她的享乐，她是不干涉的。她不大喜欢大儿子贾赦和大儿媳邢夫人，偏爱小儿子贾政和小儿媳王夫人。她喜欢众孙女，溺爱孙子宝玉，但并不支持宝黛的爱情。她批准了王熙凤的“掉包计”，使宝玉被迫娶了薛宝钗。后以八十三岁高龄去世。 其 他 人 物————贾政 贾政，字存周，工部员外郎，贾母的次子。他是儒家统治思想的化身。儿子贾宝玉的叛逆思想使他大为不满，动不动就骂他“畜生”、“该死的奴才”。曾亲自抡起大板子朝宝玉狠命打去，随后还要用绳子来勒死，因贾母及王夫人的拦阻，才未勒死宝玉。他是个伪君子的典型，满口仁义道德，宽柔待下，而实际上他对奴隶的训斥却是∶“等我闲一闲，先揭了你 的皮！”外甥薛蟠打死了人，他公然徇情枉法；对贪赃暴虐的贾雨村，他却最是热衷与其来往；外放江西粮道时，在他的纵容下，手下人横行不法，公然纳贿。他无能又孤独，儿女亲属相聚谈笑，他一出现就会让大家敛声屏息，弄得索然无味，致使贾母也不得不“撵他出去休息”。当锦衣军来抄检贾府时，他只会 “跪在地下磕头”，“心惊肉跳”跺脚长叹而已。 其 他 人 物————贾珍 贾敬之子，世袭三品爵威烈将军。生活极度放纵，他虽有一妻二妾，但仍和儿媳秦可卿、妻妹尤二姐关系暧昧。秦可卿死后，是他流泪向王夫人请求让王熙凤料理丧事，让她“爱怎么办就怎么样办”，姿意奢华。为了丧礼上风光些，他特意花一千两银子为儿子贾蓉捐了个五品龙禁尉。这场奢靡的丧事，也足以说明他与秦可卿之间的特殊关系了。后因作恶多端，被人参奏革去世职，派往海疆效力赎罪。 其 他 人 物————贾敬 宁国公贾演的孙子，京营节度使世袭一等神威将军贾代化的次子。是丙辰科进士，却一味好道，在都外玄真观修炼，烧丹炼汞，别的事一概不管，放纵家人胡作非为。后因吃秘制的丹砂烧胀而死，死时腹中坚硬如铁，面皮嘴唇烧得紫绛皱裂。死后天子追赐他五品之职。 其 他 人 物------贾琏 贾琏，贾赦之子。他捐了个同知的官位，但不务正业。住在叔父贾政家里，和妻子王熙凤帮著料理荣府家务。他一味好色纵欲，女儿巧姐出天花，按迷信要夫妻分房，他一离开王熙凤就找“多姑娘儿”鬼混。王熙凤去过生日宴会，他就把鲍二媳妇勾搭上手，见了尤二姐，又贪图其美色，骗娶为二房。父亲贾赦却夸他能干，又把自己的丫环秋桐赏给他。他和王熙凤同床异梦，也不知她背地里重利盘剥，是个典型的纨绮子弟。 其 他 人 物------贾蓉 贾珍之子。他原为监生，妻子秦可卿死后，为了在丧礼上风光些，父亲贾珍花了一千两银子给他捐了个五品龙禁尉。后娶胡氏为妻。贾蓉长得是面目清秀，细挑身材，但生活上却和他父亲贾珍一样荒淫无耻。他和婶娘王熙凤有著不可告人的关系，还和姨娘尤二姐不乾不净。为了达到能与尤二姐不断鬼混的目的，他想出了让贾琏偷娶尤二姐并安置在府外的主意，使得尤二姐被王熙凤逼死。由于他和父亲作恶多端，被人参奏，宁国府被锦衣军查抄。后依附荣府生活。 其 他 人 物————贾赦 贾赦，字恩侯。世袭一等将军之职，贾母的长子。他好色，平日就不好生做官，整日在家和小老婆喝酒。在他胡子花白，儿子、孙子一大群时，还看上贾母的丫头鸳鸯，非要把她收为妾。由于鸳鸯的强烈反抗，贾母又不舍得，他才没有得逞。但事后，他还是花了八百两银子买了一个十七岁的女孩来做妾。贾母不大喜欢他，这使他颇为不满。八月十五中秋赏月，他用讲笑话的形式影射母亲偏心。席间，贾宝玉、贾兰、贾环作诗，他只对不受贾母宠爱的贾环大加赏赐，并赞他的诗有侯门气概，有世袭前程。后因交通外官，仗势凌弱，革去世职，发往边疆充军。 其 他 人 物————贾敬 林如海，姓林名海，表字如海。出身虽系世禄之家，却也是书香之族。考中探花后，哎为兰台寺大夫，钦点为巡盐御史。娶妻贾敏〈即贾母之女〉，生有一女名叫黛玉，夫妻爱之如掌上明珠。黛玉六岁时，贾敏一病而亡。贾母爱惜孤女，便把她接到贾府生活。后林如海也身染重病而亡。 其 他 人 物------王夫人 贾政之妻，现任京营节度使王子腾之妹，与薛姨妈是一母所生的姐妹。她虽是贾家的二儿媳，也不太说话，但深得贾母的信任。她虚伪残酷。丫环金钏和宝玉的一句玩笑话，就被她一个巴掌“打得半边脸火热”，还把她撵了出去，致使金钏儿投井身亡。金钏儿死后，她却流下伪善的眼泪，并向宝钗说，金钏儿前日把她的一件东西弄坏了，一时生气，打了她两下子而已。宝玉的丫环晴雯，只因她蔑视王夫人为笼络丫头们所施的小恩小惠，又遭到她的残酷报复，在晴雯“病得四五日水米不曾沾牙”的情况下，硬把她“从炕上拉了下来”，撵出大观园，当夜就悲惨地死去。但王夫人向贾母回话时却说晴雯又懒又淘气，且得了女儿痨，才把送出大观园的。 其 他 人 物————邢夫人 邢夫人，贾赦之妻。她禀性愚弱，只知奉承贾赦，家中一应大小事务，俱由贾赦摆布。出入银钱，一经她手，便克扣异常，婪取财货。儿女奴仆，一人不靠，一言不听，故甚不得人心。作为贾家的大儿媳，她得不到婆婆贾母的欢心，也没有当家的权力，自己的媳妇王熙凤又一味奉承贾母与王夫人，这使她极为不满。她一直伺机反扑，不时给她们制造难堪。当她发现傻大姐拾得的五彩绣香囊时，便以此作为武器，打发人交给王夫人，把王夫人“气了个死”，这才引起了抄检大观园。 其 他 人 物------尤二姐 尤氏继母带来的女儿。尤二姐模样标致温柔和顺。贾珍馋涎妻妹的美貌，对尤二姐无所不至，当他玩腻后，就把她让给了贾琏。贾琏因惧怕王熙凤的淫威，只得偷偷娶尤二姐为二房，并把她安置在荣国府外，但不久被王熙凤发现，在她的借剑杀人计谋下，尤二姐备受折磨，当胎儿被庸医打下后，她绝望地吞金自尽。 其 他 人 物------尤三姐 尤氏继母带来的女儿，尤二姐的妹妹。尤三姐模样儿风流标致，她又喜爱打扮得出色，自有一种万人不及的风情体态。贾珍、贾琏、贾蓉等好色之徒，对她颇为馋涎。但尤三姐不愿像姐姐那样遭人玩弄，她用泼辣作为武器，捍卫自己的清白。她看中柳湘莲后，就一心一意等他。但因柳湘莲误听他人传言，怀疑尤三姐也是个不乾净之人，要索回定礼，刚烈的尤三姐在奉还定礼时拔剑自刎。 其 他 人 物------袭人 袭人，原名花蕊珠。小时因家里没有饭吃，老子娘快要饿死了，才把她卖给贾府做丫环。她一开始服侍贾母，后服侍史湘云。因贾母恐宝玉之婢不中使，又把她给了宝玉，宝玉把她改名为袭人。她细挑身子，容长脸儿。她的所做所为合乎当时的妇德标准和礼法对奴婢的要求。主子命令她服侍谁，她的心里便唯 有谁。她不时规劝宝玉要读书博取功名。宝玉挨打后，她乘机在王夫人面前进言，大谈宝玉“男女不分” ，建议“叫二爷搬出园外来住”，吓得王夫人“如雷轰电掣的一般”。袭人因此取得了王夫人的宠信，王夫人把她升为“准姨娘”，被晴雯斥为“哈巴狗儿” 。宝玉出家后，她嫁给蒋玉函。 其 他 人 物————香菱 香菱，薛蟠之妾，原名甄英莲，甄士隐的女儿。三岁那年元宵，在看社火花灯时被骗子拐走，十二三岁时，被薛蟠强买为妾，改名香菱。她生得袅娜纤巧，做人行事又温柔安静，夏金桂极为嫉妒她。香菱备受夏金桂的折磨，不仅名字被改为秋菱，还险遭谋害。薛蟠出狱后，把香菱扶了正，后难产而死。 其 他 人 物------晴雯 晴雯，从小被卖给贾府的奴仆赖大家为奴。赖嬷嬷到贾府去时常带着她，贾母见了喜欢，赖嬷嬷就孝敬了贾母。她长得风流灵巧，眉眼儿有点像林黛玉，口齿伶俐，针线活尤好。她的反抗性最强，她蔑视王夫人为笼络小丫头所施的小恩小惠；嘲讽向主子讨好邀宠的袭人是“哈巴狗儿”；抄检大观园时，唯有她“挽著头发闯进来，‘豁啷’一声将箱子掀开，两手提著底子，朝天往地下尽情一倒，将所有之物尽都倒”，还当众把狗仗人势的王善保家的痛骂一顿。她的反抗，遭到了残酷报复。王夫人在她病得“四五日水米不曾沾牙”的情况下，从炕上拉下来，硬给撵了出去。当天宝玉偷偷前去探望，晴雯深为感动，便绞下自己两根葱管一般的指甲、脱去了一件贴身穿的旧红绫小袄儿赠给他。当夜，睛雯悲惨地死去。宝玉深感哀伤，特作《芙蓉女儿诔》，祭奠晴雯。 主要人物特写 ： 王熙凤： 作者写王熙凤这个人物，采用了侧面描写的方法，从林黛玉的眼中来写，从贾母的口中来写，从王夫人的心中来写，写出了王熙凤在贾府中的特权地位及其取得这一特权地位的原因。正面的描写则采用外貌描写，写其穿着，写其容貌，采用语言描写，写了她在贾母 前时笑时哭，讨好贾母等人物的表现。人物性格：在《林黛玉进贾府》一文中，主要表现王熙凤的贪和诈。从她的穿着上看，他集绫罗绸缎，奇珍异宝于一身，可谓珠光宝气，体现出她内心的贪梦，狂热的占有欲。而从她出场后的言行表现看，内心十分鬼诈，时笑时哭，极尽表现之能事。她对林黛玉的赞耀，对林黛玉的同情都出自于对贾母的讨好，似真实假。而一句话能讨好多个人物，以及其他言 话如和王夫人的对话，则体现出她的才干。正是“司晨才调若风狂，衣锦还乡路渺茫。此妇若除贪与诈，承欢理剧胜姑嫜”。 林黛玉： 外貌描写——林黛玉的外貌描写是从其他人眼中来写的。一是从众人眼中来写黛玉的年貌，举止言谈，身体面庞和风流态度；二是从宝玉眼中见黛玉时，对黛玉的外貌和神韵的描写。两处描写虽然出自不同人物的观察，但却反映了黛玉的两个共同特点：美貌多情、体弱多病。而在宝玉眼中还体现了林黛玉的聪慧。 细节描写——尽管外祖母口口声声“心肝儿肉”地疼她，林黛玉却总有寄人篱下的感觉，所以待人处世始终是“步步留心，时时在意”。文章对这一点主要采用了“细节描写”。细节描写中有两处特别值得注意：一是关于读书的事。林黛玉对贾母和宝玉的相同问题回答时答案是不同的。另一处是饭后的喝茶，由于和家中的习惯不一样，所以林黛玉也不得不改正过来。正是因为这些细小的地方，林黛玉都不放过，说明了林黛玉的“步步留心，时时在意”。 贾宝玉： 描写方法——本文描写贾宝玉采用了侧面虚写和正面实写的方法。主要有三个重点：出场前的侧面勾勒，从王夫人的口中来写贾宝玉，从林母的口中来写贾宝玉；出场后的肖像描写，从林黛玉的眼中来写贾宝玉；《西江月》二词对他的性格特征加以总结。 人物性格——贾宝玉在王夫人口中是个“孽根祸胎”、“混世魔王”；在林夫人口中则是个“顽劣异常，极恶读书，最喜在内帏厮混”。这些贬斥说明贾宝玉的所作所为是与封建的正统观念相抵触的，是与世俗的常情格格不入的，他是封建阶级的一个“叛逆”。在林黛玉的客观观察中，贾宝玉却是一个眉清目秀、英俊多情的年轻公子，看不到一点惫懒与懵懂。贾宝玉是这封建贵族家庭的叛逆者，他具有反对封建束缚，要求自由平等的思想。他蔑视世俗，卓然独立的种种表现，正反映了他对封建礼教和封建道德的反抗。</t>
  </si>
  <si>
    <t xml:space="preserve">请问当武警辛苦吗?请问现在当武警辛苦吗?平时都训练什么啊?可以给 </t>
  </si>
  <si>
    <t xml:space="preserve">总的来说武警比陆军更苦更累。主要是看是什么武警，武警包括太多了，特警相当苦，其后是机动武警、消防武警，其它的武警稍好些。 在新兵连主要训练：队列、擒敌、战术、体能队列包括：单兵队列、班队列、三班四哨擒敌：包括姿势与步伐、拳法、腿法、防击打技术、还有擒敌拳战术：主要训练的是单兵战术，其中包括：卧倒：持枪卧倒、端枪卧到；姿势：低姿匍伏、高姿匍伏、侧身匍伏,、高姿侧身匍伏、滚进（停止间滚进和行进间滚进）体能：包括五公里越野、100米冲刺、蛙跳、俯卧撑、单腿伸登、组合体能练习等部队最讲究的是服从再服从！即使上级或班长的的命令是错误的你也不能当面顶撞，先执行，等执行完以后在向上级或班长反映。其次就是要尊重上级、班长和老兵。新兵训练一般2个多月，主要是队列训练、体能训练，大部分时间是用来队列训练，主要包括稍息、立正、原地间转法、齐步正步跑步等等，一般部队下午4点以后开始体能训练，主要包括单双杆、5000米跑等等，当然也会辅助一些其他的训练，例如军体拳、俯卧撑之类。另外对于新兵来说，叠好军被也是非常重要的，往往是新兵连的第一道难关，这也是训练内容之一；白天充实的训练累得够呛，但夜间紧急集合短促的哨音常常会打搅到新兵同志的好梦，为了训练应急能力，这也是必不可少的！（当然双休日还是会安排一定的休息时间的）呵呵！听起来是不是不太爽哪？不过新兵连真的很有意思！让人怀念一辈子，当然不同的部队会不太一样，可能还有针对专业的训练，不过越是“苦难”的新兵连就越能给你最深刻美好的回忆！ </t>
  </si>
  <si>
    <t>45/94</t>
  </si>
  <si>
    <t>-0.441276596</t>
  </si>
  <si>
    <t xml:space="preserve">什么是幽默？幽默就是一个人想哭的时候还有笑的兴致…… </t>
  </si>
  <si>
    <t>笑中带泪就是幽默……泪中带笑就是苦逼……笑着笑着就哭了。。。哭着哭着就笑了。。。原来精神病和幽默有异曲同工之妙吖。。。幽默是高智商，高品位，高瞻远瞩，高风亮节的集中体现所以，我为自己身为一名幽栏的圣人而高傲激励自己要沿着这条幽默的道路一直走下去，走下去至到那世界的末日。。。。。。幽默是精神病的一种外在表现。幽默的程度与病情的轻重有关。幽默就是上厕所刚蹲下就听“扑哧”一声。。。笑了！---------------------------------------------</t>
  </si>
  <si>
    <t xml:space="preserve">生化危机4的问题生化危机通关了之后，出现了好几个新的模式，我知道 </t>
  </si>
  <si>
    <t>asignment ADA的模式：从军事基地开始到军事大楼（就是里昂救阿舍里的地方，也就是碰到瞎子和刺猬人的地方，你是不会碰到瞎子和刺猬人的），当中要收集5个样品，看地图都有提示，冲出大楼还要和最终Boss对决，是个长翅膀的人，会用翅膀搪你的子弹，很难对付，我用了半小时才打败他，死了不知道几次，要注意的是：不要被他逼近死角，最好你的回避健一次都不要有失误，他有两种必杀机，当他使出时你是不能攻击的，只能用回避建！注意要快！他的另2个招式是扫荡腿和两脚踢，当他使出两脚踢时注意后退，你要会预判，只要你觉得不会被踢到你就开枪，只有这样你才能打倒他，然后在他被你打中后向后退的时候点射他的头，运气好还可以偷几下鸡，嘿嘿！注意推荐用100发子弹的轻机枪，反正多练几次，我只能说到这里了。</t>
  </si>
  <si>
    <t xml:space="preserve">车载DVD上的SD卡使用方法车上说可以使用SD卡播放音乐，但是我 </t>
  </si>
  <si>
    <t>可能你的DVD不支持SDHC卡，估计是你的卡型号以及最大容量超过了（一般车载DVD最大读2G以内）。</t>
  </si>
  <si>
    <t xml:space="preserve">600019后市如何？该股后市如何，该怎样操作？有无大涨空间？ </t>
  </si>
  <si>
    <t>600019今天是一个很好的买入信号，持股待涨，后市上涨空间很大。不过会慢点。鞍钢会比较快点。</t>
  </si>
  <si>
    <t xml:space="preserve">请教：补充词语（）天（）水（）帆()的沙滩（）的草地（）的野花（ </t>
  </si>
  <si>
    <t xml:space="preserve">（蓝 ）天 （绿 ）水 （ 白）帆 ( 无力)的沙滩 （ 碧绿）的草地 （烂漫 ）的野花 （ 高大）的奶牛 （ 飘动）的羊群 （温暖 ）的毡房 </t>
  </si>
  <si>
    <t xml:space="preserve">客车和货车同时从甲乙两地相向开出当货车行126千米时客车行的路程? </t>
  </si>
  <si>
    <t>设甲乙两地相距x千米.  客车行的 路程=3x/10,  两车 行驶的路程 之和=126+3x/10,  剩下的路程=x-(126+3x/10),  故,126+3x/10=[x-(126+3x/10)],x=630(km).答,甲乙两地相距630千米.</t>
  </si>
  <si>
    <t xml:space="preserve">恋爱高手出下主意我妈帮我找了个对象叫我打电话过去交流交流，我应该 </t>
  </si>
  <si>
    <t>第一次么只是随便谈谈吧，比如问问在哪里工作，家里还有什么亲人之类的话题，毕竟第一次也不太可能太深入吧。临场发挥。</t>
  </si>
  <si>
    <t xml:space="preserve">牧师学什么专业?请问练牧师学什么专业比较好?我刚开始练.请牧师朋 </t>
  </si>
  <si>
    <t>裁缝+剥皮  后期换附魔 有支持练炼金</t>
  </si>
  <si>
    <t xml:space="preserve">很诡异的事，昨天从赔率看哥斯达黎加要赢？？？？？补了一单负负，不? </t>
  </si>
  <si>
    <t>确实也掌控了大量信息，足球的水太深了</t>
  </si>
  <si>
    <t xml:space="preserve">架子鼓和电鼓的区别有哪些？ </t>
  </si>
  <si>
    <t>这就是个人喜好问题了，一些人喜欢电鼓的手感，一些人喜欢真鼓的手感，电鼓接音箱你可以插戴耳机自己听声音，不会扰民，电鼓录方便，架子鼓录音需要去买录音麦和其他很多东西。爵士鼓，俗称“架子鼓”它形成于上世纪40年代，演奏时需要四肢并用。普通爵士鼓是通过鼓腔本身发声，而电鼓以击打触电橡胶，从而转换成电子信号经由扬声器的发声方式。普通爵士鼓和电鼓的功能是一模一样的。普通爵士鼓和电鼓的区别就象钢琴和电钢区别一样的。电鼓特点包含: 体积小,重量轻,占空间比较小 ; 音量可以调节,大小随意,不会扰民,关闭音量就不会出声。直接演奏时发出的声音就是CD音质的音色,不需要后期声音处理,可直接用于演出及娱乐，比较方便。</t>
  </si>
  <si>
    <t xml:space="preserve">我急需要读后感我要某人自己写的而且是独一无二的 </t>
  </si>
  <si>
    <t>你自己读了么？不论多大多小，照着别人的仿一篇，哪怕是对童话的读后感，也还是自己写吧，否则，今后怎么工作呢？</t>
  </si>
  <si>
    <t xml:space="preserve">男士止汗露曼秀雷敦和阿迪的哪个好?男士止汗露什么的好?味道好闻的 </t>
  </si>
  <si>
    <t>adidas的好用，而且味道不错，一般干了不会留下粉末曼秀雷顿的不管用</t>
  </si>
  <si>
    <t xml:space="preserve">请问调皮老师600122宏图高科，14.39的成本，您给看看怎么 </t>
  </si>
  <si>
    <t>可以持有</t>
  </si>
  <si>
    <t xml:space="preserve">鹅口疮怎么治疗？请问鹅口疮怎么治疗 </t>
  </si>
  <si>
    <t>鹅口疮，用制霉菌素(医院购买)涂擦，用制霉菌素片磨成粉，加5～10毫升水调后，奶后或喝水后，用棉棒涂口腔患病处，每天3～4次。当看不见口腔白色斑点后，再涂3～4天，有可能根除。平时，加强营养，增加维生素B2和C，母乳喂奶者喂奶前手和乳头要清洗。人工喂养的奶瓶奶头要清洁和煮沸消毒。</t>
  </si>
  <si>
    <t xml:space="preserve">宝宝七个月还不长牙，怎么办？！急呀~~~！！！宝宝七个月还不长牙 </t>
  </si>
  <si>
    <t>别担心,我家宝宝也是七个多月才长的牙,现在一岁了都有七颗牙了,别急!当时我也是急死,后来一出牙就接这直冒的!孩子体质都不一样,不要什么都和别人的孩子比,你孩子有的未必人家孩子也有哦!呵呵!只要健康就好!再观察些时,好象听说如果孩子一岁还没牙就要看口腔医生了!</t>
  </si>
  <si>
    <t xml:space="preserve">明日大盘如何表现？ </t>
  </si>
  <si>
    <t>明日大盘将高开。</t>
  </si>
  <si>
    <t xml:space="preserve">元素和巫师谁强``大家都谈谈呀``觉得巫师强得有点变态呀```怪 </t>
  </si>
  <si>
    <t xml:space="preserve">楼上的才是误导..自然元素之舞最低72..每4级有一个..72的是火山口那只大熊掉..76的闪电血妖那BOSS..在往上..(这东西贵的要死..)不知道你问的单P 还是在群P发挥的作用谁强谁不强有很多因素的..运气..网速..智商..操作..所以没办法给你一个准确的答案..具体的是看自己喜好..各有所长 元素觉醒之后以及群怪的的范围和攻击力是巫师所不能及的巫师则倾向与控场 攻击略比元素低 但是释法时间比较快想要瞬间秒杀体验快感玩元素想要玩诅咒折磨人选巫师 </t>
  </si>
  <si>
    <t xml:space="preserve">纽卡开始朝着冷的方向发展了!晕~0:1落后了! </t>
  </si>
  <si>
    <t>0:3了,我晕了哦</t>
  </si>
  <si>
    <t xml:space="preserve">天问(体验)更新后进不去自动更新后显示版本271进去天问（体验） </t>
  </si>
  <si>
    <t>合成一个客户端多方便。。。难道其他区有号还要下2个版本</t>
  </si>
  <si>
    <t xml:space="preserve">下列各句中，画线成语使用恰当的一句是：A.外出旅游，异地的风物固 </t>
  </si>
  <si>
    <t xml:space="preserve">选B 题A C成语是褒义与提不符合 D有一种自谦的意思 用在三人称中不合 </t>
  </si>
  <si>
    <t xml:space="preserve">鹦鹉鱼变白了将就就我的鹦鹉鱼，20条死的还剩6条。尾巴烂了，死鱼 </t>
  </si>
  <si>
    <t>首先，鹦鹉鱼是需要高氧气的鱼，您氧气给足了吗？其次，鹦鹉鱼的适宜水温是2 5～2 8℃，这段时间天气变化大，正是鱼容易有病的时候。所以，要使用加热棒让水温恒定。再有，就是定期换水了，清洗滤材。我认为，您现在应该把水都换成困好的新水，放少量海盐或粗盐，给足氧气，温度保持在25度左右，如果鱼病的不严重，应该能养过来。对了，全换成新水后，部分鱼的尾鳍及其它各鳍，会出现边缘融鳍，适应水后，很快会长好的。</t>
  </si>
  <si>
    <t xml:space="preserve">一道高一化学题在标准状况下，由CO和CO2组成的混合气体13。4 </t>
  </si>
  <si>
    <t>3:4解:设混合气体中CO有xmolCO2有ymol气体的体积是22.4(x+y)=13.44L质量是28x+44y=20g由上解得x=0.4mol,y=0.2mol0.4molCO中含碳 0.4mol,含氧0.40.2molCO2中含碳0.2mol,含氧2*0.2mol=0.4mol元素的原子个数比等于其物质的量比碳的个数:氧的个数=(0.4+0.2):(0.4+0.4)=3:4</t>
  </si>
  <si>
    <t xml:space="preserve">配方奶粉与维维豆奶粉兑在一起冲调，可否？宝宝18个月，一直喝配方 </t>
  </si>
  <si>
    <t>不可以。尽量不给小宝宝喝豆奶粉，一、不适合宝宝体质，二、不利于宝宝消化和吸收</t>
  </si>
  <si>
    <t xml:space="preserve">Vista不好意思，我要补充我所提供的问题：我用的是手提电脑，A </t>
  </si>
  <si>
    <t>补充的问题不是应该在你原有的问题上补充吗？你这样补充都不知道你在问什么？</t>
  </si>
  <si>
    <t xml:space="preserve">我该怎么办我是一名货车司机，我于前几天开车转弯时和一辆摩托车发生 </t>
  </si>
  <si>
    <t>买了保险的,就可以叫保险公司出钱。</t>
  </si>
  <si>
    <t xml:space="preserve">勒沃库森……顶住……你不是一个人在战斗（票） </t>
  </si>
  <si>
    <t>恭喜，中了就好，有赚！！！</t>
  </si>
  <si>
    <t xml:space="preserve">在工商银行小额存款要收账户服务费吗？所谓“小额存款”的标准，多少 </t>
  </si>
  <si>
    <t>年费是一定要缴的，如果存款不足300元，每三个月扣3元的手续费。</t>
  </si>
  <si>
    <t xml:space="preserve">想作曲要先干什么？是不是作曲和作词是有联系的？ </t>
  </si>
  <si>
    <t xml:space="preserve">下面的这段文字介绍了词曲方面很多问题，不过早期的歌曲一般都是先有词，后作曲。先有词还是曲一首歌词与旋律搭配是不一定有先后之分的，对于我自己的经验来讲，合作的作曲人通常是先有曲给我，然后在填词，也有少数作曲人会先要求我提供歌词给他们，原因是他们觉得这样会有比较多主题的刺激，甚至在词里写到某种场景或某种情绪他们也可以在你的框框你的格式里去做发挥，但这样的机会算是比较少的，对那些热爱写词的人如果你身边没有做曲的朋友，你的歌被发表或被完成的机会也少的多，这就是目前唱片工业中一个无奈的现况。怎样是好的歌词怎么样算一首好词，我想这是很大的问题，应该说这首歌最后可以产生动人的力量那词应该是没有扣分的，一首歌有词有旋律有演唱人加上编曲，一首歌可以受欢迎势必有整体的分数在里面，就像一部一样你可能会觉得这部戏的剧本很好，或是演员的演技特别好还是美术的设计很不错，诸如此类每一个单项的分工一定会有它的强弱，我很少看到一部家片是每一个部份都很好的，如果一首歌真的够流行够轰动应让是每个部份都发挥它的一个力量，词的本身如果能够很特别很醒目让人知道你在说什么，这当然是一个做词者的成功，我觉得这是一个综合性的艺术，更重要的是整个事件完整的搭配起来是不是很好的。怎样是不好的歌词 我觉得对照上一题好的歌词的反面就是不好的歌词，我觉得中间还有一种不痛不痒的歌词，它不是不好只是它没有特色用字普通，当然在畅销的歌曲中也是有这样的歌词，这时是靠旋律的力量及歌手的媚力来捧红这首歌，我只能说不好的歌词是用词太普通，或者是你用字很不错但是别人都听不懂歌手在唱什么，它只适合阅读而不适合聆听，有时他但会把歌词和其它文学作品做比较，觉得歌词太口语或是太浅白了，但我仍觉得歌词是综合性的艺术，如果只求字面上的表现有时反而会伤害整首歌的完整性。歌词的格式 如果你只是填词的话，那音乐的走法已经限制了你，例如这个音乐是很流畅的或是只有一段大a的歌，有很多歌是这样子的，所以你不用在去烦恼格式，如果你在家里凭空写一个词，没有人和你搭配旋律，多少要注意一下，否则就会写成一个散文和一个诗了，因为诗基本上的格式并没那么重要，如果你参照现在流行歌曲的歌本，你会发现段落的区分有种标准是四句就成为一个a、a1后面一个a2，又四句为一个b1和b2，这是最标准化的一个写法，a是三行一段，或者有的人是a三行然后b又变成四行，如果会作曲的人就知道，写到副歌时会加一些旋律，那是很自然就会表达出的一种情感，这跟画画一样并不是在格子里着色，我想有心的人多去参考现在发表的歌词，你就会找出格式还是很多种，但是完全没有格式的词，它到底是个词吗？一个音乐人拿到这些文字，他很方便去谱曲吗？这是做词人需要去考虑的。主题的选择 我觉得在流行歌曲里还是逃不过爱情，爱情就占了80%，剩下的可能就是友情、励志、舞曲及生活的一些感情，当然有些是为了活动像是公益性质的歌，要说主题其实整个艺术天地是非常广阔的，但如果你想说一首歌要怎么样才容易卖掉那就另当别论了，要看你写的主题唱片公司是不是有兴趣，是不是有歌手适合去表达，我觉得主题基本上是海阔天空，但是绝大多数还是比较喜欢写爱情和生活的感想，或者歌曲本身就有这样的功能吧！灵感来源自己创作歌词的灵感其实是来自生活和看书，我常说一个人如果很会写可能是谈过刻骨铭心的恋爱，就可以写出几百首歌词和小说，重点不在于经验的量而是在于经验的质量以及你自己的天份，说穿了天份是很重要的，我不能用一种方法去告诉大家灵感要怎么培养，有些书是可以去刺激想象力和观察力，但是他是不是就能成为对文字及图像的创意我是蛮怀疑的，任何的艺术工作者一定有七成以上是天份，剩下三成就是靠努力，每个人追求灵感的方式不一样，我觉得大家都要试着去寻找和自己最对味频率最接近的一种培养灵感的方法。词与曲的搭配在填词的时候怎么去和旋律搭配，这是没有窍门的，我的经验是反复的听，旋律会带给我怎么样的感受，确定字数，再去找重音，这是比较严谨的做词人会去考虑的，另外就是旋律会有高低音的range，怎么去拿捏旋律本身的音适不适合把你的词唱出来，我自己在填词时经常会反复的去唱这一段，我觉得我唱进去的画面情感和音乐给我的感受一不一样，当然同样的旋律也可以配上不同的剧情，当你选定剧情后就要让剧情变得淋漓尽致，有些人只会天马行空的写词而不去管音乐，而我在这个行业里还算是有点小成积，那是我在填词时会考虑音乐本身走动的轻重缓急，这时是恐惧的还是舒张的是温柔还是忧郁，这是要反复听旋律才能感受出来的，我只能提醒各位旋律的配合一定要多唱，如果你是歌星你唱到这个词是否会很投入，你相不相信这个词加曲后呈现的故事。原始信息： </t>
  </si>
  <si>
    <t xml:space="preserve">我很烦恼,我脖子上有好多褶子而且皮肤也很粗糙请问哪种颈部护理好呢? </t>
  </si>
  <si>
    <t>普通来讲，皱纹分为假性皱纹和真性皱纹着两种。你所说的情况属于后者。而真性皱纹一旦形成就很难祛除。你可以通过内调和外治来解决烦恼。如果你的体形可以，建议你在饮食方面增加一些诸如炸过的肉皮再炖烂食用；平时注意颈部姿态，要注意保持上扬，在保养方面要选用针对性强的颈部专用产品，因其含有丰富的胶原蛋白。最后，告诉你一个秘密：扮演小龙女的演员，她就有很深的颈部皱纹，而很多男人都感觉那也很迷人啊！</t>
  </si>
  <si>
    <t xml:space="preserve">为什么显示器每次开启都要自动调节以前没有这样现像，自从开游戏全屏 </t>
  </si>
  <si>
    <t xml:space="preserve">液晶显示器出现自动调整并不为怪，因为液晶显示器的信号处理电路为数字电路，当主机输入的信号与显示器存储器里的数据不同步是，它会用自动调整来让数据同步，从而使显示窗口满屏。 </t>
  </si>
  <si>
    <t xml:space="preserve">我是头臂干型的动脉炎患者。已经治疗了3年了。现在每天吃2颗激素药? </t>
  </si>
  <si>
    <t xml:space="preserve">有一种叫胶银的广谱天然抗生素，可杀灭600多种细菌，很稳定，没有副作用，你可用用看，胶银就是离子型的金属银，很神奇，有千年以上的历史。你去找找看，找不到的话，或许可找我，，哈哈（的抗生素只能杀灭一部分细菌，还副作用大）听你说 发病是和过度贫血很像，，头晕眼花。。。。。这就是脑缺血的症状，主要是颈动脉或椎动脉的阻塞，引起脑部缺血，眩晕、头痛、视力减退等病症；；；；由于细菌或病毒的感染，造成了头臂干型大动脉炎。动脉受到感染后，发生病变，致使血管壁增厚和纤维化，动脉随之逐渐狭窄、阻塞；我们首先考虑的是杀菌，如果能把造成动脉炎的病菌杀灭，病源根除的话，起码病症不至于加重；第二，疏通和修复血管壁，如果有某些药物能修复细胞组织，或者某些手术修复，那么病症将消除；第三，配合治疗的排毒和调理，配备西药或中药来进一步缓解病症，最终根除。（中医方面，有位医师叫郭朝印，在陕西或北京，他可能有一定的疗法，可与他联系谈谈。）嗯，上面是整个设想，具体的细节慢慢充实和寻找。---------------------------------------------------------医生现在用激素来控制病情，用中药来活血解毒，总的来说，不是主动医治，只属于稳定病情。与楼主谈过，大动脉炎的治疗是有难度的，自己要全盘了解，才能更积极的治疗。虽然我有具体的药物介绍，但不肯定有必然的疗效，有空再深入谈。。。      </t>
  </si>
  <si>
    <t xml:space="preserve">开房!跟女朋友开房不知道她有没病怎么办?要是有病我不就完了吗?这 </t>
  </si>
  <si>
    <t>让人很晕的问题！你女朋友要是这样想你，请问你是什么感受！</t>
  </si>
  <si>
    <t xml:space="preserve">一个女孩子叫我送玫瑰给她.大家都觉得是为什么 </t>
  </si>
  <si>
    <t>你都傻到要女孩主动要求你送她玫瑰了，你是不是想等她向你求婚啊</t>
  </si>
  <si>
    <t xml:space="preserve">宾馆和酒店有什么区别吗？ </t>
  </si>
  <si>
    <t>作为hotel 都是为旅客提供吃、住、购、旅游、交通、邮电、银行、娱乐、贸易、文化、信息交流等服务。简单的讲hotel是为游客提供餐饮和娱乐的场所。酒店：指规模较大，设备好、综合服务质量高的星级饭店宾馆：较大而设施好的旅馆</t>
  </si>
  <si>
    <t xml:space="preserve">男人喜欢刮胡子吗?是不是男人每天都应该刮胡子啊.我老公胡子长的快 </t>
  </si>
  <si>
    <t>男人，自己的形象应该注重一点．</t>
  </si>
  <si>
    <t xml:space="preserve">请教女士关于性高潮的问题请问在做爱时女性要到性高潮的时候,是不是 </t>
  </si>
  <si>
    <t>听老婆的，根据她的要求慢插还是快抽。</t>
  </si>
  <si>
    <t xml:space="preserve">Excel解方程请大师帮忙:给我找出附件②中的错处,并加说明和改 </t>
  </si>
  <si>
    <t>请见附件sheet1的说明.仅供仁兄参考了.</t>
  </si>
  <si>
    <t xml:space="preserve">怎么才能交易乘骑我的乘骑想要送人可是不能交易也不能归原，怎样才能 </t>
  </si>
  <si>
    <t>实在想送人家坐骑，就直接到宝库里给买一个，做过的不让交易。</t>
  </si>
  <si>
    <t xml:space="preserve">宠物亲密度上限如何提高啊网上看到好多人说5重过啸天用宠物抗，会损 </t>
  </si>
  <si>
    <t xml:space="preserve">c宠物的亲密度上限跟宠物的星等有关 你把宠物的星等提生 宠物的亲密度上限就提升了 我的12星的石头人亲密度上限是24000+   </t>
  </si>
  <si>
    <t xml:space="preserve">深圳四个月引产大概多少钱？ </t>
  </si>
  <si>
    <t>在引产手*术前患者没有配合医*生做术前检查，没有明*确胎盘的位置、大小、胎儿畸*形等状况，那么在引产过程中女性很*容易出现强烈的子宫收缩，从而出现子宫破裂的状况。引产于女性的影响很*大，广大的女性朋友们如果要终止妊娠，最*好能够在人流手*术的最*佳时间范围内接受人流手*术终止妊娠，拖延只会对女性的身体造*成更*大的伤*害。妊娠超过14周的话，远远超过了无痛人流的最*佳时间段，这时候，通常是不能进行无痛人流的，我们只能采取引产的方法，来停止妊娠，这样的方法给孕妇造*成了极*大的痛楚，是可想而知的。无痛引产是指妊娠12周后，因母体或胎儿方面的原因，须用人工方法诱发子宫收缩而结束妊娠，称之为引产。受术者进入手*术室术前进行麻醉实施，整个手*术过程受术者无痛感，在无痛状态下安全终止妊娠，受术者无痛苦和恐*惧感，是目前早孕流产的较*佳选*择之一。</t>
  </si>
  <si>
    <t xml:space="preserve">勋章怎么领取啊？好多都不知道怎么弄、 </t>
  </si>
  <si>
    <t>你好，你可以点击勋章，然后看一下勋章说明，再点任务地址，按照要求完成任务，如果完成了，系统会提示你可以领取勋章</t>
  </si>
  <si>
    <t xml:space="preserve">求推荐一个高清电影的快播资源网站？ </t>
  </si>
  <si>
    <t>琪琪网站啊http://www.zhuzhu.cc/  猪猪快播电影网(www.zhuzhu.cc)为大家提供百度影音在线观看,快播电影下载,发布最新电视剧,好看的百度影音电视剧为宗旨的快播猪猪影院-是电影迷的网上电影天堂奇热   百度奇热</t>
  </si>
  <si>
    <t xml:space="preserve">海豚是用肺呼吸的吗？ </t>
  </si>
  <si>
    <t>是,海豚是用肺呼吸的。</t>
  </si>
  <si>
    <t xml:space="preserve">为什么？人们总说人心叵测啊。唉搞不明白呀？ </t>
  </si>
  <si>
    <t>因为百人百性格.各个嗜好不同,站的角度不同,对待事物看法不同.如何分析?他人之心隔衣.隔肚皮实属难以揣摩.故有"人心叵测"一说!</t>
  </si>
  <si>
    <t xml:space="preserve">从北京到兰州驾车路线？请问自驾，大概要多长时间，路好走吗？ </t>
  </si>
  <si>
    <t>北京----（京珠高速）---郑州---（洛开高速）----洛阳---（西临高速）---西安---（西宝高速）---宝鸡---（宝兰高速）---兰州共1850公里，全程高速。 时速100公里要18.5小时。</t>
  </si>
  <si>
    <t xml:space="preserve">我看到了男友手机里的一条短信息，这意味着什么？　今天无意中看到了 </t>
  </si>
  <si>
    <t>我觉得男人有时候跟女朋友说这种大话未必是越轨行为也许是善意的谎言也许是事有苦衷所以事情没有证实是不良行为之前你也不要对他什么静观其变但不要不重视这件事因为任何的小事都可能发生成大事我建议你什么时候都保持平静你可以去重视但不可以去跟他闹翻看看接下来会怎么样先如果类似"怪事"还会发生你就找个好的时机心平气和地跟他谈一谈记住这个时候越是闹得紧张对你们修回原来的关系越难如果他真的有不良行为你也应该从自身做起男人都喜欢善解人意的女人即使遇到这种事你都理性地处理</t>
  </si>
  <si>
    <t xml:space="preserve">哪家银行死期存款利息高是哪家信誉好利息高？ </t>
  </si>
  <si>
    <t>我国储蓄的利率是由中国人民银行统一管理设定的,所以利率是一样的,如果有闲置的钱不急用的话,买国债也是个途径.11月份工行就有卖新出的凭证式国债.</t>
  </si>
  <si>
    <t xml:space="preserve">中化香港控股为何暴跌 </t>
  </si>
  <si>
    <t>中化今年以来经营不太看好,特别是许多配额取消以后很多优势没有了</t>
  </si>
  <si>
    <t xml:space="preserve">我的级别为什么这么低?看到别人在提问里提到他刚进地狱难度就有68 </t>
  </si>
  <si>
    <t>呵呵，单机玩的话，进地狱一样也就是55-60级左右，但在地狱里很难打的情况下，就要回噩梦打点装备了，在打装备的同时自然又会升级啦，这个等级没有什么固定的要求，如果你注重练级的话，升到80进不怎么难的，当然了前提是装备好。呵呵，谁玩单机都会遇到你的问题啦，装备不好，地狱打不动，慢慢来吧，总能过的，别郁闷了哈。1.10版本的难度要比1.09版本高的，这个可是没错。</t>
  </si>
  <si>
    <t xml:space="preserve">9会计专业硕士发展前景好吗? </t>
  </si>
  <si>
    <t>我也想知道。顶上去!</t>
  </si>
  <si>
    <t xml:space="preserve">如何排解工作压力 </t>
  </si>
  <si>
    <t>压力每个人都有的，我是个学生，压力自然不会小但是压力会给人一种前进的动力，让人在不不知不觉中长大，其实，这样就学会了排除压力了，我们不一定都 要有这样的看法安逸的生活是自己的向往，但是那是一种虚无的，过去了，就没有了不能给人带来欢乐之类的，所以我个人认为，压力无所不在，但是你的目标不是将压力看成一种拖累，而是看一种给自己的机遇，利用这样的机遇去不断的完善自己，学习自我！</t>
  </si>
  <si>
    <t xml:space="preserve">一道数学题目！大家帮忙解答一筐苹果，先拿出140个，又拿出余下的 </t>
  </si>
  <si>
    <t>：(x-140)*(1-60％)=1/6x</t>
  </si>
  <si>
    <t xml:space="preserve">头发稀少怎么保养 </t>
  </si>
  <si>
    <t>常喝迷迭香花茶能有效促进头皮血液循环 改善掉发和秃头现象 降低头皮屑的发生</t>
  </si>
  <si>
    <t xml:space="preserve">上网时有黄色图片出现,而且没有网址显示,怎样才能不让它出现? </t>
  </si>
  <si>
    <t xml:space="preserve">   几个杀毒小软件下载,估计中木马了你</t>
  </si>
  <si>
    <t xml:space="preserve">老公戴上避孕套的时候前面的小泡怎么办 </t>
  </si>
  <si>
    <t>1\你可以在老公开始戴避孕套时帮忙用手捏住避孕套的前端把气体挤压出去就不会有小泡了;2\即使有小泡也可以不管它,根本不影响做爱的舒适度</t>
  </si>
  <si>
    <t xml:space="preserve">我想给我女儿取个名字本人性张，我老婆性向？不知道取什么名字好听？ </t>
  </si>
  <si>
    <t>张卓清张莉雯张海玉张诗影张艺芬</t>
  </si>
  <si>
    <t xml:space="preserve">希望大家能帮我解决实际的问题！我是一个有着电影梦的愤青，（不要笑 </t>
  </si>
  <si>
    <t>丛写作或摄影开始吧。写些好的文章发表，用DC或DV拍些漂亮的图片或短片发表，千里马不怕碰不到伯乐。行动吧，付出本身就值得，不必在乎结果。</t>
  </si>
  <si>
    <t xml:space="preserve">篮球小分怎么计算? </t>
  </si>
  <si>
    <t xml:space="preserve">很多人都说错了，其实比小分是建立在三队形成循环套的基础上，如果双方胜负场数一样，是先看双方交锋的胜负关系，之前斯洛文尼亚的净胜分是＋7，今天输了1分，中国是-2,但是因为胜负关系，净胜分比中国多也没用，而波多黎各之前净胜分是－5，如果输给意大利，虽然也是两胜三负，但是三队形成循环套就要比小分了，已经是－5的它是无论如何都没有中国净胜分多的，所以中国已经是坐4望3了。 </t>
  </si>
  <si>
    <t xml:space="preserve">财神的安置我老公前几年做生意,请了个文财神,现在不做生意上班了, </t>
  </si>
  <si>
    <t>常言道,心到神知！有了诚心，挂在哪里都是一个样！倘若没有财运，财富也不能光临！</t>
  </si>
  <si>
    <t xml:space="preserve">000059现在可以买进吗?谢谢! </t>
  </si>
  <si>
    <t>看来MA60支撑力度较强，再跌破的可能性不大了，KDJ也发出买入信号，轻仓试探性介入为好。</t>
  </si>
  <si>
    <t xml:space="preserve">刹车时后轮有异响，又莫名奇妙不响了昨天发生了一件好奇怪的事情。我 </t>
  </si>
  <si>
    <t>刹车分泵和刹车盘可能还没有磨合到位，车子在低速行驶时刹车分泵和刹车盘回位迟缓而引起异响。过一段时间就好了。</t>
  </si>
  <si>
    <t xml:space="preserve">俄语翻译，请各位帮忙帮忙啊здравствуйте!тылюби </t>
  </si>
  <si>
    <t>你好!你还爱我吗?</t>
  </si>
  <si>
    <t xml:space="preserve">浩方上和别人对战星际的问题？自己和电脑对打，总是电脑输。可一到浩 </t>
  </si>
  <si>
    <t>别人都说星际里能赢七家电脑和人打也会惨败.你的实战经验不够,没有对对手压制.而你自己因为习惯了电脑的套路,自然没有高手快.</t>
  </si>
  <si>
    <t xml:space="preserve">以前是凤凰区的,现在怎么找以前的号呢??我以前是玩凤凰区的现在想 </t>
  </si>
  <si>
    <t>凤凰涅磐区9月份已经全部转入欢乐家园---凤舞九天了,到欢乐网站 点击进入凤凰涅磐转区页面，按提示操作就可以了。</t>
  </si>
  <si>
    <t xml:space="preserve">请问长沙(河东)哪些正规的学校学英语最好？请问长沙(河东)哪些正 </t>
  </si>
  <si>
    <t>中南大学铁道学院</t>
  </si>
  <si>
    <t xml:space="preserve">我这个算肛裂几期，需不需要手术。这几天连续几天吃了上火东西上火了 </t>
  </si>
  <si>
    <t>这种有明显原因突发的肛裂是不需要手术的，反复发作或持续疼痛的肛裂才需要手术，你目前就是个初期肛裂，可以用药治疗，局部涂马应龙痔疮膏，多吃水果蔬菜，多喝水，软化大便，就可以了。肛乳头肥大人人都有，也没有必要手术，除非长的特别大，脱出肛门外。</t>
  </si>
  <si>
    <t xml:space="preserve">谁知道秦陵守将在哪？不是将军谁知道的说下坐标，是秦陵守将，不是秦 </t>
  </si>
  <si>
    <t>...你说的黄昏里面的怪物..????貌似1章有- -#如果是英雄冢的那个 群攻是物理的- -#不是毒攻....</t>
  </si>
  <si>
    <t xml:space="preserve">请问龋齿根管治疗要去几次？相隔几天？谢谢我想期间出去旅游能行么？ </t>
  </si>
  <si>
    <t>2-4次   三天左右，共两周。出去旅游可在异地治疗。</t>
  </si>
  <si>
    <t xml:space="preserve">什么叫做映射是高一数学的内容 </t>
  </si>
  <si>
    <t>映射是近、现代数学中的一个非常重要的概念.映射是两个集合中的一种特殊的对应关系，即如果按照某种对应法则，对于集合A中的任何一个元素，在集合B中都有惟一的元素与它对应，那么这样的对应（包括对应法则）叫做集合A到集合B的映射。</t>
  </si>
  <si>
    <t xml:space="preserve">给一个很好的女警员做面锦旗，大家帮想旗语吧~她帮了我妈妈很多，她 </t>
  </si>
  <si>
    <t>1/温柔似水，红心似火2/红心装百姓，好人永幸福</t>
  </si>
  <si>
    <t xml:space="preserve">牙周炎怎么治疗？为什么老年人容易患牙周炎呢？这和年龄有关吗？如果? </t>
  </si>
  <si>
    <t>老年人患上了牙周炎更要小心，很多时候我们老年人的饮食都特别的不注意，我们在平时应该多吃一些粗纤维的食物，这样有助于消化，拔除无望保留的牙齿，以保持较长时期的牙周健康。牙周炎患者在平时一定多加注意，刷牙后可以用干净的手指环牙周做按摩护理运动，可以从上下颌牙后牙开始，慢慢逐渐的向前移动，能够起到促进牙周血液循环的作用，减少牙周炎的发生。</t>
  </si>
  <si>
    <t>工人福利费问题？工人福利费，借：工程施工</t>
  </si>
  <si>
    <t>施工企业发放现金做在工资科目更加合适一些</t>
  </si>
  <si>
    <t xml:space="preserve">如何删除发送到的右键菜单注册表，XP超级右键工具，超级兔子都用过 </t>
  </si>
  <si>
    <t xml:space="preserve">运行regedit到HKEY_CLASSES_ROOT\*\shell这个下面看看，一般都是在这里的可能存在的其它地方1、鼠标右键桌面空白处，新建菜单中的项目在注册表中的位置[HKEY_CURRENT_USER\Software\Microsoft\Windows\CurrentVersion\Explorer\Discardable\PostSetup\ShellNew]2、鼠标右键文件，弹出的菜单明细在注册表中的位置[HKEY_CLASSES_ROOT\*\shellex\ContextMenuHandlers]3、鼠标右键文件夹，弹出的菜单明细在注册表中的位置[HKEY_CLASSES_ROOT\Directory\shellex\ContextMenuHandlers]4、鼠标右键在IE浏览器里，弹出的菜单明细在注册表中的位置[HKEY_CURRENT_USER\Software\Microsoft\Internet Explorer\MenuExt]注意：1、某些软件所添加的鼠标右键可能在[HKEY_CLASSES_ROOT\Folder\shell][HKEY_CLASSES_ROOT\Folder\shellex\ContextMenuHandlers] </t>
  </si>
  <si>
    <t xml:space="preserve">为什么我的好友显示不出来啊进别的号能显示，偏偏我的号就不能显示 </t>
  </si>
  <si>
    <t xml:space="preserve">首先 确定你的确加了好友其次 重新登陆尝试如果系统问题，如果不显就退出再进一遍。就OK了 </t>
  </si>
  <si>
    <t xml:space="preserve">【元宵灯谜竟猜】人念草木倾爱心。（泊人一）祝各谜友元宵节快乐！ </t>
  </si>
  <si>
    <t>花荣</t>
  </si>
  <si>
    <t xml:space="preserve">爱情是什么东西 </t>
  </si>
  <si>
    <t xml:space="preserve">  爱情是男女之间相爱的感情。感情是一个抽象名词，我的理解爱情是有生命的，是需要精心培养的。比如：男人是水、女人是花。一盆鲜花能否生长的枝繁叶茂，郁郁葱葱，除了她本身的基因条件外，还需要水来精心呵护，这时就看水质问题和你浇水时把握的时间了。多少问题、护理问题如果能恰到好处，我想这盆花会开的鲜艳夺目。反之，结果就不言而遇。在人生的长河之中，人们都在呼唤和憧憬着美好的爱情。但爱情也会随着时间的增长发生变化的，在某一段时间花需要什么样的水、什么样的湿度、什么样的养分，这都需要水去解决，另一段时间又如何处理？这更需要水来认真研究。内部条件发生了变化怎么办、外部环境变动如果处理，这都需要花与水同共适应，哪出了差错爱情都将受到冲击，这也说明爱情也是一个能变化的东西。它既能使相爱的男女享受由于爱情所产生欢快，也能使相爱的男女走到反面。总之人们总希望爱情是一部美好的诗篇，面不是一部悲剧！    </t>
  </si>
  <si>
    <t xml:space="preserve">有没有知道尚德机构的？有什么感受都进来说说 </t>
  </si>
  <si>
    <t>口碑不错，要不偶也不会费劲去报班学了。。。。我其实很懒的。(*^__^*)</t>
  </si>
  <si>
    <t xml:space="preserve">潜行问题！！盗贼潜行后，动作栏第一栏的所有技能都不见了，请问这是 </t>
  </si>
  <si>
    <t>请把大脑调整到正常状态后，再来提问，谢谢</t>
  </si>
  <si>
    <t xml:space="preserve">使用三星G608手机的朋友帮忙看一看我在网上买了部港版三星水货手 </t>
  </si>
  <si>
    <t>不正常 可能是数据线有问题 检测方法：尝试连接电脑 能连电脑数据线就是好的 但是你手机的电怎么可能满了！？？？</t>
  </si>
  <si>
    <t xml:space="preserve">世界这么大，人生却短暂，怎样才能游历世界，开怀人生呢？人生感悟 </t>
  </si>
  <si>
    <t>每个人都有一个漂泊的梦，厌倦的时候 烦恼的时候都会想到用自我放逐的方式来调节或者干脆说是逃开，其实也不一定要走那么远去游历世界，认真的体会周围，认真的去想生活中的一些细节 善于发现 比走马观花更有意义</t>
  </si>
  <si>
    <t xml:space="preserve">怎么区分所在区域？怎么区分哪些是自己的地盘？哪些是中立的？哪些是 </t>
  </si>
  <si>
    <t>1、你进入这个区域大地图时有显示。2、屏幕右上角有微缩地图，在上面显示区域名字的那条显示条上把鼠标放上去就能看到这个地区的名字还有属于哪边领地或者是“争夺中”。</t>
  </si>
  <si>
    <t xml:space="preserve">50级做极限挑战，杀谢维.谢维再什么地方啊??? </t>
  </si>
  <si>
    <t>松高山的盗贼山寨里边,那个穿绿斗篷的黄字怪</t>
  </si>
  <si>
    <t xml:space="preserve">龙族的副本怎么过的过了几次的地下城支线任务龙族的任务就是不知道怎 </t>
  </si>
  <si>
    <t xml:space="preserve">给你个网站 你看着过就明白了 </t>
  </si>
  <si>
    <t xml:space="preserve">曼联vs沃尔夫盘口是否托大？ </t>
  </si>
  <si>
    <t>这场比赛,谁先进球认就赢,的确是无1的比赛</t>
  </si>
  <si>
    <t xml:space="preserve">【学步】吕洞宾来过(福建地名一) </t>
  </si>
  <si>
    <t>仙游</t>
  </si>
  <si>
    <t xml:space="preserve">以前手机注册的号码,具体信息忘记了,要如何找回?我以前手机注册了 </t>
  </si>
  <si>
    <t>那登录名就是你的手机号码,如果不确定可以打电话至客服</t>
  </si>
  <si>
    <t xml:space="preserve">肝火旺肾水虚是由什么引起的？有什么症状？怎样治疗？ </t>
  </si>
  <si>
    <t>肾虚分为肾阳虚、肾阴虚，火神派最擅辨治此症，如在辨认阳虚症时说：“阳虚病，其人必而色唇口青白无神，目瞑倦卧，声低息短，少气懒言，身重畏寒，口吐清水，饮食无味，舌青滑，或黑润青白色，浅黄润滑色，满口津液，不思水饮，即饮亦喜热汤，二便自利，脉浮空，细微无力，自汗肢冷，爪甲青，腹痛囊缩，种种病形，皆是阳虚的真面目，用药即当扶阳抑阴”。在辨认阴虚症时说：“阴虚病，其人必面目唇口红色，精神不倦，张目不眠，声音响亮，口臭气粗，身轻恶热，二便不利，口渴饮冷，舌苔干黄或黑黄，全无津液，芒刺满口，烦躁谵语，或潮热盗汗，干咳无痰，饮水不休，六脉长大有力，种种病形，皆是阴虚的真面目，用药当益阴以破阳”。这两节阳虚、阴虚辨证纲要，在《医理真传》卷二、卷三中，并列举31条阳虚病症，29条阴虚病症，采取问答形式，详加论证，反复推明，最切实用。又在《医法圆通》卷一、卷二中，对心病不安、肺病咳嗽等51种病症，逐证逐条分辨，充分体现了仲景辨证论治以阴阳为纲，并联系实际的具体运用方法。现代生活中，肾阳虚证为多，治疗的基本方是“四逆汤”，药简而效良，详见“爱问知识人”上的《郑钦安医书阐释之1、2》。</t>
  </si>
  <si>
    <t xml:space="preserve">兰花都能开花吗?我办公室里养的一棵兰花长得挺不错,人见人夸,只是 </t>
  </si>
  <si>
    <t xml:space="preserve">他们的区别大致如下:兰花按开花时间分为:春兰,春季开花;蕙兰,春夏之际开;剑兰，夏秋开；墨兰（报岁兰）和寒兰，冬季开.送春、春剑是春兰的两个品种.豆瓣兰、莲瓣兰是就花瓣的形状来说的,春兰有豆瓣、莲瓣、荷瓣、梅瓣等，墨兰也有。 </t>
  </si>
  <si>
    <t xml:space="preserve">免费给人修武器换网通的网络了，求给个网通的账号玩，最好是能拿r5 </t>
  </si>
  <si>
    <t>我有号但是只有一把朴刀，而且还是平民武器，就是一个胡子肌肉男，没军费要玩的话，中央广场今天晚上在线 呼叫 妞儿·北平 就行了。号可以送你了，反正我也不玩，有一个发送桌。</t>
  </si>
  <si>
    <t xml:space="preserve">困惑？避孕药应停用多久才能计划怀孕生宝宝？我服用MFL有一年多三 </t>
  </si>
  <si>
    <t>建议您最好停服避孕药半年后再怀宝宝，因为口服避孕药进入人体后，在肝脏内代谢储存较久，在停服6个月后，体内存留的避孕药才能完全排出体外。一般如果刚停用避孕药就怀孕确实不好，原因是避孕药是激素药物，在服用期间对卵巢的分泌功能有一定的抑制作用。在刚停药的几次行经中，由于卵巢分泌性激素的水平尚未恢复到正常，会使子宫内膜有些变薄，子宫内膜是妊娠后胚胎发育的温床，子宫内膜条件不好，容易导致孕卵着床不牢而流产。因此，应在停服避孕药6个月以后，待体内存留的避孕药完全排出体外，然后再怀孕比较合适，这样才能生育出身体健康的小宝宝。</t>
  </si>
  <si>
    <t xml:space="preserve">求助.我的IE浏览器首页被改了怎么也改不回来,我的IE主页被改了 </t>
  </si>
  <si>
    <t>你可以尝试用修改注册表的方法来解决这个问题，方法如下：点“开始”－“运行”－输入“regit”，打开注册表，定位到HKEY_CURRENT_USER\Software\Microsoft\Internet Explorer分支，新建“Control Panel”主键，然后在此主键下新建一个键值名为“HomePage”的DWORD值，值为“00000000” (“1”为禁用)，定位到HKEY_USERS\.DEFAULT\Software\Policies\Microsoft\Internet Explorer\Control Panel下，将HomePage的键值改为0；接下来定位到HKEY_CURRENT_USER\Software\Policies\Microsoft\Internet Explorer\ControlPanel将其下的“Settings”、“Links”、“SecAddSites”全部都改为0即可。注意：在HKEY_CURRENT_USER\Software\Policies\Microsoft中，默认情况下只有主键“SystemCertificates”，一般没有“Internet Explorer”，如果你经过以上操作后，IE仍然还有其他的设置被禁用(变灰)，则可以将主键“Internet Explorer”删除即可。</t>
  </si>
  <si>
    <t xml:space="preserve">我想从新出售帐号信息，但是每次都不让挂，怎么办 </t>
  </si>
  <si>
    <t xml:space="preserve">尊敬的客户:    您好！5173客户服务050很高兴为您服务！    请详细描述您不能出售帐号信息的系统提示，以便能及时帮您解答。    如需帮助或投诉，请与我们客服中心联系，客服中心服务热线：0579-83225173 。真诚感谢您一如既往地对我们工作的大力支持与帮助!                                                 </t>
  </si>
  <si>
    <t xml:space="preserve">家里有亲戚说小孩刚出生的时候要给喝陈艾水和核桃水，这样以后小宝宝? </t>
  </si>
  <si>
    <t>最好不要给宝宝和这些东西，都是没有医学根据的，出生前四个月的宝宝只能和母乳和奶粉</t>
  </si>
  <si>
    <t xml:space="preserve">夏天控油产品哪个最好? </t>
  </si>
  <si>
    <t>推荐用SF 的水蜜桃系列尤其这个夏天如果你的皮肤是大油田的话。。。这套产品还是不错的。。。。</t>
  </si>
  <si>
    <t xml:space="preserve">谁帮帮我解决下我的心理问题？我暑假过了就要升高二了，学习挺紧张的 </t>
  </si>
  <si>
    <t>这很正常，一个人不可能一节课都在全神贯注的听课。你只要课前预习，把不会的记住，上课认真听你不会的，不懂的问题。这样效果会好些。</t>
  </si>
  <si>
    <t xml:space="preserve">头发多怎么办?我是女孩,我的头发偏多,总是厚厚的,我是短发,看起 </t>
  </si>
  <si>
    <t>首先说头发多是好事,随着年龄的增长逐渐会减少的.你是短发,想让头发少点,给你个建议,去理发店叫理发师给你有层次的“打薄”就可以了。</t>
  </si>
  <si>
    <t xml:space="preserve">面条,馒头,米饭,窝头,哪个热量最低哪个最高?尤其是米饭和窝头比 </t>
  </si>
  <si>
    <t>能量按高到低依次为:面条-馒头-窝头-米饭</t>
  </si>
  <si>
    <t xml:space="preserve">给您分以前不知道怎么给，在别人的帮助下知道了不好意思 </t>
  </si>
  <si>
    <t>哦，楼主是个厚道人！</t>
  </si>
  <si>
    <t xml:space="preserve">关于中医把脉的问题请问中医把脉能不能知道做过人流？ </t>
  </si>
  <si>
    <t>单凭把脉,不一定的哦.</t>
  </si>
  <si>
    <t xml:space="preserve">高手进~~为什么我一进新地图，游戏就弹回到桌面上。不能玩了~~ </t>
  </si>
  <si>
    <t>可能是你的游戏图形挡损坏了。建议你先检查网络配置，如果网络正常，网速稳定请你检查是否防火墙设置中禁止魔力程序下载文件，如果还没问题，建议你重新安装游戏程序。</t>
  </si>
  <si>
    <t xml:space="preserve">600008首创股份明天是股改完成后第一天交易，如何操作？ </t>
  </si>
  <si>
    <t>该股从年报看机构众多，且为新进机构。建议明天持股观望，有填权可能。</t>
  </si>
  <si>
    <t>设数列{an}的前n项和Sn=2an</t>
  </si>
  <si>
    <t>解：s1=a1=2a1-2 , a1=2 Sn+1=2an+1-2^(n+1)，Sn=2an-2^n以上两式相减，得到an+1=2an+1-2an-2^n，则a(n+1)-2an=2^n ①则有当n=n-1时，由①式，得an-2an-1=2^(n-1), 两边都乘2，得到2an-4an-1=2^n； 当n=n-2时，由①式，得an-1-2an-2=2^(n-2)，两边都乘4，得到4an-1-8an-2=2^n； ......当n=1时，由①式，得a2-2a1=2，两边都乘以2^(n-1)，得到2^(n-1)a2-2^na1=2^n。 以上n-1个式子相加，得到有 2an-2^na1=(n-1)*2^n 前面求得a1=2，则2an=(n-1)*2^n+2^(n+1) =(n+1)*2^n 两边除以2，得到通项公式是 an=(n+1)*2^(n-1)，(n为自然数)</t>
  </si>
  <si>
    <t xml:space="preserve">机械产品出口退税要降到多少？从何时开始？ </t>
  </si>
  <si>
    <t>出口退税调整政策尚未敲定 盛传平均税率下调2% 　　日前有消息称，业内关注的出口退税率下调政策已经敲定，方面的出口退税税率将下调两个百分点。《第一财经日报》向商务部有关官员求证时，该人士对上述消息予以否认。他称，出口结构调整方案尚未最终敲定，目前还在讨论中，至于能否在今年企业接单高峰期的第100届广交会之前公布难以确定。　　近几个月来，业界盛传以调整结构、转变外贸增长方式为目的的退税调整政策即将出台，该调整政策最核心的内容是将平均税率下调2%，主要涉及轻工、纺织、冶金、钢铁、机械等资源型出口的行业，“两高一资”(高污染、高能耗、资源型)的出口退税很可能被大降或全额取消，甚至还有被加增环保税和资源税的可能。　　商务部研究院高级研究员马宇表示，反对以调整出口退税来进行结构调整，这只是一个短期的做法。他的理由是，世贸规则主张出口商品零税率，国家对出口企业应按征收多少增值税就退多少的规则，而不适宜对出口退税率反复调来调去，这会给企业的出口带来很大冲击。　　中国第一纺织网行业分析师马新征则称，纺织品服装出口退税税率从13%下调到11%的可能性极大。他说：“不过，从长期看，税率下降两个百分点，有利于纺织企业加快改变以量取胜的竞争模式。”</t>
  </si>
  <si>
    <t xml:space="preserve">大哥大姐请留步，跪求~~~~~~555555~~~~~~~~偶野 </t>
  </si>
  <si>
    <t>暗黑这游戏 主要玩的是装备~~其实力量点和敏捷点是穿装备用的`~（AMA的敏捷除外）野蛮人的血和防御都是靠技能加上去的，我好久没玩了 好象记得他其中的一些吼叫技能可以成倍的增加血值，防御，和命中率~ 我不知道你是不是在玩战网 如果是的话 你的级别还不算高，在80级后 穿一些暗金的装备来增加你的技能 双手拿上两把光之军刀~之类的高级武器来提升攻击力 用旋风斩去KC是很爽的！！还有就是看你的人物是否报废 主要是根据技能点数的分配！严格的说 你技能点加错一点 你这个人物就报废了！！！！！属性点关系不是很大！！详细的资料你去 WWW。IMPK。COM。CN上去学习一下~对你很有好处的！！希望你玩的愉快！！</t>
  </si>
  <si>
    <t xml:space="preserve">百度、搜狐、3721、一搜、GOGO那个好，好在那里。谢谢了。 </t>
  </si>
  <si>
    <t>google: 世界第一搜索引擎.支持没得说百度: mp3盗版,贴吧亲日反动,下吧色情,竞价排名竟然给六合彩和盗版商服务.不知道楼上三位是喜欢百度的盗版?楼上三位是日本人喜欢百度的亲日行为?楼上三位是喜欢百度被封下吧的色情?还是?????</t>
  </si>
  <si>
    <t xml:space="preserve">生活中真有完美的爱情吗？几年前我是这么认为的，可是经历感情之后， </t>
  </si>
  <si>
    <t>爱情是一种有着千般滋味，万般感受的情感。所谓的完美是没有一定标准的。如果每个人都用文学作品和艺术作品里的爱情和自己的爱情所比较，那恐怕是没有完美的了。完美的爱情是需要两个人用心去培养的，两个人心心相印，相互忘我的为彼此付出。一生相亲相爱，虽然在生活中也有些磕磕碰碰但能相伴到老，难道这不是一段完美的爱情吗？不要幻想爱情的完美 ，也许你觉得很难找到象电影里的完美的爱情，可是你想过没有，你是电影里的男女主人那样的人吗？你的生活环境是和他们一样吗？自己的爱情是不能和别人的爱情比较的，真正的完美爱情是靠自己去创造的，浪漫的爱情不一定完美的，平凡的爱情也能创造完美。从幻想的爱情中回到现实，用快乐的心情去拥抱生活，用一颗真诚的心去追逐你的爱情，当你的真心和另一颗真心碰撞的时候，完美的爱情种子就会产生。不要挑剔自己的爱人，要用自己宽大的胸怀去包容自己的爱人。当你看到你的爱人在你的爱中幸福的生活，当你每次看到爱人那甜蜜的微笑时，你就会感到爱情是多完美，当你们携手白头时你就会知道爱情的完美。</t>
  </si>
  <si>
    <t xml:space="preserve">谁告诉我是席林长老恢复MP好还是长老好告诉我啊 </t>
  </si>
  <si>
    <t>2个职业级别一样，回复术一样，给同一个职业加MP是一样的。所谓谁加的好，只是组大团时，白长老要加的BUFF少，基本没用MP，所以让白长老加MP，不是因为他加的好。至于回魔速度，白的比黑的快点5%左右。基本上看不出来，只是组队时，黑的加的东西多，所以看上去白的老是满的。</t>
  </si>
  <si>
    <t xml:space="preserve">我爱我家儿童家具哪个系列不合格 </t>
  </si>
  <si>
    <t>抽查结果显示，61家企业生产的61批次儿童家具产品中，有33批次产品不符合标准的规定，不合格产品超过一半以上，其中“产品边缘和尖端、警示标识”是主要不合格项目。被曝的不合格产品涉及多喜爱、我爱我家、花香朵朵、七彩生活、全友、哆唻咪、sampo 松堡王国、一休哥等20多个品牌。买儿童家具，家长最关心的是家具甲醛超标问题，此次检出有害物质不合格的仅一个批次的产品，是由广东佛山一企业生产的“花香朵朵”儿童系列转椅，不合格项目是“产品木制件甲醛释放量”。抽查结果显示，61家企业生产的61批次儿童家具产品中，有33批次产品不符合标准的规定，不合格产品超过一半以上，其中“产品边缘和尖端、警示标识”是主要不合格项目。被曝的不合格产品涉及多喜爱、我爱我家、花香朵朵、七彩生活、全友、哆唻咪、sampo 松堡王国、一休哥等20多个品牌。买儿童家具，家长最关心的是家具甲醛超标问题，此次检出有害物质不合格的仅一个批次的产品，是由广东佛山一企业生产的“花香朵朵”儿童系列转椅，不合格项目是“产品木制件甲醛释放量”。</t>
  </si>
  <si>
    <t xml:space="preserve">送礼送什么月饼好在哪可以平宜买到包装要好的有点档次的中秋来了，现 </t>
  </si>
  <si>
    <t>你在深圳的是吧，大班的很多呀。我认识一家，他有店你看看吧。掏宝道页搜：流行风时尚馆  是店布名。出来就是的，或你旺我吧：twtgimmg</t>
  </si>
  <si>
    <t xml:space="preserve">男人曾在外多次找过小姐,他对家庭和他的妻子还会有责任感吗?他改的? </t>
  </si>
  <si>
    <t>是否有责任感我觉得可以从他的为人品格看的出来。找小姐其实不是个道德问题，是个个人性观念，生活观念的问题。如果他在观念上觉得这不是什么问题，他根本就不会改正。反而还会觉得是你小题大做。所以先判断清楚他为什么这么做，是不是妻子满足不了他呢？俗话说，道不同不相为谋。如果在这个事情上夫妻不能达到一致的话，婚姻是不能幸福的。即使这个男人愿意为他的家庭负责任。</t>
  </si>
  <si>
    <t xml:space="preserve">战士新手,请问:战士如何拉仇恨值?我是一30级的小战士,请问下副 </t>
  </si>
  <si>
    <t>大哥，你见过副本里哪个战士冲锋开怪的,副本一般怪比较密集，都要远程武器勾引回来的,开怪的时候一般都是血腥狂暴，然后弓拉怪，破甲,破甲是拉怪技能，也是一个讯号,3破一般就等于告诉队友可以攻击了，要记住,拉不住怪不一定是你的问题，sb不等破就打然后ot全挂不是你的责任! 副本讲究配合，战士只要把自己该做的做好就行顺便说下，战士技能中盾牌猛击仇恨最高但是cd时间6秒，复仇和破甲是仇恨相当的技能，但是复仇cd5秒，而且有条件限制,级别低时候一般要靠格挡技能触发,英勇在拿好的武器时仇恨可能会高于破甲,不过因为附加在普通攻击上而且光耗怒而不增加怒，不是个好的拉怪技能,一般做消耗怒气使用，总之,破甲是战士最主要拉怪技能，非防御战士就一直破甲吧(复仇灯没亮),你是不会有太多怒去用英勇的</t>
  </si>
  <si>
    <t xml:space="preserve">关于修炼我想问一下我在帮派刷资材的时候我点了抗法修炼结果就增加了 </t>
  </si>
  <si>
    <t>帮派规模达到2级以后，入帮14天以上的成员可以在帮派中进行修炼，以提高自己在某些方面的能力。　　修炼地点：帮派药房　　相关人物：修炼指导人　　修炼消耗：一定的帮派资材和个人资金帮派的帮主或副帮主可以找"修炼指导人"开放或取消本帮的修炼项目，可开放的项目数量不超过"帮派规模-1"，所以要求帮派规模至少为2级时才能开放修炼。　　每开放一项修炼，需消耗300万的帮派资金；取消修炼项目时无任何消耗。　　需要玩家等级≥修炼等级×5+20时才能修炼；抗法修炼　　效果：提高角色抵抗法术攻击的能力，提高抗封几率，每修炼一级，受到的法术伤害结果降低2%+5点；被封几率降低2%　　消耗：每次修炼需花费20000两</t>
  </si>
  <si>
    <t xml:space="preserve">计算电流1如图计算经过2.2欧姆电阻的电流.. </t>
  </si>
  <si>
    <t>请点一下内容，以便看得清楚些。</t>
  </si>
  <si>
    <t xml:space="preserve">有说也说不出口的那条歌是什么歌名 </t>
  </si>
  <si>
    <t>是这个吗，王志文也唱过。 歌曲：糊涂的爱歌手：刘欢 专辑：从头再来 爱有几分能说清楚还有几分是糊里又糊涂情有几分是温存还有几分是涩涩的酸楚忘不掉的一幕一幕却留不住往日的温度意念中的热热乎乎是真是假是甜还是苦这就是爱说也说不清楚这就是爱糊里又糊涂这就是爱他忘记了人间的烦恼这就是爱能保持着糊涂的温度忘不掉的一幕一幕却留不住往日的温度意念中的热热乎乎是真是假是甜还是苦这就是爱说也说不清楚这就是爱糊里又糊涂这就是爱能托起人间的脆弱这就是爱他再累也不觉得苦这就是爱说也说不清楚这就是爱糊里又糊涂这就是爱能托起人间的脆弱</t>
  </si>
  <si>
    <t xml:space="preserve">晕车怎么办、请大家帮帮我！！我从小就晕车、都已经出来工作两年了还 </t>
  </si>
  <si>
    <t>民间偏方：1.嘴里含上咸菜——像吃泡泡糖一样就可以止晕2.肚脐眼上贴一橡皮膏或伤湿止疼膏也可以止晕3.上车前吃一粒乘晕宁</t>
  </si>
  <si>
    <t xml:space="preserve">为什么复分解反应一定不是氧化还原反应我只是初三,我们老师一下讲多 </t>
  </si>
  <si>
    <t xml:space="preserve">    你不懂很正常，氧化还原反应到高一才学，所以说没关系的，中考不会考的。        氧化还原反应的实质是电子的得失或偏移，笼统地、用你们学过的知识讲就是元素化合价发生变化。复分解反应的表达式AB+CD=AD+CB，举个酸碱中和的例子NaOH+HCl===NaCl+H2O，只是离子交换位置，而没有改变化合价，所以不能称其为氧化还原反应。</t>
  </si>
  <si>
    <t xml:space="preserve">汪精卫投降日本时，汪精卫手下的军队全部改编成伪军了吗？汪精卫手下 </t>
  </si>
  <si>
    <t>貌似汪精卫手里没有军队，他是跑到越南通电拥护日本的，他只是当过国民党总裁而已。但是由于他的影响力大，他是国民党内仅次于蒋介石的二号人物，虽然不控制军队，但是依靠影响力还是劝降了很多国军。</t>
  </si>
  <si>
    <t xml:space="preserve">飞升什么职业好？入什么好? </t>
  </si>
  <si>
    <t xml:space="preserve">个人觉得还是转合欢的好技能强化了 </t>
  </si>
  <si>
    <t xml:space="preserve">成都现在的水果批发市场在那里？那位亲知道？？？ </t>
  </si>
  <si>
    <t>成都长久水果批发市场    地址：成都 金牛区 跃进八组83号附近 电话：(028)87501073  所属分类：农副产品、水产市场石羊场哈，有的</t>
  </si>
  <si>
    <t xml:space="preserve">东芝手提电脑网络接口请问那位能告诉我东芝网线接口在那 </t>
  </si>
  <si>
    <t>在笔记本上找，能插进去的网线的口就是。</t>
  </si>
  <si>
    <t xml:space="preserve">我的牙齿我的一颗坐牙好像是龋齿,前段时间掉了一块牙组织,呈黑褐色 </t>
  </si>
  <si>
    <t>你的牙齿属于深度的龋坏 早期龋齿的表现：      早期的龋齿仅仅是颜色变的不是那么光整和洁白,发黄或者黄褐色.进一步发展牙齿就有发黑呈墨汁浸状的颜色改变.再进一步发展就会有牙齿龋坏的缺损.待发展到发黑墨浸状的时候有的人已经表现出来明显的症状来了,即冷热酸甜的刺激感觉到疼痛不适.这个时候及时就诊,去净龋坏组织,补上良好的材料,预后效果一般会很好的.    中度龋齿的表现：    如果任其发展,待到中度的龋坏，将会导致龋齿继续侵蚀牙体组织,这时牙齿的龋洞一般比较明显，即你的牙齿出现黑色的洞。冷热酸甜疼痛的不适情况越来越明显.    深度龋齿的表现：    如果还是不管它那么就导致龋坏离牙髓很近，属于深度的龋坏。一般这个时候冷热的疼痛更加明显，一般稍微的温度的改变都会导致敏锐的疼痛，但是疼痛在一会就可以缓解。这个时期是非常危险的时期，牙齿的洞一般很大，离牙髓很近。龋齿不处理的恶果     毫无疑问，龋齿会继续发展的！终有一天,龋坏达到了牙髓,这个时候麻烦了!牙齿会剧烈的疼痛,简直无法忍受.一般这个时候患者不用做工作,自己会积极的寻求治疗(早知道这样当初有一点小洞的时候就补多好)!     牙神经由于特殊的解剖结构决定了一旦发生感染将会无法自愈,只有通过齿科的治疗才可以彻底解决.这个时候就涉及到了人们俗称的杀神经阶段.牙神经是血管神经束,有滋养牙体组织和感觉功能.牙神经一旦坏死则牙齿失去滋养,变的脆弱和牙色的改变.是非常不利于牙齿健康的.    如果不处理，病变会继续往深部发展，导致根尖的炎症、残冠、残根甚至牙齿的缺失，导致牙列完整性破坏，咀嚼功能的减退，发音、美观甚至面部发育的不均衡等等。你需要做的是及时的去吧龋坏的牙齿去干净然后补上就可以了，不要拖了，否则到了牙髓就麻烦了。</t>
  </si>
  <si>
    <t xml:space="preserve">输入例句：英文看不懂tehselectedOpenGLmodei </t>
  </si>
  <si>
    <t>您的显卡不支持OpenGL视频格式解决办法：1，下载显卡驱动2，换显卡</t>
  </si>
  <si>
    <t xml:space="preserve">陆慧明老师最近是不是不在状态？ </t>
  </si>
  <si>
    <t>呵呵，你看那些人谁在状态啊靠</t>
  </si>
  <si>
    <t xml:space="preserve">所有男歌星中谁长得最帅,谁长得最可爱? </t>
  </si>
  <si>
    <t>引用:这是一个很麻烦的问题,每个人的欣赏水平不一样,所以喜欢的人也不一样,还有就是每个人在不同的时期会喜欢不一样的人,小时候的喜欢和成年后的喜欢也不一样.比如我自己,上学的时候喜欢小虎队,觉得他们很可爱,念中专的时候喜欢王杰,喜欢他的忧郁,工作以后喜欢张学友,觉得他才是真正的男人,爱护家庭,对感情专一和负责任.所以呢,这个问题是没有真正答案的,你的想法不可能和别人一样,也不可能要求别人和你一样,呵呵,是不是啊?自己滴话:9494~~~</t>
  </si>
  <si>
    <t xml:space="preserve">U盘中病毒了，好多文件都被影藏了TAT求助啊，用了360杀毒，杀 </t>
  </si>
  <si>
    <t xml:space="preserve">    你先看看你那些被隐藏的源文件有没有被修改格式，如果没有，只是单纯的修改了隐藏属性，那么ok，改过来就是了！    病毒修改了你的文件，即使把病毒杀了，文件也是隐藏的，得需要你自己修改。至于你杀不出来，可能是已经杀了，你没有注意，或者你没有中病毒！而是有人故意给你隐藏了！    如果是真有病毒而杀不出来的话，我只能说现在那些杀毒软件太不敬业了！如果这样，建议你再用卡巴斯基杀杀</t>
  </si>
  <si>
    <t xml:space="preserve">大家帮我看看这个配置怎么样！配件类别产品名称数量当时价格北京报价 </t>
  </si>
  <si>
    <t>考虑到你的配置不是用于游戏，所以没有采用独立显卡，这样配置是可以的，但是考虑到升级的困难程度，建议现在就是用1G或者以上内存，这样这台机器使用到2008年开奥运会没有什么大问题。CPU的问题可以咨询比较了解硬件的朋友，首先是与主机板能否很好搭配，其次是散热问题，选用盒装正品风扇（注意风扇型号是否与CPU搭配）比较可靠.E6是步进型号，据说此型号超频性能不错，但是建议不要进行超频使用。</t>
  </si>
  <si>
    <t xml:space="preserve">怎么收集龟尿？谁能告诉一下？ </t>
  </si>
  <si>
    <t>龟尿(把乌龟放在玻璃瓶内再用镜反射日光照之,用电筒亦可,龟尿会流出来),</t>
  </si>
  <si>
    <t xml:space="preserve">大家给出个主意刚刚打到一个5孔ama长矛,+3标枪技能,8%增强 </t>
  </si>
  <si>
    <t>Honor荣耀 5 孔近战 Amn + El + Ith + Tir + Sol11 + 1 + 6 + 3 + 12 +160% 伤害力 +9 最小伤害力 +9 最大伤害力 25% 概率双倍打击 +250 命中率 +1 级所有技能 每次命中偷取 7% 生命 自动恢复生命 +10 +10 力量 +1 光明度每杀一个敌人 +2 法力  Call To Arms 武装号召 5 孔武器  Amn + Ral + Mal + Ist + Ohm11 + 8 + 23 + 24 + 27 +1 级所有技能 +40% 提升攻击速度 +250-290% 伤害力 (可变) +5-30 火伤害 每次命中偷取 7% 生命 +2-6 级 Battle Command (可变) +1-6 级 Battle Orders (可变) +1-4 级 Battle Cry (可变) 防止怪物治疗 自动恢复生命 +12 30% 提升魔法装备出现概率 Eternity 永恒 5 孔近战武器  Amn + Ber + Ist + Sol + Sur11 + 30 + 24 + 12 + 29 永不魔损 +260-310% 伤害力 +9 最小伤害力 每次命中偷取 7% 生命 20% 概率决定性打击 使目标失明 减慢目标速度 33% 提升 法力 回复速度 16% 自动恢复生命 +16 不被冰冻 30% 提升魔法装备出现概率 8 级 Revive (88 次)  戳刺20，致命打击20，刺入1，充能一击20，闪电球20，三个闪躲各1，其余加威力一击。力量够装备，敏捷加到戳刺命中率上5000，其余加血，法力不加。</t>
  </si>
  <si>
    <t xml:space="preserve">自由落体与加速度问题我一直有疑问,老师讲:自由落体当初速度为0时 </t>
  </si>
  <si>
    <t>其中奥秘就在能量守衡也就是运动过程中转化的势能和动能在一定条件下是一样的就是mh=1/2mv^2m可以销掉所以速度只与高度有关</t>
  </si>
  <si>
    <t xml:space="preserve">惊竦片《捉迷藏》最后的结尾是什么?我以前看过,记得其实她女儿遇到 </t>
  </si>
  <si>
    <t>☆★六个结尾可能是说这部影片的结尾能总结出6种不同的含义吧。不过我也曾看过许多外国同一剧情会有很多结尾的片子，例如《蝴蝶效应》。我只知道“捉迷藏”的最后，那个心理学家发现了杀害他妻子和陪他女儿玩耍的人就是他自己，都是因为他发现了妻子有外遇才使他神经错乱的，然而他已经无法挽回自己的所做所为，又想加害自己的女儿和他的女助手，于是又经过许多激烈的场景，三人最后停留在一个漆黑的洞穴里，当男主角拿电筒找到自己的女儿和女助手并想将他们杀害的时候，女助手蒙上了孩子的眼睛并掏出手枪说了一句“我们来捉迷藏”男主角便被击毙倒在了水里......我现在很费解影片最后的这句话，到底是对孩子说的呢，意思是：你父亲就要消失了，他马上就会藏起来了！还是对那个男的说的呢，意思是：这件事的整个过程只是为了找一个人！或者是别有它意呢？总之，捉迷藏这个游戏是贯穿全剧的一个线索，它是女孩最喜欢的一个游戏，也是女孩的母亲临死时陪女孩玩的最后一个游戏，仍然也是父亲临死时的游戏场景。全剧以寻找妻子离奇自杀的原因和神秘人物为悬念，层层相扣吸引着观众的眼球，这也是影片为何起名为“捉迷藏”的理由吧！</t>
  </si>
  <si>
    <t xml:space="preserve">九重天的装备怎么解除绑定? </t>
  </si>
  <si>
    <t>没有任何办法，这是官方不允许的。</t>
  </si>
  <si>
    <t xml:space="preserve">命运外挂太多.老是人满.我们的权利谁来管这游戏还想让人玩不玩了. </t>
  </si>
  <si>
    <t>你在这个论坛里找找 有强登陆,你花20积分下一个就好了.</t>
  </si>
  <si>
    <t xml:space="preserve">天津哪家婚庆公司服务好价格合理？天天婚庆在那？ </t>
  </si>
  <si>
    <t>你可以登陆天津婚庆网 具体的看一下</t>
  </si>
  <si>
    <t xml:space="preserve">煮米饭糊了锅怎么办?我今天煮米饭不小心把锅弄糊了,不知道怎么办才 </t>
  </si>
  <si>
    <t>在焦的地方均匀的涂上一层蜂蜜，过半小时用百洁布轻擦就可以很好的清除干净了</t>
  </si>
  <si>
    <t xml:space="preserve">贷款合同中有个什么合同履行保证金吗 </t>
  </si>
  <si>
    <t>其实这个担保金的作用是你不还款的，就可以把该担保金用于偿还你的个人贷款。这个属于金钱质押，说到底，表面上说没抵押，但还是质押了你的款项。 因此说世界上没有免费的午餐的。而且还要注意的是，这笔保证金的数额有多大，要小心收了你的保证金不给你放贷的情况，这种诈骗现在很普遍。最好审核清楚那件公司的资质。</t>
  </si>
  <si>
    <t xml:space="preserve">中草药的性味与归经的关系？看本草经，叶天士当经准确，钽我不懂如何 </t>
  </si>
  <si>
    <t>余初涉医道之时亦有以上疑问,乃问于师,师笑而不答,赐吾一书曰&lt;本草问答&gt; 眉批有六字:但观之,勿论之.越六日,问曰;有理乎~答曰:似有似无.其中是非曲折之处,欲细论而无以为理.欲详辩而无以为据.复问曰,眉批观否~,吾默然不语,师乃笑,复置一书于余案头曰&lt;长沙药解&gt;,语余曰,此中药学之本来面目也!遂读之,乃信.君若有意,可上网查此二书.</t>
  </si>
  <si>
    <t xml:space="preserve">Y=f(x)的定义域是[0，2]则函数y=f(x2)/(x+1的? </t>
  </si>
  <si>
    <t>f(x)的定义域是0=&lt;x=&lt;2---&gt;f(x^2)中的x=&lt;2---&gt;-√2=&lt;x=&lt;√2又分母中的x+1不是0，所以x&lt;&gt;-1因此y=f(x^2)/(x+1)的定义域是[-√2，√2]且x&lt;&gt;-1.</t>
  </si>
  <si>
    <t xml:space="preserve">我的工行卡上还有1元钱，请问卡会被注销吗？能保持多长时间？一个多 </t>
  </si>
  <si>
    <t>没有客户的要求，银行是不能注销客户的帐号的。但是，现在很多银行开始收卡的年费，帐户没有办理卡的，对于小额帐户（仅有1元的肯定是这一类），很多银行开始收管理费，所以，很快，你上面的1元钱也会不在的。因为现在银行一年结4次息。所以，你的利息会被扣除。对于很少钱的账户，最好自己主动注销，这样，就不用向银行捐款了。</t>
  </si>
  <si>
    <t xml:space="preserve">D驾驶证能准驾二轮摩托吗 </t>
  </si>
  <si>
    <t>其实你的驾照后面有一个准架表，D驾驶证准驾：普通三轮摩托车、普通二轮摩托车、轻便摩托车（可以兼架E照和F照及以下）。</t>
  </si>
  <si>
    <t xml:space="preserve">如何增肥 </t>
  </si>
  <si>
    <t>狂吃高脂肪高糖分食品，饭后没事就吃零食。晚8点到10点之间吃效果尤其显著</t>
  </si>
  <si>
    <t xml:space="preserve">重庆婚纱照哪家好，我特别喜欢工作室？ </t>
  </si>
  <si>
    <t>8K拉摄影吧。8K拉摄影注重品质的，很精致。而且没有隐形消费，拍摄的风格也多样化。现在8K拉精致摄影刚刚装修完一个大摄影棚全实景拍摄，我朋友是在别的地方V2拍得照片很漂亮但是花费了1万多块的。现在8K拉那边一般套餐就3600左右很优惠。</t>
  </si>
  <si>
    <t xml:space="preserve">不死+兽族的问题如果我用UD出女巫，而ORC出科多吃了我的某个单 </t>
  </si>
  <si>
    <t>根女巫变羊一样，你的被吞单位神秘失踪，经验谁都没有，它的科多就是你的了，科多这东西只吃不吐，连骨头都没有。你也可以再把科多吃他一个大东西。距离应该是可以的。也只能这样了。</t>
  </si>
  <si>
    <t xml:space="preserve">求个JJC插件最近看不少JJC视屏..在右下角都有个小窗口... </t>
  </si>
  <si>
    <t>现在魔兽精灵已经集成了Proximo直接去官网下个魔兽精灵就好了</t>
  </si>
  <si>
    <t xml:space="preserve">非美到顶了吗？近一段时间，追非美顶部的“选手”纷纷落马，非美中日 </t>
  </si>
  <si>
    <t>只是意味着非美的又一轮疯狂上涨才刚刚拉开序幕，今天是所有货币一起围歼美元，痛打落水狗，墙倒众人推，美元永无出头之日了现在说什么“顶部”觉得似乎还有些早，日元一直以来跟其他货币走势不同，但是今天美元极弱，所以日元的表现仍然算是正常</t>
  </si>
  <si>
    <t xml:space="preserve">IBM台式机的BLOS怎样设置？怎样关闭A软驱?哪里能找到其详解? </t>
  </si>
  <si>
    <t>IBM的进BIOS的是在开机后按F1键然后找到如DISTT....什么的,设置为DISENABLE即可</t>
  </si>
  <si>
    <t xml:space="preserve">我的SHEMP3无法启动了请问怎么解决啊插进电脑也没反应了 </t>
  </si>
  <si>
    <t>拿到修理站看看吧.</t>
  </si>
  <si>
    <t xml:space="preserve">网上投简历后人事部如何确定面试人员在Zhaopin.COM投简历 </t>
  </si>
  <si>
    <t>网上投简历后人事部确定面试人员的流程如下:1.首先当人事部工作人员看到网上投递的简历后会把这些简历发给相关职位的主管2.主管看到简历后确定面试人员并通知人事部工作人员3.人事部工作人员看到主管发过来需要通知面试人员的名单后,就会电话通知这些人到公司面试至于你去面试的时候问你有没有带简历的问题既然通知你到公司面试说明你简历肯定被相关职位主管认真看过HR一般只看你面试的职位并不会认真看你简历的内容若公司的HR工作比较负责的话他们肯定会将主管要求通知面试人员的网上简历都打印出来,这样你就不用在带简历如果HR不怎么负责的话就不会打印网上简历,面试的时候主管就会向你要简历最好在面试的时候带上简历!祝面试成功!上北京人才网或者 看看</t>
  </si>
  <si>
    <t xml:space="preserve">谁能说一说自己小时候最喜欢的游戏，和现在最喜欢的游戏呀。 </t>
  </si>
  <si>
    <t>最喜欢丢沙包、跳皮筋</t>
  </si>
  <si>
    <t xml:space="preserve">凡有生客进来，鹅必然厉声叫嚣这句话中的凡是什么意思 </t>
  </si>
  <si>
    <t>凡的意思是如果，一旦</t>
  </si>
  <si>
    <t xml:space="preserve">从哪里可以德到最普通的五介护凯［男］制作方法，谢谢 </t>
  </si>
  <si>
    <t>要制作配方的话.只能去刷酒馆用奖励品换到!</t>
  </si>
  <si>
    <t xml:space="preserve">什么是金伯利岩？它与金刚石有什么关系？ </t>
  </si>
  <si>
    <t>金伯利岩型：目前世界上的金刚石原生矿主要产于金伯利岩中。金伯利岩是一种角砾云母橄榄岩，因1870年首先发现于南非的金伯利地区而得名。金伯利岩属超基性岩，主要化学组成为：SiO2含量35%左右，MgO含量30%左右。其它化学成份比较稳定。在金伯利岩中，金刚石与镁铝榴石为标型矿物，它们是在高温高压下形成的。金刚石生成的压力大于镁铝榴石，因此含镁铝榴石的金伯利岩不一定含金刚石，但含金刚石的金伯利岩总含有镁铝榴石。组成金伯利岩的原生矿物有：橄榄石、镁铝榴石、金云母、铬铁矿、铬透辉石、钛铁矿、钙钛矿、磷灰石、碳硅石等。次生交代矿物有：磁铁矿、蛇纹石、绿泥石、方解石等。</t>
  </si>
  <si>
    <t xml:space="preserve">大地新技能?现在45服里.65级大地了.新有技能就是一个静行术. </t>
  </si>
  <si>
    <t>66才有，别忘记了试了新技能来这里和大家交流一下啊</t>
  </si>
  <si>
    <t xml:space="preserve">ie浏览器每次打开都会出现一个打开方式的窗口,却打不开怎么办打开 </t>
  </si>
  <si>
    <t>建议修复下IE浏览器，只要下载一个瑞星安全助手就全搞定了，它自带系统修复、IE防护、对于流氓软件和木马的清理，而且还附带了垃圾清理、进程管理、启动项管理这样的工具。基本上平时维护系统的东西都有了，很方便。</t>
  </si>
  <si>
    <t xml:space="preserve">收汇方式有多少种？？？有多少种收汇方式，通用是什么？看见发票写着 </t>
  </si>
  <si>
    <t>两种：付款交单Documents against Payment，即D/P、承兑交单Documents against Acceptance，即D/A。1.交单是指出口商（信用证受益人）在规定时间内向银行提交信用证规定的全套单据，这些单据经银行审核，根据信用证条款不同付汇方式，由银行办理结汇。交单应注意三点：其一是单据的种类和份数与信用证的规定相符，其二是单据内容正确，包括所用文字与信用证一致，其三是交单时间必须在信用证规定的交单期和有效期之内。 2.交单方式有两种：一种是两次交单或称预审交单，在运输单据签发前，先将其他已备妥的单据交银行预审，发现问题及时更正，待货物装运后收到运输单据，可以当天议付并对外寄单。另一种是一次交单，即在全套单据收齐后一次性送交银行，此时货已发运。银行审单后若发现不符点需要退单修改，耗费时日，容易造成逾期而影响收汇安全。因而出口企业宜与银行密切配合，采用两次交单方式，加速收汇。</t>
  </si>
  <si>
    <t xml:space="preserve">宁波足球！！！在宁波什么地方有踢足球的啊！？体育馆根本没有足球场 </t>
  </si>
  <si>
    <t>应该有吧,以前宁波国力就来过啊</t>
  </si>
  <si>
    <t xml:space="preserve">我转不了职啦！我做转职任务，要转为收集者，都拿到了掠夺者之戒了， </t>
  </si>
  <si>
    <t>那个NPC不是点任务，而是点转职咨询，进去后点要转收集者，我转的时候也遇过你的问题，开始急得昏了头冷静下来就好了</t>
  </si>
  <si>
    <t xml:space="preserve">懂粉红的来！！　　　掉４攻１敏２魔的粉红还值得练下去吗．时长的！ </t>
  </si>
  <si>
    <t>1级的就表了练吧  投入的精力可以收只了高些的就练吧</t>
  </si>
  <si>
    <t xml:space="preserve">怎样填IP地址 </t>
  </si>
  <si>
    <t>没有填写IP地址的地方有可能是你网卡的驱动没有安装正确。在桌面上右键点击“网上邻居”-“属性” 查看连接看看有没有网络链接，没有的话重新安装网卡驱动。有的话右键点击“我的连接”属性-Internet 协议（TCP/IP协议）属性。点击使用下面的IP地址 然后输入网络运营给你的IP一般情况是自动获取IP。这样就可以了。答案补充回答完毕互联网专家：まっよう 希望我的答案能让您满意...请您为本次服务打分，欢迎邀请解答！</t>
  </si>
  <si>
    <t xml:space="preserve">如何创建自己的博客 </t>
  </si>
  <si>
    <t xml:space="preserve">怎么建立自己的博客？  如果把论坛(BBS)比喻为开放的广场，那么博客就是你开放的私人空间。1，你可以充分利用超文本链接、网络互动、动态更新的特点，在你的博客中，精选并链接全球互联网中最有价值的信息、知识与资源；2，也可以将你个人工作过程、生活故事、思想历程、闪现的灵感等及时记录和发布，发挥您个人无限的表达力；3，更可以以文会友，结识和汇聚朋友，进行深度交流沟通...... </t>
  </si>
  <si>
    <t xml:space="preserve">耶稣基督算大卫肉体的子孙吗？当时持否定观点的被曾被加尔文称为新马 </t>
  </si>
  <si>
    <t>我把经文当民间文学读，神话、传说是怎么产生的，Bible就是怎么产生的。勿执。</t>
  </si>
  <si>
    <t xml:space="preserve">我父亲8月15日作了胃癌根除手术,术后报告为:腺癌(部分为印戒细? </t>
  </si>
  <si>
    <t>有淋巴结转移者若身体条件许可最好化疗，否则容易转移。中医治疗效果不明确，可能可以增强体质、提高免疫力、减轻化疗副作用。</t>
  </si>
  <si>
    <t xml:space="preserve">直销公司可以招在校大学生兼职吗？（要求法律上的答案）直销公司可以 </t>
  </si>
  <si>
    <t>全日制学生、国家公务员、军人等都不能从事销售兼职工作。直销管理条例第15条规定的</t>
  </si>
  <si>
    <t xml:space="preserve">能在DOS下补上这个文件吗？各位好！我的电脑C盘上，请朋友帮忙用 </t>
  </si>
  <si>
    <t>系统文件受损，请修复系统。1、开机按F8不动到高级选项出现在松手，选“最近一次的正确配置”回车修复。 2、请开机按F8进入到安全模式中用系统自带的系统还原，还原到你没有出现这次故障的时候修复。 3、如果故障依旧，使用系统盘修复，打开命令提示符输入SFC /SCANNOW 回车（SFC和/之间有一个空格），插入原装系统盘修复系统，系统会自动对比修复的。 4、如果故障依旧，在BIOS中设置光驱为第一启动设备插入系统安装盘按R键选择“修复安装”即可。 5、如果故障依旧，建议重装。如果实在不行，建议选择修复安装，这样即修复了系统，又可使C盘的程序和文件不受损失。备份C盘你安装完系统后，打全补丁，下载好程序软件，如果现在系统运行很好，现在就可以使用下面的软件进行备份。建议下载“一键GHOST硬盘版V11.5”安装、备份、恢复备份，一键即可十分方便。下载网址：  用一键GHOST备份C盘（当然也可以备份其他盘），在出现系统故障而无法恢复时就不用安装系统了，首先用一键GHOST恢复系统，这样你C盘的存储的文件和下载的程序软件就不会损失了（备份时的文件和程序软件，如果后来又加进了新的文件，可以重新备份C盘）。</t>
  </si>
  <si>
    <t xml:space="preserve">请教关于孩子的皮肤问题.宝宝在七个月的时候脸上起湿疹,我曾经给她 </t>
  </si>
  <si>
    <t>药停了过一段时间应该没影响的。以后别用了，推荐“苗岭洁肤霜”给你，苗族人生活在高寒山区，发明了这种纯中药皮肤外用药，没有激素，老少皆宜的。</t>
  </si>
  <si>
    <t xml:space="preserve">牙肉长瘘管是怎么回事呢医生说我长了瘘管,要抽牙神经,55好怕怕 </t>
  </si>
  <si>
    <t>千万别拔牙，瘘管是牙髓坏死，长期慢性炎症的产物。您只需做根管治疗就能解决的。这对于医生来说还是很简单的，至于恐惧只有您自己克服了</t>
  </si>
  <si>
    <t xml:space="preserve">关于分辨率问题，调整到１０２４x７６８时候字很模糊，有何补救办法? </t>
  </si>
  <si>
    <t>这是由于显示器或显卡不支持高分辨率造成的。你可以在安全模式中进入显示设置，在16色下单击应用，重启计算机，在正常模式中删掉显卡驱动，重启计算机，即可解决。</t>
  </si>
  <si>
    <t xml:space="preserve">我的弟弟患有死精症，想做试管婴儿，在南京已经失败了，请问上海哪里? </t>
  </si>
  <si>
    <t>我也是准备做试管，所以打听过了，上海的仁济医院，国际和平妇婴保健院，和集爱都能做的．前面２家是国营的，总费用在２－２．５万，不包括前期的检查，因为你已经做过了，前期的检查应该不需要重复做了．用国产促排卵针是２万，进口的就是２万５．如果第一次不成功，有多余冷冻的卵子，第２次做就是５千．集爱是中美合资的，挂个号就是１００，挺贵的．总费用要３－４万，但技术力量可能好些．而且好象还有一种成功率更高的方法，费用在５万样子．外地来的可以住院治疗的．我嫂子这个月就要开始在集爱做了，前期的检查用了５千元．估计月底或下月初就能知道结果了．</t>
  </si>
  <si>
    <t xml:space="preserve">跑马入屋惹祸殃（猜一字） </t>
  </si>
  <si>
    <t>闯!!!!!!!!!!!!!</t>
  </si>
  <si>
    <t xml:space="preserve">收盘快评:大盘探低回升成交放大今日A股市场出现了V型反转的走势特 </t>
  </si>
  <si>
    <t>每次卖基本都在高点,但买总没有买在低点.到头来还是少了不少收益.</t>
  </si>
  <si>
    <t xml:space="preserve">中央民族大学预科教育学院燕郊教学部他么说中央民族大学8月2号会给 </t>
  </si>
  <si>
    <t>最近看到网上出现中央民族大学预科教育学院燕郊教学部，所谓的花10-30万，在那念预科，然后直接转入中央民族大学。请不要相信！！！ 譬如这里就有说花钱就能上民大，这不明显是骗子么。只在魏公村本部有的，在燕郊压根就没听说过。学校的分校区正在建设，建完还早着呢。千万别听信骗子的话，说花钱就能上民大。。。有人有手段通过体育，艺术特长生进来是可能的...   燕郊分类信息网  花钱就能进211，985学校。目前全国还没听说过...除非你爸是李刚</t>
  </si>
  <si>
    <t xml:space="preserve">玩游戏卡怎么办玩游戏时。时卡时不卡，我家是光纤，电脑内存2G。 </t>
  </si>
  <si>
    <t>先杀毒，断线杀啊！不行就再换显卡驱动，下个适合的，不一定要最新。还不行，修改游戏设置，降低显示效果吧。</t>
  </si>
  <si>
    <t xml:space="preserve">不吃早餐对身体有什么害处？对于一些上班族早上没太多的时间去应付早 </t>
  </si>
  <si>
    <t xml:space="preserve">经常不吃早餐容易得病又损寿。医学研究已证明，不吃早餐的害处的确不少，比如：对摄入营养不利，对大脑功能活动不利，易患胆结石以及使人易发胖等等。尤其是有心脑血管病的人，不吃早餐还会增加缺血性中风和心脏病发作的危险性，这点应当引起足够的重视。 不吃早餐的害处不只是增肥那么简单，它还有一些不为你知的害处： 害处一：精力不集中，记忆力下降。 经过一晚上几乎12小时的消化、吸收，前日所进晚餐已经消耗殆尽，体内血液中的葡萄糖水平也处于较低的水平，这时如果不吃早餐补充能量，就会使得以葡萄糖为能源的脑细胞弹药不足，人体便会出现疲倦、易睡，精神难以集中和记忆力下降的症状。 最大的隐患就是驾车族的MM们如果不吃早餐，胃处于空虚状态，血糖水平会持续下降，反应迟钝，容易造成通事故。美国的营养学家通过相关的调查表明，许多车祸的发生都与肇事者血糖水平过低、反应迟钝有着直接的关系。因此，血糖过低时开车与酒后驾车同样危险。 害处二：情绪低落。 国外的研究还证实，不吃早餐会让你情绪低落，脾气也比平时急躁。难怪有些白领丽人在办公室会莫名其妙地发点小脾气，闹得大家都以为出现了什么状况，大大影响了工作效率和人际关系。 害处三：容易诱发胆结石和胆囊炎 不吃早餐可以诱发低血糖的发作（症状是头发晕，脚发软，甚至晕倒，解救只需葡萄糖或其他含糖食物）。另外由于食物可以刺激胆汁分泌。缺乏了这个过程。使胆汁淤积于胆囊内。这些人特别容易患胆囊炎和胆石症。 害处四：容易衰老。 不吃早餐，人体只得动用体内贮存的糖元和蛋白质，久而久之，会导致皮肤干燥、起皱和贫血等，加速人体的衰老。同时，早餐提供的能量和营养素在全天能量和营养素的摄取中占有重要的地位。国外相关的实验证明，早餐摄入营养的不足很难在其他餐次中得到补充，不吃早餐或早餐质量不好是引起全天能量和营养素摄入不足的主要原因之一。严重时还会造成营养缺乏症，如营养不良、缺铁性贫血等。 不吃早餐非但不能起到的作用，而且还会引起许多副效应，是一件得不偿失的事情。所以说，“早餐要吃得好，午餐要吃得饱，晚餐要吃得少”这样老套的健康原则还是要遵守。 </t>
  </si>
  <si>
    <t xml:space="preserve">急！关于路程初中数学？甲乙相距100公里，某团体从甲到乙。团体中? </t>
  </si>
  <si>
    <t>答案：上午11点解题思路：设先步行的为A,先乘车的为B.设A走了x路程后b下车，再设a又走了y路程后车刚好返回和a碰头（也就是a 刚坐上车）注意：车速是步速的5倍，因而得出下述方程：4x=6y100-x-y=5(100-5x-y)解为：x=15,y=10而在路上所花的时间为5x的车程加上2.5y的步程，即：5*15/40+2.5*10/8=5（小时）。所以为上午11点出发。如果对方程中的地方不理解，请照解题思路画一个图</t>
  </si>
  <si>
    <t xml:space="preserve">急！急！急！有请皇城小妖！… </t>
  </si>
  <si>
    <t>？？？？？？？？？？？？？？？楼主怎么了？有何吩咐？！</t>
  </si>
  <si>
    <t xml:space="preserve">王字边一个“重”是什么字？ </t>
  </si>
  <si>
    <t xml:space="preserve">我查了一下新华词典。没有查到这个字，王字旁是4笔画，重是9画。王字旁，右侧是9话的字只有以下这些：你看看是不是你看错了？9 ? bì, 9 玻 bō, 9 玳 dài, 9 玷 diàn,9 珐 fà, 9 珈 jiā, 9 珏 jué, 9 珂 kē, 9 玲 líng, 9 珑 lóng,9 珉 mín, 9 珀 pò, 9 珊 shān, 9 珅 shēn, 9 珍 zhēn, 9 ? zhēn,9 玵 án, 9 玸 fú, 9 玽 gǒu, 9 玾 jiǎ,9 珇 zǔ, 9 ? liǔ, 9 玶 píng, 9 珃 rǎn, 9 玿 sháo, 9 珄 shēng,9 珆 yí, 9 玹 xuán, 9 玴 yì, </t>
  </si>
  <si>
    <t xml:space="preserve">小泰迪的小桃子感染怎么办 </t>
  </si>
  <si>
    <t>如果确定是感染的话——分泌物也许属于正常的，可以使用“洁耳阴”之类的轻杀菌洗液擦洗。我家的小鸡鸡上也有一个，我去医院医生给无偿擦了一下药，我不知道是啥，反正第二天就好了。。&lt; 赠人玫瑰，手留余香，希望给我个好评~感谢^_^&gt;</t>
  </si>
  <si>
    <t xml:space="preserve">GM为什么敲不到+6+8的敲了N个号全部是+4今天最后一点了，怎 </t>
  </si>
  <si>
    <t>被世摸忽悠了</t>
  </si>
  <si>
    <t xml:space="preserve">蜂蜜水浓度多少合适？都说喝蜂蜜水对身体好，对皮肤好，总之各种好。 </t>
  </si>
  <si>
    <t>依个人口感而言了，我觉得浓度大一点比较好，1:20的比例</t>
  </si>
  <si>
    <t xml:space="preserve">电6星霜卡号2小时了。CM搞一下啊。帐号：k9zmc159卡号！ </t>
  </si>
  <si>
    <t>没有用的，服务器维护。</t>
  </si>
  <si>
    <t xml:space="preserve">看见有人在卖飞剑烁光，圣器的2700J,能不能买，我们区YB是1? </t>
  </si>
  <si>
    <t>按照你说的YB换J的比例应该可以买了，最主要的是不要买黑货，防止玩家恶意找回</t>
  </si>
  <si>
    <t xml:space="preserve">9个月宝宝喝果汁需要兑水吗？鲍奶奶，你好。女宝宝，9个月。我想请 </t>
  </si>
  <si>
    <t>不需要。</t>
  </si>
  <si>
    <t xml:space="preserve">专家请进？询问一下134的是哪的号？134*******可以打通 </t>
  </si>
  <si>
    <t>1340——1348是移动的1349是卫通的这个早在2个月前就配号出去了</t>
  </si>
  <si>
    <t xml:space="preserve">奥尔多声望问题我选了奥尔多阵营，可是今天发现我的声望变成了冷淡， </t>
  </si>
  <si>
    <t>贫民那下面不是有任务做的吗    想升占星的就是打蜘蛛任务品交的另一个任务就是升奥声望的 [好像是打蜥蜴出任务品]  做到友就可以交奥的任务和基尔加丹印记了</t>
  </si>
  <si>
    <t xml:space="preserve">安装了“深度技术”后C盘无法格式化我在C盘安装了“深度技术GHO </t>
  </si>
  <si>
    <t>分区格式 为 NTFS 的，DOS里面是不能操作；包括 PQ一些版本 也是不能运行在 NTFS格式的分区里；建议你使用 "纯净版" 的安装光盘，来手动安装系统，一来可以在 安装界面 操作分区（删除、格式化），二来 ，可以解决 由于系统服务被关闭，从而 造成 某些应用程序 不能正常运行的 结果；PS：GHOST版的 系统光盘由于 精简了一些系统服务，以及 组件，这会造成 某些程序 所依赖 的系统服务被关闭，从而运行不正常。</t>
  </si>
  <si>
    <t xml:space="preserve">什么和空气反应放热？铁粉行吗？还有别的吗？不要强酸强碱。或者答者 </t>
  </si>
  <si>
    <t>和空气反应放热---一般都是放热的多了，常见的金属：镁、铁、铝、钠、……常见的非金属：磷、硫、碳、氢气……]</t>
  </si>
  <si>
    <t xml:space="preserve">关于胃病是这样，从百度知道给我找来答案的自己滚蛋，然后《你胃不好 </t>
  </si>
  <si>
    <t>20岁有了胃病说明平时的饮食习惯有问题。首先，养胃是需要时间的，不是说吃点药、养胃的东西几天就能好的，需要坚持。一日三餐一定要规律，早上一定要吃早饭，最好是稀饭、面食一类的；第二，针对你的情况，你可以少食多餐，每顿饭少吃点，随身备点饼干面包之类的；第三，平时不要饥一顿饱一顿，这样胃最受不了了；第四，养胃期间忌烟酒，生冷食物，少吃冷饮，要选择容易消化的食物，如蔬菜，馒头；第五，晚上10点之后最好不要进食，胃在晚上也是需要休息的，新生的胃粘膜会长出来代替受损的胃粘膜；第六，如果症状很严重的话最好去看医生，按医嘱服药，最好不要自行用药。注意以上问题，坚持一个月就会有很大改善的。</t>
  </si>
  <si>
    <t xml:space="preserve">我是广东考生估分650,能进贵校吗？ </t>
  </si>
  <si>
    <t>你说的是什学校?中大和华工上不了</t>
  </si>
  <si>
    <t xml:space="preserve">我的孩子7岁了，最近老爱长出气是怎么回事？原来也有过这种情况。、 </t>
  </si>
  <si>
    <t>中医讲是气虚，注意观察孩子的身体情况，让孩子多做体育活动，并坚持做，情况就会改善</t>
  </si>
  <si>
    <t xml:space="preserve">5.0问题，知道的请进／．．．．５．０开了骑宠是开那几个系的宠？ </t>
  </si>
  <si>
    <t>大陆听说先开放野兽、特殊、飞行三个</t>
  </si>
  <si>
    <t xml:space="preserve">干洗店可以通过哪些方式扩大经营？ </t>
  </si>
  <si>
    <t>　　干洗店可以通过哪些方式扩营？每个有远大理想的投资者在投资项目进入稳定阶段以后，他们都会开始想着要扩大经营，这是因为只有扩大经营才能赚取比别人更多的利润。　　在以前，干洗店的经营项目比较单一，比如只提供洗衣服务。但是其实随着经济的不断发展，越来越多的人开始有了更高的干洗需求，比如鞋类的养护，皮具的护理等等，这些都可以是扩大经营的内容。有了新的经营种类，当然也就满足更多顾客的需求，从而也就能获得更高的干洗店利润。　　扩大经营就要先扩大业务，你以为开干洗店仅仅就是干洗？水洗？熨烫？你错了，大错特错！开一家高端干洗店，拓展奢侈品女士包的高端业务，你才知道什么叫淡季不淡、旺季更旺！蕴含手工的个性与精致——奢侈品女士包皆为能工巧匠手工打造而成！但是在日常生活中，包包难免会有磨损或者脏污，当此时，洗涤服务就呼之欲出了！ 　　很多大型的干洗店都是从一开始的小型干洗店发展起来的，因为当他们积累了一定的经验和技术以后，小型干洗店已经满足不了他们的胃口，因此这个时候扩大干洗店的经营规模也是扩大经营的一种具体体现。在其它因素相同的情况下，大型干洗店当然要比小型干洗店获利更多。</t>
  </si>
  <si>
    <t xml:space="preserve">问道里的大双‘喜；字是怎么打的？我想问下问道里的他们打的喊大的双 </t>
  </si>
  <si>
    <t>去游戏里我教给你 ？ 你哪去的？</t>
  </si>
  <si>
    <t xml:space="preserve">用别人的银行卡取钱，超过多少金额会电话通知卡本人？注意是银行打电 </t>
  </si>
  <si>
    <t>同一个银行卡在ATM机上取钱,一天最多能取10次，一天最多能取20000元。提示：不管是哪个银行的ATM机，一天最多能取20000元（例如这个银行能取1万，另外一个银行只能再取1万，合计2万元）。上银行柜台取钱,5万元以下不用身份证,5万元以上要出示身份证。在银行柜台取钱，只能在同行取钱。</t>
  </si>
  <si>
    <t xml:space="preserve">什么动物喜欢吃蚯蚓蚯蚓 </t>
  </si>
  <si>
    <t>鸡，喜欢吃蚯蚓的鱼比较多——大多食肉性、杂食性鱼类都会吃 比如说淡水里的有： 1、鳝鱼 2、你所说的塘蛇 3、乌鱼 4、泥鳅 5、鲤鱼和鲫鱼也会吃！</t>
  </si>
  <si>
    <t>14期初步分析,请指点.01安德莱02</t>
  </si>
  <si>
    <t>感觉罗马很稳，其实是个陷阱。 哈哈。。。期待中。</t>
  </si>
  <si>
    <t xml:space="preserve">新开的收获祭任务怎么做？急…………………… </t>
  </si>
  <si>
    <t>在法兰废墟的左下角，有个蓝鬼打了就可以进去，2级的带够钥匙和血（进去后用宠邮把钥匙邮进去）1~9级免费，其他等级的要收费的，很贵，我79的封去要4.9W，100级要10W里面的怪会魔法的单独去的话建议收宠2逃</t>
  </si>
  <si>
    <t xml:space="preserve">任务栏的注释框字体电脑打开几个窗口（任何文档或浏览器网页），均将 </t>
  </si>
  <si>
    <t>出现这种故障，可能是注册表受损引起的，解决办法如下：1、开机按F8进入安全模式后在退出，选重启或关机在开机，就可以进入正常模式（修复注册表）。 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在BIOS中设置光驱为第一启动设备插入系统安装盘按R键选择“修复安装”即可。5、如果故障依旧，建议重装操作系统。</t>
  </si>
  <si>
    <t xml:space="preserve">胸口左下方疼痛怎么回事最近两天心窝左下方靠近肋骨的地方疼痛，静坐 </t>
  </si>
  <si>
    <t>一种可能是外伤或劳损天气湿润阴冷造成的骨痛,还有种是皮肤比较深的地方发豆,肿,疔,虱等.最后一种是需要警惕的就是持续的,程度比较深的疼痛可能是心脏或上消化道放射性疼痛,尤其是心脏放射疼痛一般比较严重和重要(心脏嘛),建议及早检查,可以去医院看看,不要拖延哦,看了没事(主要是排除后者)那就好了啊.</t>
  </si>
  <si>
    <t>很简单的英文问题</t>
  </si>
  <si>
    <t>第二个对.单词以s结尾时只加'不加s</t>
  </si>
  <si>
    <t xml:space="preserve">智能ABC输入法问题为什么我的智能ABC输入法按数字1的时候,就 </t>
  </si>
  <si>
    <t>用这个软件删掉ABC吧然后在装上面下的那个ABC5.23就好了</t>
  </si>
  <si>
    <t xml:space="preserve">紧急求救！！！好强的病毒！我今天插上过一个U盘，之后就中毒了，现 </t>
  </si>
  <si>
    <t xml:space="preserve">    1、禁用所有杀毒以相关安全工具，让用户电脑失去安全保障；　　2、破坏安全模式，致使用户根本无法进入安全模式清除病毒；　　3、强行关闭带有病毒字样的网页，只要在网页中输入“病毒”相关字样，网页遂被强行关闭，即使是一些安全论坛也无法登陆，用户无法通过网络寻求解决办法；　　4、格式化系统盘重装后很容易被再次感染。用户格式化后，只要双击其他盘符，病毒将再次运行。     电脑开机后，杀毒软件、QQ、MSN和迅雷都无法启动。瑞星技术部门随后称，这是典型的“帕虫( bug)”病毒感染症状。从4月1日至今，全国已有8万多名用户遭该病毒侵害。   反病毒技术人员介绍说，“帕虫”病毒不但会破坏几十种常用的杀毒软件，还会使QQ、MSN等常用程序无法运行，主要通过MP3(或U盘)传播。据分析，“帕虫”病毒采用多种技术手段保护自身不被清除。例如，它会终结几十种常用的杀毒软件，如果用户使用Google、百度等搜索引擎搜索“病毒”，浏览器也会被病毒强制关闭。“帕虫”病毒还会使QQ医生、360安全卫士等软件无法运行，从而使得用户很难手工清除该病毒。但目前该病毒没有造成文件丢失的情况。   “帕虫”病毒并非新病毒，但变种多，最近阶段尤其活跃。由于现在使用MP3(或U盘)交换歌曲和电影文件的用户非常多，使得该病毒传播极广。普通用户即使格式化C盘重装系统，也无法彻底清除该病毒。但电脑用户可以从网上免费下载“橙色八月”等杀毒工具，彻底清除该“帕虫”病毒。     症状： 病毒运行后会在c:\program files\common files\microsoft shared\msinfo\下释放一个由8个数字和字母组合文件名的dll 和一个同名的dat 文件。它还会将自身复制到各个分区根目录下，以通过优盘传播。该病毒会删除掉注册表中安全模式的相关键值，造成系统无法进入安全模式。它会将windows系统的自动更新和windowsxp系统的安全中心关闭，同时，该病毒还会自动从后台下载其它的病毒木马并运行，给用户的计算机带来威胁，可自动关闭任何有“杀毒”、“瑞星”“病毒”“清理”等字样的文件，软件，文本，网页等...       很明显，中了木马av终结者或是帕虫！清除AV终结者病毒；修复“映像劫持”；修复 f；修复安全模式。  具体参阅：     用户在正常运行的电脑上尽量不要使用自动播放功能，以避免通过插入U盘、移动硬盘等造成病毒感染。同时，应及时更新杀毒软件，开启在线监控功能和防火墙。应及早为系统漏洞打上补丁！AV终结者病毒一旦感染，清除过程相当复杂，可能不少用户就会去重装。我们建议用户不要轻易重装系统，请采取以下措施防范AV终结者病毒1.使用金山网镖或Windows防火墙，可有效防止网络病毒通过黑客攻击手段入侵。2.使用金山毒霸的漏洞修复功能或者windows update来修补系统漏洞，特别需要注意安装浏览器的最新补丁。3.升级杀毒软件，开启实时监控4.网管采取综合措施防范ARP攻击挂马事件5.关闭windows的自动播放功能</t>
  </si>
  <si>
    <t xml:space="preserve">请问个人所得税如何申报我公司此月有2人超过了个税标准,请问如何填 </t>
  </si>
  <si>
    <t>级别 应税所得 税率% 速算扣除数1 不超过500元 5 02 超过500元至2000元 10 253 超过2000元至5000元 15 1254 超过5000元至20000元 20 3755 超过20000元至40000元 25 13756 超过40000元至60000元 30 33757 超过60000元至80000元 35 63758 超过80000元至100000元 40 103759 超过100000元 45 15375</t>
  </si>
  <si>
    <t xml:space="preserve">国庆股市放几天假? </t>
  </si>
  <si>
    <t>今年的国庆和中秋是合并放假,股市将连休八天,国庆长假前最后一个交易日是9月30日,长假后第一个交易日是10月9日.2009年国庆中秋节休市有关安排通知如下,请全家出去玩,因为休假很多天. 9月30日 (星期三). 长假前最后一个交易日10月 1日 (星期四). 国庆节假日休市10月 2日 (星期五). 国庆节假日休市10月 3日 (星期六). 中秋节假日休市10月 4日 (星期日). 国庆中秋节周末休市10月 5日 (星期一). 国庆中秋节假日休市10月 6日 (星期二). 国庆中秋节假日休市10月 7日 (星期三). 国庆中秋节假日休市10月 8日 (星期四). 国庆中秋节假日休市10月 9日 (星期五). 开市.但只有一天操作得小心.10月10日 (星期六). 周末休市10月11日 (星期日). 周末休市10月12日 (星期一). 起照常开市喽!</t>
  </si>
  <si>
    <t xml:space="preserve">我想问一下，我的机子玩3D的网络游戏！？我想问一下，我的机子玩3 </t>
  </si>
  <si>
    <t>对这个没研究,不过你是用什么系统,如果是XP的话,显卡的驱动是XP自带的还是显卡专门的,一般3D游戏出现花屏都是XP自带的显卡驱动和显卡的兼容性不是很好的问题,其余的我就不知道了.希望能帮到你.</t>
  </si>
  <si>
    <t xml:space="preserve">宝宝两岁四个月了，身上总出疙瘩怎么办？ </t>
  </si>
  <si>
    <t>如果不痒痒这个可能排泄系统的问题，没有关系的，要是痒痒也可能是过敏</t>
  </si>
  <si>
    <t xml:space="preserve">我想做长线，我买大蓝筹好还是小盘股好？本来我想买大蓝筹，可是听说? </t>
  </si>
  <si>
    <t>中小盘为主，大盘股为辅，资金充裕可以适当配置。目前有价值的股票较多，分批吸纳，波段操作。</t>
  </si>
  <si>
    <t xml:space="preserve">薇迷们都喜欢薇薇的哪首歌啊？ </t>
  </si>
  <si>
    <t>喜欢瓶中信，真心不假，雨季的故事，离别的车站，自从有了你，渐渐，我和上官燕</t>
  </si>
  <si>
    <t>一道数学题,求详解f(x)在定义域[</t>
  </si>
  <si>
    <t>首先满足定义域x-1属于[-1，1]，x属于[0，2]x^2-1属于[-1，1]，x^2属于[0，2],x属于[-根号2，根号2]取交集为[0，根号2]因为递增所以x-1&lt;x^2-1x^2-x&gt;0x(x-1)&gt;0解得x&gt;0且x-1&gt;0,即x&gt;1或是x&lt;0且x-1&lt;0,即x&lt;0四种结果取交集得最后结果[1，根号2]</t>
  </si>
  <si>
    <t xml:space="preserve">今天减仓今天减了博时平衡如何？4。26买的，现在1。045。 </t>
  </si>
  <si>
    <t>还是等等，借这波行情多赚点再走，赚钱不易不要错过机会。</t>
  </si>
  <si>
    <t xml:space="preserve">topkingafa你好，请回答一下我的空调故障我的空调是去年买 </t>
  </si>
  <si>
    <t>如果事实是象海尔维修人员说的四通阀不到位的话，你一定要售后服务部门尽快修好（更换四通换向阀）。你是去年买的，是在保修期内的。</t>
  </si>
  <si>
    <t xml:space="preserve">ndsl游戏口袋怪兽百金版那里有卖。急急 </t>
  </si>
  <si>
    <t xml:space="preserve">口袋怪兽白金版下载 </t>
  </si>
  <si>
    <t xml:space="preserve">学生证磁条损坏(火车票优惠卡)，去哪里重新补办一张[生病] </t>
  </si>
  <si>
    <t>学校里一般会有一个办理点，如果没有只能去火车站</t>
  </si>
  <si>
    <t xml:space="preserve">单身戒指戴法我们都知道左手的中指和无名指配戴订婚和结婚戒指，可是 </t>
  </si>
  <si>
    <t xml:space="preserve">国际上比较流行的戴法： 1. 食指－－想结婚，表示未婚 2. 中指－－已经在恋爱中 3. 无名指－－已经订婚或结婚 4. 尾指－－独身 至于右手，在传统上也有一手戴戒指时是有意义的，就是无名指。据说戴在这里，表示具有修女的心性。 </t>
  </si>
  <si>
    <t xml:space="preserve">电脑开机问题开机显示下面此情况，请高手帮忙解决，谢谢！！ </t>
  </si>
  <si>
    <t>QQ没有卸载干净而矣，重装QQ，QQ怎么也得用，卸它干啥呀，要不就点击“开始”菜单，再点“运行”输入“ msconfig”点“启动”去掉 TENCENT\SSPlus\splus1.dll 前的勾，确定，重启就好了</t>
  </si>
  <si>
    <t xml:space="preserve">工人退休以后想要买房单位能给办住房积金吗？ </t>
  </si>
  <si>
    <t>可以,按退休来计算,但贷款金额和年限不会太多.</t>
  </si>
  <si>
    <t xml:space="preserve">开封——（打一近代历史人物） </t>
  </si>
  <si>
    <t>茅盾。。。。。。。。。。。。。。</t>
  </si>
  <si>
    <t xml:space="preserve">能从图片看出这是什么行当么？就是这种经常骑着自行车吹着小喇叭走街 </t>
  </si>
  <si>
    <t>哈哈，以我在国外的生活经验来看，一般买的是我们经常说的串烧，どうふ就是我们吃的豆腐，ゆば是他们的?~、也就是豆腐皮，不过他们一般卖的是熟食，味道不错哦</t>
  </si>
  <si>
    <t xml:space="preserve">微博会员一个月试用后会自动扣钱吗？ </t>
  </si>
  <si>
    <t>如果没有绑定手机的话，应该是不会扣费的。</t>
  </si>
  <si>
    <t xml:space="preserve">幼儿教师论文发表机构靠谱吗？想发表篇论文挣点稿费，所以要找个好点 </t>
  </si>
  <si>
    <t>我也是经常投稿论文来赚稿费的，所以楼主你问对人了，京都名师论文网就帮发表过很多次了，也很快就收到稿费了。</t>
  </si>
  <si>
    <t xml:space="preserve">中国四大全书那四大 </t>
  </si>
  <si>
    <t xml:space="preserve">应该是"四库全书"吧《四库全书》是中国古代最大的一部官修书，也是中国古代最大的一部丛书。据文津阁藏本，该书共收录古籍3503种、79337卷。"四库"之名，源于初唐，初唐官方藏书分为经史子集四个书库，号称"四部库书"，或"四库之书"。经史子集四分法是古代图书分类的主要方法，它基本上囊括了古代所有图书，故称"全书"。 清代乾隆初年，学者周水年提出"儒藏说"，主张把儒家著作集中在一起，供人借阅。此说得到社会的广泛响应，这是编纂《四库全书》的社会基础。 乾隆三十七年（1772年）十一月，安徽学政朱筠提出《永乐大典》的辑佚问题，得到乾隆皇帝的认可，接着便诏令将所辑佚书与"各省所采及武英殿所有官刻诸书"，汇编在一起，名曰《四库全书》。这样，由《永乐大典》的辑佚便引出了编纂《四库全书》的浩大工程，成为编纂《四库全书》的直接原因。《四库全书》的编纂过程共分四步：第一步是征集图书。征书工作从乾隆三十七年（1772年）开始，至乾隆四十三年（1778年）结束，历时七年之久。为了表彰进书者，清廷还制定了奖书、题咏、记名等奖励办法："奖书"即凡进书500种以上者，赐《古今图书集成》一部；进书100种以上者，赐《佩文韵府》一部。"题咏"，即凡进书百种以上者，择一精醇之本，由乾隆皇帝题咏简端，以示恩宠。"记名"即在提要中注明采进者或藏书家姓名。在地方政府的大力协助和藏书家的积极响应下，征书工作进展顺利，共征集图书12237种，其中江苏进书4808种，居各省之首；浙江进书4600种，排名第二。私人藏书家马裕、鲍士恭、范懋柱、汪启淑等也进书不少。第二步是整理图书。《四库全书》的底本有四个来源：一是内府藏书，二是清廷官修书，三是从各地征集的图书，四是从《水乐大典》中辑出的佚书。四库馆臣对以上各书提出应抄、应刻、应存的具体意见。应抄之书是认为合格的著作，可以抄入《四库全书》。应刻之书是认为最好的著作，这些著作不仅抄入《四库全书》，而且还应另行刻印，以广流传。应存之书是认为不合格的著作，不能抄入《四库全书》，而在《四库全书总目》中仅存其名，列入存目，这类著作共有6793种、93551卷，比收入《四库全书》的著作多出将近一倍。对于应抄、应刻的著作，要比较同书异本的差异，选择较好的本子作为底本。一种图书一旦定为四库底本，还要进行一系列加工，飞签、眉批就是加工的产物。飞签也叫夹签，是分校官改正错字、书写初审意见的纸条。这种纸条往往贴于卷内，送呈纂修官复审。纂修官认可者，可用朱笔径改原文，否则不作改动。然后送呈总纂官三审，总纂官经过分析之后，可以不同意纂修官的复审意见，而采用分校官的初审意见。三审之后，送呈御览。第三步是抄写底本。抄写人员初由保举而来，后来，发现这种方法有行贿、受贿等弊病，又改为考查的办法，具体做法是：在需要增加抄写人员时，先出告示，应征者报名后，令当场写字数行，品其字迹端正与否，择优录取。考查法虽比保举法优越，但也有不便之处，因此最后又改为从乡试落第生徒中挑选，择其试卷字迹匀净者予以录用。这样，先后选拔了3826人担任抄写工作，保证了抄写《四库全书》的需要。为了保证进度，还规定了抄写定额：每人每天抄写1000字，每年抄写33万字，5年限抄180万字。五年期满，抄写200万字者，列为一等；抄写165万字者，列为二等。按照等级，分别授予州同、州判、县丞、主簿等四项官职。发现字体不工整者，记过一次，罚多写10000字。由于措施得力，赏罚分明，所以《四库全书》的抄写工作进展顺利，每天都有600人从事抄写工作，至少可抄60余万字。第四步是校订。这是最后一道关键性工序。为了保证校订工作的顺利进行，四库全书馆制定了《功过处分条例》，其中规定：所错之字如系原本讹误者，免其记过；如原本无讹，确系誊录致误者，每错一字记过一次；如能查出原本错误，签请改正者，每一处记功一次。各册之后，一律开列校订人员衔名，以明其责。一书经分校，复校两关之后，再经总裁抽阅，最后装潢进呈。分校、复校、总裁等各司其职，对于保证《四库全书》的质量确实起了重要作用。 乾隆四十六年（1781年）十二月，第一部《四库全书》终于抄写完毕并装潢进呈。接着又用了将近三年的时间，抄完第二、三、四部，分贮文渊阁、文溯阁、文源阁、文津阁珍藏，这就是所谓"北四阁"。从乾隆四十七年（1782年）七月到乾隆五十二年（1787年）又抄了三部，分贮江南文宗阁，文汇阁和文澜阁珍藏，这就是所谓"南三阁"。每部《四库全书》装订为36300册，6752函。七阁之书都钤有玺印，如文渊阁藏本册首钤"文渊阁宝"朱文方印，卷尾钤"乾隆御览之宝"朱文方印。 《四库全书》的内容是十分丰富的。按照内容分类，包括4部44类66属。经部包括易类、书类、诗类、礼类、春秋类、孝经类、五经总义类、四书类、乐类、小学类等10个大类，其中礼类又分周礼、仪礼、礼记、三礼总义、通礼、杂礼书6属，小学类又分训诂、字书、韵书3属；史部包括正史类、编年类、纪事本末类、杂史类、别史类、诏令奏议类、传记类、史钞类、载记类、时令类、类、职官类、政书类、目录类、史评类等15个大类，其中诏令奏议类又分诏令、奏议2属，传记类又分圣贤、名人、总录、杂录、别录5属，地理类又分宫殿疏、总志、都会郡县、河渠、边防、山川、古迹、杂记、游记、外记10属，职官类又分官制、官箴2属，政书类又分通制、典礼、邦计、军政、法令、考工6属，目录类又分经籍、金石2属；子部包括儒家类、兵家类、法家类、农家类、医家类、天文算法类、术数类、艺术类、谱录类、杂家类、类书类、小说家类、释家类、道家类等14大类，其中天文算法类又分推步、算书2属，术数类又分数学、占侯、相宅相墓、占卜、命书相书、阴阳五行、杂技术7属，艺术类又分书画、琴谱、篆刻、杂技4属，谱录类又分器物、食谱、草木鸟兽虫鱼3属，杂家类又分杂学、杂考、杂说、杂品、杂纂、杂编6属，小说家类又分杂事、异闻、琐语3属；集部包括楚辞、别集、总集、诗文评、词曲等5个大类，其中词曲类又分词集、词选、词话、词谱词韵、南北曲5属。除了章回小说、戏剧著作之外，以上门类基本上包括了社会上流布的各种图书。就著者而言，包括妇女，僧人、道家、宦官、军人、帝王、外国人等在内的各类人物的著作。 当然，《四库全书》的内容也有不足：第一，重视儒家著作，把儒家著作放在突出的位置。把儒家经典放在四部之首，把一般儒家著作放在子部之首。第二，轻视科技著作。认为西方现代科学技术，是"异端之尤"，可以"节取其技能，禁传其学术"。除了农家、医家和天文算法类收录少数科技著作之外，一般科技著作是不收录的。第三，不收戏剧著作和章回小说。第四，图书正文或有删节或挖改。编纂《四库全书》的过程，也就是寓禁于征的过程，也就是大兴文字狱的过程。据统计，在长达10余年的修书过程中，禁毁图书3100多种、15万部以上。在收入《四库全书》的图书中，也有不少删节或挖改。 在编纂《四库全书》的过程中，还编了《四库全书荟要》、《四库全书总目》、《四库全书简明目录》、《四库全书考证》、《武英殿聚珍版丛书》等。这几种书可以看作编纂《四库全书》的副产品。《四库全书荟要》是《四库全书》的精华，收书473种、19931卷。开本大小和装帧形式与《四库全书》相同。乾隆四十三年（1778年）共抄两部：一部放在宫中御花园的?ぴ逄茫徊糠旁谠裁髟岸酵獬ご涸澳诘奈峨槭槲荨！端目馊樽苣俊范倬硎恰端目馊椤肥章际楹痛婺渴榈淖苣柯肌８媚柯记坝?凡例"，经史子集四部之首冠以总序，大类之前又有小序，每书之下都有著者介绍、内容提要、版本源流等考证文字。由于这些考证文字出于纪昀、戴震、姚鼎、邵晋涵等著名学者之手，因而具有重要的学术价值。《四库全书简明目录》二十卷是《四库全书总目》的简编本，它不列存目书，只列《四库全书》收录的图书，每种书的提要也写得比较简单。《四库全书考证》一百卷是四库馆臣对应抄，应刻各书校勘字句的记录汇编，该书对于校订古籍有较高的参考价值。《武英殿聚珍版丛书》是用木活字印成的。它包括《四库全书》中138种"应刻"之书。该丛书在刻印4种之后，主持人金简通过比较，认为木活字花钱少，实用价值高，改为木活字印刷出版。金简把木活字印刷过程写成《钦定武英殿聚珍版程式》一书，并收入《四库全书》，它是古代印刷史上的重要文献，已被译成德文、英文等流布世界。 《四库全书》编纂成功的原因何在？第一，安定的社会环境。修书期间，正当康乾盛世，天下无事，没有战争的干扰。四库馆臣坐在书案之前，一坐就是10年，没有后顾之忧。第二，最高统治者的重视。《四库全书》从酝酿到修成，乾隆弘历始终参预其事，并由他精心策划。从征书、选择底本，到抄书、校书，乾隆弘历都一一过问，亲自安排。第三，雄厚的资金来源。《四库全书》卷帙浩繁，所需经费难以数计，清廷一概包揽下来。第四，严密的组织系统。四库全书馆的最高职务是总裁和副总裁，多由郡王，大学士以及六部尚书、侍郎兼任，负责总理馆内一切事务，下设纂修处，缮书处和监造处。纂修处负责校理勘定全部书籍，并兼任缮书处缮写书籍的分校工作；缮书处负责全书的缮写及校勘事宜；监造处负责武英殿刊刻、印刷、装订、整理书籍事宜。四库馆臣总计360人，因故革职、身死除名、调用它任者，不在此数。第五，破格录用人材。四库全书馆堪称人才之宝库，集中了大量优秀人才，其中不少人是破格录用的，如邵晋涵、余集、周永年、戴震、杨昌霖等人，人馆前不仅不是翰林，而且戴震、杨昌霖等连进士都不是，仅是举人。人才云集，为编纂《四库全书》创造了更加有利的条件。 从《四库全书》修成至今已有200余年。《四库全书》的流传情况如何呢？七部之中，文源阁本、文宗阁本和文汇阁本已荡然无存，只有文渊阁本、文津阁本、文溯阁本和文澜阁本传世至今。文渊阁本今藏台湾省，文津阁本今藏北京图书馆，文溯阁本今藏甘肃省图书馆。文澜阁本在战火中多所残阙，后来递经补抄，基本补齐，今藏浙江省图书馆。 如何评价《四库全书》？虽然《四库全书》在编纂过程中，有删削、挖改内容等过错，但就整体而言，应当是功大于过。首先，它保存了大量古籍，是古代文化的一次总结。 《四库全书》的编纂，对于弘扬民族文化，对于传播古代文化作出了重要贡献。200多年来，递经战乱，如果没有集众书于一身的《四库全书》，古籍将会大量散失，从而造成无可弥补的损失。其次，在古籍整理的方法上，尤其是在辑佚、校勘、目录学、汇刻丛书等方面给后人留下许多有益的启示：在辑佚方面，四库馆臣从《永乐大典》中辑出佚书并收入《四库全书》者共有385种，不仅使不少亡佚已久的古籍珍本重见天日，而且为后代的辑佚工作提供了一个良好的范例；在校勘方面，四库馆臣网罗众本、慎选底本等做法，为后代的校勘工作树立了一个良好的榜样；在目录学方面，《四库全书总目》的学术价值是古代任何官私书目无与伦比的，其编纂方法对后世产生了深远的影响；在汇刻丛书方面，清人以《四库全书》为榜样，掀起了编刻丛书的热潮。近年《四库全书存目丛书》和《续修四库全书》的出版，正是弘扬民族文化、继承和发扬《四库全书》的优良传统而结出的丰硕之果。 总而言之，《四库全书》是18世纪70到80年代中国历史乃至世界历史上的一项特大型文化工程，在人类文化史上写下了重要的一页。另一种观点：四库全书是中华传统文化的一次大浩劫。至于乾隆年间修的《四库全书》，就更是搞的彻底，全国图书都要进献检查，不仅不利于满清的文献被禁毁，连前人涉及契丹、女真、蒙古、辽金元的文字都要进行篡改。查缴禁书竟达三千多种，十五万多部，总共焚毁的图书超过七十万部，禁毁书籍与四库所收书籍一样多。“初下诏时，切齿于明季野史。其后，四库馆议，维宋人言辽金元，明人言元，其议论偏谬尤甚者，一切拟毁，……隆庆以后，至于晚明，将相献臣所著，靡有孑遗矣”。明清之际，黄道周、张煌言、袁继咸、钱肃乐、顾炎武、黄宗羲、孙奇逢诸人的著作，均于例禁。后来稍稍放宽，有些人的著作，只要“改易违碍字句，无庸销毁”。但对钱谦益、吕留良、屈大均、金堡以及戴名世、王锡侯、尹嘉铨诸人的作品，查禁特别严厉。乾隆时被销毁的书籍“将近三千余种，六、七万卷以上，种数几与四库现收书相埒”。吴晗说过“清人纂修《四库全书》而古书亡矣！”连宋应星的科技著作《天工开物》也因为有碍于愚民而禁毁，文字狱如此之彻底，一篇吴三桂的“反满檄文”，一本《扬州十日记》，一本《嘉定屠城记略》，竟在中华本土湮灭二百多年，二百多年后才从日本找出来！中华历史上的民族政权交替时代有过，但从来没有一个像满清统治者这样，彻底摧毁中华的衣冠、服饰，彻底绞杀中华的民族意识，从精神上到肉体上彻底把中华弄成完全顺服的走狗！满清统治者非惟酷毒暴虐、戾于刑狱；所“汉化”深者：工于心术而极力摧残中华，尤其中华士人之民族意识！较之前代的外族统治者，更加阴险、卑劣、刻毒！难怪鲁迅先生说：“对我最初的提醒了满汉的界限的不是书，是辫子，是砍了我们古人的许多的头，这才种定了的，到我们有知识的时候大家早忘了血史。”《四库全书》所收古籍许多经过篡改是尽人皆知的事实。与清代统治者利益相关的明朝人的文学和历史作品遭到大力剿灭，而且殃及北宋南宋。《四库全书》的编纂者对于反映民族矛盾、民族压迫和民族战斗精神的作品尽量摒弃和抽毁，对于不能不收录的名家名作则大肆篡改。如岳飞《满江红》名句“壮志饥餐胡虏肉，笑谈渴饮匈奴血”。“胡虏”、“匈奴”在清代是犯忌的。于是《四库全书》馆臣把它改为“壮志饥餐飞食肉，笑谈欲洒盈腔血”。张孝祥名作《六州歌头·长淮望断》描写北方孔子家乡被金人占领：“洙泗上，弦歌地，亦膻腥。”“膻腥”犯忌，改作“凋零”。陈亮的《水调歌头·不见南师久》词云：“尧之都，舜之壤，禹之封。于中应有，一个半个耻臣戎。”“耻臣戎”犯忌，改作“挽雕弓”。还有更荒谬的，辛弃疾的《永遇乐·千古江山》中的“斜阳草树，寻常巷陌，人道寄奴曾住”，被改作“人道宋主曾住”。“寄奴”是南朝宋开国皇帝刘裕的小名，“宋主”可以说是他的尊称。这两句的格律也应作“仄平”，两个字的音也都是“仄平”，改为“宋主”并不涉及音律问题；“寄奴”二字也与清朝犯忌的“胡”、“戎”、“夷”、“虏”等了无关涉。那么为什么还要改呢？原因只有一个，那就是用小名称呼帝王，做惯了奴才的《四库全书》馆臣看到就感到别扭，因此即使没有“违碍”之处也要改。这是多么自觉的奴才态度！难怪鲁迅说《四库全书》不仅藏在内廷，而且“还颁之文风较盛之处，使天下士子阅读，永不会觉得我们中国作者里面，也曾有过很有些骨气的人”(《病后杂谈之余》)。至于那些奴才走狗们说什么根据《高宗实录》(这又是一部可以唬人的著作)，这个《四库全书》是乾隆帝亲校(够他校一辈子的)，纪晓岚亲自三校。这除了给出版界、学术界增添些笑料还能说明什么呢？ </t>
  </si>
  <si>
    <t xml:space="preserve">求助：请问大家哪里拔牙技术又好又不疼啊？谢谢大家帮忙啊 </t>
  </si>
  <si>
    <t>不知道你人在哪里 ，在上海的话拔牙特别是智齿，我推荐我去过的上海登特口腔门诊部。</t>
  </si>
  <si>
    <t xml:space="preserve">自从更新好后就无法游戏了就记得上次更新好后，就一直这样，急！ </t>
  </si>
  <si>
    <t>那你只有去重下一个了</t>
  </si>
  <si>
    <t xml:space="preserve">两艘不同国籍的轮船相撞，如何适用法律？ </t>
  </si>
  <si>
    <t>《中华人民共和国海商法》第二百七十三条规定：“船舶碰撞的损害赔偿，适用侵权行为地法律。船舶在公海上发生碰撞的损害赔偿，适用受理案件的法院所在地法律。同一国籍的船舶，不论碰撞发生于何地，碰撞船舶之间的损害赔偿适用船旗国法律。”这一规定是根据中华人民共和国缔结或者参加的国际条约制定的。假如两条不同国籍的船只在中国流域相撞，就适用中国的法律。</t>
  </si>
  <si>
    <t xml:space="preserve">对夹式单向阀有什么用途? </t>
  </si>
  <si>
    <t>适用介质油、水、酸碘等液体适用温度硬密封      软密封≤400℃     ≤120℃适用于给水系统、石油、化工、冶金等工业部门对夹式单向阀主要零件材料:零件名称   阀体、阀瓣   密封圈   材料   碳钢、不锈钢、铜橡胶、三元丙橡胶、聚四氟乙烯、不锈钢对夹式单向阀结构及用途:    H74W对夹式止回阀是一种超薄止回阀，它具有结构简单，外形美观、重量轻、安装方便等优点。主要适用于给水系统、石油、化工、冶金等工业部门对有安装空间限制的场所最为适用。</t>
  </si>
  <si>
    <t xml:space="preserve">从天河机场怎么去武大呢？机场大巴怎么坐？然后再怎么走？求解答[悲? </t>
  </si>
  <si>
    <t>可以打的，大概100-120元，机场大巴座到武昌付家坡，乘公交522到茶港小区站下，直接就到武大学校的西门。</t>
  </si>
  <si>
    <t xml:space="preserve">外阴骚痒，白带粘稠，呈白色，请问这是什么症状，和怀孕有没有关系？ </t>
  </si>
  <si>
    <t>要看白带呈什么样,如果白带像豆腐渣样,有可能</t>
  </si>
  <si>
    <t>美容护肤小窍门</t>
  </si>
  <si>
    <t xml:space="preserve">美容护肤的知识很多，我朋友是在伊轩做美容师的，她给我介绍了以下方面首先护肤补水很重要，平时多喝水！保证水分。保证每天8小时以上的睡眠！油性皮肤要做到面部清洁，先要用水洗干净，用温和的洁面皂将脸洗一遍。这样就达到了去油的效果。化妆水要起到控油和清洁毛孔的作用，最好是含有少量的酒精。防晒品最好用清爽一点的，可以试试不是很油的隔离霜。面膜要做做补水面膜。如果肤质很好的话那就不要使用粉底了，使用隔离霜就能起到作用。另外油性皮肤最好不要化眼影，因为这个很容易脱妆了。如果要眼影的话，可以再眼睑墨粉用点蜜粉。使用这些化妆品化妆的时候一定要注意涂抹均匀，要不会起到反效果。 在伊轩美容的博客上能了解更多的美容常识 </t>
  </si>
  <si>
    <t xml:space="preserve">【集币知识】35、什么是生坑、老生坑、熟坑。 </t>
  </si>
  <si>
    <t>生坑：指新出土之钱，表面氧化严重。老生坑：指出土已久的铜钱铜锈被传世色泽所掩。熟坑：指未经入土的传世古钱。</t>
  </si>
  <si>
    <t xml:space="preserve">GM帮帮忙我一到进要游戏的时候就弹出系统检测到非法信息。请重新启 </t>
  </si>
  <si>
    <t>可能你电脑里其他非常软件而你不知道 建议杀毒</t>
  </si>
  <si>
    <t xml:space="preserve">求推荐厦门好吃的好玩的好住的[害羞][爱你] </t>
  </si>
  <si>
    <t>中山路那边可以满足你</t>
  </si>
  <si>
    <t xml:space="preserve">夏季宝宝如何防晒？虽说宝宝的成长离不开阳光的温暖，但过度晒太阳也 </t>
  </si>
  <si>
    <t>我认为宝宝最好不要用防晒用品，因为各种防晒用品里都含有不同程度的防晒物质，这种物质会从宝宝娇嫩的皮肤渗透到身体里，时间长了势必会产生副作用，我觉得还是通过防晒用具比如遮阳伞，遮阳帽等等，还有比较重要的是户外活动时间，不要选择强烈紫外线的时间外出，尽量选择清早和傍晚。</t>
  </si>
  <si>
    <t xml:space="preserve">染头过敏。用洗头膏洗头也过敏怎么办？什么样的染发产品不过敏啊？ </t>
  </si>
  <si>
    <t>别染了呗.用醋和面洗头也挺好的你试试吧.</t>
  </si>
  <si>
    <t xml:space="preserve">这个回答对吗？为什么对或为什么不对？交通事故当事人对交通民警事故 </t>
  </si>
  <si>
    <t>不对，事故认定不能行政诉讼。可以申诉。处罚决定，可以先复议，对复议不服，可以行政诉讼。也可以直接行政诉讼。诉讼费50元。胜诉还你，败诉你挨。</t>
  </si>
  <si>
    <t xml:space="preserve">护士用保证书转成矿工或猎人挂段时间再转回来会怎么样``这么转行么? </t>
  </si>
  <si>
    <t>可以的，护士称号拿的是生产系，可以用这办法，不过护士的声望好拿的很啊，不用转来转去那么麻烦，建议你先就职医生把治疗烧到7再用保证书转回护士</t>
  </si>
  <si>
    <t xml:space="preserve">我的手机电池充电完成后放入手机,为什么手机显示是在充电状态如题. </t>
  </si>
  <si>
    <t xml:space="preserve">    我建议你在万不得已的情况下不要使用万能充，最好使用手机自带的充电器。手机充好电后，手机还是显示充电状态，肯定是电池的电量发生了问题，导致手机显示充电状态。建议用另外的电池试一下是否还是有这种问题？如果还是有同样的问题，最好还是去修理一下了。    还有一种原因是不是手机受潮或者进水，仔细检查一下手机的电路，有没有短路现象。    祝你好运。</t>
  </si>
  <si>
    <t xml:space="preserve">我家电脑配置怎么样硬盘的250G的光驱是combo刻录光驱新蓝的 </t>
  </si>
  <si>
    <t>电脑不是光看硬盘和光驱还有显示器就可以的，管件要看得是处理器还有显卡</t>
  </si>
  <si>
    <t xml:space="preserve">看看我的配置能不能用ＸＰＣＰＵ是１１００ＭＨ．内存１９２ＭＢ，硬 </t>
  </si>
  <si>
    <t>这些配置完全可以装XP。这是我的实际经历，我在学校用的电脑内存是128的，硬盘是20的，CPU1300的，装的XP系统，感觉很好，不论平时操作的速度，还是上网的速度，都是可以的。配置低不要紧，只要对系统维护好，优化合理，还是能达到理想的效果的。</t>
  </si>
  <si>
    <t xml:space="preserve">什么地方可以买到股票? </t>
  </si>
  <si>
    <t>当然是证券公司呀，还有如果你的公司发行上市也可以买到内部职工股票的。</t>
  </si>
  <si>
    <t xml:space="preserve">请问：鲁泰A000726的走势？ </t>
  </si>
  <si>
    <t>这种股票，机会不多。</t>
  </si>
  <si>
    <t xml:space="preserve">我下了补丁怎么还是进不去啊,还是显示一串英文Can'tconne? </t>
  </si>
  <si>
    <t xml:space="preserve">那是你没安装成功吧~~~~~~~~~~~看完要点一下"采纳"我的答案哦,举手之劳,是我帮助大家的动力,3Q </t>
  </si>
  <si>
    <t xml:space="preserve">学驾驶最快多长时间可以拿到驾照 </t>
  </si>
  <si>
    <t>大约40天到60天，现在比较严格了。</t>
  </si>
  <si>
    <t xml:space="preserve">请问在哪里可以下载到一个不错的杀毒软件?(正版)同题!先谢谢了~ </t>
  </si>
  <si>
    <t>正版的杀毒都是要收费的,我推荐使用瑞星,包月10元,包年80元下载地址 其他网站有提供下载,并提供序列号的均为盗版.因为一个序列号只能在一台电脑上使用,第二台电脑开始就不能升级了.肯定已经有好多人下载过了,所以即使可以通过验证也无法升级如果您是去先下载个破解版的，再去一些网站下载升级，这也不安全。因为杀毒软件一般一天要升级好几次，而升级包毕竟是盗版的，他需要先把正版的病毒库制作成升级包，在供用户下载，整个过程有可能会耽误到电脑安全。所以建议您还是用收费版本的对于去其他网站下载卡巴斯基的key,那也不能升级的.因为同样,一个key只能在一台电脑上使用我建议你使用瑞星而不使用卡巴的理由 理由一：瑞星的系统空间占用量很小，一般配置的电脑都可以使用；而卡巴斯基系统占用量很大，如果要工作一般都得先关闭 理由二：瑞星的查杀能力比卡巴斯基好。我就曾经试过，曾经中过一次病毒，先用卡巴斯基茶，半天查不到个什么病毒，只查到所谓的“广告程序”，其实我仔细一看，都是一些下载的汉化包等软件；而后来换使用瑞星，就杀光了所有的病毒，而且不会有像卡巴斯基那些无用信息。我们用杀毒软件是要杀病毒，又不是要搜索汉化包，你说是不是理由三：瑞星的杀毒速度很快，而卡巴斯基很忙。一般瑞星杀半个小时的文件用卡巴斯基要一个多小时 理由四：售后服务。瑞星公司有上百名售后工程师为您服务，如果你遇到使用上的问题，只要拨打瑞星服务中心的电话010-82678800，就可以快捷提供服务（服务时间早7点到晚9点，周六日也上班）；而卡巴斯基虽然也有售后工程师，但服务态度很差（上次我拨打过，说一半他的手机响了，居然放下电话去接手机。而且服务时间仅早9点到晚6点，周六日不上班），售后工程师也才2个理由五：瑞星的价格便宜，下载版每月只要10元，一次性交半年费用只要50元，一次性交一年只要80元。卡巴一个月就15了，包年要150理由六：卡巴斯基整天在误杀程序，导致系统无法运作。你随便到一个搜索网站，随便输入"卡巴误杀"等相关词汇都可以看到很多。而瑞星至今为止还没有出现过这些情况。今天卡巴已造成22次重大误杀总而言之，卡巴斯基是以随随便便的态度对待中国市场。还是用瑞星比较好</t>
  </si>
  <si>
    <t xml:space="preserve">血脂检查其他指标正常，但是甘油三酯约是1.7的4倍，如何降低甘油? </t>
  </si>
  <si>
    <t>甘油三酯是1.7的4倍，约为6.8，属于中重度甘油三酯增高。1、因血脂过高，须药物治疗：主要选择贝特类药物，如 吉非罗齐 或非诺贝特等。 2、非药物治疗：如饮食控制与低脂饮食，减少甜食或碳水化合物的摄入；加强体力活动和体育锻炼，体重超时应逐步减轻体重，并戒烟，少饮酒、避免紧张等。 回答补充问题甘油三酯易受饮食影响，如果吃了高脂饮食，会使血中甘油三酯增加；另外，进食主食如米、面，及其他高热量、高糖饮食过多，也可在体内转化为甘油三酯，引起血脂升高。你上次检查血脂增高，这次血脂正常，低密度脂蛋白稍偏低，一是与近期控制饮食有关，二是多属于高血脂早期，血脂不稳定所致。此种情况可以预防保健治疗为主，如血脂正常，不必服药，定期复查，当血脂增高时再用药物治疗。</t>
  </si>
  <si>
    <t xml:space="preserve">招远市治疗癫痫病医院有哪些 </t>
  </si>
  <si>
    <t>因为癫痫病的危害是很大的，因此患有癫痫病的人要赶紧的到医院治疗。但是在治疗的时候癫痫患者要知道治疗的医院是不是正规的医院，因为只有正规的医院才能把病治好。患者在选择医院的时候要知道医院是不是有专业的医生，因为专业的医生在治疗的时候是很有经验的，这样患者在治疗的时候也就不用担心了。治疗癫痫病是不能拖得，因为癫痫病是经不得拖得，如果癫痫病一直就这样拖着不治疗，那么癫痫患者的病情变得就很严重的，而且也会危及到生命。癫痫患者在治疗癫痫病的时候要有一个好的心态，因为有一个好的心态在治疗的时候是有帮助的。治疗癫痫病的时候是需要好的治疗的医院的，这样癫痫患者的疾病就可以很快的有好转的。癫痫患者在选择医院的时候可以选择中西医结合的医院，这样的医院在治疗癫痫病的时候是很专业的，而且治疗的方法也是很多的，因此，患者在治疗的时候可以选择这样的医院。在治疗癫痫病的时候想要使癫痫病有很好的好转，那么癫痫患者在治疗的时候就要选择好的治疗方法，这样患者的癫痫病才可以有不错的治疗的。治疗癫痫病的方法是很多的，患者在治疗的时候需要选择适合的治疗方法，这样患者的疾病就可以很快有好转的。</t>
  </si>
  <si>
    <t xml:space="preserve">手枪射击为什么要把胳膊伸直啊？ </t>
  </si>
  <si>
    <t>1，伸直胳膊可以有效的利用肘关节和肩关节，以及身体进行缓冲，射击中只有减少缓冲，才能更快的再瞄准，也可以提高射速。2，手臂如果程  〉 形状，你的肘关节承受不了那么大的力，自然要后弯  &gt;  在发射的一瞬间，你的手臂发生一个角度，自然就打不准拉。其实射击也是很灵活的，不同情况不同分析。</t>
  </si>
  <si>
    <t xml:space="preserve">关于亡灵牧师的问题？亡灵牧师专有技能噬灵瘟疫和暗言：痛伤害效果是 </t>
  </si>
  <si>
    <t>是叠加的。基本上加起来就有1000多的伤害。。如果放两个基本上必死的。所以看见逃跑的人不一定要用鞭笞什么的。跟着他跑就是了，如果痛杀不了他，就再给他加个痛。。磨死他哈哈</t>
  </si>
  <si>
    <t xml:space="preserve">林姓的宝宝征集名字我家宝宝按家谱轮到“子”字辈所以说应该叫林子* </t>
  </si>
  <si>
    <t>林子森、林子?蕖⒘肿??</t>
  </si>
  <si>
    <t xml:space="preserve">核桃该如何吃都说吃核桃好，可是该如何吃呢？我是指俗称的大核桃。我 </t>
  </si>
  <si>
    <t>我现在怀孕七个月了，我买的也是大核桃，每天晚上我老公都帮我把核桃橇烂，我吃的都是新鲜的肉．核桃只有吃新鲜的宝宝才容易吸收！</t>
  </si>
  <si>
    <t xml:space="preserve">地方企业债券不计复利吗 </t>
  </si>
  <si>
    <t xml:space="preserve">地方企业债券不计复利 </t>
  </si>
  <si>
    <t xml:space="preserve">帮帮忙啊，该不该复读？山东今年一本587，三本490。我考了34 </t>
  </si>
  <si>
    <t>你的精神可嘉，一定要复读，不上北大清华誓不罢休，我支持你</t>
  </si>
  <si>
    <t xml:space="preserve">一马奔腾,刀光剑影(打一字) </t>
  </si>
  <si>
    <t>验</t>
  </si>
  <si>
    <t xml:space="preserve">我是一名14岁的女生,但很肥胖,我知道我处在发育期,请问怎样减肥? </t>
  </si>
  <si>
    <t>除了运动，节食就是吃药了，但吃药不安全而且有副作用，下面介绍个资料给你，供参考……无论你要减何部位，不论你采取什么减肥方式，总之减肥之道任重而道远，坚持到底才是胜利…… 【简单版】： 适当运动，合理饮食。 【完全版】： 瘦身不要依赖于减肥药，那个多多少少多身体都有负面影响的，多锻炼自然会瘦身的，还能增加自身的免疫力！不要盲目的去轻信广告商们！要减肥,你先看这个吧,您会有意想不到的效果。 针灸减肥是通过穴位刺激，抑制食欲，达到控制饮食、减轻体重的目的，针灸过程中效果很好，但是需要在停止针灸后继续保持控制饮食的良好习惯，才不会反弹，如果停止后继续暴饮暴食，体重就会反弹回去。 ◆一、如何减去腹部脂肪： 许多上班族由于长时间坐在办公室，缺乏运动，很容易堆积脂肪在腹部的位置，而腹部脂肪属深层脂肪，要有效解决，需要多方面的配合； 1. 要改变饮食习惯。 吃完饭后不要立即坐下或趴睡，最好能保持站立的形式，可以选择散散步或整理一些东西。如此除了减少脂肪堆积外，还能帮助消化。因为饭后30分钟内，如果保持不动的状态，最容易形成腹部脂肪。 2. 走姿和坐姿要正确； 走路时要抬头挺胸、摆动手臂。常环抱手臂在胸前，腹肌没有出力，容易突起。而且摆动手臂走路，不仅消耗更多的能量，看起来也格外有精神。而坐下时，也要让脊背打直，不要将弯腰或挺腹，如此才能训练腹肌，使腹肌有力而不易松垮。 3. 要配合运动； 摇摇呼拉圈或随时做一做仰卧起坐、伸伸懒腰，都能逐渐消除腹部脂肪，且使腹肌日益结实而不易再堆积脂肪。 ◆二、如何减去肚子的脂肪： 许多上班族由于长时间坐在办公室，且缺乏运动，很容易堆积脂肪在腹部的位置，而腹部脂肪属深层脂肪，要有效解决，需要多方面的配合。 首先要改变饮食习惯，吃完饭后不要立即坐下或趴睡，最好能保持站立的形式，可以选择散散步或整理一些东西，如此除了减少脂肪堆积外，还能帮助消化，因为饭后30分钟内，如果保持不动的状态，最容易形成腹部脂肪。 再来就是走姿和坐姿要正确，走路时要抬头挺胸、摆动手臂，常环抱手臂在胸前，腹肌没有出力，容易突起，而且摆动手臂走路，不仅消耗更多的能量，看起来也格外有精神。而坐下时，也要让脊背打直，不要将弯腰或挺腹，如此才能训练腹肌，使腹肌有力而不易松垮。 最后就是要配合运动，摇摇呼拉圈或随时做一做仰卧起坐、伸伸懒腰，都能逐渐消除腹部脂肪，且使腹肌日益结实而不易再堆积脂肪。 一般坊间很多瘦身霜，使用后大都只能帮助体内排除水份，无法真正消除脂肪。甚至有许多瘦身霜，添加号称能分解脂肪细胞的Aminophylline，并且可以让使用者马上见效。事实上，至今并没有相关的临床研究可以证实Aminophylline能分解脂肪，因此想要减除身上多余的脂肪，还是从饮食和生活习惯来改善，才是正本清源之道。 ◆三、平坦腹部秘诀： 每天朝九晚五坐在工作桌前，令不少白领丽人腹部变得有点“十月怀胎”之嫌。缺乏运动及午餐后便坐着工作的人士，其腹部最容易出现“肚腩”，加上都市人一般易患肠胃小毛病，消化不良亦会引致腹部体形变坏。 在日常生活细节里，如果你稍稍注意一些基本守则，那么平坦的腹部仍会长伴左右。 进食时消除紧张感 许多人的肠胃很敏感，特别是女性。可能是消化道黏膜的激素感受器问题，导致经常性肠道功能病，人们错误地称之为结肠炎。日常预防的方法是吃饭时姿势要端正，慢慢吃，环境要安静（假如把电视机开掉），咀嚼要够充分。 食物要煮熟 现在的时尚烹饪是半生不熟，这导致淀粉无法被摧毁，大多数蔬菜与谷物中的淀粉糖聚集于大肠，产生二氧化碳，导致腹部隆起。 食用健康食品 酸奶与发酵的牛奶能激活消化必须的物质，有助于改善肠道微生物系统，从而防止腹部隆起。 少喝带气饮品和少嚼香口胶 喝带气饮品或嚼香口胶时，会吞食很多空气，特别是香口胶中含有的多元醇，不会被小肠消化。 锻炼出结实的腹部 结实的腹壁令肠胃鼓胀情况减少。 走路、喝水、按摩 走路及喝水有利腹部扁平。同时可以每天在腹部做环行按摩。 增加矿物质，避免经期前的综合症 如果你的腰围在月经前比平时粗大，可以试试吃富含铁（水果、乾果）、钙（奶制品与矿泉水）、锌（红色肉、鱼、贝壳、海鲜……）的食物，这些矿物质能帮助你平衡荷尔蒙，避免这种经期前综合症。 控制呼吸 正确呼吸能帮助消除体内的毒素与紧张情绪，使人感觉良好，保持优美的体态姿势。 ◆四、瘦身美人的肩背练习： 1．直立，双脚分开略宽于臀部，微微屈膝。双眼直视前方，后背挺直。双手握住一个两磅重的球或其他等重物体，放在臀部。 2．右手持球，双臂伸直上举，在头顶处将球传入左手。 3．双臂下降，回到臀部，重新开始上下传球动作。双臂动作看起来就像转动的风车。 4．重复传球动作20次。动作要慢，不要靠冲力来运动。 注意：不要靠活动手腕来传球，手臂、后背、脖子都要挺直，这样就能自然而然地传球而不是滚球。 ◆五、小腿练习 1．贴着墙坐下，后背挺直，脚掌贴地。手持一根重16磅的健身棒放在大腿上，离膝盖约有三英寸。 2．脚跟向上抬，同时双手用力下压健身棒。 3．重复该套动作25次。 ◆六、对付你的下半身肥胖 腿粗胖大大影响女性的体态美。这和遗传有一定的关系。如果你家族里大部分成员的腿都是又粗又肥，那你也大有可能大腿臃肿。运动生理学家发现，下半身的脂肪，也就是积聚在臀部和大腿的脂肪，可能是特别难消除的。在身体其他部位的脂肪都能轻易地增减脂肪细胞，但下半身的脂肪却不能这样。 要使大腿变得苗条，也有方法，且并不复杂，只要持之以恒，是完全可能做到的。以下是专家们经过长期研究后推荐的三种向粗胖大腿进攻的方法： 运动的种类很多，如果你把目标定在粗胖的大腿上，你最好还是选择一种以锻炼双腿为主的运动。因为活动大肌肉，例如大腿和臀部肌肉，你就可以增加热量的总燃烧量。 锻炼大腿和臀部肌肉的最佳运动是步行、骑自行车(包括在室内骑健身自行车)、越野滑雪、爬楼梯。 专家们认为跑步能消耗脂肪，但对腿粗臀肥的人来说，他们可能会觉得跑步很吃力、很不舒服，不想坚持下去。因此，把步行和跑步相结合是一个好方法。那就是以步行为主，途中作几次短距离跑步，每次跑步一两百米，习惯后，逐渐把跑步的时间延长。 游泳是很受欢迎的健身活动。专家们认为，如果想在游泳池中锻炼双腿，可在浅水的一端跑步，或穿若救生衣在深水的一端做跑步动作。水的阻力会使双腿活动比较费力，却不会像在地面上跑步那样须承受较大的震荡，因此是减去腿部和臀部脂肪的好方法。 要想使大腿苗条，运动量多少才足够?如果你心血管健康，那么，你应该每天运动20分钟；如果你想燃烧更多脂肪，使大腿线条更优美，最好每天早晚各运动一次，每次20到30分钟。此外，还可考虑做些园艺工作之类的活动。 运动的剧烈程度须保持在低至中等水平—充其量只可达到最高限度的60%。把运动的剧烈程度保持在这个水平上，可燃烧更多的脂肪。运动时间的长短比运动的剧烈程度更重要。要减掉脂肪，步行一小时和跑步20分钟的效果相等。 ◆七、让你的手臂没赘肉 ： 日常生活中，手臂是活动最激烈的部位，但其伸展的方向大多只有前面或侧面。由于较少于后面运动，因此内臂部分较容易松驰。而且肌肉较不使用的部位极容易堆积脂肪，尤其在25岁过后更加明显。无论如何，想要有结实的肌肉，则必须面面俱到。 1、锻炼内臂，使之结实。 双手交错，拇指向下，双臂向前延伸。静止2~3秒后双手反转一下收回，再向前延伸一次约2~3秒。慢慢进行约10~20次。 2、使双臂紧张。 单手按摩肩膀，并不停的耸肩，按压的手一直向下压双臂，特别是按压手臂的内侧肌肉。左右各5秒共进行5次。 3、改善内臂的松驰 双手掌交错在耳边，向上延伸用力，静止2~3秒后放松。训练平常较不使用的肌肉，同时可缴正姿势。共进行5~10次。 肌肉的训练中有游泳、伏地挺身等等动作性的运动，也有延伸静止的静态运动。在静态方面，可使肌肉继续紧张，具有紧缩、防止脂肪沉淀的效果；而伏地挺身等的动态运动则较适合体力较佳的人。 ◆八、能吃掉脂肪的食物： 脂肪是吃出来的，但合理的吃也会吃掉你的多余脂肪。我们不妨利用一些具有降脂作用的食物，帮助你吃掉体内脂肪。 蔬菜类：大蒜中含有硫，所形成的硫基化合物可以减少血液中胆固醇和防止血栓形成，有助于增加高密度胆固醇，对减肥有利。 谷类：燕麦含有极丰富的亚油酸，可防止动脉粥样硬化。玉米则含有丰富的钙、磷、硒和卵磷脂、维生素E等，均具有降低胆固醇的作用。 医学专家认为，人类日常膳食中存在许多能减去体内多余脂肪的有效物质，人们在享受美味的同时又能减掉身上多余的脂肪。近几年，世界上流行的减肥品多是以谷类、海洋类食品为原料，如一些减肥饼干以豆类、谷类、海洋类食品为原料，提取浓缩人体在减肥期间必需的32种营养元素和具有减肥作用的特有纤维成分，通过吸取体内过量脂肪，同时调节营养失衡。早餐一小包饼干加上一杯酸奶或豆浆，既减肥又健康。 ◆九、多喝豆浆巧减肥： 豆浆中含有的大豆皂甙对血中的胆固醇、中性脂肪均有降低作用。人体中的中性脂肪增加，就会引起发胖，发胖对动脉硬化、高血压、冠心病、糖尿病等都是不利的。因此，日常多喝些豆浆，对身体是大有好处的。 营养学家认为，肥胖不是营养过剩，而是由结构性营养不良造成的，由于生活条件的改善，人们过多地食用富含动物脂肪的产品，造成内分泌及脂肪代谢失调，从而引起了脂肪积蓄，导致肥胖。 因此，减少动物产品食用量，增加天然植物食品在饮食结构中的比例，是达到健康减肥的必由之路。经常饮用鲜豆浆，可起到平衡营养，调整内分泌和脂肪代谢系统，激发人体内多种酶的活性，分解多余脂肪，增强肌肉活力的作用，既保证人体有足够的营养，又达到健康减肥的作用。 ◆十、教你如何能“吃”去脂肪 ： 食用以下食物，可有效地抑制因摄取脂肪较多而引起的多种病症。 洋葱：含前列腺素A，有舒张血管，降低血压等功能；还含有烯丙基三硫化合物及少量硫氨基酸，可降血脂，预防动脉硬化。40岁以上者更要常吃。 苹果：因富含果胶、纤维素、维生素C等，有非常好的降脂作用。如果每天吃两个苹果，坚持一个月，大多数人血液中导致对心血管有害的低密度脂蛋白胆固醇会大大降低，而对心血管有益的高密度脂蛋白胆固醇水平会升高。实验证明，大约80％的高血压患者的胆固醇水平会降低。苹果可帮助排除多余的钠盐，可以防止腿部水肿。日食苹果3个，能让您维持满意的血压。富含果胶的苹果，可以帮助肠子与毒素结合，加速排毒功效并降低热量吸收。 大蒜：含硫化合物，可减少血液中的胆固醇，可阻止血栓的形成，有助于增加高密度脂蛋白，保护心脏动脉。 牛奶：含较多的乳清酸和钙质，这些物质既能抑制胆固醇积于动脉血管壁，能抑制人体内胆固醇合成酶的活性，还可减少胆固醇的吸收。 燕麦：含丰富的亚油酸及皇甙素，可防止动脉粥样硬化。 玉米：含有丰富的钙、磷、硒、卵磷脂、维生素E等，具有减低血清胆固醇的作用。印第安人几乎没有高血压、冠心病，这主要是得益于他们长期以玉米为主食。 海带：含丰富的牛磺酸、纤维藻类，这些物质可降低血脂及胆汁中的胆固醇。 葡萄柚：葡萄柚酸性物质可以帮助消化液增加，促进消化功能，消除疲劳，美化肌肤。葡萄柚含丰富的维生素C，含糖份少。 番茄：番茄含有红素、食物纤维及果胶等成分，可以降低热量的摄入，促进肠胃蠕动。 韭菜：韭菜除了含钙、磷、铁、及糖类、蛋白、维生素A、维生素C外，还含有胡萝卜素和大量的纤维素，能增强胃肠蠕动，有很好的通便作用，能排除肠道中过多的脂肪及其毒素。 葡萄、葡萄汁、葡萄酒一样含有一种白藜芦醇，是能降低胆固醇的天然物质。动物实验证明，它能使胆固醇降低，还能抑制血小板聚集，所以葡萄是高血压患者最好的食品之一。 香菇：能明显降低血清胆固醇、甘油三酯及低密度脂蛋白水平，经常食用，可使身体内高密度脂蛋白有相对增加趋势 。 冬瓜：经常食用冬瓜，能去除身体多余的脂肪和水分，起到减肥的作用。 胡萝卜：富含果胶酸钙，它与胆汁酸磨合后从排便中排出。身体要产生胆汁酸势必会动用血液中的胆固醇，从而使血液中的胆固醇的水平降低。 ◆十一、七日瘦身 靓汤帮你忙： 汤料：洋葱，番茄，菜花，黄瓜，芹菜，青椒 做法：全放锅里，熬成菜汤即可 吃法： 第一天：只吃青菜，喝汤；第二天：只吃水果，喝汤 第三天：吃水果青菜，喝汤；第四天：吃少许的肉，青菜，水果，喝汤 第五天：吃水果青菜，喝汤；第六天：只吃水果，喝汤；第七日：只吃青菜，喝汤。 以上为“七日瘦身汤”，的确管用，不信你试，七天瘦五斤左右不成问题。 切记：水果，青菜，肉的位置不可倒，即不能瞎吃。完全照做即可达到效果，汤，做到饿了就喝，想喝就喝，想起来就喝，效果更佳。 ◆十二、适合OL的瘦身饮品 ： 工作繁忙的上班族，没时间做瘦身餐，在这里推荐你几种饮品，只要记住饮用时间，就能慢慢让身体轻盈。 ◆十三、饮用时间： 早上刚起床时（睡醒后就开始喝） 原理：刚起床时，身体的新陈代谢率较低，起床马上喝热开水，给予脑部刺激，以提高新陈代谢率。 ◆十四、瘦身方式及规则： 1.三餐照常吃。 2.热开水2杯。 3.一起床马上喝，不是早餐前才喝。 4.不可以用其他饮料代替。 提示：按规定的时间饮用，就可以在两星期内看到效果。 减肥的时候除了合理地搭配膳食，更重要的是适当地进行体育运动，只要坚持不懈就一定能够收到最好的瘦身效果。 ◆十五、中国民间减肥三招： 保持轻盈苗条的体态是古今中外所有女性的梦想，我们的老祖宗也不例外。流传在民间的减肥方法，或许因为更适合“我国国情”而更加有效呢？丢掉西洋进口减肥药，试试中国民间的减肥“瑰宝”吧。 1．桃花减肥 唐玄宗的贵妃杨玉环身材丰肥、汉成帝的皇后赵飞燕身材清瘦，两人都是历史上著名的美人，因此后世的“环肥燕瘦”的说法。但如果过于丰肥或过于清瘦，那就令人讨厌了。过于肥胖不仅使人缺少风姿，而且影响身体健康，因此有必要进行减肥。史传杨贵妃用单味桃花减肥，方法极简单。川桃花10克泡水，不时饮用，不但能减肥，而且能使脸色白红润，可谓一举两得。 本方在《肘后方》、《干金要方》中都有收载，均指出能“细腰身”，说明本品具有明显的减肥作用。桃花之所以能减肥，是因为它具有荡涤痰浊，使之从大便而出的功效。李时珍认为“走泄下降，利大肠甚快，用以治气实人病水饮肿满、积带大小倒闭塞者，则有功无害”(《本草纲日》)。可见桃花有去水消胖、减肥的作用。(个人认为，这个方法还比较有用的) 2．毛巾擦身的锻炼减肥 把毛巾浸在冷水(自来水)中拧掉大部分水后，依次推擦上肢、下肢、腰部、后背、颈部、腹部、胸部，每一部位反复推擦10—20次。在推擦中反复浸洗毛巾，以保持一定的低温及湿度。 冷水擦身可以消耗大部分热能。热能是身体内的糖、脂肪所转化，故消耗热能，即是消耗糖和脂肪，促进糖和脂肪代谢，起到调肤美颜的作用。（现在是冬天了哦^-^不知道你能不能坚持。还可以抗感冒的） 3．鬃刷刷身减肥 赤身裸体，以鬃刷依次由左上肢外侧、内侧，心上肢外侧、内侧，左下肢外侧、内侧，右下肢外侧、内侧及臀部、腰背部、后颈、腹部、胸部刷身。各部位反复刷至发热，皮肤呈微红色为止。亦可将鬃刷沾水湿刷身体，则减肥效果更佳。 此法除减肥外，并可预防感冒和高血压病。久为之，可使皮肤变得光滑而红润富于弹性，亦为健美佳法。 ◆十六、五种泡澡瘦身法 （如果你有条件的话，可以考虑一下）： （一）、粗盐浴 :用没有经过人工改造的天然粗盐泡澡，就能在不知不觉中瘦身，这是许多日本女孩子的美体秘诀。 1．将2匙左右的粗盐，加入40度的温水中拌匀。 2．在浴缸中约泡5分钟，就要离开浴缸约30秒，这样反复约2-3次。 3．最后，再用沐浴乳全身清洁一遍，包括头发也要洗哦!你可以用沐浴盐代替粗盐但不可用食用盐。它可以使体内的废物快速排出，另外泡澡时会有许多矿物质附着在皮肤上，增加保湿效果，使身体温暖起来，增加血液循环与新陈代谢，除了减重，它还对头痛、怕冷、肩酸有疗效。 太饿、太饱、酒后，都不要泡澡。太饿泡澡，会有血糖降低而休克的危险，太饱泡澡，会影响你的消化功能。 （二）、精油浴 精油的超微分子，是瘦身的特攻队，超快渗入皮肤底层，展开美化身材的作业。 1．将浴缸放入40度左右的洗澡水。 2．进入浴缸后滴入8-10滴精油。迷迭香、柠檬、桔子等精油都可以。 3．边泡澡边用力吸精油的香味，干性肌肤的人可丢进一颗浴球。 柠檬、桔子等，都是瘦身排油的天后级精油，迷迭香可增强血液循环与排毒。 （三）、咖啡矿物玲珑浴 咖啡中的矿物质可以让松松的皮肤愈泡愈紧，所以喝过咖啡后，千万别丢掉可以让你瘦身的咖啡渣。 1．将随身包咖啡倒入锅里煮，煮得要比平常更浓一些。 2．将煮好的咖啡倒入浴缸里，然后泡上18分钟。 泡澡之前，要先清洁肌肤，以免毛孔堵塞，阻碍汗水排出与瘦身分子的吸收。 （四）、温热双享泡 除了原有的浴缸，你再准备一个大浴盆，一边放热水，一边放温水，轮流换着泡，身材就不知不觉变好了。 1．先泡在42度的热水中，泡到身体出汗为止。 2．离开浴缸，用干毛巾把身体擦干。 3．再进入35度的温水中，直到身体适应水温后，再进入热水，这样来回泡4-5次。 这种类似三温暖的泡澡方法，可藉由血管不断的扩张、收缩，增加血液循环，连末稍血管都不放过，这种方法的水温与泡澡次数，可依个人体质做调整，但有脑部、心脏血管疾病的女孩不要使用。 （五）、健康瘦绿茶浴 绿茶是瘦身军团的大头目，你想不到泡它也能瘦吧！ 1．把喝过的绿茶渣（3次的量），或喝过的茶包3-5包，丢入丝袜或棉布袋中。 2．把袋子放入洗澡水里即可下水，一次约泡20分钟。 一定要用绿茶来泡，不可用其他的茶，绿茶中的儿茶素与咖啡因可提高脂肪的代谢率，因而能很有效地打击脂肪。一边泡绿茶澡，一边喝绿茶，更能达到雕塑身材的效果。但要注意，不要用隔夜茶泡澡哟。 苦瓜泡绿茶。就是苦瓜切薄片，放绿茶里一起泡着喝。多少随意。 ◆十七、【几种减肥蔬菜】 ： 许多身体偏胖或担心发胖的人，总认为吃蔬菜不会发胖，因而对蔬菜往往不加选择、不加控制地食用。实际上，过多摄入含有碳水化合物高的蔬菜，过剩的碳水化合物也会在体内转化为脂肪储存起来。那么，胖人吃哪些蔬菜好呢？ 黄瓜:黄瓜与其它营养丰富的蔬菜相比，其所含的营养成分较少。而且，黄瓜中含有的丙醇二酸，有助于抑制各种食物中的碳水化合物在体内转化为脂肪。 白萝卜: 萝卜含有辛辣成分芥子油，具有促进脂肪类物质更好地进行新陈代谢作用，可避免脂肪在皮下堆积。 韭菜: 韭菜中含纤维较多且不易消化，可促进肠蠕动，有较强的通便作用，从而可排除肠道中过多的养分。 冬瓜: 冬瓜含的营养成分较少且能去掉体内过剩的脂肪，具有较强的通便作用 辣椒: 辣椒中含有丰富辣椒素。能促进脂质代谢，并可溶解脂肪，抑制脂肪在休内蓄积。 绿豆芽: 含水分多，食人体内后产生的热量少，更不容易形成脂肪堆积皮下。 大豆及大豆制品 : 含有丰富的不饱和脂防酸，能分解休内的胆固醇，促进脂质代谢，使皮下脂肪不易堆积。有关专家认为，醋豆里的皂素能排除粘附在血管壁上的一种脂肪，并能减少血液中胆固醇含量。 醋豆的制法是：将黄豆洗净，沥干水，炒2一5分钟左右（注意别炒焦）。待冷却后，装瓶，倒人食醋淹泡，加盖封好，一周后即可食。每天早晚各吃数粒，即有减肥效果。有兴趣的读者不妨一试。 ◆十八、简易运动 轻松减肥 在药物减肥、器械减肥、医学减肥等各种方式盛行的今天，人们似乎忘了最省钱、最无副作用的方法——运动。中国减肥协会的卢大夫说，运动减肥是最为健康的减肥方式，不过贵在坚持。 游泳塑造好身材 在各类减肥运动中，游泳是值得向大家推荐的最佳的锻炼项目。常游泳的人身材健美；不会游泳的人，在水里泡泡，打打水仗，对减肥都有点儿作用。 游泳利于减肥的原因在于： 1．游泳消耗的能量大。这是由于游泳时水的阻力远远大于陆上运动时空气的阻力，在水里走走都费力，再游游水，肯定消耗较多的热量。同时，水的导热性大于空气24倍，水温一般低于气温，这也有利于散热和热量的消耗。因此，游泳时消耗的能量较跑步等陆上项目大许多，故减肥效果更为明显。 2．可避免下肢和腰部运动性损伤。在陆上进行减肥运动时，因肥胖者体重大，使身体（特别是下肢和腰部）要承受很大的重力负荷，使运动能力降低，易疲劳，使减肥运动的兴趣大打折扣，并可损伤下肢关节和骨骼。而游泳项目在水中进行，肥胖者的体重有相当一部分被水的浮力承受，下肢和腰部会因此轻松许多，关节和骨骼受损伤的危险性大大降低。 3．可享受天然的按摩服务：游泳时，水的浮力、阻力和压力对人体是一种极佳的按摩，对皮肤还可起到美容的作用。鉴于上述的原因，肥胖者确实可将游泳作为自己主要的减肥运动。但在游泳前，须做好准备工作，同时必须注意安全，防止发生意外事故。 ◆十九、跳绳减肥 国外一些健身运动专家近年来格外推崇跳绳运动。因为它具备众多优点： 1．简单易行。跳绳花样繁多，可简可繁，随时可做，一学就会，特别适宜在气温较低的季节作为健身运动，而且对女性尤为适宜。从运动量来说，持续跳绳10分钟，与慢跑30分钟或跳健身舞20分钟相差无几，可谓耗时少、耗能大的有氧运动。 2．锻炼多种脏器。跳绳能增强人体心血管、呼吸和神经系统的功能。研究证实，跳绳可以预防诸如糖尿病、关节炎、肥胖症、骨质疏松、高血压、肌肉萎缩、高血脂、失眠症、抑郁症、更年期综合征等多种症病。对哺乳期和绝经期妇女来说，跳绳还兼有放松情绪的积极作用，因而也有利于女性的心理健康。 鉴于跳绳对女性的独特保健作用，法国健身专家莫克专门为女性健身者设计了一种“跳绳渐进计划”。初学时，仅在原地跳1分钟，3天后即可连续跳3分钟，3个月后可连续跳上10分钟，半年后每天可实行“系列跳”如每次连跳3分钟，共5次，直到一次连续跳上半小时。一次跳半小时，就相当于慢跑90分钟的运动量，已是标准的有氧健身运动。 虽然跳绳是个不错的健身方法，但不小心很容易受伤，所以要注意以下事项： 1．跳绳者应穿质地软、重量轻的高帮鞋，避免脚踝受伤。 2．绳子软硬、粗细适中。初学者通常宜用硬绳，熟练后可改为软绳。 3．选择软硬适中的草坪、木质地板和泥土地的场地较好，切莫在硬性水泥地上跳绳，以免损伤关节，并易引起头昏。 4．跳绳时需放松肌肉和关节，脚尖和脚跟需用力协调，防止扭伤。 5．胖人和中年妇女宜采用双脚同时起落。同时，上跃也不要太高，以免关节因过于负重而受伤。</t>
  </si>
  <si>
    <t xml:space="preserve">用ＣＡＤ2004做的图为什么不能打印和打印预览用天正电气做的图, </t>
  </si>
  <si>
    <t>你的这一情况我也遇到过，我的CAD2004是安装在98系统的，能够运行，但经常出错，比如一打印预览程序就被关闭，有时进行拖动也被关闭或显示“执行了非法操作”等等，很恼人。同一软件，我安装在我的“本本”XP系统上，从未出错。因此，你出现的情况不知是否和我的一样，如是那样，就一定是操作系统的问题，或者说是显卡的问题，因为CAD2004不支持98系统，对显卡要求也较高。但愿对你有帮助。</t>
  </si>
  <si>
    <t xml:space="preserve">皮肤发红三天一直没消医生您好！本人角质层薄，红血丝易过敏，皮肤干 </t>
  </si>
  <si>
    <t>照片看过，建议去医院面诊以排除激素依赖性皮炎。平时勿用有刺激性的药物和化妆品。可试用他克莫司软膏。勿食辛辣食品。</t>
  </si>
  <si>
    <t xml:space="preserve">我上个月是27号来的月经，为什么这个月27号没有来？ </t>
  </si>
  <si>
    <t>月经周期错后或提前一周都是正常的，如果错后半月就要化验看是否怀孕了。或月经周期混乱。</t>
  </si>
  <si>
    <t xml:space="preserve">呜……好难过啊!请大家给点建议我吧？事情要从前天晚上说起。30号 </t>
  </si>
  <si>
    <t>什么叫数不对？白给你加班么？我看把她的本钱给她就行了，对了，再给她点小费！是你老公在打麻将，有替的吗？输了怎么办？没说吧，那赢了呢，不是也没说吗，那就当事人说了算了！这不存在良心不良心的问题，不要想的那么严重！！！</t>
  </si>
  <si>
    <t xml:space="preserve">七星时间怎么刷宝石好？明天有一个小时七星时间，想问问大侠怎么刷得 </t>
  </si>
  <si>
    <t>看好LZ 问的 就是刷石头。怎么回答的乱七八遭的啊 。要是石头本人建议 勇武 组队3人正好 拿把G高的武器 因为毕竟时间有限，你再拿个磨的武器去刷 影响效率。得到石头的是随机分配的 3个人几率大些  而且负责任的告诉你 刷用武是把把出石头的。至于是什么石头或者你能得几块是要靠RP 的！！我的回答够明确不 ！！刷的愉快！！今天晚上就有七星了！！！</t>
  </si>
  <si>
    <t xml:space="preserve">麻烦有谁知道个紫色锻造图纸出处~？谢谢~标题 </t>
  </si>
  <si>
    <t>我在52区外面那个什么熔炉打日怒徽记，掉了个。挂AH卖了几百G。</t>
  </si>
  <si>
    <t xml:space="preserve">穿灰色高靴配什么颜色的袜子好看黑色咖啡色呢 </t>
  </si>
  <si>
    <t>紫色的，一定不错</t>
  </si>
  <si>
    <t xml:space="preserve">小提琴弓坏了，弓毛从弓尖脱出来了，小提琴弓坏了，弓毛从弓尖脱出来 </t>
  </si>
  <si>
    <t>一般这个没有用什么胶,以前我的弓坏的时候,都是老师把毛梳整齐以后,用本来就有的那个小的木块塞进去后,用松香融化后这样弄好的.以前重庆市文化宫有个专门修这个的老师傅，不过现在过世了.</t>
  </si>
  <si>
    <t xml:space="preserve">武学丹田在哪？ </t>
  </si>
  <si>
    <t>肚脐下三指，就是丹田的位置。你把肚脐露出来，然后五指并拢，把五指并拢的手掌横着放在肚脐下，食指放在肚脐下面，紧挨着肚脐，食指下面是中指，中指下面是无名指，无名指所在的位置，就是丹田。这就是所谓的“肚脐下三指”。</t>
  </si>
  <si>
    <t xml:space="preserve">消化不好怎么办我的宝宝四个半月了，混合喂养,自两个月以来大便一直 </t>
  </si>
  <si>
    <t xml:space="preserve"> 有奶瓣酸臭就是消化吸收不好。鸡内金（炒）大米炒糊一起煲200毫升给宝宝分多次喝，味道带糊香我宝宝很接受，效果也好，肚子胀可加四磨汤口服液，宝宝消化不好的时候暂时不要给他添加辅食了，增加肠胃负担，当然会拉肚了。拉肚你给他添加了也不吸收，等宝宝肠胃好一点了在给他逐渐添加。让肠胃有个适应的过程。</t>
  </si>
  <si>
    <t xml:space="preserve">怀上双胞胎是好事还是坏事？今天去医院做了彩超，结果出来是双胞胎. </t>
  </si>
  <si>
    <t>别人想要都要不到，你却不想要，唉。。。如果是担心身体的话，可以去医院问问医生的建议，适当的增加营养，保胎。。。</t>
  </si>
  <si>
    <t xml:space="preserve">诛仙火炬传递为什么不能完成在做火炬传递任务的时候，为什么第一棒完 </t>
  </si>
  <si>
    <t xml:space="preserve">接任务后按Q打开任务 你会发现在圣火任务下有两个子任务 就是有两个小点点 其中有一个是空的 每次传火炬 比如到第一个NPC时等到下面那个空的小点点消失了 然后再交任务 就可以了 </t>
  </si>
  <si>
    <t xml:space="preserve">都说开水比纯净水有营养.冷开水存放多久最有营养,口感最好?冷开水? </t>
  </si>
  <si>
    <t>开水放冷即喝是最好的。开水与冷开水的营养是一致的。开水摊冷的时间越长，受污染的程度就越高。开水使用的时间，以不超过两昼夜为宜。冷开水12小时。</t>
  </si>
  <si>
    <t xml:space="preserve">怎么收贺卡在个人的电子邮箱中怎么收到打开电子贺卡 </t>
  </si>
  <si>
    <t>有两种发贺卡的形式，收看的方法也就不一样：1，对方以附件的方式，把贺卡发到你的邮箱里，那么你就象收一般附件邮件一样收取，即可。这种贺卡通常是对方自制的，或是利用别人的贺卡，直接或经过修改后发送给你。2，对方从网上提供的贺卡，在某网站发送给你，那么你就会收到一个通知，告诉你收看贺卡的网址，你可以上到那个网址去收看，通常他给保留一定的日子，过期就删除了，你要是想把它保留，可以把它下载、并保存在你的电脑里。</t>
  </si>
  <si>
    <t xml:space="preserve">在统计部门要做些什么? </t>
  </si>
  <si>
    <t>主要和数字打交道，看你是在什么公司的，生产的统计就做库存方面的事情，统计一下部品的数量，生产的程度，各种成品，半成品有多少什么的，主要就是生产方面的。</t>
  </si>
  <si>
    <t xml:space="preserve">为什么我的仙三战斗的时候速度很慢一般一个普通战斗也要好几分钟,怎 </t>
  </si>
  <si>
    <t>我理解你说的是打得很慢-0-|||那没办法，你可以练一些群攻击的法术，这样，级别高的话，一招就杀死所有怪了。。。。。。法术表注：L2：表示此仙术升为2级需要使用的次数 L3：表示此仙术升为3级需要使用的次数 L4：表示此仙术升为4级需要使用的次数 tL：所须的仙术上一级仙术的级别pL：所须人物级别 水属性仙术名称 L2 L3 L4 tL pL冰咒 15 15 15 无 无 雨润 5 5 5 2 3 烟水还魂 10 10 10 4 10 雨恨云愁 20 15 10 3 20 五气连波 10 5 5 4 28 火属性仙术名称 L2 L3 L4 tL pL 炎咒 15 15 15 无 无 净衣咒 5 5 5 2 6 三昧真火 10 15 20 3 14 流星火雨 20 20 10 2 22 炼狱火海 20 20 20 3 32 雷系性仙术名称 L2 L3 L4 tL pL雷咒 15 15 15 无 无 惊雷闪 15 15 15 4 5 天罡战气 5 5 5 2 15 天雷破空 20 15 10 3 25 雷动九天 20 20 20 3 35 风属性仙术 名称 L2 L3 L4 tL pL风咒 15 15 15 无 无 暖雾 20 15 10 2 4 仙风云体 5 5 5 2 5 风卷尘生 20 20 10 3 20 罡风惊天 20 20 20 4 30 土属性仙术 名称 L2 L3 L4 tL pL土咒 15 15 15 无 无 飞岩术 10 10 10 4 5 真元护体 5 5 5 3 14 承天载物 20 15 10 4 28 泰山压顶 20 20 10 4 32 高级仙术：仙术名称/所需仙术 L2 L3 L4 tL pL风饮露 风+水 5 5 5 暖雾3+雨恨云愁2 35 灵血咒 火+水 5 5 5 三昧真火3+烟雨还魂4 40 赎魂光 雷+水 5 5 5 天罡战气4+雨恨云愁4 42 风雪冰天 风+水 20 30 30 仙风云体4+雨恨云愁3 45 天魔附体 雷+土 5 5 5 天罡战气4+承天载物4 45 烈焰燃雷 雷+火 40 30 20 流星火雨3+天雷破空3 48 举火燎天 风+火 30 20 30 炼狱火海3+仙风云体4 48 星沉地动 土+火 20 20 20 炼狱火海4+真元户体4 50 PS：此处tL表示合成仙术的条件，后面的数字表示此仙术需要的级别----转载于Foreveryone 注意:景天是不能学雷系法术的,龙葵不可学火系,紫萱不可学土系,雪见不可学风系,长卿不可学水系</t>
  </si>
  <si>
    <t xml:space="preserve">下载音乐怎么才能和歌词同步 </t>
  </si>
  <si>
    <t>你用什么听啊？如果在上听可以使用“千千静听”。下载地址是： 若是MP3只需要你在下载音乐文件的同时，另外下载一个含有相关歌词信息的“*.lrc”格式的文件既可实现。这种歌词文件可以自己制作也可以在网上搜索下载得到，推荐两个下载站：  歌词吾爱 ---- 专业的、最好的lrc歌词搜索下载网站（弹窗海量~~）  搜刮歌词搜索 ----- 还算可以，也比较全。（下载它站的歌词注意，一定要在下载按钮上使用右键中的“另存为...”下载，否则只会显示文本）将下载到的歌词文件保存在与音乐文件同一个目录中，然后单击选中它，按键盘上的“ F2 ”为它重命名，名字要与那个相关的音乐文件的文件名一致。如，为文件“夜曲 - 周杰伦.mp3”搭配歌词，则需要将歌词文件重命名为“夜曲 - 周杰伦.lrc”下载lrc歌词文件提示：下载保存重命名时，如果默认的文件名包含“ .lrc ”，请一定保留。若没有，可能由于系统默认不显示文件扩展名，不必担心如果你想在下载时直接将歌词保存成与音乐文件同名，在下载的保存对话框下面，“文件类型”中选择“所有文件”，然后找到那个匹配的歌曲文件，单击选中，你会发现，“文件名”框中已经变成了那个文件的名字。这时注意，接下来要将文件名框中的“.wma”“.mp3”等的文件名后缀替换成“.lrc”……最后“保存”就可以了！</t>
  </si>
  <si>
    <t xml:space="preserve">世界上最凶猛的狗是藏獒吗? </t>
  </si>
  <si>
    <t>根据到目前为止我的知识含量，藏獒确实是最凶猛的狗。</t>
  </si>
  <si>
    <t xml:space="preserve">请林夕梦大师帮我解梦？我在路上行走，看见一条很奇怪的母狗（我想不 </t>
  </si>
  <si>
    <t>好吧！我就破例（由于时间关系，我一般只解30分以上的梦）   你我朋友最近交接到一个异性朋友，这个异性朋友非常放荡，甚至想勾引你，你却回避了，而你的战友却没有回避掉，与那个异性朋友发生了关系，他因此积攒了不少经验。可能有人因为欠债，会向你借钱，借钱的原因与那异性有没有关系不好说，你可能会借钱给对话方。</t>
  </si>
  <si>
    <t xml:space="preserve">我家孩子最近不知道是消化不好还是怎么回事总是肚子胀气小肚子鼓鼓的? </t>
  </si>
  <si>
    <t>消化不良的，可以帮宝宝捏脊，热敷中脘穴。要注意是否是孩子脾胃伤到的问题，有时候喂得太多也会伤孩子的脾胃的。</t>
  </si>
  <si>
    <t xml:space="preserve">电脑经常待机好吗.对电脑有坏处吗?谢谢我经常出去下就待机... </t>
  </si>
  <si>
    <t>电脑经常待机,对电脑没有明显的坏处.在临时有其他事情时,将电脑设置为待机状态,可以减少因频繁开关机,启动电流对整机的冲击,但长时间不用还是关机为好.</t>
  </si>
  <si>
    <t xml:space="preserve">律法问题我得律法成长375功1356防1408敏捷1300+技能 </t>
  </si>
  <si>
    <t>这个LF的资质并不好，而且技能才2个，如果你不是RMB玩家凑合练可以了。卖个400W左右应该没问题~</t>
  </si>
  <si>
    <t xml:space="preserve">请教EXCEL的新建Web查询以下为操作过程和出现的问题：she </t>
  </si>
  <si>
    <t>1、首先这么设置：在导入的数据表中点击任一非空单元格，在“数据/导入外部数据/数据区域属性/刷新控件”中，勾选“打开工作簿时自动刷新”，确定。这样，每次打开导入工作表时，点击“启用自动刷新”按钮，就可根据网络中的最新数据刷新导入表数据。2、有时会返回“未返回任何数据”字样，如果以前刷新正常，这是由于网上数据尚未更新所致，并非是你设置问题。最近股市低迷，网上信息有时接连几天不刷新。想必是操作人心情不佳的原因吧。</t>
  </si>
  <si>
    <t xml:space="preserve">一长方形每边增加10%,那么它的周长增加百分之几?它的面积增加百? </t>
  </si>
  <si>
    <t>设长为2cm,宽为1cm，每边增加10%则长变为2.2cm,宽变为1.1cm，原周长为：2(2+1)=6后来的周长为：2(2.2+1.1)=6.6周长增加了：（6.6-6)/6=10%原面积为：2*1＝2后来的面积为：2.2*1.1＝2.42面积增大了：（2.42-2)/2=21%</t>
  </si>
  <si>
    <t>怎么去黑头</t>
  </si>
  <si>
    <t>在学校的时候，不太注意鼻子  时间长了上面都是小黑点，还很难清洗 暑假在家正好有时间就准备去一下黑头   其实的产品就可以去的但是非常慢，常年洗也不一定洗干净，我本来都不知道什么叫黑头的不觉得有什么影响，平时队脸部护理的少，后来脸上出油比较多，时间一长鼻子上都变成小黑点了，这时开始用洁面乳洗已经很晚了，还经常对着镜子挤，挤出来好多滑滑脏脏的东东，开始还觉得可有成就感,就坚持了几天。    但是黑头再出来的时候，毛孔不仅变大了而且黑头还特别多特别油腻，那是就开始发愁了，鼻子上老是顶着许多黑点点可尴尬，没办法了就就网上看有什么办法没，就发现了灵草堂的去黑头的东东，叫灵草黑头净刚知道的时候有些犹豫 不仅怕没效果还怕毛孔会变大，了解以后才知道是中药制作的， 是不用往外挤的 不会有什么副作用。    第一天是在晚上用的，洗过澡后敷在鼻子上了然后就上网又开始浏览关于黑头的信息，过了不到半个小时的时间然后就去洗鼻子了，洗洗完之后鼻子很干净还挺光滑的 但是黑头并没出来，还挺纳闷的，到第二天起床照镜子时真的是震惊了，鼻子上全是黑点啊，而且是在学校的时候，上课都有些不好意思去了，然后了调理的洗了一下可干净，现在鼻子爽的不行。我把这个分享出来如果你也在苦恼就抓紧时间行动吧，这个[灵草黑头净]百度上可以搜到的</t>
  </si>
  <si>
    <t xml:space="preserve">求助概率论题目一批产品的废品率为0.1，每次抽取一个，观察后放回 </t>
  </si>
  <si>
    <t>0.1*0.1*0.9 + 0.1*0.9*0.1 + 0.9*0.1*0.1 = 0.027</t>
  </si>
  <si>
    <t xml:space="preserve">眼睛问题我的眼睛最近总是突然会出现好象受了刺激（象辣椒辣到一样） </t>
  </si>
  <si>
    <t xml:space="preserve">   可能是视网膜发生了病变.还是抓紧去检查吧!</t>
  </si>
  <si>
    <t xml:space="preserve">通行证的问题急！在道具商城买的技能通行证可以交易吗？ </t>
  </si>
  <si>
    <t>不可以采取现金交易的方式</t>
  </si>
  <si>
    <t xml:space="preserve">谁能帮我估个价，感谢~感谢~再感谢我有一个功2的圣站头亏，和道3 </t>
  </si>
  <si>
    <t>喊高价有人买的，有人喜欢买特殊、特别的装备…………</t>
  </si>
  <si>
    <t xml:space="preserve">为什么要礼貌，礼貌有什么意义？ </t>
  </si>
  <si>
    <t>从本质上讲，世界上的每个人都喜欢听到他人对自己的赞美与尊敬，因为那些能给人心理传递积极的信息，让人感到内心舒服。人类有了文明，道德准则、礼貌用语在世界的任何有文明的角落都存在。如果世界上人人懂礼貌，和谐社会大概就出现了吧。人际交往，礼貌相待，彼此才有好感，共事才会愉快。倘若行为举止不礼貌，会让人感觉没修养、没教养、粗鲁。可见，你的礼貌给他人愉悦的同时，给自己的印象加分！</t>
  </si>
  <si>
    <t xml:space="preserve">游乐园的刺激项目出过什么事故 </t>
  </si>
  <si>
    <t>2007年8月13日下午，巡回到韩国釜山的国际游艺活动项目“环球嘉年华”发生严重事故，摩天轮观览车厢突然被撞，5名游客从20米高空坠落地面，全部死亡。警方称，死者中的4人是一家人，另一人是外国游客。2007年5月5日下午近1点时，日本大阪府吹田市的万博纪念公园游乐园（Expoland）发生过山车事故，共造成1人死亡，约21人受伤。其中有4名男性，17名女性。此外还有一些人出现不适。2007年6月9日晚，美国阿肯色州一家游乐园因停电导致多辆行驶中的翻滚过山车停下，其中一辆名为“X－船”的过山车恰好行驶到环形轨道最高点，距地面大约45米，车上12名游客处于倒挂位置。2007年6月底，美国一名约二十岁女子在纽约一个游乐场玩室内过山车期间不适，当场死亡。这款机动和附近设施暂时关闭，但其余设施照常开放。这次是3年多以来，再有人玩这款机动游戏死亡。2004年五月，一名七岁女童跪在坐椅上，在旋转车开行后堕下死亡。这个游乐场之后亦有两人，玩其它游乐设施时丧生。2007年8月傍晚约6时50分，巴黎以西圣日耳曼昂莱一个游乐场内，一款名为“Booster”的机动游戏运作期间突然发生机件故障，一条钢臂折断，导致其中一个四人厢座飞脱跌落地面，意外造成厢座内一对分别48岁及21岁的父子死亡，同行的两名家人也受重伤。2007年7月14日下午，当16岁少女伊丽莎白·K·默赫尔在美国一个音乐节上玩蹦极时，拴住她的缆绳竟意外断裂，导致她从约14米高空直坠地面，当场摔死。2007年5月，美国佛罗里达州迪斯尼乐园的一主题公园内的水上游乐设施于周二上午运行时发生故障，造成五名游客以及一名工作人员受伤。当时该载有游客的游乐设施在上冲水道的过程中一个传感器发生意外，引发水道突然停止。而在游客被紧急疏散的过程中，转移被困游客到安全出口的安全平台却又发生故障导致人员受伤。2006 年4 月 1 6 日 1 3 时1 0 分， 贵州省贵阳市南明区， 贵阳市河滨公园穿梭时空发生一 起 大 型 游 乐 设 施 严 重 事 故 ， 造 成 1 人 死 亡 ， 1 人 重 伤 。 某游客及其母等4 人乘坐该公园游乐设施（穿梭时空） ， 另有2 人同坐。 设备启动前， 该游客发现自己及其母亲未系安全带， 安全压杠也未压下， 在帮其母亲系安全带时， 操作人员启动了该游乐设施。 在运行约5 秒钟时， 旁观者发现并大声呼叫， 让操作人员停止运行。但设备还未停下时， 事故发生， 该游客及其母亲从运行中的设备坠落， 其母当场死亡， 该游客被送往医院进行抢救。2006 年6 月 24 日 1 4 时11 分， 重庆市游乐园发生一起大型游乐设施（星际飞车） 平衡 臂 断 裂 严 重 事 故 ， 造 成 1 人 死 亡 ， 2 人 重 伤 。2007 年2 月 22 日 1 6 时30 分， 重庆市沙坪坝区重庆市沙坪公园发生一起大型游乐设施 严 重 事 故 ， 造 成 1 人 死 亡 。 事发时， 该公园 1 人在检查设备及乘客情况后， 发现 1 名乘客安全带未系好， 准备帮助捆绑， 此时， 探空梭已启动， 情急之下该人单手抓住探空梭的压杠， 随探空梭上升， 此时操作人员紧急停机， 造成该人从5 米高空坠落死亡。2007 年6 月 30 日 11 时45 分， 安徽省合肥市逍遥津游乐园有限公司发生一起游乐设施 严重事故， 造成1 人死亡， 1 人轻伤。该公司世纪滑车每日例行安全检查时发现故障， 在维修后隐患依然存在的情况下， 维修工示意可正常运行， 在载客后第一次运行爬坡过程中突然出现倒滑， 止逆机构失效， 造成车厢脱轨， 将最后节车厢内的 1 名中学生挤压碰撞致伤， 经送医院抢救无效死亡， 同车厢内另 1 名男生受轻伤。</t>
  </si>
  <si>
    <t xml:space="preserve">如何转移户口我是泰州人，在常州上大学，户口随着学籍转入大学，后来 </t>
  </si>
  <si>
    <t>你毕业几年了？如果毕业2年以上，一般学校就不会再帮你保存户口，而是直接退回你的来源地，即泰州（但不会是地级市，而是退回县人事局）如果不满2年，你可以持派遣证回原毕业学校要求改派，毕业派遣改动后，一并迁移户口。</t>
  </si>
  <si>
    <t xml:space="preserve">SS强烈这个天赋防打断包括灵魂之火吗？ </t>
  </si>
  <si>
    <t>包括　虽然天赋上没写　但有灵魂之火不被打断的效果　当然类似血色卫兵的打断和ＤＺ的脚踢是可以打断的ＳＳ很多天赋９Ｃ都解释不对或者错误　这个也是其中一个　灵魂之火不被打断也是ＤＤ６中　新出现也比较经典的招数　　在与对方ＰＶＰ中　有机会就会用一个灵魂之火　　而且在对方血亮很少的情况下　用不会被打断的特效将他秒杀</t>
  </si>
  <si>
    <t xml:space="preserve">文王八卦任务怎么做就是找奏衍的那个任务叫找八卦 </t>
  </si>
  <si>
    <t>做你自己的主线任务,做着做着就有了</t>
  </si>
  <si>
    <t xml:space="preserve">晒晒已死的单，看看能错几场 </t>
  </si>
  <si>
    <t>格雷米奥 哎 不说啦</t>
  </si>
  <si>
    <t xml:space="preserve">现在的战斗机能在真空中飞行吗？战斗机不是靠空气的空气差产生升力的 </t>
  </si>
  <si>
    <t xml:space="preserve">    楼主需要搞清器与航天器的区别。    航空器是在大气层中飞行的，无论是飞机还是直升机甚至飞艇和气球之类，其飞行都离不开空气这个介质，虽然有少数航空器的动力并不依赖空气，但至少升力是来源于空气。飞机和直升机是利用翼面高速运动产生的压力差，飞艇和气球是利用所载气体比空气轻的浮力。    航天器是在大气层之外飞行的。它的动力系统肯定无法依靠空气，而只能采用火箭发动机之类不依赖空气的动力装备和自身携带的燃料和氧化剂（航空发动机只需要带燃料不需要带氧化剂，后者直接从空气中获得）。而航天器之所以不掉下来，则完全依靠速度，达到第一宇宙速度就不会掉下来。    如果说，宇宙飞船是一种纯粹的航天器的话，那么航天飞机是一种航天器与航空器相融合的独特产品。它靠火箭发动机加速到第一宇宙速度之上和大气层外实现航天飞行，此时它的机动全靠不依赖空气的火箭发动机，机翼完全没有任何作用。它返航前，靠火箭发动机减速到第一宇宙速度之下，这样就自然会“掉进”大气层。进入大气层后，它的机翼才像普通飞机那样产生升力，它的舵面才像普通飞机那样提供机动性。由于原来的速度已经够快，它进入大气层后基本不需要再启动火箭发动机。    各国在研的空天飞机，比现在的航天飞机将更好地实现航天器与航空器的结合。它将使用航空发动机起飞，靠机翼升力达到高空和一定速度后再启动火箭发动机实现航天飞行，返航时亦然。</t>
  </si>
  <si>
    <t xml:space="preserve">晕,一传帮派图标怎么就是"游戏错误"啊? </t>
  </si>
  <si>
    <t>汗！......我上次也碰到了同样的问题，后来过了几天再重新上传又没有问题了。估计是系统问题，可以试试过几天再上传。</t>
  </si>
  <si>
    <t xml:space="preserve">腮腺肿瘤?请问耳后的腮腺肿瘤容易切除吗?目前成功率多大?若失败有 </t>
  </si>
  <si>
    <t>腮腺肿瘤80%为多型性腺瘤，位于浅叶行浅叶及肿瘤摘除，位于深叶行全腮腺及肿瘤摘除。可保面神经。如为恶性，则视情况是否保面神经，如神经切除可搭桥。小手术。但要到大型口腔医院颌面外科就医。费用各地不一。</t>
  </si>
  <si>
    <t xml:space="preserve">皮肤白的人染什么颜色头发好看皮肤白,带眼镜,外表斯文秀气的女人染 </t>
  </si>
  <si>
    <t>肤色白的人染带点红的颜色，如洒红色。</t>
  </si>
  <si>
    <t xml:space="preserve">今年复读的人多吗？今年分数太集中，报志愿像在赌博，复读的人多吗？ </t>
  </si>
  <si>
    <t xml:space="preserve">     理科我不知道怎么样,反正文科我们同学好多选择复课,因为他们都没考好.但是明年本身考生人数很多,再加上复课同学多,竞争比今年激烈的多.所以我希望大家能走的尽量走,只要不是太不适合.再牵扯到一年后的形势不知如何,未来的就业机会,个人的心理素质等等很多问题.     所以我觉得除非今年确实没发挥好,要是把握不大选择复课并不明智!     最后祝你能够有个美好的未来!</t>
  </si>
  <si>
    <t xml:space="preserve">我的女儿尿黄，尿道内有气味，屁眼红。是什么原因。、鹅口疮怎么治？? </t>
  </si>
  <si>
    <t>你们家小孩子像是上火的症状~~~~~~~最好去医院找医生诊断一下~~~~~~鹅口疮是白色念珠菌感染所致，小儿得了鹅口疮要及时治疗。 　　一、局部用药口腔内的局部用药是最简单而有效的方法。先用弱碱性溶液，如2%碳酸氢钠溶液清洗口腔，然后用盐水棉球洗干净，最后涂上1%龙胆紫，每天2次，一般2～4天就可治愈。局部也可用制霉菌素，先将制霉菌素50万单位(片)碾成细末，平均分成4份，每次用1份，直接撒入患儿的口腔内，不喂水，让宝宝自己用舌头搅拌，使药物与口腔黏膜充分地接触。一般每天2次，几天后鹅口疮就会荡然无存。 　　二、全身用药鹅口疮严重的孩子也可口服一些抗霉菌的药物，如制霉菌素或克霉唑等进行综合治疗。 　　三、饮食注意卫生保持餐具和食品的清洁，如奶瓶、奶头、碗勺要专用，每次用完后需要用碱水清洗并煮沸消毒，母亲在每次喂奶前，应先洗手，并清洗乳头，然后哺喂。患鹅口疮的孩子尤应注意饮食营养，增强体质，这些均有助于预防鹅口疮的发生。</t>
  </si>
  <si>
    <t xml:space="preserve">我想问一下深圳考会计证的时间和需要什么条件 </t>
  </si>
  <si>
    <t>根据《深圳市会计从业资格管理办法》的规定，我市2006年会计从业资格考试将举行两次，第一次考试日期为6月25日，报名事项具体通知如下。第二次考试日期拟定为11月26日，约8月中旬报名，具体日期请留意我局公告。现将第一次考试有关事项通知如下：考试时间6月25日（星期日）上午9时至11时考《财经法规与会计职业道德》，下午2时30分至4时30分考《会计基础》报考基本条件1、 遵守会计和其他财经法律、法规；2、具备良好的道德品质；3、具备会计专业基础知识和技能。报名时需填写《深圳市会计从业资格管理信息表》（可在网站 上免费下载）和填涂《深圳市会计从业资格管理信息卡》（报名点索取），并提供居民身份证、学历或学位证原件及复印件各一份，另交近期1寸红底免冠彩照1张。考试题型和方式题型分为单项选择题、多项选择题和判断题。考试均使用答题卡。各科考试均实行百分制，60分为成绩合格分数线；二科考试同时合格者才可取得会计从业资格证会计专业知识考试成绩合格证明。</t>
  </si>
  <si>
    <t xml:space="preserve">两个人分五个苹果，怎么分最公平？ </t>
  </si>
  <si>
    <t>1、母子分，儿五母零（“孩子，拿到学校去吃”）2、夫妻分，每个切半（相对而食）3、恋人分，一人一口（吃完一个再一个）4、密友分，互让无争（“你先拿，剩下归我”）5、强盗与善人分，善人零（“敢拿一个，杀了你”）6、生人分，用刀又用称（只要公平，不讲人情）</t>
  </si>
  <si>
    <t xml:space="preserve">最近我的嘴巴老是经常烂，请问怎么办？ </t>
  </si>
  <si>
    <t>是溃疡吗?如果是,我现在知道的最好的办法是吃B族维生素,我的妈妈和孩子都是爱溃疡的类型,我听朋友说后给她们吃了[安利]的B族,孩子只吃过一瓶,已经好几年没犯了,我妈妈的效果也很好,不象过去几乎一块接一块,几个月偶尔得一次,痊愈的时间也缩短了很多,我朋友有试过别的牌子的,效果不好,后来也买的这个牌子的,也很好,你试试,我们这能买到打折卖的,折合一片的价格比别的牌子还要便宜呢.</t>
  </si>
  <si>
    <t xml:space="preserve">我的孩子四岁多，学了几个月钢琴，不知道每天练多长时间，练几次为宜? </t>
  </si>
  <si>
    <t>孩子太小,先一周两次,一次一小时,太长容易疲劳,慢慢增加到一周3次,一次两小时,这样效果好,孩子也会有兴趣.手型慢慢来,先会弹再弹好,一开始就搞手型,孩子会少兴趣的.</t>
  </si>
  <si>
    <t xml:space="preserve">植物性护肤品&amp;保湿度高的护肤品请问哪些品牌和产品是纯植物性的，对 </t>
  </si>
  <si>
    <t>韩国的护肤品兰芝  蝶妆  爱茉莉   爱丽  H20  都很好,我本人比较推荐H20 ,补水效果特别好,一整天皮肤都水水的</t>
  </si>
  <si>
    <t xml:space="preserve">我手头上有９的血印／８的幸运４血印／１２的谷雨３把／换列眼怎么换? </t>
  </si>
  <si>
    <t>那你就用你的东西先换元宝．１２骨可换５０左右．９和８幸４血饮也换５０左右．那么你有２５０左右的元宝．说下价．列炎戒指对８０，手对６０．链腰靴共６０．还有元宝多出来呢．．．</t>
  </si>
  <si>
    <t xml:space="preserve">qq的全名是什么 </t>
  </si>
  <si>
    <t>QQ全名QICQ,起源于国外的ICQ.ICQ为英语I SEEK YOU("我在找你"的意思),类似于网络寻呼机或网络手机.它最大的特点是具有网上信息实时交流的功能.</t>
  </si>
  <si>
    <t xml:space="preserve">激活码是怎么发的啊？注册N个，都落空啊？新年第一件事就不顺，无语 </t>
  </si>
  <si>
    <t xml:space="preserve">我爱问活动中激活码了，去领，说密码错误，后来才发现邮箱什么的新浪服务都不能用了，只能登爱要是你有办法我跟你公用一个号 </t>
  </si>
  <si>
    <t xml:space="preserve">什么时候开始公测啊！！我们都很期待啊！！！快点开吧！！！ </t>
  </si>
  <si>
    <t>最快八月一号，最迟不知道！应该不出两个月！</t>
  </si>
  <si>
    <t xml:space="preserve">物理两个同心薄壁金属球壳.半径分别为R1和R2,原来两个球面都不 </t>
  </si>
  <si>
    <t>直接计算。设内球带电量为Q，两金属球壳间的电场E=kQ/r^2(和点电荷一样）。两金属球壳间的电势V0=kQ/R2-kQ/R1Q=V0/[k(1/R2-1/R1)]电势分布曲线就是V=kQ/r-kQ/R1(图中画出的是Q&lt;0的情况）</t>
  </si>
  <si>
    <t xml:space="preserve">刚买的macbookpro需要分区么我刚买了一台macbookp </t>
  </si>
  <si>
    <t>需要的,不分用的很不舒服的</t>
  </si>
  <si>
    <t xml:space="preserve">自杀的好方法有哪些？请每位设计一种方案，多做不选。楼下不得重复楼 </t>
  </si>
  <si>
    <t>从痛苦小，雅观、等方面综合考虑我觉得这样好：   1、写好措辞温和的遗书，放在贴身口袋里，最好感谢所有与你有瓜葛的人   2、整理好妆容，要得体大方，最好别穿大红色   3、带一些安眠药，非致死量   4、到一个冰天雪地、风景绝美、人烟稀少的地方   5、用一瓶上好的红酒缓缓将安眠药服下   6、摆一个舒服的姿势，慢慢躺下，脑子里浮现自己短暂的一生，别忘了，一定要带着一个满足的微笑，轻松的走吧。   不过我觉得还是活着好，你什么都可以想，死了就什么也想不成了。  我希望人们都好好的活着。如果自杀都可以感恩，活着感恩不是更好？</t>
  </si>
  <si>
    <t xml:space="preserve">为什么我钓不了鱼？右键点完鱼饵后提示我说任务列表已满，但是我的任 </t>
  </si>
  <si>
    <t>你可能没有鱼竿或没有到指定的地点</t>
  </si>
  <si>
    <t xml:space="preserve">男生穿牛仔裤配什么样的衣服比较好看？最近总喜欢穿牛仔裤！但是我是 </t>
  </si>
  <si>
    <t>T恤衫，衬衫，休闲服都可以啊。</t>
  </si>
  <si>
    <t>歇后语癞蛤蟆不长毛</t>
  </si>
  <si>
    <t>癞蛤蟆不长毛--天生这路种</t>
  </si>
  <si>
    <t xml:space="preserve">微博里已经能设置了仅仅自己关注的人才能给自己发私信，还是有我没有? </t>
  </si>
  <si>
    <t>要和手机绑定  和实名登记好像才可以··</t>
  </si>
  <si>
    <t xml:space="preserve">法家的代表人物 </t>
  </si>
  <si>
    <t>法家及其主要思想家 法家，在春秋时期是比较重要的思想流派之一，他们主张法治，喜欢社会在维护私有制的观念中向前发展，他们以为，社会是需要秩序的，只有拥有良好的秩序，社会才能在稳定的环境中向前发展，因此，法家总是推崇的至高无上，认为社会就必须要有严厉的法律，违法必纠，做到法律的绝对权威，即今天的人们常言的“有法可依，有法必依”。同时，因为法家的思想观念是维护私有制已经形成的社会，目的是维护社会的稳定和维护统治阶级的既得利益，这样，就必然已经迎合了统治阶级的心理需要，当然得到他们的支持和喜欢，法家因此在我国漫长的封建社会中占具了统治地位，统治阶级在治理国家的时候喜欢讲儒家思想的“仁政”，以达到麻醉人民的作用，但在竭力维护他们的统治和利益的同时，更喜欢法治，因此，实际上阶级社会的统治阶级总是以法律来维护他们的利益。 实际上，法制从来就是阶级社会的有效统治工具，奴隶社会如此，封建社会如此，资本主义社会当然更如此。可见，法律是阶级社会的必然产物，是阶级社会的重要标志之一，目的就是为维护统治阶级的统治和利益。 春秋战国时期的一些法家思想家： 商鞅：商鞅原名卫鞅，春秋卫国人；应该说，商鞅是最早提出法制观念的思想家，奴隶社会虽然进行法制，但从来不向人民解释为什么要法制，而商鞅的出现，向人们阐述了法家为什么要提倡法制；当时，商鞅在卫国并不得志，因此，他最终离开了卫国而到秦国，在一些机遇中，他接近了秦穆公，并向秦穆公阐述了他的思想，得到了秦穆公的支持；商鞅执行法家思想的最大特点是，用简单的事例向人们灌输他的思想，并逐渐健全了秦国的行政管理体制和军队管理体制，其保甲制使秦国达到了全民皆兵境界，即秦国的农民平时作农业，战时则成为士兵，实际就是现在的义务兵役制，所以，秦国得到了强大的机会，最后，统一六国，建立了第一个封建王朝；比如，商鞅最初的城门赏金的事例就相当简单，为了显示秦国国君和他的诚信，他在城门立了一木，任谁只要移却了此木到另一城门，就赏千金，终于有人尝试，他就真赏了千金，从此，商鞅的法制观念深入人心，赢得了秦国人的尊重。 韩非子：韩非是法家思想的重要人物，他在法家思想中的地位，远比商鞅等人高得多；韩非本是韩国的王族贵人，但是，他的思想却偏偏无法在当时的韩国实现，其中的原因当然复杂，韩非在流落到秦国时，向秦国国君阐述了他的法制理念，并详细地为秦国制订了一整套的法律法规，秦国国君虽然没有重用韩非子，但是，却采纳了他的思想和观念；因为，秦国自商鞅以来，历代都重视法制手段，比如，范睢，吕不韦、李斯等，他们都顺势而为，尊重了秦国的实际，都推崇法制观念的。 李斯：李斯是法家思想上最为重要的一环，正是李斯的出现，使得法家思想真正开始走上统治地位；李斯是战国末期秦国的思想家，他原是吕不韦的门人，在吕氏的帮助下，渐渐走到了秦国国君秦赢政的面前，成为宰相，在他的影响下，秦始皇更加推崇法家思想，并制订了一系列的法律体系，最后，秦始皇终于完全了秦国吞灭六国的壮举。 应该说，法家思想在社会的进步中有一些积极影响，但是，我们更应该看到，法家思想消极负面的一面，法家思想虽然提倡社会的有序性，但是，更注重的是阶级统治，是彻底为统治阶级服务的，法律更是统治阶级的统治工具。当前，我国的社会，同样是法制的社会，有些人也喜欢说“有法可依，有法必依”，但是，我们更应该看到，法律最重要的不是法律本身，而在于法律是否真正有效，是否真正为人民服务，我们常常看到，我国的法律几乎是形同虚设的，许多领导干部根本是没有法制观念和意识的，他们常常把自己与法律对立起来，以为自己应该在法律的约束外，他们常常以权代法，无视于法律的重要，比如，有些人的儿子，搞官倒，把国家、社会和人民的财产偷跑到国外去了，法律对他们有效吗？难道，社会主义中国社会主义法律也是官僚资产阶级的附属品吗？ 所以，法律在当代社会虽然是必要的，但是，一个国家真正要搞好，还不在于法律，恰恰在于人们的思想，只有用先进思想的引导人们，使人民真正有正确的是非曲直观念，才会有良好的社会风气，使得法律真正能够执行起来。说到底，法律只是强制手段，而思想的先进，才是一个社会的最终根本</t>
  </si>
  <si>
    <t xml:space="preserve">这个月会好孕吗?我的YJ是11.8出现褐色分泌物,但9日晚才见红 </t>
  </si>
  <si>
    <t>看你的体温可能应该刚PL哦,因为你的体温从36.2升到了36.6了如果体温突然升高了,那就说明是刚PL的,不过体温没有这么快就上升的,要到着床之后才会上升,不过你说是腋下温度,我觉得36.6已经很高了,我是25日的YJ,到现在还在等待中,希望我们都能好孕哦</t>
  </si>
  <si>
    <t xml:space="preserve">我在说英语的时候，对于不太熟练的单词，脑海里会出现单词的大概拼写? </t>
  </si>
  <si>
    <t>这是因为你还不够熟练。我学英语专业十多年了，给你点小建议，平时多练习正确的句子，记熟后，自然就成了自己的东西，达到脱口而出的结果啦</t>
  </si>
  <si>
    <t xml:space="preserve">南京阿里学院的培训地点在哪？也是在阿里巴巴南京分公司那培训吗？ </t>
  </si>
  <si>
    <t>是的啊，就在新街口，是阿里巴巴江苏大区的总部，环境蛮好的，我现在就是在这边培训的，一边培训一边还能感受他们公司文化，02583323382这是他们电话，你可以咨询下~~~</t>
  </si>
  <si>
    <t xml:space="preserve">头发又粗又硬不听话怎么办 </t>
  </si>
  <si>
    <t>这种发质可以去美发店做一下软化就会好的，</t>
  </si>
  <si>
    <t xml:space="preserve">天津到武威从哪里转车既省时间又省车费 </t>
  </si>
  <si>
    <t>首先从天津坐火车到兰州，再从兰州火车站走过来到平凉路的长途汽车站。哪里有发往武威的长途大巴。速度很快。 省时间，省车费。（出租车都不坐）</t>
  </si>
  <si>
    <t xml:space="preserve">去青岛玩三天，要准备些什么？带多少钱？我是北京的我要出去玩三天， </t>
  </si>
  <si>
    <t>带泳衣！带几件换洗的衣服！带钱！钱的话主要分：吃、住、玩、行吃还算便宜，5元也能吃饱！当然吃海鲜是青岛的特色，好一点的饭店至要100元（一只母蟹40元-60元）！阳光假日的海鲜最好，可是太贵，风景好，可是不预定的话也看不到好光景！或者吃自助，环海凯莱不错，50元-60元，环境还好！住也分很多种！带星的饭店店300元以上！招待所100元就够了！小旅馆40-60就很不错了！不过一定小心给人骗，因为黑店多，特别是、飞机场、汽车站附近的，钱一定要随身带着，千万别放旅馆里！玩就多了！第一天：游泳，第六海水浴场不错，在汇泉广场那里，晚上汇泉广场还有露天演出，不过你要去他那里吃饭，都是露天的烧考、啤酒之类的东西，汇泉离中山公园很近，现在好象还有灯会，门票15元！第二天：啤酒城，有门票的，里面还有嘉年华可以玩，不细说了，你自己在网上查一下就清楚了！第三天：崂山、博物馆、海底世界等等很多，自己选吧！最后是行！你来回的路费，清楚吧？！青岛的交通主要是BUS，上车投币1元！所以奉劝你为防总是坐错车还是准备100个钢崩好了！如果还有什么不明白的随时问我！E-MAIL：loveluckyangel@ 来青岛之后如果碰到麻烦可以发邮件给我，很乐意帮助你！</t>
  </si>
  <si>
    <t xml:space="preserve">跑地图怎么总是跑过去就退回来啊？不是卡啊，很流畅啊 </t>
  </si>
  <si>
    <t>显卡还行，比我的电脑好多了。不怕告诉你我的电脑还是GeForce 440 的垃圾显卡....关于你说的问题这个要看你的网速了。比如在以前我还玩大话西游的时候在一个网通专区里面，每到星期六星期天做任务的时候，会有很多人那服务器是卡的无法形容，但在我这里却是非常流畅。在我狂奔数百步之后，突然发现镜头一闪我还在原地站着， 当时我是郁闷的....在武林里面退回原来的地方情况有：一 网络问题。在某些地区网通的网速限制和迟缓、延迟上。二 有些地图的高地方跳下来，能重复一个跳下去的过程N遍,这时候需要改变一下人物的行动方向,可解决问题。假如你在家里接入的是电信网的话这样的问题应该不会出现。祝游戏愉快</t>
  </si>
  <si>
    <t xml:space="preserve">一年前,我十六岁,是班上的中心人物,美貌、知识共存,但由一次失恋? </t>
  </si>
  <si>
    <t>真的要正确认识自己，</t>
  </si>
  <si>
    <t xml:space="preserve">奇怪的任务管理器问题调出任务管理器后，屏幕下方任务栏出现任务管理 </t>
  </si>
  <si>
    <t>建议先查杀一下木马，修复一下系统试试。建议你下载恶意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如果正常模式恢复失败，请开机按F8进入到安全模式中使用系统还原）。 4、如果故障依旧，使用系统盘修复，打开命令提示符输入SFC /SCANNOW 回车（SFC和/之间有一个空格），插入原装系统盘修复系统，系统会自动对比修复的。 5、如果故障依旧，在BIOS中设置光驱为第一启动设备插入系统安装盘按R键选择“修复安装”即可。6、如果故障依旧，建议重装操作系统。如果实在不行，建议选择修复安装，这样即修复了系统，又可使C盘的程序和文件不受损失。</t>
  </si>
  <si>
    <t xml:space="preserve">我想请问一下,月经期可以吃酒煮蛋吗?就是那种黄酒煮的,刚生宛孩子? </t>
  </si>
  <si>
    <t xml:space="preserve">   可以的。但最好是酒不要太多，以免月经量过大。</t>
  </si>
  <si>
    <t xml:space="preserve">aroosterofretailers怎么翻？不懂啊，不懂啊 </t>
  </si>
  <si>
    <t xml:space="preserve">a rooster = a groupa rooster of retailers = 一群零售商 </t>
  </si>
  <si>
    <t xml:space="preserve">什么是派出机构？能给我举几个例子么？谢谢！ </t>
  </si>
  <si>
    <t>省、自治区、直辖市或不设区的市人民政府根据工作需要所设置的机构。不是一级政府机关，只是上级国家行政机关的代表机关，有权代表上级人民政府指导工作。如省、自治区人民政府设立行政公署作为派出机构，行政公署设专员或副专员，领导行署工作。此外还有村公所，乡公所，派出所等，一般带有所字的都是派出机构。</t>
  </si>
  <si>
    <t xml:space="preserve">如果公司领导没有领导能力我们公司的领导我感觉有很大的问题，平时不 </t>
  </si>
  <si>
    <t>1。公司待遇好，这是很不错的事。要知足常乐。2。千万不要在得到好马之前损害你现在骑着的驴。3。先跟公司领导--最直接的是你的老板打成一片，在取得老板信任的情况下，跟老板提意见或建议。千万不要用口头的，他是你的老板，你直接跟他说他会觉得你要跟他平起平坐，是用书面写一份“提案改善”或“建议书”。还要跟老板说：这是在老板的提示下想出来的，这里的学问较大一些。4。不要超越你的工作权利，要争取到-让老板给你权利，给老板提示，让老板提出你想说出的建议或意见，这比你直接提建议好多了，这也是老板给你权利的根本条件。</t>
  </si>
  <si>
    <t xml:space="preserve">如何将迅雷作为emule资源的默认下载工具?就是点击ed2k开头 </t>
  </si>
  <si>
    <t>在迅雷的 配置 -监视选项里面把所有项目勾都打上，如果还不行1 在监视文件类型里面输入.asf;.avi;.exe;.iso;.mp3;.mpeg;.mpg;.mpga;.ra;.rar;.rm;.rmvb;.tar;.wma;.wmp;.wmv;.mov;.zip;.3gp;.chm;.mdf;.torrent;.mp4;.flv;msu;2 迅雷关于emule的对应文件被破坏，从新安装迅雷即可</t>
  </si>
  <si>
    <t xml:space="preserve">这两天经常看公交站台上看到杰德的广告，挺符合我的口味的，现在值得? </t>
  </si>
  <si>
    <t>楼主既然有兴趣，不妨先去ssss店看看实车去，自己体验下，本人已经订车，等待提车中。话说杰德还真是辆个性的新概念轿车，为了让车子看上去更动感，设计师特意将车身高度压低，很喜欢这种风格。现在入手也没啥值得不值得，关键看自己喜欢不喜欢，适合不适合，早订早享受嘛！楼主觉得我说的有道理不？</t>
  </si>
  <si>
    <t xml:space="preserve">已经结婚但跟别人又有了孩子算不算重婚 </t>
  </si>
  <si>
    <t>补充:1.重婚罪取证存在一定的难度,但是也不是就收集不到证据.你老公和那女的这么久了不可能收集不到证据的.你要暗地收集证据.有志者事竟成!(那女的为你那个负心老公流过这么多次产,很容易得习惯性流产的,就算怀上了也不一定能生下来,不过就算那女的生不生的了孩子你和你老公继续在一起也不可能幸福的).2.实在不甘心的话给你两点建议,一是争取最大利益的财产无论他有钱没钱,损失了身体伤害了精神怎么也得获得最大的经济利益吧,防止他资产转移哦~二是把那个男人和女人告进监狱.不过我觉得能离开那种男人寻求自己的幸福,让自己过正常有规律的才是最重要的.3.你最好是去请个律师,诉讼费可以让被告出的.还有需要收集什么证据也要听律师的,你在网上问问不出什么的.4.唉,你当初怎么会嫁给这么个男人,不过你也别太气了,身体是自己的,为了这么个男人把自己气坏了不值得.要冷静,也别冲动.5.我的建议只能到这了,以后不再来看了~女人要为自己而活,别把男人看的太重.唉~~~~~~~~~~刚看完蒋勤勤的&lt;姐姐词典&gt;又看到你的事,我都不敢结婚了~~1.界定重婚不能只看有没有孩子2.专家指出，现行法令规定有配偶者与他人构成事实婚姻的认定，要看是否以夫妻名义共同生活(包括是否举办婚礼、是否以夫妻自居等)，如果有配偶者与他人有相对固定住所、较稳定地共同生活(如有规律地发生性行为)或是以夫妻名义共同生活，就足以构成重婚罪。即使无法认定重婚，也可认定为婚外同居，不应以共同生活时间为限制。3.这个你主要看一下: 如果夫妻一方在没有离婚的情况下与第三者已经同居超过三年是否够成同居罪吗?这种情况能向法庭提出离婚吗?    解答人：社区咨询小组成员 公爵         《中华人民共和国刑法》第二百五十八条规定：“有配偶而重婚的，或者明知他人有配偶而与之结婚的，处二年以下有期徒刑或者拘役。”根据《刑法》第二百五十八条及有关司法解释规定，重婚是指一方有配偶又与他人登记结婚或者与他人以夫妻名义共同生活；以及明知他人有配偶又与之登记结婚，或者以夫妻名义共同生活的行为。    最高人民法院《关于〈婚姻登记管理条例〉施行后发生的以夫妻名义非法同居的重婚案件是否以重婚罪定罪处罚的批复》[1994年12月14日]已作出明确答复：“新的《婚姻登记管理条例》（1994年1月12日国务院批准，1994年2月1日民政部发布）发布施行后，有配偶的人与他人以夫妻名义同居生活的，或者明知他人有配偶而与之以夫妻名义同居生活的，仍应按重婚罪定罪处罚。”    该男子与该女子同居并且生有孩子,但“明知他人有配偶而与之以夫妻名义同居生活的”这一点从咨询上是很难届定的，而这又是认定是否构成重婚罪的关键，有以下情形之一的，应视为以夫妻名义共同生活：1、有配偶的人与他人举行结婚仪式的；2、有配偶的人虽未与他人举行结婚仪式，但以夫妻相称或者对外以夫妻自居的。以夫妻相称，除当事人间承认、日常生活间的称呼外，当事人同居生活，女方生病时男方以丈夫的名义签名、陪侍，女方生育孩子男方以父亲的名义在医院签字，当事人以父母的名义为子女庆祝满月等，也可以作为认定以夫妻相称的辅助证据。认定重婚，通常还需要取得周围群众、当事人亲朋戚友的证言，以证明周围群众认为当事人是夫妻。   有配偶与他人同居的行为并不一定构成重婚罪,只有符合以上条件方才构成,如果构成重婚,那么其财产应当归各自所有.</t>
  </si>
  <si>
    <t xml:space="preserve">跪求鲁豫有约下载地点RT！越全越好！ </t>
  </si>
  <si>
    <t xml:space="preserve">迅雷里面就有啊。这是下载地址 </t>
  </si>
  <si>
    <t xml:space="preserve">有段时间不玩魔力了,现在想回来,请教一下各位现在的魔法师怎么加点? </t>
  </si>
  <si>
    <t>练级,任务好的魔法师,目前多是杂魔加点.满魔(这个不用说的吧)100-120敏(比大多数怪和BOSS快.损血魔后基本都快于BOSS啦)30-50防(随便穿件袍子.都能比10袍的防还要多,到240不成问题,任务不爱飞啦)其它都加血上大约也是.30-50血,(血多是任务的保障).这种加点练级虽不如敏魔出手快,但任务比敏魔强多啦,就是PK这种加点也能适用,PK的血不要加的更多些.</t>
  </si>
  <si>
    <t xml:space="preserve">七佛珠中5找到地方了但是完成不了啊 </t>
  </si>
  <si>
    <t>点击发光的石头就行了</t>
  </si>
  <si>
    <t xml:space="preserve">问一下女孩子的意见我和我女朋友分了,但还是朋友,因为她时间分配的 </t>
  </si>
  <si>
    <t>对于你的问题，我说说我的真实想法。她之所以能和你分手，不管是什么原因，都只说明她对你爱得还不够深。她和你分手，是她的理智决定的，但是她的情感并没有一下子就忘记你，所以她还是愿意和你有一些亲昵的行为。但是这也并不说明你和她还有未来。她能决定和你分手，就说明你们之间已经没有未来了，她对你的亲密不过是给你、也给她自己一个缓冲期，希望时间可以淡化一切。对于这份感情别抱任何希望了，她分手的理由不过是一个借口，不是真正的原因。</t>
  </si>
  <si>
    <t xml:space="preserve">?【直??】刻印..??的1刻印不用說了突是首選..很多人都喜? </t>
  </si>
  <si>
    <t>直枪吗？从来没有人用6刻杀过我呀……从来都是jc，无双，我就死了。不然就是突，突，我就死了。我5攻2防3无双的鞭子,血太少了……从来没有活着看到人家出c6……看来楼主是技术流，我很佩服。</t>
  </si>
  <si>
    <t xml:space="preserve">中国和日本谁强中国和日本如果开战谁会赢 </t>
  </si>
  <si>
    <t>虽然我国的经济还没有小日强，但我国有强大的综合国力，地大人多，国家体制决定能在较短时间内筹集较多资金备战，我国的秘密武器是军事保密和军人的战斗素养。相信中国是赢家。</t>
  </si>
  <si>
    <t xml:space="preserve">太阳会和月亮碰到一起吗？从太阳，地球和月亮的位置关系谈 </t>
  </si>
  <si>
    <t>不会因为轨道不同而且它们是一个整体，月球轨道环绕地球，地球轨道环绕太阳</t>
  </si>
  <si>
    <t xml:space="preserve">火箭是否是NBA胳膊最干净的球队？NBA球员大多数都有文身，而我 </t>
  </si>
  <si>
    <t>所以火箭打得不够有血性，都规规矩矩的，火箭需要一些有“野性”的球员，虽然这在管理上会增加一定的难度</t>
  </si>
  <si>
    <t xml:space="preserve">原地跑步可以减肥吗?我由于没有太多的时间去外面跑步,又发现自己近 </t>
  </si>
  <si>
    <t>一般来说，运动半个小时以上才开始燃烧脂肪。我觉得在办公室不适宜跑步。可以做一些伸展运动，类似瑜珈。关键在坚持希望减肥成功！</t>
  </si>
  <si>
    <t xml:space="preserve">电脑总是自己打开很多窗口怎么办 </t>
  </si>
  <si>
    <t>解决方法：1、下载超级兔子最新破解版本；下载地址： 2、下载后双击 runme.bat 进行初始化工作，然后双击 magicset.exe打开主程序；3、首先运行超级兔子清理王；将“已安装”的项目选中，然后下一步，待全部清理后。重启电脑；4、重启后运行超级兔子清理王，看一下是否还有“已安装”的项目，如果有重复清理；5、运行magicset.exe主程序，打开超级兔子上网精灵；在综合设置中，将右侧的“×”全部改为“√”（需要安装插件）；在安全防护中，将右侧前三项选中，并点击“立即检测”；然后进行一键清除；在IE广告中，将右侧4项有“禁止”的打“√”，6、运行超级兔子IE修复专家，点击左侧“一键修复”；最后重启电脑！搞定！</t>
  </si>
  <si>
    <t xml:space="preserve">请问80后这一代人有什么特点？有哪些优点和缺点？ </t>
  </si>
  <si>
    <t xml:space="preserve">      80后的心声　　有些人总爱指着鼻子批评80一代，说什么“垮掉的一代”，“最没责任心的一代”，“愚昧的一代”，“最自私的一代”，“最叛逆的一代”。这是大错特错的,是谁说的将会是历史的罪人，因为你们把80一代看的太扁了,看的太低了,看的太歪了。是你们眼神不好，是现代伯乐太少。你们把这些沉重肮脏的包袱背在所有80人的肩上，这是天大的错误，也是天大的冤枉。你们这样只会导致恶性循环。让我们这一代永远绑在耻辱柱上，这比大革命还要残酷。我们承认80这一代相比来说确实生活的很幸福，衣食无忧，这证明了国家的繁荣富强，证明中国确实富裕了，这是社会发展的必然趋势。以后的孩子们会越来越幸福，会吃的越来越好，会穿的越来越俏，这难道说以后的孩子们会越来越垮掉，越来越没责任吗？只去注意个别的叛逆青年，而他们是极少数的，大多数80青年，还是积极向上，有责任心，有进取心，有爱心的。如果要举例子的话，姚明、易建联、刘翔代表了中国年轻一代的力量，坚强、毅力、速度；李想等代表了年青一代的智慧、进步、创新；胡彦斌、马天宇、周笔畅等代表了中国年青一代的乐观、活泼、魅力、张扬；韩寒、郭敬明、张悦然、郑小琼、巩玟语、李傻傻、邓安东、戴志康等代表了中国年轻一代的才华、博学、聪慧、激情。这足以说明我们80这一代的强大，我们有理由相信80是不败的，是强大的，是勇往直前的。80后的精神面貌　　有人曾预言说，80后是“垮掉的一代”，“最没责任心的一代”，“愚味的一代”，“最自私的一代”，“最叛逆的一代”，甚至更有人说：“什么80后？不就是一帮孙子么！”　　也曾有名家说，当一个人开始怀念的时候，这个人已经开始衰老。如果这句话是真理，那么，80后无疑已经走在衰老的路上了，那么出现类入“八零祠”这样“祭奠自己逝去的青春”的宣传语，也就不足为奇了！　　让我们先来看看80后们的生活面貌和精神状态。　　（1）陶醉、煽情和力量　　有80后说，很多人都说自己有双重性格，而我们是多面性的。我们能躺在沙发上，听一天周杰伦的歌，陶醉得不吃饭。我们能坐在电脑前打高档游戏，一遍又一遍，彻夜不眠。我们能让挚爱的摩托车，风驰电掣，在马路上狂奔时速100迈。我们能在繁闹的街边路旁，开一个属于自己的小店，寻求经商下海的刺激，而不在乎赔与赚。我们能将篮球场、足球场上的气氛，推到热血沸腾的顶峰，让对手崇拜得五体投地。我们能把身边的伙伴，逗得满地旋转滚爬。我们能吸引白马上的王子，跪下来向我们求爱。我们能让骄傲的公主，变成爱情的囚犯。我们，有的是力量。　　（2）读书没用，学历贬值　　他们说，辛辛苦苦小学六年，勤勤恳恳初中三年，废寝忘食高中三年，眼看要走进高考的考场了，却赶上国家扩招，任他猫猫狗狗也都能混个大学文凭，现在大学文凭算根什么葱？稀里糊涂大学混了四年，使尽浑身解数拿到英语四级、计算机等级证，但却不一定用得着。毕业证、学位证，二证齐全了，却怎么也找不到如意的工作。有的就连一般的工作都找不到——刚毕业就失业了。　　（3）职业不稳定，挣钱少　　千辛万苦进了外商独资企业当白领，还是世界五百强的大企业，进去了才发现，原来中国现在遍地是外企，五百强中有499家都在中国有分号。干白领的活，承受巨大压力，天天加班。可是，挣得的钱，比没上大学的民工又多不了多少。稍微发点牢骚，就有老外拍桌子：你是什么玩意儿？上午把你fire，下午我就能找一个！　　（4）住房，买不起　　福利分房早已成为明日黄花，房改优惠政策与己无缘，住房公积金补贴少得可怜。80后没有属于自己的住房，离开老子，只有睡马路上。又赶上无耻之徒们，像畜牲一样遍地炒房，越炒越热，越炒越贵。辛辛苦苦工作了一年，忽然发现，如果不吃不喝睡马路，一年攒的钱买不了几个平米住房。贷款住进新房吧，那贷款合同，就像一张卖身契，一点都开心不起来——要还20年的贷款啊！　　（5）学用不符，有反差　　小时候老师教育要做个诚实的孩子，中学大学又普及诚信教育。工作后，却不得不抽假烟、喝假酒、说假话。人家拿着假文凭，把我们顶得真够呛。虽然假话不敢说，但假酒喝了不少。明明知道，抽烟有害健康，可是还得抽，那叫人在江湖，身不由己。　　哦，原来是如此80后！　　有人说过，80后的人不热衷政治，不关心社会。因为他们出身在一个更加开放的世界，他们没有经历社会变革所带来的挣扎和痛苦，他们崇洋媚外,喜欢韩国肥皂剧和法国的时尚,还有来自更多国家的非主流文化生活。他们无病呻吟，习惯在富足的生活之中寻求忧郁和悲伤。　　汶川这个名字，反复被人们提起、不断铭记在心。在举国同心，抗震救灾的日子里，全国各界表现出的团结和友爱同样在这场特殊的战争中被人们铭记。而新一代的80后，更是在国难面前表现出无所畏惧的精神面貌，他们勇敢，他们善良，他们崛起。在这场灾难面前,越来越多的80后走进抗震救灾队伍，捐款、义卖、甚至深入最前线。源源不断救灾物资、善款汇聚成巨大的数字，这其中也凝聚着80后对灾区同胞的爱与祈祷。　　民族的成长需要经历阵痛，少年的成长需要时间的考验。80后在始料未及的国难中用无私的奉献和牺牲精神，扛起了时代的使命。　　目前正是80后发展的鼎盛时期。80后的青年们背负着祖国复兴的重大的任务，在结合中国的国情（中国是最大的发展中国家）而且80后中国重新对教育重视，从我们80后的孩子们都面目焕然一新，在以前走过那么多弯路后重新走上了正轨，80后的新生一代冲破了世俗的牢笼，思想得到了历史性的飞跃，从真正意义的思想解放。 　　80后是现社会的动力！资料来自网络，其实每个80后都有自己的个性和特点，只要活出自我就好了，每个人都是不可以复制的</t>
  </si>
  <si>
    <t xml:space="preserve">三星note3怎么与超蓝蓝牙耳机连接 </t>
  </si>
  <si>
    <t>拨动蓝牙耳机的电源开关。（蓝牙耳机型号不同，具体蓝牙耳机开启方式请参考蓝牙耳机说明书操作，下面以三星蓝牙耳机“HM3300”为例。）长按住蓝牙耳机的【电源】按钮5秒钟左右松手，直至指示灯常亮蓝色即可。开启手机蓝牙。向下滑动屏幕顶帘，点击【蓝牙】，使之变为绿色代表蓝牙开启。点击【扫描】，然后搜索到【HM3300】的可用设备后，再点击【HM3300】，屏幕会显示“已连接至手机和媒体音频”代表已经配对成功。</t>
  </si>
  <si>
    <t xml:space="preserve">关于Excel数据比对二份表格做数据对比Sheet1中的数据，S </t>
  </si>
  <si>
    <t>操作说明：1、选中《sheet1》A2:A100,在A上邻“名称框”输入任意名字如“表一数据”，回车，就将其定义名称。2、选中本表A2:A200，在“格式/条件格式”中查看条件1公式及格式的具体设置。3、在本表A2:A200范围，凡是《sheet1》A列100行内的数据，均以设置的红色字体标出，其黑色数据即是《sheet2》独有。</t>
  </si>
  <si>
    <t xml:space="preserve">听说在国外的网站注册信箱并且每天登陆阅读邮件可以赚钱？有谁这么做? </t>
  </si>
  <si>
    <t>打击一下：醒醒吧,基本不要想！每天登陆看右键，一年能计10美元你去吗？</t>
  </si>
  <si>
    <t xml:space="preserve">薏仁应该怎样吃?为什么煮不烂啊,而且吃着有种尘米的味道 </t>
  </si>
  <si>
    <t xml:space="preserve">薏仁又名薏苡仁、苡米、苡仁，是常用的中药．又是普遍、常吃的食物，性味甘淡微寒，有利水消肿、健脾去湿、舒筋除痹、清热排脓等功效，为常用的利水渗湿药。成分：薏仁主要成分为蛋白质、维生素B1、B2有使皮肤光滑，减少皱纹，消除色素斑点的功效，长期饮用，能治疗褐斑、雀斑、面疱，使斑点消失并滋润肌肤。而且它能促进体内血液和水分的新陈代谢，有利尿、消水肿的作用，也被当作节食用品。疗效：薏仁油有兴奋、解热、止的作用，还具有消炎排脓的效用，对于癌细胞还可以抑制成长。1.用于头发：它具有营养头发、防止脱发，并使头发光滑柔软的作用。2.用于皮肤：对面部粉刺及皮肤粗糙有明显的疗效，另外，它还对紫外线有吸收能力，其提炼物加入品中还可达到防晒和防紫外线的效果。此外，薏仁算是?b物的一种，以水煮软或炒熟，比较有利于肠胃的吸收，身体常觉疲倦没力气的人，可以多吃。薏仁中含有丰富的蛋白质分解酵素，能使皮肤角质软化，对皮肤赘疣、粗糙不光滑者，长期服用也有疗效。食疗DIY作法：最简单的，是将炒过的薏仁当作茶泡来喝，或是将炒熟后的薏仁磨碎，每天服薏仁粉。薏仁茶或薏仁茶或薏仁粉市面上都有贩售。也可以和绿豆一起煮，煮成绿豆薏米粥（在煮之前把薏仁浸在水中泡软，煮起来会比较快）。 </t>
  </si>
  <si>
    <t>众观世界风云还看这期&lt;&lt;&lt;&lt;R9&gt;&gt;&gt;1利物浦vs埃弗顿</t>
  </si>
  <si>
    <t>　　 1 利物浦 vs 埃弗顿 ------------3102 阿斯顿 vs 富勒姆 ---3 查尔顿 vs 纽卡斯 ---4 切尔西 vs 曼彻斯 ------------35 桑德兰 vs 布莱克-------------06 维 冈 vs 西汉姆--------------307 朴茨茅 vs 阿森纳-------------038 比勒菲 vs 纽伦堡9 美因兹 vs 柏林赫塔 10 汉 堡 vs 多特蒙德 ----------311 杜伊斯 vs 拜仁 -------------012 沙尔克 vs 沃尔夫------------3113 斯图加 vs 勒沃库森14 不来梅 vs 汉诺威 -----------3 德甲，我觉得把沙尔克的1防盗汉堡这场好点，英超利物浦那场31基本可封住</t>
  </si>
  <si>
    <t xml:space="preserve">能玩3D游戏的电脑要多少钱??就问标题 </t>
  </si>
  <si>
    <t>看什么3D了垃圾一点的3D游戏（热血江湖）那便宜得多，也就不到4000RMB（前提显示器是普通纯平），配置也就P3，C2.4,普通3d显卡就可以搞定。好的3D游戏（魔兽，EVE）那就得5000以上（前提显示器是普通纯平），配置P42.4以上，最好P3.06,显卡6600以上，内存512M以上。</t>
  </si>
  <si>
    <t xml:space="preserve">为什么人体的某些器官大小会有如此大的差别？比如...... </t>
  </si>
  <si>
    <t>你看见世界上有相同的叶子吗？</t>
  </si>
  <si>
    <t xml:space="preserve">怎样宣传自己的博客博客怎样宣传?有什么做广告的方式么?这方面我是 </t>
  </si>
  <si>
    <t>博客技巧：宣传你的博客                     bioonist 申请了博客后，也写了一点东西了，要让人在上可以查找到你的博客，还必须进行一定量的宣传，当然不宣传别人也可以从搜索引擎上找到你的博客，因为主站上有通向你的博客的链接。辛苦费力地建设了自己的博客，没有人来看，没有人喝彩，岂不是很扫兴？ 博客那么多，每天帖子一大堆，自己的帖子一会就淹没了，岂不是很无奈？ 不用担心，有很多方法可以让你的博客在排行榜上节节升高。听我细细讲来。 1. 博客要吸引人，当然要有特色，没有特色的东西怎么能吸引人呢？所以首先要下点功夫来组织自己的博客。自己写，拍，转贴都没有关系，总之要与别家不同。 2. 申请一些方便好记的二级域名，这样别人就容易记住，才容易访问。假如你不知道到哪申请，那么翻翻我前面的帖子吧。 3. 把你的博客宣传到你能宣传到的地方去：其它网站，论坛，社区，聊天室，自己的亲戚朋友等等。 4. 去宣传的网站要挑人气足的，不然宣传了半天，自己累个半死，一个人也不来，也太逊了吧。 5. 上面的宣传要定期进行，每当写出一片精品文章，拍出一张精品照片，都四处宣传一下。另外还要请朋友们替你宣传。 6. 把你的博客地址放到与你相关的任何地方：论坛的签名，自己个人信息中的主页一栏，自己的邮件签名，自己的名片，自己发出的贺卡等等； 7. 找几个熟悉的朋友就某个帖子来回讨论，发表多多的评论； 8. 建立很多的友情链接，找风格不同和风格相同的博客都要建立一些友情链接； 9. 每天均匀地发几个帖子，使得大家总是能够看到你的帖子；</t>
  </si>
  <si>
    <t xml:space="preserve">WOW的代练问题WOW的竞价代练,如果工作室出了竞价,我觉得不合 </t>
  </si>
  <si>
    <t xml:space="preserve">尊敬的客户:    您好！5173回复客服05很高兴为您服务！    您在没有确认的情况下，可以取消代练。                                                    </t>
  </si>
  <si>
    <t xml:space="preserve">佛祖的舍利有多少颗？非常感谢！ </t>
  </si>
  <si>
    <t>佛祖释迦牟尼圆寂后，骨灰被分成八万四千份送到世界各地供奉，现在遗存的已经不多了。只有佛祖的骨灰称为舍利，而其他高僧的骨灰被称为舍利子。现在中国国内供奉佛祖舍利的地方很多，比如北京西山的灵光寺，供奉有佛祖的灵牙舍利，陕西法门寺供奉有佛祖的灵骨舍利.....</t>
  </si>
  <si>
    <t xml:space="preserve">武器平衡的问题所谓武器平衡性，是指武器攻击伤害最高值的概率，还是 </t>
  </si>
  <si>
    <t>人物的总体平衡影响到攻击时的伤害，平衡越高，伤害偏向高值的可能性越高，人物的总体平衡由各装备加上人物本身的平衡之和。但是最高只能到80%</t>
  </si>
  <si>
    <t xml:space="preserve">PS新建画布处理图片过程中怎样扩大画布？PS新建画布处理图片过程 </t>
  </si>
  <si>
    <t>图像---画布大小，填数字，可以定位同比扩大还是方向扩大。。</t>
  </si>
  <si>
    <t xml:space="preserve">五串一，好友关注我要认购80元周二001伯恩利伊普斯维奇3周二0 </t>
  </si>
  <si>
    <t>一直在关注哦，要给点力哦，顶你哦</t>
  </si>
  <si>
    <t xml:space="preserve">白带异常异味,痒经期做爱之后，阴部越来越痒，白带异常，有时有红色 </t>
  </si>
  <si>
    <t>初步肯定是有炎症了，请对方生活前注意清洁。你可以在医生指导下服点抗生素，然后外用坐浴。</t>
  </si>
  <si>
    <t xml:space="preserve">有谁知道深圳体育馆在深圳什么地方？我想去深圳体育馆看张学友演唱会 </t>
  </si>
  <si>
    <t>你在什么位置啊?其实买一张深圳地图不就知道了,在福田.11路、102路、213路等都到</t>
  </si>
  <si>
    <t xml:space="preserve">这单能中吗？佛罗31国米3尤文3罗马01其他都过了 </t>
  </si>
  <si>
    <t>看罗马的啦！</t>
  </si>
  <si>
    <t xml:space="preserve">上次和一等奖擦肩，这次又是14场中2等，奖金多少？（付实图）运气 </t>
  </si>
  <si>
    <t xml:space="preserve">埃弗顿最后丢球 维冈伤停补时赢球 绝杀的魅力啊 </t>
  </si>
  <si>
    <t xml:space="preserve">一个半月的基金投资收益竟然是赔5000元!!!5月底左右购入了目 </t>
  </si>
  <si>
    <t>蚂蚁攒的麦皮让驴一口吞了!</t>
  </si>
  <si>
    <t xml:space="preserve">新春贺岁装备识别题，每人限回答2题。（图11）声明：该系列军事装 </t>
  </si>
  <si>
    <t>您好言老，这是中国独创79式火箭手榴弹</t>
  </si>
  <si>
    <t xml:space="preserve">眼睛模糊女，59岁，眼睛周期性模糊，大概几个月一次，持续时间也是 </t>
  </si>
  <si>
    <t>眼睛模糊，周期性发作，不可能没有病变，建议去三甲医院眼科就诊，明确诊断后及时治疗！</t>
  </si>
  <si>
    <t xml:space="preserve">弓小亚这样练加不加，1点穿透好呀？力量110敏捷185体力剩下法 </t>
  </si>
  <si>
    <t>As you wish，我是一直说弓亚马逊需要加1点穿刺的。</t>
  </si>
  <si>
    <t xml:space="preserve">想买一台笔记本想买一台比较适中的笔记本，大概在4000左右，帮忙 </t>
  </si>
  <si>
    <t>你想买哪一个牌子的啊   在4000左右应该买一个华硕的还是比较不错的</t>
  </si>
  <si>
    <t xml:space="preserve">为什么每次和男朋友ml后，都会流血呢？而且一流都是好几天？是不是? </t>
  </si>
  <si>
    <t>这位朋友你好！    你这样的问题我也出现过，但是我只是一点点而已，每次流血是因为做的时候阴道不够滋润，而且你下面已经习惯性破裂，但是你这一种情况我建议你应该到医院去检查一下，可以会有帮助你。</t>
  </si>
  <si>
    <t xml:space="preserve">哪种数码单反相机出片画质较好请教各位：我是没入门的摄影爱好者，向 </t>
  </si>
  <si>
    <t>数码相机的边界锐度都很锐,看起来不够柔和，清晰度也不很好说到画质全都不怎么样,所有的数码相机生产厂家正在想办法设计算式解决这个难题,短期内根本没戏,用上了其实都差不太多,只是比比噪点多少、偏色程度和摩尔纹控制水平而已</t>
  </si>
  <si>
    <t xml:space="preserve">急！诈骗500元以上，获刑多少年？给我找相关的法律啊。 </t>
  </si>
  <si>
    <t>根据我国相关的司法解释，500元尚不构成刑事犯罪，应该给于治安处罚。可是要具体分析，如果是多次累犯，可以累计数额作为犯罪数额。那可就不好说了。如果要是产生了严重后果（被害人因此自杀了，耽误了看急病死了等等），也要追究刑事责任的。如果行骗中间冒用了某些特定身份的人（民警、军人、政府工作人员等)那就要追究冒充国家工作人员招摇撞骗的责任了。单单就是一次简单的诈骗，500元也就能拘留15天吧。赶上办案的心情不好，收拾收拾能搞个劳动教养6个月。</t>
  </si>
  <si>
    <t xml:space="preserve">文字设计的原则有哪些？ </t>
  </si>
  <si>
    <t>1、在设计上要富于创造性： 根据作品主题的要求，突出文字设计的个性色彩，创造与众不同的独具特色的字体，给人以别开生面的视觉感受，有利于作者设计意图的表现。设计时，建议大家应从字的形态特征与组合上进行探求，不断修改，反复琢磨，这样才能创造出富有个性的文字，使其外部形态和设计格调都能唤起人们的审美愉悦感受。 2、文字的可读性：福州学设计的小黄告诉大家文字的主要功能是在视觉传达中向大众传达作者的意图和各种信息，要达到这一目的必须考虑文字的整体诉求效果，给人以清晰的视觉印象。因此，设计中的文字应避免繁杂零乱，使人易认，易懂，切忌为了设计而设计，忘记了文字设计的根本目的是为了更好，更有效的传达作者的意图，表达设计的主题和构想意念。</t>
  </si>
  <si>
    <t xml:space="preserve">小学数学难题最大最小解答案例有甲乙丙丁四个生产组甲每天生产8件上 </t>
  </si>
  <si>
    <t xml:space="preserve">－－每天：每天裤子－－上衣：裤子 甲－－－8： 10 ＝ 0.8 乙－－－9 ： 12 = 0.75 丙－－－7 ：11 ≈ 0.636 丁－－－ 6： 7≈ 0.857 平均－30：40＝0.75 乙组的上衣和裤子比例与整体的上衣和裤子比例相等，其它组都有偏科，为了达到最大的生产能力，则应让各组去生产自己最擅长的品种，然后让乙组去弥补由此而造成的偏差。 四组中，上衣与裤子的比值中甲和丁最大，为了缩小总的上衣与裤子的差值，又能生产出最多的裤子，甲和丁全部缝制上衣，丙中上衣和裤子的比值最小，所以让丙全部都缝制裤子，以达到裤子量的最大化，7天后,甲、丙、丁共完成上衣8×7＋6×7＝98件，裤子11×7＝77件。可知，7天后甲、丙、丁缝制的上衣比裤子多98-77=21条，因此乙要多缝制21条裤子。设乙用x天缝制上衣，则9x+21=12×(7-x)，解得x=3，即乙用3天缝制上衣27件，用4天缝制裤子48件。于是最多生产125套。 当甲、丁全部天数缝制上衣，乙3天缝制上衣、4天缝裤子，丙全部天数缝裤子。可生产8×7＋6×7＋9×3＝125件上衣、12×4＋11×7＝125件。最多可以缝制衣服125套。 </t>
  </si>
  <si>
    <t xml:space="preserve">怎么样撬别人的漂亮女朋友? </t>
  </si>
  <si>
    <t>你想弄别人的女朋友肯定有你的道理，那你首先想办法把他们打散，你想想看，如何让他们产生离心力；同时你要大胆及时表达你对她的爱，女人心里会感激爱她的每一个人，哪怕是流氓，小偷，强奸犯。伙计，大胆的去行动吧</t>
  </si>
  <si>
    <t xml:space="preserve">07081期胜负彩简单分析推荐~~不足之处还请指点`1亚特兰VS </t>
  </si>
  <si>
    <t>佛罗伦 VS 那不勒,顺便说说,佛罗伦已经1年多不在主场输球了,地狱主场非它莫数啊.雷吉纳 VS 利沃诺,这个我很赞成你.利沃诺虽然表现不好,相比较雷吉纳,它的实力还是有优势的.雷吉纳走了比安奇,走了核心LEAN,只有一个梅斯托,看来还是显得和甲级格格不入...利沃诺走了卢卡雷利,来了不比卢卡雷利差的塔瓦罗,包括以前的一干人,边缘国脚莫罗内,帕索尼 ,包括维迪加尔都还是很有攻击力的</t>
  </si>
  <si>
    <t xml:space="preserve">会阴处长小颗粒去年年底会阴皮肤破了，好了以后破损处长了几个小包。 </t>
  </si>
  <si>
    <t>可以涂抹一些尿素软膏。。。。。。。</t>
  </si>
  <si>
    <t xml:space="preserve">什么软件放木马比较好?许多人说,杀毒不如先防毒!请问什么软件防木 </t>
  </si>
  <si>
    <t xml:space="preserve">微点防御 十分优秀的反病毒产品，由于瑞星联合公安部门的打压使得微点至今无法上市，你搜索一下“瑞星vs微点”就知道了。微点在各专业技术论坛好评如潮，如中天、卡饭、绅博等。 1、首创动态仿真反病毒专家系统：对病毒行为规律分析、归纳、总结，并结合反病毒专家判定病毒的经验，提炼成病毒识别规则知识库。模拟专家发现新病毒的机理，通过对各种程序动作的自动监视，自动分析程序动作之间的逻辑关系，综合应用病毒识别规则知识，实现自动判定新病毒，达到主动防御的目的。 2、自动准确判定新病毒：分布在操作系统的众多探针，动态监视所运行程序调用各种应用编程接口（API）的动作，自动分析程序动作之间的逻辑关系，自动判定程序行为的合法性，实现自动诊断新病毒，明确报告诊断结论；有效克服当前安全技术大多依据单一动作，频繁询问是否允许修改注册表或访问网络，给用户带来困惑以及用户因难以自行判断，导致误判、造成危害产生或正常程序无法运行的缺陷。 3、程序行为监控并举：在全面监视程序运行的同时，智能分析程序行为，发现新病毒后，自动阻止病毒行为并终止病毒程序运行，自动清除病毒，并自动修复注册表。 4、自动提取特征值实现多重防护：在采用动态仿真技术的同时，有效克服特征值扫描技术滞后于病毒出现的缺陷，发现新病毒后自动提取病毒特征码并自动更新本地未知特征库，实现"捕获、分析、升级"自动化，更有效阻止同一个病毒的再次感染，使用户系统得到安全高效的多重防护。 5、可视化显示监控信息：微点软件对所监控的程序行为，包括程序运行、程序生成、网络信息、攻击日志等大量信息可视化显示出来，用户能直观掌握系统的运行状态，并依据其分析系统的安全性。   实测：熊猫烧香考验五大杀毒软件   </t>
  </si>
  <si>
    <t xml:space="preserve">关于平房接二层我家是个门市房，门脸向东，在我家的南面有一排门市， </t>
  </si>
  <si>
    <t>你可以向市政府投诉中心反映此事，他们会告诉你怎么办处理，一般的，接二层的事归房产局和规划局管，你也可以向他们投诉。</t>
  </si>
  <si>
    <t xml:space="preserve">五年级的孩子注意力不集中怎么办？我的孩子五年级了，可是上课注意力 </t>
  </si>
  <si>
    <t>1.孩子这个时期是叛逆期最严重的时候，你说这样，他会偏偏不按照你说的来做。如果你想要让他做作业的话，不妨说：作业是不是不用你这样认真的做呀？可能他反倒去认真的做作业了。重要的是家长需要跟他经常沟通，要把他当作是你们的朋友，试想一下，你对朋友的态度是怎么样的，对朋友讲话的口气是怎么样的，就怎么样对待你的孩子。别以为孩子小，不知道什么是尊严，不需要尊重。大人需要别人的尊重，孩子也一样需要别人的尊重。你们尊重孩子，同样你们也会受到他的尊重。那样你们说的话才会有份量有影响力。用责罚的方式只能解决一时，不能解决根本的问题，并且可能会适得其反。2.孩子这个时候是身体发育最快递时期，身体需要更多的营养，钙片或蛋白质类，要额外的补充。身体的原因也会造成一些行为上的影响。比如缺钙，他的睡眠会差，缺乏营养他会头晕，精力不够，就会造成白天上课不能专心。3.生理的发育阶段，孩子会有一系列身体的变化及心理变化，他会产生一些好奇心，家长要像对待朋友一样的关心他。平时多跟他沟通，讲些关于生理方面的知识，加以正面引导，让他积极的参与活动。4.由于身体的发育，他会对女孩子产生好感，是很正常的事，而要正面引导他，告诉他：男孩女孩都可以作为朋友交往，在较轻松的环境下，可以多问问他，交了几个朋友？第一可以了解你的孩子心理成长的过程，第二，你了解他才能正面引导他。并告诉他，男女都可以是很正常的朋友，都可以交往。不要限制他，再正面引导他。重要的是你一定要让他把你们当作好朋友那样，把任何的心里话，都能够跟你们说。5.可能学业开始有些紧张了，要理解你的孩子，不要经常责怪他的成绩怎么怎么的。要用欣赏的眼光来看你们的孩子，你们会发现，孩子有很多的闪光点，需要你们的赞赏。天才是鼓励出来的。要看到他成绩上哪怕一点点的进步，你们都要加以赞赏，他作业做的慢，你们自己知道，千万不要经常对孩子说“你作业怎么做的这么慢。”这样的话。应该在他有一次稍微快一点的时候，说：“哇今天作业做的真快呀”给他的脑袋不断的输入“快”的信念，要给他赞赏、鼓励，或者给他物质的奖励。这样会激发他下次比现在还要快一些，会激起他更多的学习兴趣。在比较轻松的环境下，在你们的鼓励下，你们的孩子会是非常优秀的孩子，要相信他，信任他，一定会越来越好的，以这样的信念来影响你们孩子的信念，他也会认为各方面都会越来越好的。最重要的一点，你们一定要把他当作你们的朋友，有些东西，可能你们真的还要请教他。这个时候是助长他自信心的时候，“自信”对于每个人都很重要。    先做好你们自己以上这些方面的事情。    孩子是非常敏感的，如果你们家长都显示不耐烦，觉得教育孩子是在苦海里受罪，那你们的孩子会怎么想？家长的一举一动潜移默化的影响到孩子的心理状态。不要错过孩子的最佳教育期。所以，做爸爸妈妈的你们，请多给孩子一些鼓励和关注，慢慢的会发现你们的孩子有了很大的变化。相信你们会的，也相信你们的孩子会越来越优秀的。    要相信你们的孩子是很棒很优秀的，把这样的信念深深的植入孩子的脑中，他会越来越自信越来越优秀的。相信你们，你们是最棒的父母，加油。</t>
  </si>
  <si>
    <t xml:space="preserve">开车时突然停了不动了????我和人飚车时突然就不动了死机了重新再 </t>
  </si>
  <si>
    <t>不应该是配置问题,如果是配置问题是不可能出现瞬间的流畅.给你提出以下几点:　　玩这么久，我还没有遇见过不死机的电脑，无论我的朋友是“菜鸟”还是DIY高手，都毫无疑问地遇见过死机的情况，只是DIY高手相对来说遇见的次数要少一些罢了。下面就让我们一起来探讨一下死机的方方面面吧…… 在电脑故障现象中，死机是一种常见的故障，同时也是难于找到原因的故障之一。根据电脑死机发生时的情况可将其分为四大类：　　①开机过程中出现死机：在启动计算机时，只听到硬盘自检声而看不到屏幕显示，或干脆在开机自检时发出鸣叫声但计算机不工作、或在开机自检时出现错误提示等；　　②在启动计算机操作系统时发生死机：屏幕显示计算机自检通过，但在装入操作系统时，计算机出现死机的情况；　　③在使用一些应用程序过程中出现死机：计算机一直都运行良好，只在执行某些应用程序时出现死机的情况；　　④退出操作系统时出现死机：就是在退出Win98等系统或返回DOS状态时出现死机。 　　由干在“死机”状态下无法用软件或工具对系统进行诊断，因而增加了故障排除的难度。死机的一般表现有：系统不能启动、显示黑屏、显示“凝固”、键盘不能输入、软件运行非正常中断等。死机的原因大概有千千万万种，但只有两个方面：一是由电脑硬件引起的，一是软件设计不完善或与系统和系统其它正在运行的程序发生冲突。在硬件方面，祸首就是近来在电脑DIY界流行的“超频’一—让CPU工作在额定运行频率以外的时钟频率上，CPU处于超额工作状态，出现死机就不奇怪了；其次一个原因是某个硬件过热，或者硬件资源冲突。当然还有其他一些硬件方面的原因。在软件方面，因为软件原因而造成的死机在电脑中几乎占了大多数（超频了的电脑除外）。在Windows9x系列中使用了16位和32位混合的内核模式，因此安全性很低，因程序内存冲突而死机是经常会发生的事情。下面就来介绍一下遇到死机故障后一般的检查处理方法。 　　一、排除系统“假”死机现象 　　1．首先排除因电源问题带来的“假”死机现象。应检查电脑电源是否插好，电源插座是否接触良好，主机、显示器以及打印机、扫描仪、外置式MODEM，音箱等主要外接电源的设备电源插头是否可靠地插入了电源插座、上述各部件的电源开关是否都处于开（ON）的状态。 　　2．检查电脑各部件间数据，控制连线是否连接正确和可靠，插头间是否有松动现象。尤其是主机与显示器的数据线连接不良常常造成“黑屏”的假死机现象。 　　二、排除病毒感染引起的死机现象 　　用无毒干净的系统盘引导系统，然后运行卡巴斯基等防病毒软件的最新版本对硬盘进行检查，确保电脑安全，排除因病毒引起的死机现象。 　　另外，如果在杀毒后引起了死机现象，这多半是因为病毒破坏了系统文件、应用程序及关键的数据文件，或是杀毒软件在消除病毒的同时对正常的文件进行了误操作，破坏了正常文件的结构。碰到这类问题，只能将被损坏（即运行时引起死机）的系统或软件重装。 　　三、排除软件安装、配置问题引起的死机现象 　　1．如果是在软件安装过程中死机，则可能是系统某些配置与安装的软件冲突。这些配置包括系统BIOS设置、CONFIG.SYS和AUTOEXEC.BAT的设置、WIN.INI、SYSTEM.INI的设置以及一些硬件驱动程序和内存驻留程序的设置。 　　可以试着修改上述设置项。对BIOS可以取其默认设置，如“LOAD SETUP DEFAULT”和“LOAD BIOS DEFAULT”；对CONFIG.SYS和AUTOEXEC.BAT则可以在启动时按F5跳过系统配置文件或按F8逐步选择执行以及逐项修改CONFIG.SYS和AUTOEXEC.BAT中的配置（尤其是EMM386中关于EMS、XMS的配置情况）来判断硬件与安装程序什么地方发生了冲突，一些硬件驱动程序和内存驻留程序则可以通过不装载它们的方法来避免冲突。 　　2．如果是在软件安装后发生了死机，则是安装好的程序与系统发生冲突。一般的做法是恢复系统在安装前的各项配置，然后分析安装程序新装入部分使用的资源和可能发生的冲突，逐步排除故障原因。删除新安装程序也是解决冲突的方法之一。 　　四、根据系统启动过程中的死机现象来分析         系统启动过程中的死机现象包括两种情况： 　　1．致命性死机，即系统自检过程未完成就死机，一般系统不给出提示。对此可以根据开机自检时致命性错误列表的情况，再结合其它方法对故障原因作进一步的分析。 　　2．非致命性死机，在自检过程中或自检完成后死机，但系统给出声音、文字等提示信息。可以根据开机自检时非致命性错误代码表和开机自检时鸣笛音响对应的错误代码表来检查；开机自检时鸣笛音响对应的错误代码表中所列的情况是对可能出现故障的部件作重点检查，但也不能忽略相关部件的检查，因为相当多的故障并不是由提示信息指出的部件直接引起，而常常由相关部件故障引发。 　　五、排除因使用、维护不当引起的死机现象 　　电脑在使用一段时间后也可能因为使用、维护不当而引起死机，尤其是长时间不使用电脑后常会出现此类故障。引起的原因有以下几种： 　　1．积尘导致系统死机：灰尘是电脑的大敌。过多的灰尘附着在CPU、芯片、风扇的表面会导致这些元件散热不良，电路印刷板上的灰尘在潮湿的环境中常常导致短路。上述两种情况均会导致死机。　　具体处理方法可以用毛刷将灰尘扫去，或用棉签沾无水酒精清洗积尘元件。注意不要将毛刷和棉签的毛、棉留在电路板和元件上而成为新的死机故障源。 　　2．部件受潮：长时间不使用电脑，会导致部分元件受潮而不能正常使用。可用电吹风的低热挡均匀对受潮元件“烘干”。注意不可对元件一部分加热太久或温度太高，避免烤坏元件。 　　3．板卡、芯片引脚氧化导致接触不良：将板卡、芯片拔出，用橡皮擦轻轻擦拭引脚表面去除氧化物，重新插入插座。 　　4．板卡、外设接口松动导致死机：仔细检查各I/O插槽插接是否正确，各外设接口接触是否良不知道这样回答你满意不?祝你飚车愉快!!</t>
  </si>
  <si>
    <t xml:space="preserve">请大家进来看下有没有这段时间冲新区得过光宇币的马上说下哪个区等了? </t>
  </si>
  <si>
    <t>哎 都是骗玩家 买光宇币的   要不他们怎么睁钱</t>
  </si>
  <si>
    <t xml:space="preserve">360修复漏洞，有十五个漏洞非系统漏洞，不用修复，可每回扫描，都? </t>
  </si>
  <si>
    <t>先运行360扫描漏洞，全部选中十五个非系统漏洞，在右下角有立即修复和忽略和重新扫描按钮，你点忽略，以后再扫描就不会有这15个。</t>
  </si>
  <si>
    <t xml:space="preserve">关于起动项，我的电脑中，在运行MSCONFIG真正用的只有七八项 </t>
  </si>
  <si>
    <t>启动加载项只是表示系统曾经加载过哪些启动程序，只要去掉对勾了，就可以了，它会在系统配置实用程序中留有记录的。</t>
  </si>
  <si>
    <t xml:space="preserve">急！！打过黄体酮8天为什么还不月经？女，24岁。确定未怀孕。已经 </t>
  </si>
  <si>
    <t>黄体酮用三天就可以了，没有必要多用，估计你是气血不通引起的月经不调还继发性闭经，建议；去医院检查B超、检测内分泌，找出病因，对症治疗。另外；也可以服用乌鸡白凤丸，花红片，妇科千金片，不过最好是检查后遵医嘱用药。</t>
  </si>
  <si>
    <t xml:space="preserve">那种软件杀木马最好? </t>
  </si>
  <si>
    <t>360不错  我一直用</t>
  </si>
  <si>
    <t>火影忍者疾风传第221</t>
  </si>
  <si>
    <t>253 新的目标302 第十班306－307 继承火之意志 新术爆发(剧末)310 忍者的决意311 发现大丸的巢穴312 遭遇313 心灵相通314 一夜雨315 双重守护316 看不见的敌人317 乱反射的迷宫318 目标出现319 狂暴的尾兽320 雾中321－322 鸣人VS红莲323－324 封印大作战325 结界攻防战326 红色山茶花327 同舟共济328 山茶花的路标329 咒印的反击330 罪之记忆331 被破碎的约定332 归处341 开始行动的人们342 探索345消失354 宴会的请帖359 阿飞的秘密364 话凤来坊377 袭击木叶378 相信的力量383 爆发！仙人模式385九尾捕获完成386 告白387—389 两个弟子（小剧场）395 木叶的英雄412 宁次外传413 三途河的最终鸣奏421 苦涩的决断439 火影旗木卡卡西440 大蛤蟆仙人的预言452 木叶女生会456 同伴的背后460 牙的决意476 集结，忍者联合军481 为了朋友484 秽土转生的秘密486 最初之敌，最后之敌！487 木叶的天才军师488 各自的战斗！491 ROAD TO SAKURA496 外道魔像袭来497 和解之印498 被狙击的医疗忍者499 白绝的陷阱513 力-Chikara-episode！514 力-Chikara-episode！523 已逝之人524 黄泉之术的逆天526 心之眼531 PROLOGUE OF ROAD TO NINJA541 增援到达请给好评，谢谢！</t>
  </si>
  <si>
    <t xml:space="preserve">我的QQ登录后看不见了，再登录提示已登录不能重复登。怎才能使QQ? </t>
  </si>
  <si>
    <t>如果那样不行就重启机子后再试试</t>
  </si>
  <si>
    <t xml:space="preserve">老的机箱电源,请教现在装机还能用不?02年装的机子,是为技嘉8I </t>
  </si>
  <si>
    <t>现在的机箱还是ATX的结构，差不多过了10年也没有变，所以新的主板是可以用的。以前说要用BTX取代ATX结构，但是由于种种原因ATX现在还是主流，某些BTX的机箱和主板其实也是互相兼容ATX的但是电源叫肯定是不行了，奔四的电源是20针的，现在的主板都要用24针的现在的主板只有一个IDE接口，所以如果和光驱一起用一条数据线的话会变得很慢，虽然是可以用但是不建议用</t>
  </si>
  <si>
    <t xml:space="preserve">雪茄的吸法和吸烟的方法一样吗？有什么区别呢？ </t>
  </si>
  <si>
    <t>一般的吸烟?r?袢??在呼吸一??吸進肺裡可是吸雪茄的人大多?蜒涛谧煅e不???吸進肺裡有點像人家說的抽假烟......</t>
  </si>
  <si>
    <t xml:space="preserve">双鱼VS天蝎请问双鱼和天蝎[商店装备[全改急速是多少? </t>
  </si>
  <si>
    <t>双鱼起步超级慢.加速超级慢.转向超级硬死.只有价格一方面可以比得上天蝎 。买蝎子吧。</t>
  </si>
  <si>
    <t xml:space="preserve">第四纪冰川期结束了吗？几百万年来北半球好像一直在变暖。但和恐龙时 </t>
  </si>
  <si>
    <t>目前，地球正处于第四纪大冰期的后期。最近一次冰川广布的情况是在1万多年前结束的。此后，气候总的来说在逐渐变暖，冰川逐渐消融，规模变小，现在冰川的面积只占陆地面积的10％。观测的结果告诉我们，阿尔卑斯山上的冰川在1876—1934年间面积减少了15％，较大的冰川缩短了1—3.5千米。喜马拉雅山上的绒布冰川，冰舌中部近百年来减薄了约50米。但也不是直线下降，仍有时冷时热的变化。不过，从长期来看，总的趋势是变暖了。但是科学家预测700万年后地球可能在进入一次冰川期！！</t>
  </si>
  <si>
    <t xml:space="preserve">大家一起吃火锅吧！小中一把，吃个火锅吧！ </t>
  </si>
  <si>
    <t>中了就好.呵呵,苍蝇也是肉</t>
  </si>
  <si>
    <t xml:space="preserve">D结晶的问题？？问大家一个幼稚的问题，那就是结晶是用来干什么的啊 </t>
  </si>
  <si>
    <t>有些召唤魔法是需要消耗D结晶的，还有就是奇岩店D级以上的商品就需要用结晶来购买了，类似金条。。</t>
  </si>
  <si>
    <t xml:space="preserve">随便问问(二)我记得以前&amp;lt;国际展望&amp;gt;有一篇题为&amp;lt </t>
  </si>
  <si>
    <t xml:space="preserve">这篇文章在《国际展望》2006年第21集上，文章全名《欧洲最大武器合作研制项目内幕 欧罗巴大力神 A-400M军用运输机终极报告》，作者钱锟。文章比较长，给你个链接网址： </t>
  </si>
  <si>
    <t xml:space="preserve">临泉县有职业高中嘛 </t>
  </si>
  <si>
    <t>临泉有一个职业高中，是临泉县职高，在城关镇</t>
  </si>
  <si>
    <t xml:space="preserve">什么是MSN? </t>
  </si>
  <si>
    <t xml:space="preserve">MSN（Microsoft Network），是由微软公司在1995年8月24日成立的因特网服务提供商，并随着Windows 95一起发布。MSN原来是一个类似CompuServe及AOL的收费服务，提供拨号上网及增值信息、聊天室等服务，但同时亦允许其它现有用户透过因特网来使用。后来互联网的普及化，使Microsoft将大部份原来要收费的项目，转变为免费的MSN入门网站，这是MSN的第二阶段生命。MSN 8 是一种 Internet 软件，它基于 Microsoft 高级技术，可使您和您的家人更有效地利用 Web。MSN 8 是一种优秀的通信工具，使 Internet 浏览更加便捷，并通过一些高级功能加强了联机的安全性。这些高级功能包括家长控制、共同浏览 Web、垃圾邮件保护器和定制其他 "MSN Messenger" 这个字眼是相当含糊的,因为微软用这个术语关系了几个不同部分的消息解决方案.你通过"MSN Messenger 网络"聊天,用来连接MSN Messenger 网络的最流行的程序是"MSN Messenger",而程序在MSN Messenger 网络中使用的语言则是"MSN Messenger 协议"。 什么是MSN Messenger网络 MSN Messenger网络是一个出自微软的实时通信网络。它在1999年7月发布，它不是第一个通信网络，也不是最后一个通信网络。MSN是4大顶级个人实时通信网络之一。到2003年3月，独占的MSN Instant Messenger 网络用户远远少于AOL Instant Messenger和ICQ，但多于Yahoo Messenger。 程序在MSN Messenger 网络上做什么? 在你计算机上的程序被称为"客户端"。它通过Internet连接到MSN Messenger服务器。具体点将，就是客户端通过服务器和其他的客户端收发消息。一些信息没有处理，仅仅通过服务器简单传递。例如，当发送一个实时的消息，命令“here is a message, pass it on”被服务器处理了，但消息本身仅通过服务器传递给客户端。 微软已经发布了两种MSN Messenger客户端：MSN Messenger（也叫“.NET Messenger”）和Windows Messenger。微软向大多数Windows用户推荐使用MSN Messenger，包括Windows XP在内，Windows Messenger被绑定在操作系统中。其它人和公司已经写了“第三方”MSN Messenger客户端。你能在资源页列表中看到一些客户端。 MSN Messenger一般被认为是事实上的标准客户端，而其他大多数的客户端从它的行为中确定他们的发展方向，所以它在网上被认为是“官方客户端”。 微软从未公开发布过他们的Messenger服务器端,并且官方客户端不允许你连接非微软的服务器端。目前，一些人已经写了第三方的服务器端，这些能在资源页中找到。 在两台计算机程序间通讯使用的“语言”叫做“协议”。MSN Messenger客户端和服务器端之间消息发送的规则就叫做“MSN Messenger协议”。从一个客户端通过服务器发送消息到另一个客户端的规则在这里被称之为“MSN 客户端协议”。 什么是MSN Messenger协议 MSN Messenger有一系列可在客户端和服务器端发送的命令组成。例如，当在你联系人列表中的一些人离线时，服务器向你的客户端发送类似这样的消息：FLN myname_123@ 。当接到这个命令，客户端应该将这个用户从在线用户列表中移到离线用户列表中。 MSN Messenger协议这几年已经经历了几次修改。在起草协议的时候（2003年10月），微软的服务器允许客户端使用8，9和10版的协议。个人协议版常常是由“MSNP8”，“MSNP9”和“MSNP10”写的。 本站点旨在完整定义MSN Messenger协议和MSN Messenger服务器断的特性，使得第三方软件开发者能写自己的程序与网络交互。到目前为止，只有MSNP8被文档化了，还有一些论题可在MSNP9和MSNP10中获得。 关于协议的信息可以通过阅读官方IETF草案， 阅读各种源代码，分析数据包，分析官方客户端，写程序。大部分这样的工作由其他一些MSN Messenger研究团体完成的，而我们只是将它记录下来。如果你发现了关于协议的新的东西，请将它公布在论坛上。 什么是MSN客户端协议？ MSN客户端协议由在客户端之间发送的消息组成。例如，当你向你朋友说“hello”的时候，你的客户端将hello作为消息的主体发送他们的客户端。 直到最近，MSN客户端协议比较有组织地发展——一个官方客户端版本将和其他客户端有不同表现，你只能猜猜它会有什么谁预想的特性行为（这句翻不出来）。近期，试图已经制定强加一个版本编号系统。到2003年10月为止，已经发现有3个版本的MSN Messenger客户端协议，在本站点叫做“MSNC0” ，“MSNC1”，“MSNC2”。 本站点旨在完整定义MSN Messenger协议和官方客户端的特性使得第三方软件开发者们能写出他们自己的程序和网络交互。我们希望最终完整定义所有版本的协议。本站点仅仅定义官方客户端的行为跟它通知我们关于其他客户端是怎样可预见的行为（这句翻不出来）。本站作者没有使用官方客户端，所以对主体不会有公正的判断。其他一些站点很好地覆盖了这个主体。 关于这一切，微软是怎么想的？ 我们跟微软没有关系，仅仅是非常有限的交流。我们知道至少一些微软的员工大体上清楚这个站点和社区，但是公司的政策看起来像是在忽略我们。微软还没任何使第三方客户端从他们网络中去除的正式的尝试，但他们也从未尝试和我们沟通或者给大家关于未来的保证。他们已经非常善于接受有安全隐患的错误报告。 跟AOL（AIM和ICQ的拥有者）相比，微软就他的协议对第三方开发者是非常不错的了。这大概不能反映任何慈善的部分：第三方客户端促使微软的网络用户的增加，并且（不像AOL）我们不是他们收入的直接威胁。参考资料： </t>
  </si>
  <si>
    <t xml:space="preserve">谁有工匠详细的3转任务攻略，万分感谢！！！！ </t>
  </si>
  <si>
    <t>三转任务：继承传说,巨匠（战争工匠Lv76）1、在卢云城镇向首席高仑工匠“特雷森”接任务“继承传说,巨匠”，获得“公会的秘密情报”2、去高达得城镇找大师“托巴德”，被告知需要去高达德城镇找设计图出售商“伯罗汀”3、询问高达德城镇的设计图出售商“伯罗汀”，并将“冰晶”（参考任务：传说的材料-上篇）交给他，获得“修理的威玛3号冷藏设施”4、将“修理的威玛3号冷藏设施”交给高达得城镇的大师“托巴德”，获得“神秘的交感石”5、去傲慢之塔下方找到“神秘石板”，使用“神秘的交感石”进行交感6、去圣者之谷下方狩猎任务怪物“禁封知识的守护者”，获得“神秘的交感石-第二个”7、去圣者之谷下方找到“神秘石板”，使用“神秘的交感石-第二个”进行交感8、调查高达得城镇右上方的“神秘石板”，出现任务怪物“大天使伊科诺克拉西斯”，将其击败后获得“神秘的交感石-第三个”，使用“神秘的交感石-第三个”对“神秘石板”进行交感9、去高达得城镇找大师“托巴德”，得知需要帮助“肯特拉兽人”或者“巴勒卡赛勒诺斯”10、找灵魂的引导者“阿瑟帕”（参考任务：水之魔力- 上篇）或者灵魂的引导者“乌丹玛勒杜伊”（参考任务：火之魔力 - 上篇）获得“神圣的智慧石” 11、将“神圣的智慧石”交给高达得城镇的“大师“托巴德”，获得“神秘的交感石-第四个”12、找到野兽庭院左上方的“神秘石板”，使用“神秘的交感石-第四个”进行交感 13、到高达得城镇找到大师“托巴德”，得知需要到帝国陵墓或者诸侯参拜地狩猎怪物。14、到帝国陵墓或者诸侯参拜地狩猎怪物，收集700个以上的“哈里夏的凭证” 15、收集700个以上的“哈里夏的凭证”，会有几率出现“哈里夏的执政官”，或者到帝国陵墓最后的房间直接找“哈里夏的执政官”，击败它后得到“神秘的交感石-第五个” 16、找到阿尔戈斯墙左上方的“神秘石板”，使用“神秘的交感石-第五个”进行交感 17、仔细查看亡者森林左上方的“神秘石板”，出现“暗杀者普罗斯特”，帮助“托巴德”攻击“暗杀者普罗斯特”，战斗后和“托巴德”对话后得到“神秘的交感石-第六个”使用“神秘的交感石-第六个”对“神秘石板”进行交感 18、回到卢云城镇找首席高仑工匠“特雷森”，转职成为巨匠，同时获得“下巨人的秘传书”</t>
  </si>
  <si>
    <t xml:space="preserve">中医治疗脑外伤，用什么方法可以有效的治好脑外伤 </t>
  </si>
  <si>
    <t>问题分析：脑外伤后遗症又叫脑外伤后综合征是指脑外伤病人在恢复期以后，长期存在的一组自主神经功能失调或精神性症状。包括头痛、神经过敏、易怒、注意力集中障碍、记忆力障碍、头晕、失眠、疲劳等症状 意见建议：对慢性期病人不要改变原有生活习惯。例如早起、洗漱、进食、物品放置等均可顺其自然。尽量鼓励个人生活自理和做自己喜欢的事。增强病人的责任心，如负责自己居室的门窗开关、清洁床头桌、扫地等，使其对生活保持信心。除此外，建议治疗的时候采用物理加中医治疗。具体您可在线咨询我</t>
  </si>
  <si>
    <t xml:space="preserve">谁有资产评估课件，谢谢！ </t>
  </si>
  <si>
    <t>爱问的共享资料里面就有的，你下载一个就可以了</t>
  </si>
  <si>
    <t xml:space="preserve">南瓜怎么做南瓜富含高营养素，请问做法有几种？ </t>
  </si>
  <si>
    <t xml:space="preserve">饼 用料: 糯米粉1斤、去皮南瓜7两、澄面3.5两、白糖3.5两、吉士粉5钱、清水适量（煲南瓜用）大约1两。 做法： &lt;1&gt;将糯米粉、澄面、吉士粉过筛和匀，放入案板上拨成粉窝状。 &lt;2&gt;将南瓜斩成小块，加少许水用高压锅沸压2至3分钟至烂，倾倒于面窝内，用木棒捣匀并揉至纯滑。 &lt;3&gt;出体开胚，用南瓜饼模印出南瓜饼胚，将南瓜饼胚放入己涂上生油的蒸笼底板上，上笼用猛火蒸6至8分钟至熟，取出即成。 芝麻南瓜饼 原料： 南瓜、面粉、蜂蜜、芝麻、食用油 做法： 1、将南瓜洗净，去掉皮和瓤后，切成块末，放入蒸锅中蒸熟捣成泥，加入蜂蜜、面粉、然后做成大小同一的圆饼，再沾上面包糠待用； 2、坐锅，倒入食用油，点火，到4成熟时，将圆饼投入油中炸熟至呈金黄色即成。 特点：酥软甜糯，香味醇厚。 巧克力南瓜饼 材料： 脆皮粉，南瓜，巧克力酱，黄油，彩色糖粒 制作方法： 1.将南瓜去皮切成薄片； 2.在一片南瓜片上涂抹巧克力酱，并用另一片覆盖做成南瓜夹； 3.将脆皮粉调糊待用； 4.南瓜夹沾脆皮糊下锅煎，待两面焦黄出锅； 5.撒上彩色糖粒。 口味特点：香甜可口，中西合并，很适合于小孩子。 小窍门： 1.南瓜片一定要切得薄，这样南瓜才会煎的香糯。 2.选南瓜时要选用肉厚的大南瓜。 辣味南瓜饼 原料： 南瓜500克、糯米粉150克，粳米粉100克、干辣椒末5克、五香粉、盐各适量 制法: 1.将南瓜去瓤后洗干净，切成小块，先在油锅里煸炒几下，加入少量清水，用慢火熬，软烂将熟时，放入糯米粉，粳米粉、辣椒末、五香粉、盐、一同拌和搅匀、然后入笼蒸15分钟，稍凉后取出，用手揉搓按压成一块块饼状，晒干即成 2.食用时，将南瓜饼切成片状，放入油锅中、炸、煎、炒均可，也可食用刚出蒸的新鲜南瓜饼。(也可用炸、煎、炒后食用)。 特点：香味醇厚、辣味浓烈。 香炸南瓜饼 原料： 南瓜250克,糯米粉250克,奶粉25克,白砂糖40克,豆沙馅50g。 制作： ①将南瓜去皮洗净切片,上笼蒸酥,乘热加糯米粉、奶粉、白砂糖、猪油,拌匀,揉和成南瓜饼皮坯。 ②豆沙搓成圆的馅心。取南瓜饼坯搓包上馅,压成圆饼。 ③锅内注入清油,待油温升至120℃时,把南瓜饼放在漏勺内入油中用小火浸炸,至南瓜饼膨胀,捞出待油温再升至160℃时下饼炸至发脆时即好。 油煎南瓜饼 材料： 糯米粉400克，南瓜250克，白糖50克，生油25，豆沙200克。 做法： 1.南瓜切成块，放入蒸笼里蒸熟，冷却后剥去外皮。再将熟南瓜搅成糊状，加糯米粉和糖，揉成粉团，散放到蒸笼里蒸熟，倒入涂过油的盆里冷却，再搓成圆长条，摘成12只坯子。 2.将坯子用手按扁，成旁边薄中间厚的圆形皮子，包上豆沙后，按成饼形，即成南瓜饼生坯。 3.将平锅烧热，放生油。再将生坯放入锅内，用小火煎成两面微黄色即成。 用法：随意食。 效用：润肺健脾，镇咳化痰。适用于肺燥咳嗽、脓痰等症 南瓜饼 材料： 南瓜4斤、糯米粉1斤、糖2两、泡打粉少许、吉士粉少许、炼乳五分之一瓶、面包糠适量 做法： 1、南瓜去皮，切成约 1厘米后的薄片，放进蒸箱里蒸熟，取出沥去水分 2、加入副料[除了面包糠]，揉匀，用手挤成剂子，裹上面包糠，压扁做 成生胚， 3、锅上火，倒入油，烧至三成热，下南瓜生胚，小火炸至南瓜生胚浮起立刻改大火炸至金黄色捞起装盘即可 注意： 南瓜蒸熟后沥去水分要恰当，沥多了，成品太干，口感不好，沥少了不好炸制，且不易保存，{一次可以多做一些放入冰箱内保鲜，用是拿出无须解冻，可立即炸制，但冰箱温度不易太低，否则不好炸制}还有火候一定要准确，否则易侵油 黄豆糙米南瓜粥 原料： 黄豆1/3杯、糙米1杯、南瓜120克、水6杯、盐1小匙。 做法： 1、黄豆洗净并泡水3－4小时、糙米洗净泡水约1小时。 2、南瓜去皮切小块备用。 3、锅中放入黄豆和6杯水，用中火煮至黄豆酥软。 4、加入糙米及南瓜，改用大火煮开。5、再改小火慢慢煮至豆酥瓜香即可。 蛋黄?h南瓜 材料： 小南瓜半个、咸鸭蛋黄3个、盐 做法： 1.南瓜削皮去籽，切成块——什么块都行，看你自己喜欢什么样子的。如果要挂糊过油炸的话块不要太大。水里放盐煮熟。侯军教过好象是煮7、8成熟，实战经验告诉我们，不要听他的，一定要熟才行，否则因为和蛋黄一起炒的时候时间很短，南瓜不可能从7、8成熟变成熟。 2.锅里倒少许油，蛋黄放进去，拿铲背顺时针推搅。注意油温不要过热，热的话可以先火，等不热了再开。 3.蛋黄炒到这种程度就差不多了。 4.把滤好水的南瓜倒进去翻炒，使蛋黄均匀的附着在南瓜上。 5.然后就可以装盘出锅了。 喜欢过油的桶子可以把南瓜挂糊炸熟，趁热倒入咸蛋黄里翻炒几下。炸过的南瓜外皮酥脆，口感更好。 南瓜百合 原料： 南瓜、百合、青红甜椒。调料：盐、味精。 制法： ⒈南瓜去皮，切小方块，百合洗净，青红椒切成比南瓜块小一点的方块。 ⒉南瓜块下水煮熟，百合、青红椒焯水。 ⒊以上原料均过油，下锅炒熟。 金瓜圣女 原料： 南瓜、番茄，莲蓉、澄面。调料：橙汁、冰糖。 制法： ⒈南瓜去皮，上笼蒸熟，制成汁，番茄洗净，焯水备用。 ⒉南瓜汁和橙汁一起烧沸，倒入澄面，搅匀烫熟，揉成面团，包入莲蓉馅做成小南瓜。 ⒊小南瓜上笼蒸3－5分钟至熟，将焯水后的番茄切成丁状并摆放盘中间，小南瓜围在周边，南瓜底放一片绿菜叶。 ⒋冰糖加水，熬浓汁勾芡，浇到南瓜和番茄上即成。 素酿南瓜--微波速食 原料:南瓜一个（重约一斤），冬菇半两，蘑菇半罐切片，榨菜一两半，笋肉（罐装）三两切丝，五香豆腐干一件切丝，红萝卜切丝三汤匙，粉丝半两。 蚝油一汤匙，生抽半汤匙，姜汁一茶匙，糖一茶匙，盐1/4茶匙，麻油、胡椒粉少许，上汤或水半杯，油二汤匙 制作方法: 1、南瓜洗净，上部近蒂处横切去1/4作盖，用匙羹挖去南瓜下半部的核，放在盛器中，盛器放下一汤匙水。 2、冬菇浸软去梗，挤干水切丝。 3、粉丝浸软，切小段。 4、榨菜洗净，切丝。 5、冬菇、蘑菇、笋、榨菜、豆腐干、红萝卜、粉丝加入调味拌匀，放入盛器中，盖上微波炉用保鲜纸，留一孔让蒸汽排出，用Hi（高热）煮五分钟。取出，放入南瓜内，盖上南瓜盖。 6、南瓜盖上微波炉用保鲜纸，留一孔让蒸汽排出，用Hi（高热）煮七分钟，取出即成。 嫩南瓜粥 原料： 嫩南瓜100g﹐蛤蜊100g﹐香油1大勺﹐粳米2杯﹐淘米水10杯﹐酱油1大勺 制作： (1)把米泡在淘米水里。 (2) 挖出蛤蜊肉并用香油炒后﹐倒淘米水﹐加米后用弱火煮30分钟左右。 (3)米煮熟后以酱油调味。 (4)灭火之前﹐切嫩南瓜丝放进去煮﹐熟后盛在碗里。 绿豆南瓜盅 主料：绿豆、小南瓜 调料：冰糖、桂花酱、糯米 烹制方法： 1、将绿豆洗净，倒入开水中煮熟，再将洗净的糯米放入，煮熟至浓香味时加入冰糖、桂花酱； 2、将南瓜洗净，从上端修一个花形盖，并挖去南瓜内瓤，用沸水煮一下，将煮好的绿豆、糯米粥倒入南瓜中； 3、坐蒸锅点火放入清水，待锅开后，将南瓜放入锅里蒸15分钟即可。 南瓜麵包 材料: a 南瓜泥 300g (我用一整顆不甜的小南瓜. 煮熟. ?V汁. 去水. ?耗? b 乾酵母或速發酵母 2小匙 c 蜂蜜 2小匙 d 麵粉 500g (因南瓜有水份. ??需求增?p) e 鹽 1.5~2小匙(????尚〕? 我覺得稍微鹹了一些些) f 煮南瓜的水或?厮?60ml (cc) (45度c左右) 上光用的蛋汁 (1顆蛋+1?着Ｄ? 裝?用的 南瓜子 少許 (可省略) 做法: 1. 微?氐?0ml南瓜水 或?厮? 2小匙蜂蜜??拌均?? 放入酵母稍??拌. 放置10~15分?. (如果蜂蜜/糖量增加.?加在南瓜泥中???? 2. ?e放在??拌缸中(或一大碗中)??拌好. 中間?荛_成井狀. ??1)加入中央. 再加入南瓜泥. 3. 用低速慢慢??拌麵粉. 型成一???耩I糰. 再用2速??拌15~20分?左右成一光滑有??性的麵糰 .(用手揉較?耩? 型成麵糰後. 桌上撒些麵粉. 手沾麵粉. ?甩?揉約10~15分?). 中間要停?C取下麵糰?纱? 翻面再開?C. 這???拌比較均?? 4. ?ⅫI糰放在已抹少許沙拉油的缸盆?? 翻面?四周都裹上油以保?? 蓋上?癫冀? 放?嘏?o風?發酵成?杀洞? 5. 往麵糰中央鎚一?上伦?空?忉?出. 再放10分?. 6. ?ⅫI糰整型成一大球狀. 用雙手稍微?L?A. 放在已抹油的或?⑸僭S麵粉的烤盤上覆蓋或用其他方式(??霧狀水等..)保?? 放?嘏?o風?做第二次發酵. 膨?成?杀洞?1→2).即可入爐烘烤. (約1~2小?r) 7. 烤箱事先預?嶂?20度c/ 425度f (在發酵完成前就需要開始預?? 8. 烘焙前刷上蛋汁. 表面撒上南瓜子. 入爐烘烤35~40分?. 表皮金黃. 敲麵包底部呈中空?即可. 取出放網架上待?? 南瓜鱼羹 　　主料；南瓜。（家用量可多一些）配料：鱼、盐、味精、水淀粉。 　　制作：南瓜洗净、切片、蒸熟、打成泥状，鱼剔刺取肉50克、切丁，放适量水淀粉抓匀，锅内加水750克烧开加南瓜泥开再加鱼肉烧熟调好味，放水淀粉烧开，放入汤碗内。 南瓜烙 　　主料：南瓜辅料：生粉、糯米粉、炒熟的花生碎粒、盐、糖。 　　制作：南瓜切成中粗丝攥干水分，喜欢甜的加糖，喜欢咸的加盐，味道要适中，3／4生粉、1／4糯米粉，拌匀（两种粉多了发粘）加入花生粒。用花生油划锅后（最好用平底锅），将南瓜丝撒在锅内摊平，再放500克热油慢浸炸至南瓜丝漂起即可。切成菱形、码入盘中。 八宝南瓜盅 【原料】 去皮老南瓜1个,糯米250克，红枣、莲子、银杏、瓜仁、金桔、松仁各25克，绵白糖20克,板油20克,湿淀粉10克。 【制作过程】 1、将南瓜采用浮雕手法，雕成南瓜盅。 2、将糯米蒸熟后加入绵白糖及刀工和熟处理后的部分配料拌匀，填入南瓜盅内，用剩余配料在南瓜盅开口处加以造型，上笼蒸熟。 3、锅上火，放绵白糖、清水，沸后用湿淀粉勾薄芡浇在南瓜盅内即成 油条烧南瓜 原料： 南瓜500克、油条200克、盐5克、味精3克、白糖10克、葱段5克、 蒜米5克、干生粉25克、香油5克、色拉油1000克(约耗100克) 制法： 1.将南瓜去皮去瓤，洗净，切成长6厘米、1.5厘米见方的条；油条切成6厘米长的条。 2.净锅上火，入色拉油烧至五六成热，将南瓜条沾匀干生粉，放入油锅内炸至瓜条变软时捞出沥油。 3.锅留底油，下葱段、蒜米炒香，再放入南瓜条略炒，调入盐、味精、白糖炒入味，然后放入油条炒匀，最后淋入香油，起锅装盘即成。 蒜烧南瓜 原料： 大蒜5瓣、南瓜1个(约600克)、盐、米酒各1/2大匙，糖1大匙，水2000毫升。 做法： 1大蒜去皮，洗净，切片备用。 2南瓜洗，发成5厘米长3厘米宽的长方块备用。 3锅中倒入2大匙油烧热，放入蒜片爆香，加入南瓜块炒匀，再加入调味秋以大火煮开，转小火加盖焖煮至南瓜熟透，盛入盘中即可端出。 西芹百合南瓜羹 材 料：南瓜2个、西芹1根、百合、鸡精、胡椒 做 法： 1. 南瓜半块切丁、西芹切丁、百合撕开 2．在锅内放一点油，炒南瓜丁。煸炒一会后添入一点水煮十分钟，直到南瓜完全软化。 3．将南瓜打成糊状，放入鸡精、胡椒调味。 4．倒入已经掏掉瓤的南瓜中，放入西芹粒。 5．将南瓜装入密封袋，在袋上扎几个眼以免水分太多。南瓜盖不宜太严。 6．微波炉内大火，6分钟即可。最后撒百合。百合有些发甜，口味更好。 南瓜浓汤 材 料： 　˙南 瓜 小半个（切粒） 　˙洋葱或番茄 酌量（切粒） 　˙豆浆、胡椒粉及盐 少许 　（亦可加入红萝卜、青豆等。） 做 法： 　1. 先蒸或煮熟南瓜。 　2. 将熟南瓜与其他佐料齐放入搞拌机打碎。 　3. 再煮滚，加调味料及豆浆即成。 南瓜饭 材 料： 　˙南　瓜（中型）　半个 　˙糙　米　　　　　2碗（若不习惯可用一半白米） 　˙其他配料（例如紫菜、杞子、莞茜、姜茸等）。 做 法： 　1. 南瓜去皮切成小粒。 　2. 糙米先浸水2至4小时，然后与南瓜粒一起煮成有味饭。 　3. 饭熟后加入紫菜丝、杞子、莞茜等。 南瓜西芹汁 材 料： 　˙南 瓜（中型）　　半个 　˙西 芹（中型）　　半条 　˙蜜 糖　　　　　　约2汤匙（若用粟芯糖代替更好） 　˙柠 檬　　　　　　一个 做 法： 　1. 南瓜去皮切块，西芹去叶切段。 　2. 柠檬挤汁。 　3. 将南瓜及西芹放进榨汁机内榨汁，然后加柠檬汁及蜜糖 　　　（或粟心糖），即时饮用。 薏米南瓜煲 　　主料：南瓜 　　辅料：薏米汤、金华火腿 　　调料：盐 　　烹制方法： 　　1、将火腿洗净切成长方形薄片后放入煲底垫匀，南瓜去皮洗净切成块，放在火腿片上， 然后将事先煮好的薏米汤灌入煲中，撒上盐； 　　2、坐蒸锅点火，将煲放入蒸锅中用旺火蒸25---30分钟即可。 </t>
  </si>
  <si>
    <t xml:space="preserve">最近系统经常“未响应”，而且是只能看着鼠标移动按任何键都毫无反应? </t>
  </si>
  <si>
    <t>建议先查杀一下木马，修复一下系统试试。建议你下载恶意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软件也可以在正常模式中进行查杀）。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或用还原软件进行系统还原）。 4、如果故障依旧，使用系统盘修复，打开命令提示符输入SFC /SCANNOW 回车（SFC和/之间有一个空格），插入原装系统盘修复系统，系统会自动对比修复的。 5、如果故障依旧，在BIOS中设置光驱为第一启动设备插入原装系统安装盘按R键选择“修复安装”即可。6、如果故障依旧，建议重装操作系统。杀毒软件安装多了，监控的软件多而且全部打开监控也会引起系统运行慢或死机故障的发生，建议你将监控的软件的监控全部关闭，如果系统运行快了，你可以适当调整监控的开关，经常查杀病毒就可以了。建议测试一下你的CPU是否过高，如果高，可能是CPU风扇灰尘太多了导致的，建议，清理一下CPU风扇和散热片的灰尘，新加散热硅脂，如果是风扇有问题换个好的转高的风扇。到设备管理器，查看各种驱动有没有发生冲突的地方，有没有黄色的！如果有可能是设备驱动程序与系统不兼容引起的；接着将声卡、显卡、网卡等设备的驱动程序删除，然后再逐一安装驱动程序，每安装一个设备就重启一次电脑，来检查是哪个设备的驱动程序引起的故障，查出来后，下载故障设备的新版驱动程序，然后安装即可。接着清洁电脑中的灰尘，清洁内存、显卡等设备金手指，重新安装内存等设备。系统自带的磁盘修复方法：（硬盘故障也可引起卡或死机故障）具体步骤如下（以Windows XP为例），在我的电脑中选中盘符后单击鼠标右键，在弹出的驱动器属性窗口中依次选择 “工具→开始检查”并选择“自动修复文件系统错误”和“扫描并恢复坏扇区”，然后点击开始，扫描时间会因磁盘容量及扫描选项的不同而有所差异。硬盘坏道将导致电脑系统文件损坏或丢失，电脑无法启动或死机。硬盘坏道可以采用NDD磁盘工具或Scandisk来修复。运行一些程序软件时发生卡或死机故障运行一些程序软件时发生死机故障的原因一般为：病毒感染动态链接库文件（.DLL）DLL文件丢失，硬盘剩余空间太少或碎片太多，软件升级不当，非法卸载软件或误操作，启动程序太多，硬件资源冲突，CPU等设备散热不良等。运行一些程序软件时，发生死机故障的解决方法如下。（1）首先查看电脑中是否打开的程序太多，如果是关闭暂时不用的程序，然后看是否正常。（2）如果还不正常或打开的程序不多，接着查看是否升级了某软件，如果升级了，将该软件卸载后，再重新安装。（3）如果没有升级软件，接着检查是否非法卸载软件或误操作。如果是，重新安装软件。（4）如果没有卸载软件或误操作，接着用杀毒软件查杀病毒，看是否有病毒，如果有病毒，则可能是病毒所致，将病毒杀掉即可。（5）如果电脑中没有病毒，接着查看硬盘空间是否太小。如果是，删除不用的文件并进行磁盘碎片整理。（6）如果硬盘空间不小，接着查看死机有无规律，如电脑总是在运行一段时间后死机或运行其他较大的游戏软件时死机，则可能是CPU等设备散热不良引起，打开机箱查看CPU的风扇是否转动，风力如何，如风力不足及时更换风扇，改善散热环境。（7）如果电脑散热良好，接着用硬件测试工具软件测试电脑，检查是否由于硬件的品质和质量不好造成的死机，如果是则更换设备。（8）最后检查有无冲突硬件设备（冲突设备一般在“设备管理器”中用黄色“！”号标出），如果有，将其删除或重新设置其中断。 使用设备时发生死机故障使用设备时发生死机故障的解决方法如下。（1）  首先检测故障硬件设备是否接触良好，如果故障硬件设备接触不良，将故障硬件设备重新接好。（2）  如果故障硬件设备接触良好，接着了解对硬件是否进行了热插拔操作，如果是重新启动电脑即可。（3）  如果没有进行热插拔操作，接着将故障硬件设备的驱动程序删除，重新安装故障硬件设备的最新版驱动程序，安装后检查是否正常。（4）  如果故障依旧，则可能是设备驱动程序问题，或故障硬件设备老化，或与其他设备不兼容，使用替换法检测硬件设备的不兼容，老化等故障，并排除故障。                                            电脑升级后死机故障   电脑升级后死机故障的解决方法如下。（1）  如果电脑在升级后出现死机故障，死机故障的原因一般与升级有关。如果升级的是电脑硬件设备（如内存，硬盘），首先将升级的硬件设备卸下，再重新将其接入，看看电脑是否正常。（2）  如果故障依旧，接着使用替换法，用一块同型号的好的硬件设备替换检测电脑故障是否消失，如果消失，则故障与升级硬件设备有关。（3）  如果故障依旧，则可能是其他问题引起死机，接着按照前面讲述的方法查询故障原因，并排除故障。（4）  如果电脑升级的是BIOS程序或硬件设备的驱动程序，首先将升级的程序恢复到原程序，然后检查是否恢复正常。（5）  如果故障恢复正常，则是升级软件造成的死机；如果故障依旧，则可能是其他问题引起的死机，接着按照前面讲述的方法查询故障原因，并排除故障。内存故障诊断：当怀疑内存问题引起的故障时，可以按照下面的步骤进行诊断排除。第1步：首先将BIOS恢复到出厂默认设置，然后开机测试。第2步：如果故障依旧，接着将内存卸下，然后清洁内存及主板上的灰尘，清洁后看故障是否排除。第3步：如果故障依旧，接着用橡皮擦拭内存的金手指，擦拭后，安装好开机测试。第4步：如果故障依旧，接着将内存安装到另一插槽中，然后开机测试。如果故障消失，重新检查原内存插槽的弹簧片是否变形。如果有，调整好即可。第5步：如果更换内存插槽后，故障依旧，接着用替换法检测内存。当用一条好的内存安装到主板，故障消失。则可能是原内存的故障；如果故障依旧，则是主板内存插槽问题。同时将故障内存安装到另一块好的主板上测试，如果可以正常使用，则内存与主板不兼容；如果在另一块主板上出现相同的故障，则是内存质量差或损坏。</t>
  </si>
  <si>
    <t xml:space="preserve">为什么缺钙的人容易抽搐 </t>
  </si>
  <si>
    <t>是的,人的痛有100多种都跟却钙关系,多吃豆腐类,种子类含钙高的,不要喝饮料.在人的身体内，如果钙的含量过多，就会诱发尿结石，而缺钙则会引起四肢，特别是手、足的抽筋。它表现为手腕、手掌、手指会蜷曲起来像鹰爪状，两只脚也变得僵硬。伴随着抽筋，病人十分惊恐、焦虑和激动，甚至歇斯底里般大叫大嚷。严重时，因咽部气管肌肉的阵阵收缩，还会发生呼吸困难。一般缺钙情况下发生抽筋，每次可历时几秒至几十秒，一天可出现多次，病人十分痛苦。   为什么缺钙会导致人抽筋呢？原来，钙质具有约束神经、肌肉活动的本领，也就是只允许神经、肌肉根据生理需要规规矩矩地工作，不能过于兴奋地乱动。万一身体内钙的含量低于正常值，神经、肌肉不再受到钙质的约束，就会出现抽筋现象。  产生缺钙的原因很多，例如长期禁食或进食不多，甲状旁腺功能减退，大量的钙被赶进骨骼里，造成血液内钙分太少等。帮到你就给个好评吧</t>
  </si>
  <si>
    <t xml:space="preserve">金穗卡二季度存款余额529元，二季度还扣了3元帐服费，有道理吗？ </t>
  </si>
  <si>
    <t>邮政储蓄不收年费和小额账户管理费，有条件的话把农行的废了转到邮政储蓄吧。</t>
  </si>
  <si>
    <t xml:space="preserve">青云门护符玄天星芒配方哪里有的卖?我在河阳城找过那个露珠儿看过, </t>
  </si>
  <si>
    <t>八仙饭庄的时间不固定，一般河阳梦境游商没有出现时八仙饭庄的游商出现几率大，一般没人去那，大部分都是找吕程，玄天星芒也是在八仙饭庄和吕程那两个地方有，在下面的图中有他的路线，你就在渔澄溪到复山路之间转转就能碰到，碰不到换换线，他也不是固定在一个线，10点之后出现</t>
  </si>
  <si>
    <t xml:space="preserve">该注意些什么，早餐吃什么比较好,平时外面的小吃可不可以吃。 </t>
  </si>
  <si>
    <t>在选择早餐之前应先喝500—800毫升凉开水既可补充一夜流失后的水分还可以清理肠道但不要在吃早餐前喝较多的水.一般要咸甜搭配，要吃水果或喝果汁。 儿童的早餐：注重补充丰富的蛋白质和钙相当重要。首先要少量少吃含糖量较高的食物，以防引起龋齿和肥胖。在条件许可的情况下，儿童的早餐通常以一杯牛奶、一个鸡蛋和一两片面包为最佳。牛奶可与果汁等饮料交替饮用。面包有时也可用饼干或馒头代替。 青少年的早餐：青少年时期特别需要足够的钙、维生素、A等营养素来帮助身体的生长发育。因此，青少年合适的早餐是一杯牛奶、一个新鲜水果、一个鸡蛋和二两干点（主要是馒头、面包、饼干等碳水化合物）。 中年人的早餐：其饮食既要含有丰富的蛋白质、维生素、钙、磷等，又应保持低热量、低脂肪。可以选择脱脂奶,豆浆等饮料,粮食方面比较简单,不过不要吃油条,比较甜的(加了糖的)等粮食,一般的馒头,面包都可以,不过面包不要加了油的那种就好了.还可以选择吃个水果.如果要吃鸡蛋的话,就不要吃蛋黄.早餐还可以吃些菜,如菜包之类的,水果与菜不同.另外吃些菜的话营养更加好.包括葱,青菜,萝卜等但是不用太多,只要把粮食的一些分量换过来就行了,水果也可以.至于饮料有200ML-250ML就好了.1、奶＋菜包/肉包＋蔬菜：酸奶含丰富的乳酸菌，对人体的贡献甚至大于牛奶。但是酸奶不能早上空腹喝，最好和包子、馒头等搭配吃。如果是素包如香菇菜包等，营养就比较齐全了；如果喜欢吃肉包，必须再补充些蔬菜、水果，或者用蔬菜汁、水果汁代替，最好是鲜榨的。 2、养颜八宝粥：女性白领如果有条件，可以前天晚上做好八宝粥，放入大米、红豆、花生米、枸杞子等，第二天早上热了吃，便捷又养颜。 3、降血糖牛奶麦片：把麦片先用开水冲好，再加入牛奶。这一搭配比较适合血糖高或有糖尿病家族遗传的人。</t>
  </si>
  <si>
    <t xml:space="preserve">25级羽芒接不了任务?求助问哈我是25的羽芒但是在我22的时候就 </t>
  </si>
  <si>
    <t>估计版本出错了,要么你试下重装下</t>
  </si>
  <si>
    <t xml:space="preserve">APP的哪个软件看书比较好，要免费的，书比较齐全的！ </t>
  </si>
  <si>
    <t>1、goodreader阅读体验不错，可以自己设置的项目很多很全面，可以打开的文件类型很多txt、视频、音频等等，但是epub不行，总体感觉是一个多类型文件播放软件，感觉功能多了有点乱； 2、熊猫看书阅读体验也不错，支持txt、epub，背景、字体颜色等都能自己设定，就是界面感觉不舒服，说不出为什么，可能是对91的偏见吧。。其实对于喜欢自己设定项目较多，又不喜欢软件很大很复杂的同学来说，还是不错的选择； 3、QQ阅读我比较推荐，也是到现在一直在用的，阅读体验不错，可以设置的项目很有限，但是默认设置基本能够满足我的需求，感觉是简单又简洁的阅读软件。4、Apabi reader整体体验不错，但是没有夜间模式，所以被PASS。。您可以是QQ阅读(如果我的回答对您有帮助，恳请您按个“对我有用”，非常感谢啦~\(≧▽≦)/~)</t>
  </si>
  <si>
    <t xml:space="preserve">现在在北京CBD有没有好吃不贵适合与朋友聚会的地方？ </t>
  </si>
  <si>
    <t xml:space="preserve">推荐你最最最超值的聚会场所——良友海鲜大酒楼，只要是对海鲜不过敏的朋友应该都会巨喜欢这地儿，就在光华路阳光100对面的泰达时代中心东北角，不要说带朋友就是带客户去，良友也是绝对能拿得出手的美食场所，是北京为数不多的正宗海鲜美食聚集处，第一次去的时候我和朋友都以为这地儿会很贵，主要是布置的太有格调了，但是一次吃下来，发现还是很划算，很推荐。 </t>
  </si>
  <si>
    <t xml:space="preserve">辅食宝宝五个月了,在四个月时就开始加蛋黄,果汁,米粉,吃的都不是 </t>
  </si>
  <si>
    <t xml:space="preserve">关于五个月的添加 4－5的婴儿，从母亲体内得到的铁已逐渐消耗掉，因此可加些富含铁质的食物，如蛋黄、鱼泥、鸡鸭血等，调入乳儿糕或米糊中，也可添加菜泥、胡萝卜泥、土豆泥等，以丰富营养。还可把水果汁改为水果泥。5个月：除米粉，菜水、果汁外，蛋黄增至1／2个，用开水调成泥状喂，另外增加菜泥，在菜泥中可加数滴烧熟后的植物油，搅拌后喂。5个月左右添加蛋黄、米汤、鱼泥、菜泥、水果泥等，可先喂鸡蛋黄：将煮熟的蛋黄压碎，调以少许牛奶成糊状，用小勺喂食；每天1次，从1/4个蛋黄开始，喂2~3天后孩子一切正常，可增至半个蛋黄，再观察2~3天，逐渐增加到每天吃一个蛋黄，到6~7个月时可吃蒸鸡蛋羹；其他果泥、菜泥等添加方法类似。怎样制作菜汤将新鲜蔬菜如白菜、菠菜、油菜、黄豆芽、萝卜、胡萝卜等，洗净切碎。先将锅内放水适量烧开，加入洗净切碎的蔬菜并煮开，再用文火煮3~5分钟，豆芽、胡萝卜则需煮烂、放凉后，用汤匙挤压蔬菜取汤即可。或用果汁挤压器挤出汤汁，放适量盐即可，这种菜汤中含有丰富的维生素C、B，胡萝卜素及矿物质，如钙、磷、铁等。怎样制作米汤将锅内水烧开后，放入淘洗干净的小米或大米，煮开，再用文火煮成烂粥，撇取米汤即可食用，也可加入菜汤等一起食用。米汤汤味香甜，含有丰富的蛋白质、脂肪、碳水化合物及钙、磷、铁，维生素C、B等。怎样制作鱼泥将鲜鱼洗净、去鳞、去除内脏，加少许盐后放在锅里清蒸，然后去皮、刺，将鱼肉挑放在碗里，用汤匙挤压成泥状，也可从红烧鱼上挑取鱼肉制作，可将鱼泥加入稀粥中一起喂给孩子吃。鱼肉中含有丰富的蛋白质、脂肪及钙、磷、锌等。怎样制作肝泥将生猪肝洗净后放入锅内，加水、大料、葱段、姜片、精盐、酱油，烧开后将猪肝捞出，再放在干净的板上剁碎成细小颗粒即可。可放入稀粥或面条中一起食用。肝脏中含有丰富的优质蛋白质、脂肪、钙、磷、铁及维生素，是防治营养性贫血的佳品。怎样蒸鸡蛋羹将鸡蛋打入碗中，加入适量水（约为鸡蛋的2倍）和少许盐，调匀，放入锅中蒸成凝固状即熟。给8~9个月的孩子吃时可事先放入适量植物油，鸡蛋羹可直接用小勺喂给孩子吃，软嫩可口，营养价值高，含丰富的蛋白质、脂肪，尤其是蛋黄中含有卵磷脂及铁、钙、磷、维生素A、D、B等，可营养大脑，又能满足婴儿对铁的需要。怎样做菜泥将新鲜的绿叶蔬菜、胡萝卜、土豆洗净切碎，放入锅内，加盖煮开15分钟，也可清蒸。熟后盛在碗里，用小勺搅成泥状即可，可放入稀粥中一起食用。教你制作几种婴儿辅食随着婴儿的成长，母乳以及奶粉都无法满足其成长的需要，所以适当的给孩子补充一些辅食是完全必要的，但是如何制作可口营养的辅食？这是很多年轻的父母想要了解的。在此我们介绍几种常见的辅食的制作方法： （1）菜水或果汁：将新鲜蔬菜或水果洗净切碎，以一碗菜一碗水的比例，先将水煮开，再将切好的菜或水果放入锅内，加盖煮5分钟，稍冷后，将水滤出即可食用。 （2）番茄汁和橘子汁：番茄汁将番茄洗净，用开水烫后去皮，再用消毒纱布包住番茄，用消毒调羹挤压成汁。橘子汁将橘子外皮洗净，切成两半，每半在消毒过的挤汁器上旋转数分钟，待果汁流入槽内，用消毒纱布过滤后，取出橘子汁。 （3）蛋黄：将鸡蛋洗净，放在冷水锅中煮熟，煮得老一些，取出去壳，剥去蛋白，将蛋黄压成泥状，用开水调成糊状。 （4）菜泥和水果泥：菜泥是将青菜或菠菜嫩叶洗净切碎，加盐少量，放在蒸锅中蒸熟，取出捣碎，去掉菜筋，用勺搅拌成菜泥。胡萝卜泥制法与菜泥相同，水果泥是将苹果或香蕉洗净，苹果切成两半，香蕉剥去一边皮，用勺刮成泥，随刮随喂。。 （5）烂粥：大米约30克，洗净后浸泡1小时，加水3～4碗，放锅内文火煮1～1.5小时，煮成糊状即可食用。 （6）蒸蛋羹：将鸡蛋搅拌均匀，加水适量，加盐少量，放在锅内蒸熟食用。 （7）藕粉：藕粉一羹匙，糖一羹匙，先用少许冷开水调匀，再用沸水冲开调拌成羹糊状。 五个月宝宝的一日多餐计划,供你参考.早晨6-7时： 母乳上午9时：加1/2蛋黄，用开水或无粒米汤调成泥状喂中午11-12时：母乳午后 2时：菜泥（可选：胡萝卜、菠菜、土豆、南瓜、红薯、绿叶菜） 在菜泥中可加数滴烧熟后的植物油，搅拌后喂。 母乳、下午 4时： 米粉可点蛋黄傍晚 6时：果泥（可选：苹果、香蕉、梨子、橙子）母乳晚上 9-10时：母乳 半夜：母乳（说明：上表中的时间，并不是准点，只是个大概的时候，要看孩子什么时候醒来。另外，果泥和菜泥，有多种选择，我们按照添加辅食的原则，确认没有过敏反应后再添加另一种）每次喂食时间不要拖太久，一般25-30分钟为合适。每日建议食品量：奶量800毫升、谷类（粥）10-20-30克、鸡蛋1/8-1/4-1/2-1个、肉5-10-20克、蔬菜5-10-20克、水果5-10-20克、水90-200毫升。如果宝宝对某一食品不喜欢，不要着急。可以停1-2周后在添加。可以先让宝宝闻闻、舔舔新食品。要知道婴儿也需要学习适应新的食品。千万不要强喂，这样不仅会造成宝宝对食物的厌恶，还会伤害宝宝的自尊心。每个婴儿都不一样，要耐心、领会对待。 </t>
  </si>
  <si>
    <t xml:space="preserve">睡眠时间过长对人体有害吗？[人体常识] </t>
  </si>
  <si>
    <t>身体虚弱 人活动时心跳加快，心肌收缩力加强，心脏排血增加。人体息时心脏处于休息状态，心跳、收缩力、排血量下降。</t>
  </si>
  <si>
    <t xml:space="preserve">为什么我看不到世界聊天别人M我我也看不到行会聊天也看到设置也没有? </t>
  </si>
  <si>
    <t>可能是锁定了聊天窗口了，点下左下方的一个锁字就行了</t>
  </si>
  <si>
    <t xml:space="preserve">船的等级和陆地山的怪的等级相差多少有才会有7的熟练啊 </t>
  </si>
  <si>
    <t>不看差多少级,打50级以上的怪就有7的熟练.</t>
  </si>
  <si>
    <t xml:space="preserve">为什么县一级的司法局的车可以挂警牌县一级的司法局根本管不了监狱, </t>
  </si>
  <si>
    <t>肯定也沾光，但司法局确实具有武装执法的职能，根据上级统一配备警车也正常，但是警车数量太多就不正常了。其实这种情况也不鲜见，检察官和法官自从由武装性质的人员划归文职人员之后，检察院和法院具有开警车资格的人员只有法警了，而现在法院和检察院配备警车的数量有增无减。监狱和劳教所除了具有司法机关的性质外，本身也是具有企业法人的盈利性的主体，上级规定警车只能用于监管和改造工作，如果从事赢利性工作的时候只能使用地方牌照的车辆，现在好多监狱和劳教所配备的警车也不在少数，已经远远超过监管和改造工作的需要。警车上路既可以节省费用，也可以减少很多麻烦。</t>
  </si>
  <si>
    <t xml:space="preserve">高考失败了怎么办成绩出来了灰心连专都没 </t>
  </si>
  <si>
    <t>要是还想上大学的话，就鼓起勇气，树立信心，重新复读，重新高考的</t>
  </si>
  <si>
    <t xml:space="preserve">魔心怎么得啊?诛仙里头的魔心是通过什么任务能得到啊?或者是打什么 </t>
  </si>
  <si>
    <t>打BOSS....打海盗王和犀甲王应该有..</t>
  </si>
  <si>
    <t xml:space="preserve">最近总长粉刺，粉刺没了之后还有印，怎么办？ </t>
  </si>
  <si>
    <t>可以擦芦荟胶'能去痘印的</t>
  </si>
  <si>
    <t xml:space="preserve">如何在新破天一剑的人极星进入霜冻新星小弟，想进入霜冻新星冲级可是 </t>
  </si>
  <si>
    <t>去商城买张 玄冰符 ,在人际瀑布后边的太极镇进入</t>
  </si>
  <si>
    <t xml:space="preserve">音乐播放器加不起歌曲音乐播放器粘贴不起歌曲地址，这是怎么回事情。 </t>
  </si>
  <si>
    <t>你好！如何使背景‘自动播放’     进入你的博客→管理博客→个人首页维护→自定义音乐播放器列表→进入编辑→新增→输入列表标题→下一步→确认→（*）新增→在音乐播放栏输入音乐的URL→填写音乐名称→将后面的‘勾’点成笔形→从（*）新增开始重复，可以输入第二、第三……，输完以后，点‘保存‘，→ 返回→定制我的首页→保存设置。在这一组中可以输入10首歌曲（包括‘自动播放’）。一共可以列入10个组，组与组之间要用手工连接。     要‘自动播放’，必须将第一首歌曲的音乐名填为‘自动播放’，音乐的URL输入你的博客地址，然后，接着输入第二、第三……。输完每一首歌曲，都要将后面的‘勾‘点成笔形。   说明： 1、歌曲的地址一定要    http://开始……mp3结束，否则新浪博客不支持          2、介绍你一个找歌曲的网站。   我认为比较好。 新版的播放器添加音乐   按上面的方法选好音乐URL后,-——点击新播放器中的添加歌曲——填入歌曲名——在添加外部歌曲URL栏中；粘贴‘——确定  谢谢你的提问。    我的博客地址是：  。cn/hajkm    欢迎光临指导。</t>
  </si>
  <si>
    <t xml:space="preserve">英超的第六名有参加联盟杯的资格吗？ </t>
  </si>
  <si>
    <t>本赛季没有了,英超联盟名额3个,联赛杯冠军热刺已获得联盟杯资格,足总杯冠军也肯定没有强四名的球队,肯定占一个名额,所以只有第五名才能获得联盟杯资格</t>
  </si>
  <si>
    <t xml:space="preserve">什么是政治里讲的"上层建筑"?它有哪些作用? </t>
  </si>
  <si>
    <t>上层建筑是指建立在一定经济基础之上的社会意识形态以及相应的政治制度、组织和设施的总和。 上层建筑通常由两部分构成：一是建立在一定经济基础之上的政治法律制度和组织设施，通称政治上层建筑；二是适应经济基础的思想或观念上层建筑，通常叫意识形态。 政治上层建筑构成了社会政治结构，国家政权是政治结构的核心。 上层建筑是指建立在一定社会经济基础上的社会意识形态以及与它相适应的政治、法律制度和设施。 上层建筑包括政治上层建筑和思想上层建筑。在阶级社会中，政治上层建筑是指人们在一定经济基础上建起的政治、法律制度以及建立的军队、警察、法庭、监狱、政府部门、党派等国家机器和政治组织。思想上层建筑是指适应经济基础的社会意识形态，包括政治思想、法律思想、道德、艺术、哲学、宗教等等。 上层建筑在本质上是人与人之间的思想关系和政治关系的统一。作用：1．在社会形态的矛盾统一体中，经济基础决定上层建筑，上层建筑反作用于经济基础，经济基础和上层建筑之间存在着自始至终的矛盾运动。2．经济基础决定上层建筑的产生，决定上层建筑的性质，决定上层建筑的变革。3．上层建筑为经济基础服务表现为：第一， 从服务的形式上看，上层建筑是通过对社会生活各个方面和领域的控制和调节来为经济基础服务的。第二，从服务的内容上看，上层建筑一方面要保护和促进自己的经济基础的形成、巩固和发展，另一方面要消灭和排斥异已的经济基础和上层建筑。第三，从服务的性质上看，上层建筑对经济基础的反作用在整个社会发展中所起作用的性质，最终取决于其所服务的经济基础的性质。</t>
  </si>
  <si>
    <t xml:space="preserve">北京三样菜是不是主打吃美蛙，泥鳅，膳段的啊？ </t>
  </si>
  <si>
    <t>1.干烧鳝段：性别男，绰号似鞍，身份是江湖三样菜总堂主。红烧制法，汤汁烧干，作料全被鳝段吸收，肉质细嫩，咸辣鲜香，是江湖三样菜之第一样菜。2.口福泥鳅：性别不详，绰号耀江湖，身份是江湖三样菜副堂主。低脂肪，低胆固醇，含有助于人体抵抗血管衰老的物质，肉细嫩，味鲜美，酸甜可口，食之人人赞不绝口，是江湖三样菜之第二样菜。3.原味水煮美蛙：性别女，绰号美姬，身份是江湖三样菜少堂主。美蛙肉质洁白细嫩，味美爽口，营养十分丰富，为高蛋白、低脂肪、低胆固醇的高级食品，是江湖三样菜之第三样菜。4.三元爆肥肠：爆肥肠是重庆菜中最下饭的一道菜之一，三样菜将之创新升级，肥肠反复清洗后，小火下锅慢慢炸至金黄，再下辣椒、青椒、尖椒爆出香味。秘诀是放入经小火炸得香软的鹌鹑蛋一同爆炒，再加上三样菜独家酱汁调味，烹制出了与鲁菜肥肠完全不同的口感。一盘三元爆肥配上一碗香喷喷的米饭，让人停不下筷子来！只是小心油腻，不要因为受不了诱惑每回都点这道菜！5.豆汤豌豆苗：三样菜的菜品有两大特色，一是川渝风味纯正，二是拥有许多独创菜品，京城难觅第二家。以豆汤豌豆苗为例，这是一道汤菜，汤是豌豆汤，苗是豌豆苗。清淡适口的豆汤豌豆苗除了营养、好喝，更是解辣圣品，能把口中的麻辣感一扫而光，最适合在吃完麻辣鲜香的菜后来上一碗清清口。至于为何如此神奇，这都要归功于豌豆食材的天性。不信？您亲自来试一试！</t>
  </si>
  <si>
    <t xml:space="preserve">黑色昆虫床上爬进一只虫子，不知道是什么虫子，身体很胖，不是蟑螂， </t>
  </si>
  <si>
    <t>难道是天牛？</t>
  </si>
  <si>
    <t xml:space="preserve">为什么昨天没播康熙来了 </t>
  </si>
  <si>
    <t>有播了，爱奇艺都有更新</t>
  </si>
  <si>
    <t>我的电脑不能玩魔兽。总是出现CD</t>
  </si>
  <si>
    <t>上网下一个魔兽免ＣＤ补丁，覆盖到你魔兽的文件夹，即ＯＫ！魔兽免ＣＤ补丁在新浪网－魔兽专区－补丁下载－《冰封王座》v1.20b免cd补丁 安装即可</t>
  </si>
  <si>
    <t xml:space="preserve">晒一单（图）反正好几期都没中了不怕晒死看运气 </t>
  </si>
  <si>
    <t>鸡过了，你过。</t>
  </si>
  <si>
    <t xml:space="preserve">清华同方超锐k46c有谁了解这款机只呢？高手指点一下可以吗？ </t>
  </si>
  <si>
    <t>这是清华同方出的一款性价比很高的笔记本，才4499元的价位配置了i5处理器，独立显卡。。。</t>
  </si>
  <si>
    <t xml:space="preserve">如何去除下眼皮皱纹？ </t>
  </si>
  <si>
    <t>去下眼睑皱纹有很多方法，你是想要简单的还是复杂的呢，如果是 简单的，你可以去买法国芙洛雅美容产品，他们的产品效果不错，适合各类人群使用~</t>
  </si>
  <si>
    <t xml:space="preserve">求助各位大俠.厨房吊顶里每天有老鼠活动.如何整治,经观察是从烟道? </t>
  </si>
  <si>
    <t>给烟道那弄个老鼠夹子，那是它唯一的通道的话，就会被夹住的。（赠人玫瑰，手有余香，点“好评”是莫大的鼓励！）街上有那个防鼠的盒子，里边可以放药，鼠患很危险，建议迅速解决。</t>
  </si>
  <si>
    <t xml:space="preserve">服务器关闭期间算不算拍卖时间的？ </t>
  </si>
  <si>
    <t>是计算时间的,比如您拍卖1天,便从您开始拍卖起的24小时内为1天</t>
  </si>
  <si>
    <t xml:space="preserve">燃放爆竹是否违法？ </t>
  </si>
  <si>
    <t xml:space="preserve">    原来北京的用于规范燃放烟花爆竹行为的法规名字是叫《禁止燃放烟花爆竹管理规定》，在新制定的法规叫《北京市烟花爆竹安全管理条例》。    违反此条例有关规定的行为当然是违法行为。</t>
  </si>
  <si>
    <t xml:space="preserve">物理问题两根固定的光滑硬杆OA和OB间的交角=37，在两杆上各套 </t>
  </si>
  <si>
    <t>环P受到水平向右的拉力F，绳子的拉力T，OB杆对P的弹力N1，共三个力作用使P平衡。环Q受到绳子的拉力T`，和OA杆对Q的弹力N2，两个力的作用使用权物体平衡，则这两个在一条直线上，因此绳一定垂直OA杆。以P为研究对象，T与OB杆的夹角为53度，根据共点力的平衡条件得：(1)T=F/cos53;(2)N=F/tan53</t>
  </si>
  <si>
    <t xml:space="preserve">减肥谢谢了快点回答哦 </t>
  </si>
  <si>
    <t xml:space="preserve">苦瓜减肥很有效的哦！还有红酒减肥等等之类的  可以参考我的博克内容 </t>
  </si>
  <si>
    <t xml:space="preserve">我想开一家快捷餐厅，大家认为它应该是怎么样的餐厅？ </t>
  </si>
  <si>
    <t>2</t>
  </si>
  <si>
    <t xml:space="preserve">有玩网通二区东北的没？怎么还上不去啊？无法连接服务器啊 </t>
  </si>
  <si>
    <t xml:space="preserve">   那是因为你的那个区在维护。现在不能玩  。。  你看其他的可以不可以玩。。。      另外升级一下你的游戏的版本。。   这次维护的时间的确是很久 。。但是没办法。。为了游戏的更顺畅。。  只能等了。</t>
  </si>
  <si>
    <t xml:space="preserve">帮忙设计一个艺术签名！我叫杜国策，哪个高手帮忙设计一个！要简单好 </t>
  </si>
  <si>
    <t>我叫杜国策，</t>
  </si>
  <si>
    <t xml:space="preserve">经常熬夜该补充些什么？可以补充一些什么维生素？ </t>
  </si>
  <si>
    <t>维生素E类的，胡罗卜、蛋黄、维E糖片</t>
  </si>
  <si>
    <t xml:space="preserve">希望给一个答案，谢谢我的手机是三星U608，在手机上下游戏的时候 </t>
  </si>
  <si>
    <t>目前这个现象很普遍，出现这个情况有多方面的原因：　　①手机内存过小的原因，因为目前手机都是下载完之后才写入卡上的，所以如果你的手机的内存过小的话就会出现这个问题。目前内存过小这个原因我们无法自行解决。　　②当地网络服务商的问题。目前很多地方的电信、联通网络都限制了连续读取的数据大小，特别是CMWAP接口的，所以在这些地方使用这些网络的话就有可能会导致下载失败。对于这个问题，解决方法很简单，进入游戏菜单之后，点击【更新列表】→【网络设置】→将其改为【CMNET】，这样就可以进行下载了。或许有人会问，这样会不会收取CMNET流量啊。这个不用担心，我咨询过移动和联通，他们都说只要你连接的不是WWW开头的网址，就算设置了CMNET，也是收取CMWAP流量的。而且我也多次亲自测试过（我的游戏更新都是用CMNET接口的），没有产生CMNET流量，所以大家可以放心使用。如果你还不确认，那么你可以拨打当地的运营商。</t>
  </si>
  <si>
    <t xml:space="preserve">请问大家宝钢权证代码是几，怎样买卖，谢谢 </t>
  </si>
  <si>
    <t>宝钢权证代码是580000，其买卖与买卖股票一样。但是T+0，即当天买入后，可以当天卖出。即没有持仓时间限制。其计价单位是0.001。</t>
  </si>
  <si>
    <t xml:space="preserve">吃感冒药能做药流吗?我老咳嗽有点支气管炎. </t>
  </si>
  <si>
    <t>最好不要做药流,我就是才做的,结果没做净,这次又得重新检查,重新做,花钱不说,还受二次苦.</t>
  </si>
  <si>
    <t xml:space="preserve">超级兔子清理的彻底吗？它和优化大师是不是同类软件，哪个清理更彻底 </t>
  </si>
  <si>
    <t>差不多都不怎么样不建议用第三方软件优化系统有时候会有莫名其妙的问题出现软件哪有人那么灵活啊，它都事按照固定的模式去清理系统的难免涉及好的文件不好</t>
  </si>
  <si>
    <t xml:space="preserve">杨志不是很在乎祖上的名声吗？为啥还入草？去上吊，被曹正救了，就去 </t>
  </si>
  <si>
    <t>這????題??的有點高深、俺不懂、俺占??沙发？ -----呵呵！</t>
  </si>
  <si>
    <t xml:space="preserve">叶塞尼那场球什么意思啊雪缘园还没开始，怎么其他网开始了？还0:0 </t>
  </si>
  <si>
    <t>我刚才看了一下，正确的结果是已经结束了，比分0：0平局，雪缘园的是错误的！</t>
  </si>
  <si>
    <t xml:space="preserve">北京哪家迪厅比较安全？因为都是女孩子，想去跳舞，有又点担心安全问 </t>
  </si>
  <si>
    <t>在崇文区珠市口东大街12（原两广路）有家  北京天王星时尚娱乐会所（眼镜蛇） 那边比较便宜 而且大多都是小孩 呵呵人比较多 不过看去不是很高档 随便玩玩也算可以吧乘车路线：57、23、715路三里河站下车即到 好象是24小时营业</t>
  </si>
  <si>
    <t xml:space="preserve">初中话题作文:生存,600—700字，快帮帮我呀！以“生存”为话 </t>
  </si>
  <si>
    <t>竞争与生存　　仿佛是一夜之间，人类就开始告别工业社会，迈向知识经济社会。这场变革来得如此迅猛，使许多人预料不及。在历史大潮的挟裹下，人类正走向知识经济社会。　　面临新问题的新情况，人人都想把握命运，人人都想赢得未来。这看上去简单的问题，做起来却常常让人无所适从。在知识经济时代参与竞争，把握机遇，是知识经济社会里每一个人实现自我生存的必备条件。　　知识经济时代，拥有更多知识的人能获得更高的劳动报酬，拥有更多知识的企业能获得更丰厚的利润，拥有更多知识的国家能够创造更多的财富。一句话，谁拥有更多的知识，谁就拥有更多的主宰权。现今世界各国的经济比以往任何时候都更依懒于知识的生产和应用。　　调查表明：西方国家最新的大企业大都是10年间成长起来的年轻人所创办的，他们的共同特点是白手起家、知识基础扎实、脑力过人、不拘常规，在复杂的新生领域中率先理清思路，捷足先登，抓住了机遇，知识在这一时代充分显示了其深厚的市场价值和市场潜力。苹果公司总裁乔布斯第一个预测到个人硬件将成为巨大的新产业，开始销售个人电脑，创立了个人电脑的一大品牌——苹果。微软公司总裁比尔·盖茨第一个预测到个人电脑软件将成为巨大的新产业，大力开发个人电脑软件，从而使微软公司一跃成为信息产业的第一大企业。微软公司的成功，使一大批高智能的白领职员拥有了大量财富，据统计，微软公司大约造就了2000多位百万富翁和数百名千万富翁甚至亿万富翁。与此相似，YAHOO公司创始人杨致远预测到个人电脑网络服务将成为巨大的新产业，大力开发电脑网络服务，使得YAHOO公司一举成为资产超过亿万元美金的新型企业。　　总结这些世界知识企业的成功经验，我们发现：脑力资产中潜藏着令人难以置信的巨大能量。虽然个人脑力之间肯定存在着较大的差距，但作为脑力特质的知识技能却可能蕴涵在每个人的头脑中，并非是少数人的专利。绝大多数人都能掌握和分享知识技能，而关键在于如何学习、培养、锤炼、组织和释放它们。因此，对个人、企业和任何组织而言，有效学习已经成为掌握知识的一项至关重要的技能。理解这种现实，对每个在知识经济时代生存的人来说，都具有非凡的意义。在这个变革、创新、竞争、发展的转变时期，学习是真正有效的起点。　　</t>
  </si>
  <si>
    <t xml:space="preserve">请问最近有什么好看的电影推荐吗？ </t>
  </si>
  <si>
    <t>美国队长 速度与激情 变形金刚 极品飞车 侏罗纪公园 指环王 碟中谍 当幸福来敲门 假如爱有天意 我脑中的橡皮擦 举起手来 全民目击 吸血鬼日记 迷失 绿箭侠（亲，要好评哦）</t>
  </si>
  <si>
    <t xml:space="preserve">什么是分红类寿险? </t>
  </si>
  <si>
    <t>就是指保险公司在每个会计年度结束后，将上一会计年度该类分红保险的可分配盈余，按一定的比例、以现金红利或增值红利的方式，分配给客户的一种人寿保险。</t>
  </si>
  <si>
    <t xml:space="preserve">洗面奶？？我是油性皮肤，脸上毛孔变大了，20岁，用什么洗面奶好？ </t>
  </si>
  <si>
    <t>我是混合皮,还是比较喜欢露得清深层洁面那款,价格适中,关键是洗的干净!24元!婵真银杏洗面奶清洁效果也不错!网购45元左右!但是控油想单一的靠洗面奶是不可能的!可以配上有控油作用的水乳能更好!其实微姿家的控油产品可以试试!就是有点小贵!</t>
  </si>
  <si>
    <t xml:space="preserve">JJ问题.在线等这几天JJ有点发热.腿.腰有点软...求知情者告 </t>
  </si>
  <si>
    <t>你最近是否手淫频繁了些?要注意休息的,做爱也要适度的,</t>
  </si>
  <si>
    <t xml:space="preserve">为什么受限制用户会……我受限制用户登陆，竟能也能打开，查看、修改 </t>
  </si>
  <si>
    <t>可以啊,好像在文件夹的属性下有安全的设置,在那里面你可以用管理员帐号登陆系统,设置其他帐号对该文件夹的操作啊,如果在属性里面没有这个选项请,执行菜单的工具-&gt;文件夹选项－查看-&gt;取消“简单文件共享”你就看到属性里面的权限设置了啊</t>
  </si>
  <si>
    <t xml:space="preserve">老师不喜欢孩子怎么办儿子上二年级，上课爱搞小动作，特别贪玩，不爱 </t>
  </si>
  <si>
    <t>首先要让老师觉得家长是有修养的，那么她就会看你儿子也顺眼许多。方法嘛，找个机会拉近距离是最直接的，送礼并不是唯一有效的方法（本人也反对送礼），你可以多些和老师沟通，心平气和地，首先多做自我批评，其次多说些体谅老师的话，再次还可以向老师吐点苦水，说你平时怎么费心的教育。人心都是肉长的，相信有职业道德的老师都不会特意和你小孩过不去。当然，如果你不幸碰上了一个小心眼的、甚至先入为主听不进别人解释苦衷的，那你还是趁早转班啦。祝你好运！</t>
  </si>
  <si>
    <t xml:space="preserve">请问清泉老师:000541想建仓,现在又高了,年线是多少?多谢.? </t>
  </si>
  <si>
    <t>可以考虑两成仓位介入</t>
  </si>
  <si>
    <t xml:space="preserve">刚生下来的宝宝用奶瓶吗?听说刚刚生下来的宝宝是不用奶瓶喝水的,是 </t>
  </si>
  <si>
    <t>不是说宝宝不用奶瓶喝水，是因为出生的宝宝的母乳量肯定不多，那么就一定要让宝宝多吸多刺激才会有多奶，但是你要是给了他奶瓶喝配方奶之后，那么他就不愿意再去做费力而又吃得少的母乳了，宝宝也是很聪明很懒的哟！这是两个事情，所以你当然最好是用婴儿用的软头勺喂水宝宝喝。但是宝宝在是喝母乳在前三个月是不用另外喝水的，母乳里含有足够的水份！</t>
  </si>
  <si>
    <t xml:space="preserve">横七坚八…成语的出处…意思…来源于那…一般用来形容什么？ </t>
  </si>
  <si>
    <t xml:space="preserve">应该是横七竖八吧...横七竖八 发　音 :héng qī shù bā 释　义 :有的横，有的竖，杂乱无章。形容纵横杂乱。 出　处 :明·施耐庵《水浒全传》第三十四回：“一片瓦砾场上，横七竖八，杀死的男子妇人，不计其数。” </t>
  </si>
  <si>
    <t xml:space="preserve">请问如果想检查输卵管是不是通的,请问有哪几种方法?我已经试孕半年 </t>
  </si>
  <si>
    <t>一、通液：如果输卵管不通就很痛，通就不痛。一百多块吧。二、造影：如果输卵管不通就很痛，通就不痛。一千多。</t>
  </si>
  <si>
    <t xml:space="preserve">盐类及其它化学物质为什么会形成水合物? </t>
  </si>
  <si>
    <t>这是因为许多组成盐的金属离子中含有空的电子轨道，而水分子中氧原子的最外层有孤对电子，氧的孤对电子可以进入金属离子的空轨道，就形成了水合物。另外，水分子也可以通过氢键和盐形成水合物。</t>
  </si>
  <si>
    <t xml:space="preserve">献了400ML血后多久可以恢复？我18周岁，179CM65KG </t>
  </si>
  <si>
    <t>血液中的成分的恢复速度是不一样的。向你献400ML血液，几到10几个小时血液中的水分和无机盐成分就可以得到补充。血液中的蛋白质需要一周左右的时间才能得到补充。需要比较长时间得到补充是血细胞，大约要3个月左右的时间。人体的血量站体重的7-8%，献10%以内是安全的（现行一般一次400ML）。而且献血法规定下一次献血要间隔6个月，能充分保障献血者的健康。</t>
  </si>
  <si>
    <t xml:space="preserve">奥迪A6放炮2001年的奥迪A62.4高速加油时，汽车前面有嘭嘭 </t>
  </si>
  <si>
    <t>h检查火花塞</t>
  </si>
  <si>
    <t xml:space="preserve">家用轿车明年的跌幅会不会大呢？ </t>
  </si>
  <si>
    <t>明年不但要降，而且要大降，为什么呢？因为明年各个车厂的产能又是进一步的放大了，一汽大众的新厂04年底已建成，上海大众的新厂明年也可投产，广本的36万台改造也快建成，上海通用也收购了2个厂，总产量能到40万，东风本田12万，等等。不但产能扩大，而且新车将不断上市。这一切表明明年汽车要大降。各个大厂不可能会自己主动降低产量，来保持高利润，因为他们开始要争夺市场份额，为了排挤其他车厂准入（哪个行业利润高，就肯定会有大量资本流入这个行业——经济学理论）。因此，明年各个大车厂要干的事是继续扩大产能，降低成本，降低车价，扩大市场占有率，以此来扩大或保持他们的总体利润。</t>
  </si>
  <si>
    <t xml:space="preserve">游戏&lt;一代宗师&gt;武侠RPG剧情好玩么？游戏&amp;lt;一代宗师&amp;gt </t>
  </si>
  <si>
    <t>喜欢金庸小说的人应该感触比较深</t>
  </si>
  <si>
    <t xml:space="preserve">大家手淫时都用哪只手?(男性)用哪只手JJ就会往哪边偏吗? </t>
  </si>
  <si>
    <t>用那只都不会歪的.右手累了换左手.不过介绍你一些自慰的更加爽的方法.买个套和一条比你JJ大一点的香蕉.把香蕉不要八皮.挖出里面的肉.JJ带上套就可心爽爽的插进去了.感觉逼真吖..</t>
  </si>
  <si>
    <t xml:space="preserve">求推荐一款个性男装T恤！！ </t>
  </si>
  <si>
    <t>去CICINNUS淘宝店铺看看吧，那里的T恤都非常有个性，穿起来很舒服，而且质量超好。</t>
  </si>
  <si>
    <t xml:space="preserve">记得小凤姐有句歌词“红叶风里飘。。。”，请问歌名是啥，帮帮忙，拜? </t>
  </si>
  <si>
    <t>歌曲：冬歌曲：冬歌手：徐小凤 专辑：环球 3 in 1珍藏集 红叶风里飘辗转秋意渐浓像片片倦意悠闲地预备过冬无力的晚风轻轻抚烫我面容像在叫唤我时日又在晚风里飘纵甜梦给晚风不知不觉染红让这爱意柔柔拨弄著晚风无奈风太急匆匆吹破了梦儿若说这是爱无奈现在觉得有点重旧事在我心中纷扰著馀情难可再度点燃寂寞长期刺痛心里梦过往每天漂浮于眼前残叶风里飘辗转秋意更浓让我带著笑悠闲地预备过冬无让空虚一生支配我命运让我放下爱自然地在晚风里飘送旧事在我心中纷扰著馀情难可再度点燃寂寞长期刺痛心里梦过往每天漂浮于眼前</t>
  </si>
  <si>
    <t xml:space="preserve">vista系统可以安装uc吗?我试了好多次都不成功,但是银行控件? </t>
  </si>
  <si>
    <t>你好，完全可以。右键下载的UC软件，选择“以管理员身份运行”，来安装UC。下载最新版本的UC2006</t>
  </si>
  <si>
    <t xml:space="preserve">个性化名字爱你一万年 </t>
  </si>
  <si>
    <t>不 要乱在这里发帖</t>
  </si>
  <si>
    <t xml:space="preserve">长年服用“氯氮平”会引起癫痫病吗？因为脑神经不好，服用氯氮平有十 </t>
  </si>
  <si>
    <t>虽然称不上专家，意见仅供参考。氯氮平的作用机理是特异性阻断中脑-边缘系统和中脑-皮层系统的D4亚型受体，其最大优点就是几乎无锥体外系反应。氯氮平可能降低惊厥阈值，诱发癫痫。建议你上医院请医生更换其他类的药。</t>
  </si>
  <si>
    <t xml:space="preserve">中奖活动没发奖怎么办？ </t>
  </si>
  <si>
    <t>一般活动结束后发起者需要整理数据，发放奖品可能存在延迟，你可以先私信联系活动发起者了解一下。如未得到合理反馈，可以将详细的问题描述和活动链接私信联系@虚假活动曝光</t>
  </si>
  <si>
    <t xml:space="preserve">如何寻求法律帮助====工伤我父亲今年已71岁，因为年龄在这所以 </t>
  </si>
  <si>
    <t>首先，您父亲与老板形成的是劳务关系。其次，《侵权责任法》第三十五条规定：提供劳务一方因劳务自己受到损害的，根据双方各自的过错承担相应的责任。第三，老板请这么大年纪的老人提供劳务，是有过错的；老板提供的工作器具又存在危险，也是过错。但您父亲，明知自己的年纪大了，也不应该去做事了，特别是去做存在安全隐患的工作，也有过错。建议，双方好好协商，将您父亲的损害医好。顺祝幸福！</t>
  </si>
  <si>
    <t xml:space="preserve">急急急乙肝病毒核心抗体转阴意味着什么吃博路定已经7，8年了，肝功 </t>
  </si>
  <si>
    <t>你以前查1、5阳，为小2阳，意义同小3阳，主要取决于乙肝病毒DNA检测，与肝功能测定。经治疗现在核心抗体也转阴，变为单纯乙肝表面抗原阳性，一般认为这是病情好转的表现，建议再查一下乙肝DNA，如DNA阴性，提示无病毒复制，加上肝功正常，只是乙肝病毒携带者。如果乙肝表面抗原阳性，乙肝病毒DNA也阳性，说明了体内还存在乙肝病毒，有复制和传染性，具体要根据乙肝病毒DNA的数量来决定。另外，你已服药多年，根据乙肝停药指征，如果乙肝病毒DNA阴性；肝功正常，每半年复查一次，连续两次都达标，就可以考虑停药，基本疗程应坚持两年半左右。你可在复查DNA后，根据情况，在医生指导下调整治疗。</t>
  </si>
  <si>
    <t xml:space="preserve">61期欧洲杯！！！本期大家最好不要相信赔率，要看球队状态，本期很 </t>
  </si>
  <si>
    <t>LZ 说的很好。看好本期多冷，奖金可观</t>
  </si>
  <si>
    <t>万用表的使用问题？1</t>
  </si>
  <si>
    <t xml:space="preserve">    串联的方法就是使电流要流过万用表，不分进出出方向，比如把电路的保险丝拔掉，把万用表的表笔插到保险丝座的两端，电流就会流过万用表了，当然量程要提前选好。</t>
  </si>
  <si>
    <t xml:space="preserve">秋天到底是应该“进补”呢？还是应该“败火”呢？我听老话说秋天应该 </t>
  </si>
  <si>
    <t>虚则补，实则泻，跟季节无关，无病不需要吃药。</t>
  </si>
  <si>
    <t xml:space="preserve">请问男人？我和他都是已婚者，我对他是一见钟情，他对我的感情，我就 </t>
  </si>
  <si>
    <t>既然都已经结婚，就别想太多，对你的老公好一点。</t>
  </si>
  <si>
    <t xml:space="preserve">请问宿命传说2里的战斗评价点数在哪来的？是指打最终BOSS的评价 </t>
  </si>
  <si>
    <t>来自每场战斗时间，连击，减血程度，自保能力，当然，连击不是连续按○就行的，要配合方向建来加强攻击力和命中率，当然这一点流程中会有人告诉你，战斗结素后在胜利画面的右上角会出现此次战斗的分值，+X.xx 或是 -X.xx （当然我这样对于战斗苦手的每次都是减的，所以即使你打成减的也不用失去信心）</t>
  </si>
  <si>
    <t xml:space="preserve">大家好，我想问问北京影视展创集团是正规剧组嘛，好心的说说啊 </t>
  </si>
  <si>
    <t>是的亲，如果我的回答对您有帮助，请赐个好评吧。谢谢！</t>
  </si>
  <si>
    <t xml:space="preserve">什么叫定语后置？什么叫定语后置和定语前置？前分别举些例子解释。我 </t>
  </si>
  <si>
    <t>简单来说,定语前置就是要把这个定语放到所修饰的词的前面;同样，定语后置就是把定语放到这个词的后面.    一般说来,定语都放在这个词的前面,比如:a r cat ,blue sky,这就是定语前置;但是,当形容词修饰不定代词的时候要放在这个词的后面,如: something important,这就是定语后置了.    分词作定语就另当别论了,分两种情况:    1 定语前置      这种情况下,分词都是单个的词.如:drinking water 饮用水,fishing pole 鱼竿; broken window 打坏的玻璃,an experienced worker  有经验的工人.    2 定语后置      这种情况下的分词大都是短语或较长的词.如:      the teacher (teaching in that country);      the window (cleaned by the child ).  从上面我们可以看出来,定语前置与定语后置这个问题并不难.好好学习,会掌握的.</t>
  </si>
  <si>
    <t xml:space="preserve">关于排名的问题经常会看到排名前1000的人物，请问怎么样才会升自 </t>
  </si>
  <si>
    <t>呵呵~~~~~~排名嘛，就是你在门派中的等级排名了。要想使自己的排名进入门派前1000，就要不断的提升角色的等级（这可是很辛苦的哦！）当你进入排名前1000时，就可以在人物面版[排名]栏中见到自己在门派中的地位了！加油哦！！！</t>
  </si>
  <si>
    <t xml:space="preserve">大家客观的衡量一下金砖的价值目前金砖大概5元一块,我9区的,曾经 </t>
  </si>
  <si>
    <t>金砖是保值的,但是传奇落寞了金砖也完蛋了,建议趁早卖出</t>
  </si>
  <si>
    <t xml:space="preserve">想要找回被彻底的删除的文件怎么找？前几天我把回收站清空了，现在发 </t>
  </si>
  <si>
    <t>1、还原一下系统试试使用系统自带的系统还原的方法：系统自带的系统还原：“开始”/“程序”/“附件”/“系统工具”/“系统还原”，点选“恢复我的计算机到一个较早的时间”，按下一步，你会看到日期页面有深色的日期，那就是还原点，你选择后，点击下一步还原（Win7还原系统，在控制面板然后设备和安全子选项然后备份和还原子选项）。2、EasyRecovery Professional 6.10.07┊超强数据恢复工具┊全功能企业汉化绿色版。 数据修复软件EasyRecovery使用教程  3、O&amp;O MediaRecovery V4.1.1334 汉化版 | 恢复图片/录象和音乐等（如果恢复的是图片、视频等用这个软件） 4、慧龙照片恢复软件 V1.37| 恢复丢失的照片文件 5、超级硬盘数据恢复 v2.7.2 中文绿色版 6、FinalData OEM V2.0 简体中文版（被格式化了或误删除的文件的恢复）  7、易我数据恢复向导 2.0　 如果是重要数据，建议到电子市场找专业恢复数据的帮助恢复。</t>
  </si>
  <si>
    <t xml:space="preserve">MF是否要自己动手？比如死灵法师，穿了MF的装备，自己站在旁边玩 </t>
  </si>
  <si>
    <t>NEC当然不需要自己动手.骷髅动手也是一样.不过建议:不要NEC去MF.速度太慢.要MF当然:前期用MF法师....后期如果你的道具好了用个寻宝BB就好啦:)</t>
  </si>
  <si>
    <t xml:space="preserve">CWOW会不会永远也通过不了审批导致彻底关闭?RT </t>
  </si>
  <si>
    <t xml:space="preserve">     肯定不会的,那么多的钱啊,网易要是搞不定还有其他那么多公司呢,这块肉是跑不了的,等待时间长点而已,连9村都曾经说过:相信不会让你等上三至五年的.放心吧,3-5年内一定开.</t>
  </si>
  <si>
    <t xml:space="preserve">宝宝可以做根管治疗吗？三岁宝宝牙疼…医生说要做根管治疗…有必要吗 </t>
  </si>
  <si>
    <t>如果医生诊断了已经伤到牙神经，那是需要做根管治疗的。</t>
  </si>
  <si>
    <t xml:space="preserve">我有一个粉装也不算太牛吧我只是想问一下粉装备能直接改绿装吗 </t>
  </si>
  <si>
    <t xml:space="preserve">不行，要先金化，在去绿。只有金装备可以绿。1。粉变金 找精精儿把粉色装备+2个黄水晶=金色装备（有几率失败，成功颜色变金，不增加属性） 这个没什么好说的,运气一次就成功,运气不好可能要金几次. 2.金变绿 去无名小镇找驭剑仙把刚做的金色装备+1个绿水晶+5个金色材料=绿色装备 有几率失败，成功颜色变绿，还多带一条属性以及一条未激活的套装属性。会带有5行属性中的一种，带什么与你放的金色材料, 像炎石是做火套　玄石是做土套　精铁是做金套　鳞木是做木套水铜是做水套. </t>
  </si>
  <si>
    <t xml:space="preserve">什么叫完全倒装，什么叫部分倒装？ </t>
  </si>
  <si>
    <t>我们来举例说明一下:Here comes the bus.完全倒装（你可以从右往左来读这个句子）Mary is a good girl. So she is.不完全倒装　（整句话是She is so.她确实如此）Seldom does he go to school late.不完全倒装（只有助动词提前）当然，哪些情况用不完全倒装哪些用完全倒装是有严格规定的，你学习此语法项目的时候老师会一一给你列举出来．</t>
  </si>
  <si>
    <t xml:space="preserve">为什么我的小孩特顽皮老是和大人对着干，越不让干的他越喜欢干 </t>
  </si>
  <si>
    <t>我儿子也是，好奇心特重，有时候挺生气，有时候想想他说的也对，其实应该站在他们的角度想想，好好沟通。我儿子三岁，想法真挺多的，好好说讲道理挺听话的，越训越不听有时脾气比你还大，还有话说你，平等对待吧，别拿他当孩子，我也这么说自己。不过，做什么事情对做什么事错一定要说清楚吆，该惩罚没商量。</t>
  </si>
  <si>
    <t xml:space="preserve">关于所谓的“别人家的小孩”。。。真心搞不懂。。。为什么在父母的眼 </t>
  </si>
  <si>
    <t>知道为什么吗，因为每个个父母望女成凤，望儿成龙。对自己的小孩总是很严苛的，评分标准很高啊，别人的小孩，他们这没这种心理，这样他们心理的评分标准肯定低啊。</t>
  </si>
  <si>
    <t xml:space="preserve">我的电脑好象中了魔波，而安装了卡巴.怎么清除魔波啊？我的电脑安装? </t>
  </si>
  <si>
    <t xml:space="preserve">盗版的系统是不可以自动更新的,你打开自动更新之后,它会到微软网站上去下载更新,但是微软会检测你的系统是否是正版系统,被查出来之后,就会被封住,你的系统就不可以再用了你可以去安装金山毒霸或者瑞星,用这2个杀毒软件的系统漏洞扫描进行系统的更新,这个是绝对没有问题的可以说是盗版系统更新的一个计策 建议你用最新的金山毒霸2007   </t>
  </si>
  <si>
    <t xml:space="preserve">在一次监察严密的考试中，有两个学生交了一模一样的考卷。主考官发现? </t>
  </si>
  <si>
    <t>白卷</t>
  </si>
  <si>
    <t xml:space="preserve">我喜欢的人找不到了说明他不爱我了？前不就我看见我朋友了，我和坦白 </t>
  </si>
  <si>
    <t xml:space="preserve">看来他确实对你没感觉。但是你可以考虑找机会堵住他再约一次。捣乱－失败－再捣乱－再失败…………直至灭亡！这是革命导师对反动派的评价。事实证明，这种评价是具有先验性的。在恋爱问题上，我们千万不能走反动派的老路。因为中国的反动派之所以不断地捣乱，是因为他们除了捣乱没有其它选择。中国只有一个，政权只有一个，放弃就意味着彻底的失败，不捣乱干什么呀？反正闲着也是闲着。而恋爱不同。恋爱有无数的对象可供选择。正确的恋爱路线图应该是这样的：约会－失败－再约会－再失败……约另一个………………恋爱首先应该是一个愉快的过程。在一棵树上吊死，总是被同一个人拒绝，你会觉得挺没劲的，人格也会因此而受到摧残。我觉得你已经得到标准答案了。你说呢？ </t>
  </si>
  <si>
    <t xml:space="preserve">我老公是乙肝大三阳，宝宝还有一个多月就要出生了。到时该注意些什么? </t>
  </si>
  <si>
    <t>我也有乙肝，我老公也有乙肝，不过我们却有一个健康的儿子，昨天我们带小孩去柳州市妇幼体检，特意为孩子做乙肝两对半检查，今天下午去拿的结果，真令我兴奋呀，我儿子没有乙肝，他居然还有抗体呢，这是医生看完化验单结果告诉我们的。我回忆了一下，我刚生完我儿子，医生就问我们有没有乙肝，如果有乙肝就要先注射一针乙肝免疫球蛋白，一针要一百多块钱，然后还打了一针乙肝疫苗（免费）。之后按提示打完医生建议打的乙肝疫苗，具体什么时候打会医生会给你们单子的，看提示就知道了。乙肝免疫球蛋白这针一定要打</t>
  </si>
  <si>
    <t xml:space="preserve">怎样给宝宝讲故事 </t>
  </si>
  <si>
    <t>病情分析：你好!给孩子讲故事，不一定非讲那种有故事情节的，因为孩子对故事的要求其实不是很高。指导意见：可以用孩子喜欢的小动物做故事的主角，如小狗、小猫、小兔、小老鼠、小乌龟等等，把孩子身上发生的事情代入，比如说小老鼠不认真睡觉，所以长不大、长不高，问孩子想不想长大长高些，想的话，就不要象小老鼠那样不认真睡觉……诸如此类的生活细节都可以当故事来讲的。孩子要求家长讲故事，是情感的需要，也是语言发育的需要，请换个角度看问题，你就会觉得给孩子讲故事其实是件非常幸福的事。</t>
  </si>
  <si>
    <t xml:space="preserve">什么时候用手机注册的也能更换绑定手机号呢？ </t>
  </si>
  <si>
    <t>这个手机号注册的微博，更换绑定的手机，需要连同登录名一起更换。私信联系微博客服，并提供帐号的注册手机号，密码前三位，还有历史密码，昵称等，即可。手机号注册的可以更改登陆名的，更改之后就可以更改绑定手机的，将你的账号信息以及新的登陆名发给微博客服就可以的，他们会帮你操作的1. 更改绑定手机只需点击微博首页 "帐号“进入帐号设置页面，点击页面左侧的“帐号安全”并点击“绑定手机”展开选项；2. 点击“更改号码”(温馨提示：如果此处没有"更改号码"和"取消绑定"按钮，说明您的帐号为手机号码注册，暂时不支持更换绑定手机，相关功能正在完善，建议您关注@ 微博客服 随时获取最新消息。)3. 输入原有手机号及新绑定手机号后，点击“免费获取验证码”，一般会在几分钟内您输入的新手机号码将收到验证码，输入后点击“绑定手机”即可。</t>
  </si>
  <si>
    <t xml:space="preserve">以下这几个系统哪个好请问，【电脑公司、番茄花园、萝卜家园、深度技 </t>
  </si>
  <si>
    <t>个人认为萝卜家园的不错。推荐你使用。番茄花园现在已经更名为：思远技术论坛。从我使用后的感觉都没有萝卜家园系统好用。其他的系统我也一直再用。主要是测试性能，感觉不大好用</t>
  </si>
  <si>
    <t xml:space="preserve">得十二脂肠胃炎的人合适喝些什么茶我15岁就得了胃病，现在已经23 </t>
  </si>
  <si>
    <t>糖茶：绿茶、白糖适量，开水冲泡，片刻饮之。有和胃补中益气之功 .松萝茶：是我国著名的药用茶。『本经逢源』记述：“徽州松萝，专于化食”。有消积滞，法油腻、清火、下气、降痰之功效，久饮还可治顽疮及坏血症。柿茶：柿饼适量煮烂，加入冰糖，茶叶适量，再煮沸，配成茶水饮之，有理气化痰、益肠健胃的功效。枣茶：茶叶5克，开水冲泡3分钟后，加 l0粒红枣捣烂的枣泥。有健脾补虚作用。另外，1.不可空腹饮茶。常言道“喝了空腹茶，疾病身上爬.”；      2.不可饮过冷、过热的茶；      3.不可饮太浓的茶；      4.不可饮苦丁茶。</t>
  </si>
  <si>
    <t xml:space="preserve">这是我的B超,请大家帮我看下我的宝宝情况怎样?耻骨联合上探及一胎 </t>
  </si>
  <si>
    <t>　　从你的单子上看有8个月了吧，宝宝发育的挺正常的，有脐绕颈一周的可能的，不过也没关系，还是可以顺生的。胎盘接近成熟，胎位是头位。</t>
  </si>
  <si>
    <t xml:space="preserve">测名字吉凶我女儿：2011年2月3号（大年初一）10点16生王墨 </t>
  </si>
  <si>
    <t>姓名：王墨雨　　　五行分别是：土水水　　　笔画分别是：4 15 8　　　天格.人格.地格.总格.外格数分别：5(土) 19(水） 23(火） 27(金） 9(水）　　　总评数理得分：54 分 　详细解说如下：天格数理 5(土）[又称先格，是祖先留下来的，对人生影响不大]，暗示：（种竹成林）五行俱权，循环相生，圆通畅达，福祉无穷。 (吉)人格数理 19(水）[又称主格，是姓名的中心点，主管人一生命运]，暗示：（多难）风云蔽日，辛苦重来，虽有智谋，万事挫折。 (凶) 生性聪明面好胜心强，常以个人的意见为所欲为，有财运配置则可误打误中而得到名利，财运配置不佳时，则一生有怀才不遇之叹，此格之人性格过于坦白，很容易得罪别人。地格数理 23(火）[又称前运，是前半生的命运，会影响中年以前]，暗示：（壮丽）旭日东升，壮丽壮观，权威旺盛，功名荣达。 (吉)总格数理 27(金）[又称后运，是后半生的命运，影响中年到老年]，暗示：（增长）欲望无止，自我强烈，多受毁谤，尚可成功。 (半吉)外格数理 9(水）[又称灵运，主管命运之灵力、社交能力和智慧]，暗示：（破舟入海）大成之数，蕴涵凶险，或成或败，难以把握。 (凶)天、人、地三才 5 9 3（土水火）暗示健康、是否顺利为：　　成功运被压抑，不能有所伸张，徒劳无功，身心过劳而病弱，常有不满，易陷于突发之灾。（凶）姓名：王墨雨，五行顺序是“土水水”，土水相邻时，土克喜神水，因此姓名冲克八字。　　姓名笔划是“4.15.8”,数理总评54分，得分不高，有的数理是凶。　　建议：姓名冲克八字伤害比较大，数理也不好，姓名不适合本人，建议有条件时改名。</t>
  </si>
  <si>
    <t xml:space="preserve">我家宝宝生日是2007年5月22日姓姜,请大家帮她取个好名字,谢? </t>
  </si>
  <si>
    <t>大名——刘睿琪（睿：有睿智之意；琪：有天使之意） 居说给小孩起个中性的名字，小孩的性格也会变的刚柔并济小名——暂且告诉你一个方式：比如我姑娘，我是早晨生的她，所以第一个字是晨；老公的生肖是龙，根据辰龙，第二个字叫辰。这样小名就叫晨辰。 建议你们也给孩子取一个联系父母的名字！ 祝宝宝健康成长，也希望你们开心快乐！另：别太迷信时辰</t>
  </si>
  <si>
    <t xml:space="preserve">反感我想摆脱一个人，可又不忍心，那该怎么办呀？ </t>
  </si>
  <si>
    <t>你很矛盾，思想处于骑墙状态。这说明你做事不果断，优柔寡断不好啊。记住这个道理，有得必有失，有失必有得。必须舍弃一方，才能得到另一方。摆脱这个人的后果，关键是失去的多还是得到的多，用这个标准来决定自己的行动吧。如果得到的多，就不必不忍心了。祝愿你生活顺利！</t>
  </si>
  <si>
    <t xml:space="preserve">大商人怎么换东西呀? </t>
  </si>
  <si>
    <t>对亚，怎么换东西呀我也正纳闷呢，为了这个我还买了可口可乐，可是不对////</t>
  </si>
  <si>
    <t xml:space="preserve">输卵管左侧上举，医生说怕有粘连，要烤电治疗，我说没有时间天天去医? </t>
  </si>
  <si>
    <t>可以用的，它主要是具有保健的功效，对盆腔的炎症也有一定的作用，可试试看。</t>
  </si>
  <si>
    <t xml:space="preserve">结婚礼服？我结婚是在一月份，北方，婆家在农村。我想结婚那天穿传统 </t>
  </si>
  <si>
    <t>原则三条：首先不要太薄了，会感冒的，身体最重要啊；其次，你要喜欢，一生只有一次，不要留遗憾，好好与家人协调，不要为小事不开心，你是新人，应该最快乐才对；最后就是不要太贵了，以后穿的机会可能不多，束之高阁太可惜了，祝你新婚愉快！</t>
  </si>
  <si>
    <t xml:space="preserve">更新完奇迹世界,现在开始游戏是不是显示这样的英文?开始是conn </t>
  </si>
  <si>
    <t>一样的 等着吧</t>
  </si>
  <si>
    <t xml:space="preserve">从北京坐火车去哈尔滨工业大学的最佳路线？到哈尔滨从哪个火车站下车 </t>
  </si>
  <si>
    <t>北京到哈尔滨火车车次 类型 始发站 出发站 开车时间 目的站 到达时间 用时 里程 终点站 硬座 软座 硬卧中 软卧下 K19 快速 北京 北京 22:56 哈尔滨 次日14:45 15小时49分 1413 满洲里 - - - 310 D25 动车组 北京 北京 07:15 哈尔滨 15:23 8小时8分 1249 哈尔滨 281 351 - - K265 空调快速 北京 北京 12:48 哈尔滨 次日03:25 14小时37分 1249 牡丹江 153 - 271 429 K39 空调快速 北京 北京 22:56 哈尔滨 次日14:45 15小时49分 1413 齐齐哈尔 151 - 268 421 K339 空调快速 北京 北京 12:37 哈尔滨 次日04:22 15小时45分 1249 佳木斯 153 - 271 429 L181 普快 北京 北京 23:20 哈尔滨 次日14:55 15小时35分 1273 哈尔滨 78 - 163 - 1301 空调普快 北京 北京 11:04 哈尔滨 次日04:48 17小时44分 1372 满洲里 129 - 243 392 T47 空调特快 北京 北京 17:35 哈尔滨 次日04:54 11小时19分 1249 齐齐哈尔 - - 271 429 Z15 空调直达 北京 北京 20:50 哈尔滨 次日06:34 9小时44分 1249 哈尔滨 - - - 429 T156/T157 空调特快 泰州 北京 06:49 哈尔滨 17:11 10小时47分 1249 哈尔滨 153 - 271 429 T17 空调特快 北京 北京 21:26 哈尔滨 次日08:26 11小时0分 1249 哈尔滨 - - 271 429 到哈尔滨工业大学  西大直街92号   1.火车站坐207在建设街换乘73到西大直街2.火车站坐207在南马路/承德广场换乘114到西大直街3.火车站坐207在靖宇二十道街换乘92到西大直街</t>
  </si>
  <si>
    <t xml:space="preserve">97分钟被布莱克本点杀！！郁闷！！！上图！！维冈的主场一点优势都 </t>
  </si>
  <si>
    <t>看着维冈领先后没能高兴到最后，麻痹的哦，同病相怜啊！！！</t>
  </si>
  <si>
    <t>桌面IE图标没有了，怎么找回来桌面属性</t>
  </si>
  <si>
    <t>如何找回桌面丢失的图标？在使用的过程中，由于误操作或者是其他方面的原因，可能会导致桌面图标的丢失。如果是各种应用软件的图标那还好说，到程序的安装目录下，找到相应程序的可执行性文件，发送一个快捷方式到桌面就OK了。可是如果是系统级图标如：我的电脑、我的文件、网上邻居、IE、回收站等等，那么要想重现可不是一件容易的事。今天就让我们来看看怎样让这些迷失的孩子安全回“家”。第一招：请显示属性“帮忙”（适用于Windows XP/2003操作系统）在桌面上单击鼠标右键，在弹出的快捷菜单中选择“属性” ，打开“显示属性”对话框。点选“桌面”选项卡，接着单击“自定义桌面”按钮。在弹出的“桌面项目”窗口中，单击“常规”选项卡，将丢失的桌面图标前的复选框打上对钩，单击“确定”按钮接着再单击“应用”按钮，按F5刷新一下，看看迷失的桌面图标是不是又回来了。小提示：如果一次无效，请重复两次，首先将复选框中的对钩清除掉，单击“应用”，再打上对钩，单击“应用”，保证可手到病除。第二招：请组策略“助威”（适用于Windows 2000/XP/2003 操作系统）单击“开始→运行”，在弹出的“运行”对话框中输入  c，回车后打开“组策略”编辑器。在组策略编辑器中依次展开“本地计算机策略→用户配置→管理模板→桌面” 选项，在右侧的内容框中有：“删除桌面上的‘我的电脑’图标”、“删除桌面上的‘我的文件’图标”、“隐藏桌面上的‘网上邻居’图标”、“隐藏桌面上的Internet Explorer图标”等选项，将相应的选项的属性设置为“已禁用”即可找回桌面上丢失的系统级图标。第三招：请“开始”菜单协查（适用于Windows XP/2003操作系统）打开“开始”菜单，在上面找到对应的丢失项目，右键单击并选择“在桌面上显示”命令即可。假如是桌面上的“我的文档”图标丢失，就在“我的文档”选项上点右键，选择“在桌面上显示”即可，。该方法仅仅适用于Windows XP/2003操作系统的Windows XP模式即梦幻模式。另外，用该方法无法恢复桌面上的Internet Explorer图标。第四招：到IE选项中寻宝（适用于Windows98操作系统中的 IE5.0）如果桌面上的IE图标丢失，你除了用上面的方法来恢复外，还可以试试用IE选项来恢复。启动IE，单击菜单栏的“工具→ Internet 选项”，打开“Internet 选项”窗口。在该窗口中，点选“高级”选项卡，在“设置”列表框中找到“在桌面上显示Internet Explorer”选项，在其复选框中打上对钩，单击“确定”按钮即可。</t>
  </si>
  <si>
    <t>我的打印机EPSONLQ</t>
  </si>
  <si>
    <t>1.检查驱动是否正确安装2.检查USB接口是否正常工作</t>
  </si>
  <si>
    <t xml:space="preserve">excel同一列相同数据合并问题excel数据有好几千行，有没有 </t>
  </si>
  <si>
    <t>操作说明：1、选中A1:A28.2、“数据/筛选/高级筛选/将筛选结果复制到其他位置/条件区域/空白/复制到/D1/选择不重复的记录/确定”。3、结果如黄色区域。</t>
  </si>
  <si>
    <t xml:space="preserve">喝蜂蜜对人体有什么好处。 </t>
  </si>
  <si>
    <t>一,蜂蜜有很高的营养价值,常吃蜂蜜对人体有许多好处：（一）美容 新鲜蜂蜜涂抹于皮肤上,能起到滋润和营养作用,使皮肤细腻,光滑,富有弹性. 用法： 1, 蜂蜜面膜：用蜂蜜加2-3倍水稀释后,每天涂敷面部.也可用麦片,蛋白加蜂蜜制成面膜敷面,使用时按摩面部10分钟,使蜂蜜的营养成分渗透到皮肤细胞中. 2, 甘油蜂蜜面膜：取一份蜂蜜,半份甘油,三份水,加适量面粉调和后,制成面膜,每次在脸上敷20分钟左右,再用清水洗净,可使皮肤滑嫩,细腻. 3, 蛋蜜膜：新鲜鸡蛋一只,蜂蜜一匙,将两者搅拌均匀,用软刷子涂刷在面部后进行按摩.待自然风干后,用清水洗净.每周再次,具有润肤去皱,益颜美容的功效. 4, 葡萄汁蜂蜜面膜：在一匙葡萄汁中加入一匙蜂蜜,边搅拌加入面粉,调匀后敷面,10分钟后用清水洗去,油性皮肤常使用此法,能使皮肤滑润,柔嫩. 5, 冬季皮肤干燥,可用少许蜂蜜调和水后涂于皮肤,可防止干裂,可豕蜂蜜代替防裂膏. （二）抗菌消炎,促进组织再生 优质蜂蜜在室温下放置数年不会腐败,表明其防腐作用极强.实验证实,蜂蜜对链球菌,葡萄球菌,白喉杆菌等革兰阳性菌有较强的抑制作用. 用法：在处理伤口时,将蜂蜜涂于患处,可减少渗出,减轻疼痛,促进伤口愈合,防止感染. （三）促进消化 研究证明,蜂蜜对胃肠功能有调节作用,可使胃酸分泌正常.动物实验证实,蜂蜜有增强肠蠕动的作用,可显著缩短排便时间. 用法：蜂蜜对结肠炎,习惯性便秘有良好功效,且无任何副作用.蜂蜜可使胃痛及胃烧灼感消失,红细胞及血红蛋白数值长高.患胃十二指肠溃疡的人,常服用蜂蜜,也有辅助作用. （四）提高免疫力 蜂蜜中含有的多种酶和矿物质,发生协同作用后,可以提高人体免疫力.实验研究证明,用蜂蜜饲喂小鼠,可以提高小鼠的免疫功能. 用法：国外常用蜂蜜治疗感冒,咽喉炎,方法是用一杯水加2匙蜂蜜和1/4匙鲜柠檬汁,每天服用3-4杯. （五）促进长寿 前苏联学者曾调查了200多名百岁以上的老人,其中有143人为养蜂人,证实他们长寿与常吃蜂蜜有关.蜂蜜促进长寿的机制较复杂,是对人体的综合调理,而非简单地作用于某个器官. （六）改善睡眠 蜂蜜可缓解神经紧张,促进睡眠,并有一定的止痛作用.蜂蜜中的葡萄糖,维生素,镁,磷,钙等能够调节神经系统,促进睡眠. 用法：神经衰弱者,每晚睡前一匙蜂蜜,可以改善睡眠.采自苹果花的苹果蜜的镇静功能较为突出. （七）保肝作用 蜂蜜对肝脏的保护作用,能为肝脏的代谢活动提供能量准备,能刺激肝组织再生,起到修复损伤的作用. 用法：慢性肝炎和肝功能不良者,可常吃蜂蜜,以改善肝功能. （八）抗疲劳 蜂蜜中的果糖,葡萄糖可以很快被吸收利用,改善血液的营状况.人体疲劳时服用蜂蜜,15分钟就可明显消除疲劳症状. 用法：脑力劳动者和熬夜的人,冲服蜂蜜水可使精力充沛.运动员在赛前15分钟服用蜂蜜,可帮助提高体能. （九）促进儿童生长发育 东京大学研究人员的大规模临床实验表明,加吃蜂蜜的幼儿与加吃吵糖的幼儿相比,前者体重,身高,胸围,皮下脂肪增加较快,皮肤较光泽,且少患痢疾,支气管炎,结膜炎,口腔炎等疾病. 用法：体弱多病,体质较差的儿童可多食蜂蜜.患佝偻病的学龄前儿童,每天可两三次服30-50克蜂蜜,可改善佝偻病症状.患感冒儿童,每天两次,每次饮一杯蜂蜜水,可促进感冒痊愈.睡眠不好的儿童,在睡前30分钟喝一杯温蜂蜜水,上床不久便可安然入睡.但周岁以内的婴儿不适宜服用蜂蜜. （十）保护心血管 蜂蜜有扩张冠状动脉和营养心肌的作用,改善心肌功能,对血压有调节作用. 用法：患心脏病者,每天服用50-140克蜂蜜,1-2个月内病情可以改善.高血压者,每天早晚各饮一杯蜂蜜水,也有益健康.动脉硬化症者常吃蜂蜜,有保护血管和降血压的作用. （十一）润肺止咳 蜂蜜可润肺,具有一定的止咳作用,常用来辅助治疗肺结核和气管炎. 用法：虚弱多咳的人可常吃蜂蜜.蜂蜜可用于辅助治疗鼻炎,鼻窦炎,支气管炎,咽炎和气喘.其中,枇杷蜜的止咳作用突出. （十二）促进钙吸收 美国农业部人类营养中心专家发现,蜂蜜能防止中老年妇女因钙流失而引起的骨质疏松.这是因为蜂蜜中的硼能增加雌激素活性,防止钙的流失. 用法：一匙蜂蜜加上适量的钙补充剂,可增加钙的吸收率.二,宜忌：1,一般说来,食用蜂蜜没有什么禁忌.蜂蜜最适宜老年人食用,对于改善老年人的便秘情况,滋润喉部,都是非常有帮助的. 2,糖尿病,周岁以内的婴儿不适宜服用蜂蜜.儿童不要服用蜂王浆,因为蜂王浆所含的性激素容易导致儿童性早熟.</t>
  </si>
  <si>
    <t xml:space="preserve">数学题甲乙丙三个同学做纸花已知甲比乙多做五朵丙做的是甲的二倍比乙 </t>
  </si>
  <si>
    <t>乙做了：22-5*2=12朵甲做了：12+5=17朵丙做了：12+22=34朵他们一共做了：12+17+34=63朵方程解法：设甲做了x朵，则乙做了x-5多，丙做了2x朵根据题意列方程如下：2x-(x-5)=222x-x+5=22x=17朵即甲做了17朵乙做了17-5=12朵丙做了2×17=34朵</t>
  </si>
  <si>
    <t xml:space="preserve">烟的不同(好烟与差烟)除了口感不同外.对身体损害程度也不同吗？是 </t>
  </si>
  <si>
    <t>看一下尼古丁的含量和焦油的含量，越小的对人体的伤害就越小。最好是不要抽烟，百害无一益！</t>
  </si>
  <si>
    <t xml:space="preserve">已经好几天了仍是：连接服务器失败稍后再试！我的账号 </t>
  </si>
  <si>
    <t>您好，请您提供个人所在地区、操作系统、上网方式、玩的是哪款游戏和是否属于局域网的用户？您也可以找其他地区的朋友帮您登录此帐号试试，看是否也有此问题 。</t>
  </si>
  <si>
    <t xml:space="preserve">请问青铜套多少钱一套？同上 </t>
  </si>
  <si>
    <t>老点的服务器都是6W不过现在开了新手学堂青铜不值钱了只要高于商店价格就赶快脱手吧采纳就给分哦！！～～～</t>
  </si>
  <si>
    <t xml:space="preserve">GM进为什么电信五区长风九泉没有怪和NPC啊为什么电信五区长风九 </t>
  </si>
  <si>
    <t>最近服务器不好，暂时就这样了</t>
  </si>
  <si>
    <t xml:space="preserve">1.个人有强烈的匮乏感，恐惧感，经常感到不自信2.原生家庭对亲密? </t>
  </si>
  <si>
    <t>1.可以从学习公认的心理学大师的论文集开始，比如佛洛依德，荣格等等。2.可以参考大专院校心理系开设的课程列表。3.建议学习佛学。佛就是觉悟的心，对人性有无比深刻的认识，也指出了化解烦恼的方法。可以从接触济群法师的文章或者视频讲座开始。4.最后，支持你，依靠自己用智慧解决自己的烦恼，成功之后再帮助别人，是一条宽阔的道路。个人浅见，仅供参考。</t>
  </si>
  <si>
    <t xml:space="preserve">09年北京成考录取问题蓝老师：我今年参加北京成考专升本经济管理类 </t>
  </si>
  <si>
    <t>第三教育学院的会计那专业代码就是27278啦计划120人147分，排名第82你应该姓王，名字一共三个字，对吧。</t>
  </si>
  <si>
    <t xml:space="preserve">neither,either,so,too的区别? </t>
  </si>
  <si>
    <t>我是学英语专业的，但我可能不能十分全面的把区别都说到只说我知道的neither表示两者都否定，either表示两者中的一个，too放在much前面，后面接不可数的名词，表示很多，例如：too much water，too many后接可数名字;too放在much后面，其后接形容词，表示非常。too放句子结尾表示“也”想必你应该知道。so么，可能麻烦点，不清楚你想拿so和哪个词进行比较？如果是和too,前者的用法是一样的，但是没有much so这样的说法不知道LZ满意么？辛苦这么半天可否提高点悬赏^_^?</t>
  </si>
  <si>
    <t xml:space="preserve">2战德国盟友军队的战斗力？2战德国的小兄弟们的军队总体来说谁的战 </t>
  </si>
  <si>
    <t>第一次敖德萨战役是罗马尼亚军队做主力打的。而且是打赢了的。</t>
  </si>
  <si>
    <t xml:space="preserve">膝盖积水是怎么回事膝盖为什么积水呢？我好像没有什么病史啊？ </t>
  </si>
  <si>
    <t>你的膝盖积水应该属于外伤性滑膜炎、急性滑膜炎，这个一般都比较好治的，不过还是要多加重视，关节疾病多我们生活影响太大了！1）急性期：疼痛难忍可口服消炎止痛药镇痛，暂时缓解一下，2）急性后期或慢性期，需外敷（滑膜炎净消膏）活血化瘀，治愈滑膜炎。忌牛奶、羊奶等奶类和花生、巧克力、小米、干酪、奶糖等色氨酸的食物，如果用的不是口服药是可以喝牛奶的,但如果用了抗炎的口服药,是不能喝牛奶的。忌肥肉、高动物脂肪和高胆固醇食物忌甜食、酒和咖啡、茶等饮料，注意避免被动吸烟。</t>
  </si>
  <si>
    <t xml:space="preserve">我的移动硬盘突然需要格式化才可以使用，但里面有以前的资料啊！！！ </t>
  </si>
  <si>
    <t>把移动硬盘插到别的电脑,把需要的东西拷出来,然后再格式化即可.</t>
  </si>
  <si>
    <t xml:space="preserve">紧急求助：青岛大学和山东农业大学哪所师资实力更好？？请问山东农业 </t>
  </si>
  <si>
    <t>主要看将来愿意从事的工作。农业类院校毕业生择业面会不会比较窄？</t>
  </si>
  <si>
    <t xml:space="preserve">我蹲着小便时(女)我蹲着小便时,大部分时尿液向右偏,请问大家这会 </t>
  </si>
  <si>
    <t>尿流方向与尿道口方向及是否有其他的阻挡物有关。如果排尿通畅，没有异常感觉的话，可检查一下两侧的小阴唇是否对称，估计左侧的小阴唇可能大一些，这不是疾病。如果非常不满意的话可做整形手术。</t>
  </si>
  <si>
    <t xml:space="preserve">很在乎啊````怎么总会很在乎的``?对很多东西都在乎```这样 </t>
  </si>
  <si>
    <t>放下执着，执着让人烦恼</t>
  </si>
  <si>
    <t xml:space="preserve">单纯性疱疹中医药方能告诉吗？ </t>
  </si>
  <si>
    <t>嘴上起水泡，为口唇单纯泡疹，由泡疹病毒引起，好发于口唇、口角，常由感冒、发热、疲劳等因素诱发。当人疲劳、心情抑郁、紧张焦虑时，机体的免疫力就会下降，进而使潜伏于体内的疱疹病毒大量繁殖，导致嘴角起泡。开始有灼热感，继而群集水泡、糜烂、结痂，病程约一周左右。可复发。治疗：1、0.1%泡疹净霜或5%阿昔洛韦软膏外用，有感染者加用金霉素软膏。2、重者可用阿昔洛韦 0.2 日5次服 3~5天3、利巴韦林（病毒唑）注射液湿敷：用医用棉球或棉签、小块纱布饱蘸利巴韦林注射液湿敷于皮损处，每次敷15min，每天3～5次，连用1～2天;对照组外涂3%阿昔洛韦软膏，每天3次，治程6天。注意：1.保持患部干爽；2.换牙刷，以免牙刷上的病毒残留，造成多重疱疹3、平时多饮水，注意预防感冒。4、避免含丰富精胺酸的食物，如巧克力、可乐、豌豆、?b类麦片、花生、腰果、啤酒等。5、运动可强化免疫系统，放松心情，避免紧张情绪及缓解压力有利于防治单纯疱疹复发。</t>
  </si>
  <si>
    <t>这几个选项有其他的含义吗?选什么？</t>
  </si>
  <si>
    <t>选 A a lucky doga lucky dog 幸运儿a black sheep n.败家子, 败类, 害群之马cold fish n. 态度冷淡的人a white elephant n.沉重的负担, 无用的累赘东西</t>
  </si>
  <si>
    <t xml:space="preserve">为什么有的勋章点不亮都按要求做了。。 </t>
  </si>
  <si>
    <t>因为系统不稳定</t>
  </si>
  <si>
    <t xml:space="preserve">夏天怎么减肥比较好 </t>
  </si>
  <si>
    <t>想要减肥其实很简单，只要坚持，就会有效。我去年是这样减的，喝点去湿热的东西辅助，每天坚持，就可以如果想塑身的话，就的辅助别的东西了，我现在是专业减肥教练，如果需要打造s曲线，找我是不二选择。</t>
  </si>
  <si>
    <t xml:space="preserve">免费？我进行如大话西游3等标有免费的游戏币交易，5173是不是不 </t>
  </si>
  <si>
    <t xml:space="preserve">尊敬的客户:     您好！5173客户服务041很高兴为您服务！免费的游戏5173将不会收取卖家的任何费用,除免费的游戏外交易成功扣下交易费，再把钱转入卖家的5173帐户内。物品交易：30元以下收5元，30~100收5+5，100~200收10+5。以此类推，ID交易收取10%+5的费用，不足100按100算，不足200按200算，以此类推。任何ID交易，单笔交易的手续费用收取均不超过1010元，实际超出部分全免。感谢您对5173的支持!!!                                                   </t>
  </si>
  <si>
    <t xml:space="preserve">做韩服nopk区的进,我原来是做韩服31区的,风木3现在挺出钱,? </t>
  </si>
  <si>
    <t xml:space="preserve">来吧,nopk我有N多大号在打钱,我可以罩着你,你要是没大号,我也可以卖给你,我有57级,67级黑妖,还有50级妖精,跟我们一起打钱吧,嗷嗷爽, </t>
  </si>
  <si>
    <t xml:space="preserve">早期卵巢癌,化疗后我妈妈今年42岁,早期卵巢癌,化疗4次后,查血 </t>
  </si>
  <si>
    <t>最好不要，多休息，心情好就行，要极度重视饮食！</t>
  </si>
  <si>
    <t xml:space="preserve">家长怎样正确对待有焦虑症的孩子? </t>
  </si>
  <si>
    <t>1.要有一个良好的心态，首先要乐天知命，知足常乐，其次要保持心情稳定，不要大喜大悲，其三要注意“制怒”，不要轻易发脾气。2.自我疏导，要正视疾病，树立消除焦虑心理的信心，运用注意力转移的原理及时消除焦虑。3.自我放松，可以用自我意识放松的方法进行调节。</t>
  </si>
  <si>
    <t xml:space="preserve">大盘跳水刚才的跳水动作，你们怕不怕？我差点被吓跑了。 </t>
  </si>
  <si>
    <t>今天午大盘理应有个下探动作,其支撑位在2145点,下午仍然会返身向上,收带有下影线的阳线。</t>
  </si>
  <si>
    <t xml:space="preserve">治疗白癜风过程中白癜风的误区有什么呢？ </t>
  </si>
  <si>
    <t>治疗误区主要包括1，治疗不规范，患者往往急于求成，治疗不按疗程，不规律服药，造成效果不理想；2，治疗方法单一，目前多主张多种手法联合使用，才能达到好的治疗效果，目前常用的方法包括:中药、西药、局部外用药物及准分子激光联合治疗。</t>
  </si>
  <si>
    <t xml:space="preserve">今天人怎么这么少啊?单都废了,还是等着呢? </t>
  </si>
  <si>
    <t>还没到点，应该人不会少的。</t>
  </si>
  <si>
    <t xml:space="preserve">到那里能下载数学几何画板软件？ </t>
  </si>
  <si>
    <t xml:space="preserve"> 几何画板去这这个地方看看.</t>
  </si>
  <si>
    <t xml:space="preserve">什么是注册表？它有什么用啊？ </t>
  </si>
  <si>
    <t>（转）回答者：我不知道  级别：学长(2005-11-14 15:01:59)     注册表是Windows系统存储关于计算机配置信息的，包括了系统运行时需要调用的运行方式的设置。Windows注册表中包括的项目有：每个用户的配置文件、计算机上安装的程序和每个程序可以创建的文档类型、文件夹和程序图标的属性设置、系统中的硬件、正在使用的端口等。 　　注册表按层次结构来组织，由项、子项、配置单元和值项组成。注册表中包括如下各项： 　　●HKEY_CURRENT_USER：包含当前登录用户的配置信息的根目录。用户文件夹、屏幕颜色和“控制面板”设置存储在此处。该信息被称为用户配置文件。 　　●HKEY_USERS：包含计算机上所有用户的配置文件的根目录。HKEY_CURRENT_USER是HKEY_USERS的子项。 　　●HKEY_LOCAL_MACHINE：包含针对该计算机（对于任何用户）的配置信息。 　　●HKEY_CLASSES_ROOT：是HKEY_LOCAL_MACHINE\Software的子项。此处存储的信息可以确保当使用Windows资源管理器打开文件时，将使用正确的应用程序打开对应的文件类型。 　　●HKEY_CURRENT_CONFIG：包含本地计算机在系统启动时所用的硬件配置文件信息。 　　对于注册表的修改，需要使用专门的编辑器完成，在Windows中为我们提供了这个工具。而在Win2000中微软新提供了一个针对多用户系统的注册表编辑器，这就是我们本期将主要介绍的内容。 　　在此要特别强调一点：一般来讲注册表不须要用户自己修改，因为其中包括了Windows启动和运行所必须的全部配置，错误的设置将会导致应用程序无法运行、系统出错，直至系统崩溃或无法启动。如果需要对注册表进行编辑，务必事先进行注册表项目备份！ 　　Win2000中的注册表编辑器 　　在Win2000中，系统提供了两个注册表编辑工具，一个是从Win9x延续下来的，一个是新版本操作系统提供的。在此我们要介绍的是后者。 　　1.程序的启动 　　单击系统开始按钮，在关联菜单中选择“运行”命令，激活相关界面。在其中的文本框中输入“regedt32”，并击回车键确定，即可启动程序，其界面形式如图1所示。 　　2.向注册表中添加新的项或子项 　　如果需要将一些系统运行设置添加到系统注册表中，而这些信息又不是以＊.reg格式提供的，此时只能使用注册表编辑器完成，具体步骤如下： 　　启动程序，在程序左边的树形列表窗口中选择将在其下添加新项的项或子项。单击程序界面菜单条中的“编辑”项，并从关联的下拉菜单中选择“添加项”命令，此时会出现如图2所示界面。 　　在图2所示窗口中的“项名称”文本框中输入需要添加的新项名称，对于指定类别，可根据自己的需要设置，当然如果不添加也可以。最后单击确定按钮，返回程序界面即可。 　　如果需要在HKEY_USERS或HKEY_LOCAL_MACHINE主项中添加新的内容，方法有所不同，此时“编辑”菜单中的“添加项”命令是不允许使用的。正确的添加方法是：单击程序界面菜单条“文件”项下拉菜单中的“加载配置单元”命令，程序会给出一个列表框，在其中选择需要加载的对象，之后单击“打开”按钮，程序会给出“加载配置单元”对话框，在其中输入新建项目名称，之后单击确定按钮即可。在此需要说明的是，加载配置单元主要用于在不同的机器中传递注册表配置，对于配置相同的机器，这样可以节省系统配置时间。 　　3.给注册表的值项赋值 　　所谓值项，就是注册表中的含数据字符串的子项，这个设置以字符串方式体现，常见的设置取值包括二进制数值和字符串明码以及DWORD（双字节）值方式。给值项赋值的具体步骤是：首先在注册表编辑器界面左边窗口中选择需要赋值的项或子项，从程序界面菜单条“编辑”项下拉菜单中选择“添加数值”命令，此时会出现如图3所示界面。在其中的“数值名称”文本框中输入需要创建的值项（子项）名，在“数据类型”下拉文本框中选择赋值类型，其中各列表项的含义为： 　　●REG_BINARY：二进制值； 　　●REG_DWORD：DWORD值； 　　●REG_EXPAND_SZ：可扩展字符串； 　　●REG_MULTI_SZ：多重字符串； 　　●REG_SZ：数据字符串。 　　根据自己的需要选择，之后，单击确定按钮。注意，选择的赋值类型不同，程序会给出关联的设置界面，在其中设置具体取值，之后进行确定就可以了。 　　如果需要修改或编辑值项的赋值，可使用鼠标双击程序界面右边窗口中的赋值列表项，程序会给出相应的赋值编辑器，在其中进行编辑或修改即可，非常简单。 　　4.以关键字方式查找 　　由于注册表中包括的项目非常多，当需要从中定位自己需要的项或子项时，使用查找功能是非常必要的。该项功能的具体用法如下：首先在程序界面中选择需要扫描的项或子项所在窗口，单击界面菜单条“察看”项下拉菜单中的“搜索项”命令，此时会出现如图4所示界面。在“查找内容”文本框中输入需要查找的内容关键字，并选择相应的扫描控制方式，之后，单击“查找下一个”按钮确定即可。 　　5.删除注册表中无用的子项或值项 　　虽然现在的应用程序都设计有自动卸载功能，但是多数程序并不能完全将自己在注册表中添加的项目删除，这也会导致注册表日益增大，时间长了会导致系统运行变慢等不良现象发生。如果你大致了解注册表的组成，可以将这些无用的设置从注册表中删除，当然这项操作具有一定的风险，使用前应该备份注册表数据文件。对于删除注册表中的项目，非常简单：首先在程序界面中找到需要删除项目所在的主项窗口，然后定位需要删除的值项，一般对于软件注册项都包括在HKEY_CURRENT_USER项下的Software子项中。单击程序界面菜单条“编辑”项下拉菜单中的“删除”命令或者是直接按下“Delete”键，程序会给出删除确认对话框，单击“Yes”按钮确认即可。 　　此外，对于配置单元项，是不能直接删除的，须要按照如下方法操作：选择需要删除的配置单元列表项，之后从程序界面“文件”下拉菜单中选择“卸载配置单元”命令。 　　6.保存注册表项目 　　对于保存注册表项目，可按以下步骤操作：首先在程序界面中选择需要保存的注册表项目对象，之后从界面“文件”下拉菜单中选择“保存项”命令，程序会给出相应的对话框，在其中设置保存文件的文件名、保存路径，对于文件类型，应设置为“所有文件”，之后，单击界面中的“保存”按钮即可。由于Win2000的注册表编辑器根据不同的项给出了单独的窗口，所以，对于完整的保存注册表，须要依次保存相应的项。 　　7.还原注册表项目 　　对于还原注册表项目，我们可以理解为恢复注册表项目的备份设置，或者是还原注册表项目。使用该项功能的前提是以前我们对注册表项目进行了备份。该项功能的使用方法非常简单：首先选择需要还原的项目所在的项显示窗口，单击程序界面“文件”项下拉菜单中的“还原”命令，程序会给出一个对话框，在其中的文件列表窗口中选择需要还原的文件名，之后单击“打开”按钮确定即可。 　　在此要提醒的是，对于项目还原操作，将使用备份的注册表项完全替代当前注册表中原始位置的全部配置，而且会将当前注册表中需要还原位置的全部配置删除。 　　8.注册表的打开与关闭 　　当注册表编辑器启动后，程序会自动打开本机的注册表，以供编辑。不过作为Win2000提供的工具，程序提供了关于编辑远程计算机注册表功能，不过我们可以打开的项目限制为HKEY_USERS和HKEY_LOCAL_MACHINE。对于本地注册表窗口的关闭，可从“文件”项下拉菜单中选择“关闭”命令即可。 　　对于打开远端计算机的注册表，可以从“文件”项下拉菜单中选择“选择计算机”命令，在其中的计算机列表框中选择需要访问的机器名称，之后单击打开按钮确定即可。 　　9.设置注册表项的权限 　　设置权限是有效的保护注册表项目的重要方法，使用此项功能可以指定能打开该项的用户和组。以下给出具体设置步骤：首先在程序界面窗口中选择需要指定权限的项，单击界面“安全”项下拉菜单，从中选择“权限”命令，在“名称”列表框中选择需要设置权限的用户或组，如果暂时还没有添加，可单击“添加”按钮，在关联的“选择用户、计算机或组”设置界面中选择需要添加的对象。在界面中的“权限”项列表框中设置允许当前选择对象的使用权限，其中包括只读和完全控制（读写）。如果要给子项指派权限，并希望指派给父项的可继承权限能够应用于子项，请选中“允许将来自父系的可继承权限传播给该对象”复选框。此外，如果单击界面中的“高级”按钮，程序会给出针对当前授权注册表项访问控制设置，其中包括了更加严密的授权设置，如是否允许查询数值、设置数值、创建子项、枚举子项、通知、创建链接、删除、写入DAC、写入所有者、读取控制等，根据自己的需要选择即可。</t>
  </si>
  <si>
    <t xml:space="preserve">英语课文背诵不下来，怎么办 </t>
  </si>
  <si>
    <t>空中英语教室  1,你要记住一定的词汇,词汇是你会话的基础,不然,你如何开口.所以,单词是一定要背的.　　不过我的背单词习惯不是按单词书或者字典里那样,我个人的体会是按顺序来背,很容易晕,因此我的记忆习惯是在阅读的过程中把生词提取出来记忆,反而可以记住更多的结构和用法.　　　　　　2,你要会把书本的东西变成自己的,这就要求你会使用结构.例如spend sometime doing something,如果你记住了这个简单的结构是"花费多少时间做什么事情",这个意思就可以表达了.　　学习最关键的在于要会举一反三,这也是我经常对我的学生说的.　　　　　　3,基础一般(我指的是不到大学英语四级的水平),建议使用&lt;新概念英语&gt;第二册,这本书的句型语法非常严谨,它的编写者我觉得很了不起,他完全是按层层递进的顺序来编写,而且反复操练到位.　　我要求我的学生做一些背诵的作业,学完一篇课文后.我要求他们依照课文来改写,他们知道把人物\地点做一些更换,非常聪明的照葫芦画瓢.我的学生是4年级的,我对他们的表现已经颇为满意了.相信成人是可以做得更好的.另外,&lt;走遍美国&gt;也是不错的教材.但走遍美国的结构不如&lt;新概念英语&gt;严谨,词汇却很了不得,但是它的词汇有很严重的阶级色彩.这也不奇怪,政治决定,教育理所当然反映政治了.　　　　　　在众多的英语教材中,我推荐3种:　　1,&lt;新概念英语&gt;尤其是第二册和第三册,难度适中,非常实用　　2,&lt;走遍美国&gt;倾向于随意的表达,词汇很好　　3,&lt;李阳英语&gt;　　很多人对李阳不以为然,但是李阳的确帮助了很多人.很多人说他不是一个学院派的英语教学者,是个比较成功的英语商人,我也这么觉得,不过,他的确可以在一定程度上帮助英语学习者.　　他编著的书不必全买,只要买他的一部&lt;发音突破掌上宝&gt;就好了!学外语的十条经验 　　谈到外语学习，匈牙利有一位叫卡莫·洛姆布的人说：“我大致用了25年的时间学习了16种语言，10种达到能说的程度，另外6种达到能翻译专业书刊，阅读和欣赏文艺作品的程度。” “我把自己漫游外语天地所获得的心得体会总结为十条：　　1、学习外语一天也不能中断。倘若确实没有时间，哪怕每天挤出10分钟也行；早晨是学习外语的大好时光。　　2、要是学厌了，不必过于勉强，但也不要扔下不学。这时可以改变一下学习方式；比如把书放到一边去听听广播，或暂时搁下课本的练习去翻翻词典等。　　3、绝不要脱离上下文孤立地去死背硬记。　　4、应该随时地记下并背熟那些平日用得最多的“句套子”。　　5、尽可能‘心译’你接触到的东西，如一闪而过的广告，偶而听到的话语，这也是一种休息的方式。　　6、只有经过教师修改的东西才值得牢记。不要反复去看那些做了而未经别人修改 的练习，看多了就会不自觉地连同错误的东西一起记在脑了里。假如你纯属自学而无旁人相助，那你就去记那些肯定是正确无误的东西。　　7、抄录和记忆句子和惯用语时要用单数第一人称，如“I am only pulling your leg"(我只是要戏弄你) 8、外语好比碉堡，必须同时从四面八方向它围攻：读报纸，听广播，看原文电影，听外语讲演，攻读课本，和外国朋友通讯，来往，交谈等等。　　9、要敢于说话，不要怕出错误，要请别人纠正错误。尤为重要的当别人确实为你纠正错误时，不要难为情，不要泄气。　　10、要坚信你一定能达到目的，要坚信自己有坚强不屈的毅力和语言方面的非凡才能……I am a foreigner here in China. I dont think there is any so-called "English grammar or phonetics" Readings and oral practices will let you getting use to a language usage. I am learning Chinese Mandarin now but I dont think there are sets of rules or grammar in Chinese!"Good good study and day day's up \(^-^)/"Good Luck!Have a nice day!</t>
  </si>
  <si>
    <t xml:space="preserve">慢性肥厚性咽炎吃什么药 </t>
  </si>
  <si>
    <t>你好,考虑是慢性单纯性鼻炎 可以口服 鼻炎宁颗粒或 鼻炎灵片治疗效果较好.忌食辛辣食物,宜清淡饮食.多锻炼身体,以提高身体抵抗力. &lt;span class="pingjia"&gt;提问者对于答案的评价：ask9G46B：谢谢您&lt;/span&gt;</t>
  </si>
  <si>
    <t xml:space="preserve">应用题赵叔叔沿长和宽相差30米的游泳池跑6圈，做下水前的准备活动 </t>
  </si>
  <si>
    <t>楼上算错了 长方形的周长是长加宽再乘以2 `````呵呵 忘了吧而且呀  小学的数学题最好别用方程 用1080除以6 得遊泳池的周長是180米 因?殚L和??相差30米 長方形有两条长和两条宽 所以用180减去两个30（即60）剩下的就是四个宽的长度得120 所以再用120除以4得30米 30米加上30就是长，60米</t>
  </si>
  <si>
    <t xml:space="preserve">凯越1.6和1.8发动机区别 </t>
  </si>
  <si>
    <t>1.6是山东生产的,1.8的是进口的!</t>
  </si>
  <si>
    <t xml:space="preserve">奶粉问题我家宝宝吃了两个月的二段奶粉,昨天她爸爸又买了两袋一段的 </t>
  </si>
  <si>
    <t>应该没问题,我家宝宝7个月了,还喝一段的呢?人家说一段的比二段的有营养,所以我想多给宝宝喝几个月!</t>
  </si>
  <si>
    <t xml:space="preserve">《王者世界》里的怪物也可以当佣兵使用? </t>
  </si>
  <si>
    <t>把怪物用封印之珠封起来就可以当佣兵使用,还能雇用流浪的NPC当佣兵。</t>
  </si>
  <si>
    <t xml:space="preserve">求有没有安装在移动硬盘的系统?我有个30G的移动硬盘...想直接 </t>
  </si>
  <si>
    <t xml:space="preserve">移动硬盘是不可以安装系统文件 的，只能存贮文本，视频，图像，声音之类的文件 </t>
  </si>
  <si>
    <t xml:space="preserve">网上下载的操作系统安装时需要注意什么 </t>
  </si>
  <si>
    <t>1 要注意下载的文件是否安全 ，有没有携带病毒。当然这种情况几率很小2 要注意检查镜像文件是否完整，安装前要先检查一边gho文件3 要注意系统捆绑的软件，安装完成后最好吧捆绑安装的软件卸载掉，自己重新下载4 要注意ghost系统是否优化过度，安装完成后最好用优化软件检查下  予人玫瑰之手 经久犹有余香 如果对你有帮助 请点击好评</t>
  </si>
  <si>
    <t xml:space="preserve">专升本报名不需要在户籍所在地吗？异地报名需要暂住证？ </t>
  </si>
  <si>
    <t>没错。</t>
  </si>
  <si>
    <t xml:space="preserve">什么的溶质在溶剂中溶解质量的大小随温度的升高而减小？ </t>
  </si>
  <si>
    <t>常见的固体是氢氧化钙，还有气体的溶解度都是随着温度升高而降低。如果对你有用，请点击页面上的好评给俺个支持哈。</t>
  </si>
  <si>
    <t xml:space="preserve">这个月月经还没怎么回事我月经一直都特别准时每月按时来,可这个月都 </t>
  </si>
  <si>
    <t xml:space="preserve">女性的排卵日期一般在下次月经来潮前的14天左右。下次月经来潮的第1天算起，倒数 14天或减去14天就是排卵日，排卵日及其前5天和后4天加在一起称为排卵期。例如，某女的 月经周期为28天，本次月经来潮的第1天在12月2日，那么下次月经来潮是在12月30日（12月2日加28天），再从12月30日减去14天，则12月16日就是排卵日。排卵日及其前5天和后4天 ，也就是12月11-20日为排卵期。除了月经期和排卵期，其余的时间均为安全期。 </t>
  </si>
  <si>
    <t xml:space="preserve">厕所的墙面（墙外面不是厕所内）上大概2米高的地方都有霉点是什么原? </t>
  </si>
  <si>
    <t>我认为，你的问题应当找物管方面 来人，先要确认到底是何处渗漏造成的。查找方向我认为：一是楼上，是否楼上墙面渗水后，渗漏到你的墙面？二是墙面的自来水管是否有轻微破裂，可以大家配合看水表的转动来测试。必须从根本上解决渗水的源头。不然，你重做防水就没有用。楼上不是已经重新做了吗？但没有解决，这就更可能是没有找到真正的渗漏处。找到了渗漏处并处理完毕，这时，因为墙面可能已经破坏，你再重做防水，再贴瓷砖就能永保无虑。希望我的回答能够对你有所帮助。</t>
  </si>
  <si>
    <t xml:space="preserve">请问怎样将MPG视频转换成.MP4的？我从网上下的那些转MP4格? </t>
  </si>
  <si>
    <t xml:space="preserve">   MP4带的就是AVI模式，无论你下载的是什么格式的视频，只要通过AVI转换器转换一下，马上就可以在MP4以及手机播放出来了。因为现在的MP4和手机视频播放器大多都用这个模式的。只要下载一个AVC转换器，马上就可以用MP4观看视频了。</t>
  </si>
  <si>
    <t xml:space="preserve">北京的家乐福在哪啊？我想去北京的家乐福，中关村是不是有一个啊？ </t>
  </si>
  <si>
    <t>北京家乐福一共六个分店，中关村是有一家，叫中关村关广场店 建议你去这里看看，介绍非常的详细的希望对你有帮助，呵呵</t>
  </si>
  <si>
    <t xml:space="preserve">请教清泉老师600172清泉老师600172明天能否补仓 </t>
  </si>
  <si>
    <t>等待反弹深入.关注成交量的变化.</t>
  </si>
  <si>
    <t xml:space="preserve">跟女友第一次，有些问题1，她没有膜，下面不是传说中的粉红色，有点 </t>
  </si>
  <si>
    <t>1, 真心的话并确定对方也真心就无需在意是否第一次!说实话那层膜是不可能因为劈叉之类的破掉~~~很紧只能说做的次数不多或者很长时间没做过了而已~~~2,趴着是不大得力的,比较方便的是女方腿和青蛙一样分开抬起,你跪着进入!以后会慢慢无师自通的!3,累是指时间较长,否则......4,女友在照顾你的情绪!对新手而言若是前戏没有做的很足,单纯的靠你的动作她是不会嗨的!!!早泄问题无需担心,其实若是快速动作百分之九十九的男人都坚持不过两分钟!技巧问题,时间长了你就能掌握好节奏了~~~技术好了坚持一个小时不在话下,到时候就知道累不累了~~~5,头几次缺少情趣,紧张心理会抵消掉很大的快感!感觉会慢慢找到的~~~~^_^不是早泄。多射几次，就能爷们起来了，相信哥，哥也和你有过一样的困惑。</t>
  </si>
  <si>
    <t xml:space="preserve">充电器指示灯不断闪烁，冲不进去电数码相机锂电池空电，接上电源以后 </t>
  </si>
  <si>
    <t>我的也这样,可以先到数码电器店去检测一下充电器,如果充电器是好,那就是电池的使用寿命到了,该更换了,那样即使充进去了,也用不了多久</t>
  </si>
  <si>
    <t xml:space="preserve">易学发展所经历的三个阶段中哪个是出现最早的？A周易B归藏C燚卦D? </t>
  </si>
  <si>
    <t>d夏易的连山</t>
  </si>
  <si>
    <t xml:space="preserve">关于紫光输入法的问题我的紫光没有联想功能了。比如输入“srf”应 </t>
  </si>
  <si>
    <t>我的方法比较笨，但是管用。那就是卸载重装。方法你会吧。我遇到过和你一样的问题以前，曾将尝试过重装词库，但是没有用，并没有真正找到症结，不信你也可以去试试。至于别的输入法，我只了解拼音加加，坦诚的讲并没有紫光好用，词汇栏横着显示，而且一次才五个，不爽。楼上说的搜狗就不了解了。好运。</t>
  </si>
  <si>
    <t xml:space="preserve">挂靠费的帐务处理他们用我们单位的名义成立了营业部、请问1、收取的 </t>
  </si>
  <si>
    <t>1、收取的管理费我们该怎么进行帐务处理， 收取的管理费用可以计入“其他业务收入”科目。2、需要交什么税需要交：增值税（或营业税）、城建税、教育费附加。</t>
  </si>
  <si>
    <t xml:space="preserve">为什么只能用字母键上面的数字键来输入……？我的电脑也不知是怎么回 </t>
  </si>
  <si>
    <t>把小键盘左上角的“NumLock”键，按一下，使“NumLock”指示灯亮起来，就可以输入数字。</t>
  </si>
  <si>
    <t xml:space="preserve">什么是量子? </t>
  </si>
  <si>
    <t xml:space="preserve">我推荐你去这里看看： </t>
  </si>
  <si>
    <t xml:space="preserve">专家来看看女友是否怀孕?女友上个月月经16号来的,19号干净的, </t>
  </si>
  <si>
    <t>你们在你女友月经周期的第10天ML，你的精子可以在她体内存活3天，就是她的第13天，这个时间是有可能受精的。卵子排出后，可以存活一天，这个时间段也是危险的。况且，女性的排卵可能提前或推迟，甚至有额外排卵，所以“安全期”并不安全。要想真正100%避孕，就要100%做好措施。这个月若月经不如期到达，就应该去医院检查。</t>
  </si>
  <si>
    <t xml:space="preserve">内饰清洗请问:汽车内饰(布料)如何清洗? </t>
  </si>
  <si>
    <t>答:要用中性药剂和小刷子一点一点刷,最好到专业美容店做这样为佳!</t>
  </si>
  <si>
    <t xml:space="preserve">恒顺众生与大自在佛家讲求的是恒顺众生，又说学佛会获得大自在。末学 </t>
  </si>
  <si>
    <t>恒顺众生与大自在，是学习的目标。何人能真正做到恒顺众生？普贤菩萨。何人能真正做到得大自在？观世音菩萨。我等能做到顺善与无愧，已难能可贵。岂敢言他。</t>
  </si>
  <si>
    <t xml:space="preserve">NBA球员工资以外，还有什么其他的收入呢？ </t>
  </si>
  <si>
    <t xml:space="preserve">广告！出书，出专集！举办一些活动！还有奖金！还有他们的拍卖品和他们用过的东西！ </t>
  </si>
  <si>
    <t xml:space="preserve">宫颈糜烂用何妇科良药效果最佳？网上查到有种外国进口药叫莎迪尔治疗? </t>
  </si>
  <si>
    <t xml:space="preserve"> 我建议你到三甲医院妇科诊断一下，做一下激光、BBT自凝刀治疗一次；然后，用头孢氨苄3.0g(皮试）0.9%氯化钠250ml，一日2次静滴。甲硝唑葡萄糖注射液250ml,一日一次静滴。洁尔阴液洗浴，早晚各一次。7-10天复查。</t>
  </si>
  <si>
    <t>剑斗与鹰眼</t>
  </si>
  <si>
    <t>JD后期比鹰眼强的多，1个JD可以杀3个鹰眼，但是在群战中，JD一但被QS或辅助拖住，就没有用了，鹰眼的机动性比JD强，单P绝对JD厉害。我是玩鹰眼，明显打不过JD，必输。一但被近身伤害都3000多，2个波3就要挂，还有波动攻击伤害挺高，速度很快。群战中JD被XZ定住，然后烧蓝，马上就费了。不过JD杀XZ也是用秒的，JD的蓝一但用完，就没有用了。</t>
  </si>
  <si>
    <t xml:space="preserve">我的摇杆是北通的,为什么其他可以动,就是摇杆不能动? </t>
  </si>
  <si>
    <t>呵呵。我的也是这样。只能用键盘玩。要不然就没法玩了</t>
  </si>
  <si>
    <t xml:space="preserve">物理学家霍金：地球200年内毁灭快移民外星最吓人的言论　　著名物 </t>
  </si>
  <si>
    <t>正应了一句老话、、天塌大家死。。学会快乐吧。。。</t>
  </si>
  <si>
    <t xml:space="preserve">我想买一台冰机林机.请问在大连哪里有卖的我个人想在大连买一台小型 </t>
  </si>
  <si>
    <t>大商家电广场有卖的!</t>
  </si>
  <si>
    <t xml:space="preserve">来个用品猜啥东西温度越高就爬的越高 </t>
  </si>
  <si>
    <t>温度计的水银注。。。。。。。。。。。</t>
  </si>
  <si>
    <t xml:space="preserve">谁能告诉我，我妈妈这种情况是不是抑郁症的表现。我妈妈在大年三十那 </t>
  </si>
  <si>
    <t xml:space="preserve">这个问题，你可以去 中国精神健康 （ chinajs120 ）,那上面有免费的咨询医生，可以一对一即时交流咨询。你把这个问题详细的跟在现医生说一说，让医生给你一个判定或方法方案什么的。这样有针对性的即时对话交流就比你单纯的看一些深奥或枯燥的文字要有效的多，应该对你有用。 </t>
  </si>
  <si>
    <t xml:space="preserve">包皮环形切割,如果是吸收钱多久这线会完全消失? </t>
  </si>
  <si>
    <t>每个人情况不一样.一般地说1-2月可完全吸收.耐心等吧.</t>
  </si>
  <si>
    <t xml:space="preserve">蝙蝠冥牛的坐标是多少 </t>
  </si>
  <si>
    <t>蝙蝠冥牛的坐标是406 323</t>
  </si>
  <si>
    <t xml:space="preserve">足彩中奖情况论坛报告！是不是巨奖，其实只需要看看这个论坛是否清净 </t>
  </si>
  <si>
    <t>楼主，精辟啊，精辟，还是精辟。我是笑的眼泪都下来了，呵呵。看了你的文章撕票也值了，支持你</t>
  </si>
  <si>
    <t xml:space="preserve">药物流产后流血不止怎么回事?3月28号药流掉了,之后没有清宫,出 </t>
  </si>
  <si>
    <t xml:space="preserve">    一般情况药物流产后流血5-7天左右,最多也不会超过半个月,如果超出这个时间的话,没流干净的可能性很大.你到现在已经有30天了还在流血,应该及时再去医院做B超检查,如果是没有流干净的话需要做清宫手术.参考资料： （医网妇科疾病）</t>
  </si>
  <si>
    <t xml:space="preserve">糖筛没有过关，想问一下各位专业人还有有经验的人我应该在饮食方面注? </t>
  </si>
  <si>
    <t>我的儿媳也刚刚做完糖筛，不合格，第二天还住院观察了一天，就是再喝７５克葡萄糖后每一小时抽血化验一次，结果还行，第一次稍微高点，第二三次正常，医生嘱咐：每天适当增加运动量，每顿饭只可吃二两主食，回家后，她真饿呀，我给她买了火龙果，猕猴桃这些含糖量低的水果，还有脱脂的酸奶，牛奶，每顿饭她都只吃六七分饱，然后每两顿饭之间加餐，或吃水果或喝酸奶牛奶，饭后的一小时内增加一次运动，回来后有７天了，饭后一小时的血糖基本正常。主要是不要吃太油腻的食物，就不会增加血糖。炖骨头汤或炖肉时把油撇出去，那样，即不油腻，又有营养。试试吧，祝你生个健康可爱的乖宝宝。</t>
  </si>
  <si>
    <t xml:space="preserve">wouldyouplease______hereforawhil? </t>
  </si>
  <si>
    <t xml:space="preserve">B参看例句：would you love me ?PS： please只是委婉语气而已例如what are you talking about?what fuck you are talking about ?中的fuck </t>
  </si>
  <si>
    <t xml:space="preserve">新手卡的疑惑？？？请问有经验的奇迹世界玩家，新手卡发放的奖励包括 </t>
  </si>
  <si>
    <t>应该可以，只要你帐号里没有超过30级的号</t>
  </si>
  <si>
    <t xml:space="preserve">请教清泉老师000048。600027后势怎么操作。可以补仓吗？ </t>
  </si>
  <si>
    <t>不动,周一再看.000048暂列止损.600027反弹后换股.</t>
  </si>
  <si>
    <t xml:space="preserve">L3严重问题~(急~!~!~!~!~!~!)本人刚刚考过L3,可 </t>
  </si>
  <si>
    <t>我今天也是，但玩小号就行，但后来也进去了</t>
  </si>
  <si>
    <t xml:space="preserve">如果去做冷光牙齿美白的话，海口牙齿美白要多久见效？ </t>
  </si>
  <si>
    <t>见效很快的，半小时吧。建议LZ去正规的医院治疗，毕竟放心啊，我同学也做过，不过不是冷光美白，知识洗牙，在海南数字口腔中心做的，挺好的</t>
  </si>
  <si>
    <t xml:space="preserve">兼职的一个问题我想问一下：1，是不是所有收费的中介公司都是所谓“ </t>
  </si>
  <si>
    <t xml:space="preserve">你好：刚才回答了一个同样的问题，估计也是你的吧，根据你的提问，仅我知道的情况，答复如下： 中介机构分为公共中介机构与民营中介机构。前者，系政府举办，为大中专毕业生、下岗人员提供免费服务，不收取任何费用。后者，系民营中介，为社会人员提供服务，其是有偿性质的，以营利为经营目的，为人提供服务的同时获取相应的报酬。目前，对中介服务收费没有统一收费标准，根据服务的好坏、质量的高低，双方商榷后来确定。 所以，收费的都是骗子这种说法不一定的。 至于职介所是否骗人，你要自己辨别： 一是看对方执照是否是原件。按规定，职介必须悬挂执照的原件。 二是注意职介的收费，如超出正常价格很多，就要留心。收费后应开正规票据，如发生意外，可凭此票据索赔。 三是关于你提到的收费问题，骗子职介的收费高，一般都超过了一百。内容包括：体检费、查询费、体检费、费、培训费等这些都是不符合规定的。以各种理由收取押金等其他高额费用。 提醒你的是：国家规定，企业不能以任何名义收取求职人员的押金、服装费、保证金等费用，也不得收取身份证和抵押物。 四是注意一些骗子职介常涉及岗位：押运员、保安等较热门的岗位，大多待遇偏高。 关于如何维权的问题，一是你自己要辨别，二是各地一般都有“人力资源管理与配置协会”，是中介机构的行业管理协会，你可以向他们咨询。 祝你顺利！！ </t>
  </si>
  <si>
    <t xml:space="preserve">单位给的自建房由于当时条件不足没分配到产权房现在能否办理产权证能? </t>
  </si>
  <si>
    <t>1、持相关证明，向房地产管理部门申请购置产权。2、没有产权就无法转让，更不能买卖。3、具体办理只能咨询房地产管理部门，且这种情况应不止你一户，政府会出台相应的解决办法，不妨在仍没有解决方案的情况下，通过向政府信访的方式予以解决。</t>
  </si>
  <si>
    <t xml:space="preserve">山形墙是一种什么建筑形式?有图片可以说明吗? </t>
  </si>
  <si>
    <t xml:space="preserve">类似我国的山墙，但我国的山墙在大门的两侧面，而希腊建筑的山形墙在正面大门的上面。历史在演变，他们的山形墙也在演变。山形墙亦为希腊式建筑特色之一。其作用系将屋顶之重量放於直立之石柱 上。山形墙上多半刻有叙事性的浮雕,再涂以鲜艳的金色、蓝色的颜料。这与 埃及浮雕一般多与视平面齐高的设计大不相同。 雅典卫城上的帕特侬神庙是希腊最有名的古代遗址，是雅典和希腊的象征。也是古希腊建筑风格的杰出代表。现存的大殿，几乎全由巨大的廊柱构成。 阿姆斯特丹最特别的建筑就是山形墙建筑，即在面墙上加一座山形墙(gable)以装饰门面，也增加一个小阁楼的空间，而随着阿姆斯特丹越来越繁荣，山形墙后来甚至有梯形、颈型、钟型等华丽的形式出现。很多图片不能附到答案里来，下面两个网址就请你自己去看了。奥运 带我们去看建筑 世界各地城市风光纵览 </t>
  </si>
  <si>
    <t xml:space="preserve">手指的关节处长了老茧那样的东西！手指的关节处长了好多个象老茧那样 </t>
  </si>
  <si>
    <t>怎么不去看医生？？</t>
  </si>
  <si>
    <t xml:space="preserve">向偏铝酸钠溶液中通过量二氧化碳生成什么 </t>
  </si>
  <si>
    <t>氢氧化铝和碳酸氢钠NaAlO2+CO2+2H2O→Al(OH)3↓+NaHCO3</t>
  </si>
  <si>
    <t xml:space="preserve">足球彩票请问哪里看得到必发指数？？？？？？？ </t>
  </si>
  <si>
    <t>兄弟那里都看不到了，想看就要出钱，到必发指数网先注册后交钱，足球胜负彩每月48元人民币。【必发指数网址 】</t>
  </si>
  <si>
    <t xml:space="preserve">勃起不硬做爱时间短。勃起不坚硬。曾有过手淫 </t>
  </si>
  <si>
    <t>做爱时间短，可能是早泄。勃起不坚硬，考虑阳痿。这是两个病。都与手淫关系不大。请提供具体病情，比如做爱的时间间隔和进入后到射精的时间，越详细越好。</t>
  </si>
  <si>
    <t xml:space="preserve">紧急求助！请所有人都来回答！听说生物专业的学生现在很不好找工作， </t>
  </si>
  <si>
    <t>是的，我认为你已经选对了不要做无用的浪费，当你看到地球上的生物所面临的困境时，你还不觉得那是将来所有人关注的焦点吗抓紧时间，等到用时不后悔它正好在你需要的那个时候，我对你充满信心！</t>
  </si>
  <si>
    <t xml:space="preserve">相亲后，男方没主动联系我是不是代表他不愿意？我和那男的是昨天下午 </t>
  </si>
  <si>
    <t>一般男人没有主动再联系你，就是没看好你。但是如果你特别看好男方了，你也可以放下面子，尝试主动联系一下，如果实在没反应，就作罢，反正也没损失。</t>
  </si>
  <si>
    <t xml:space="preserve">有谁知道，这是什么呀？怎么吃？新疆人民帮帮忙呗。。 </t>
  </si>
  <si>
    <t>这是雪菊，泡花茶喝（亲，如果您对答案满意，请设为“好评”哦）</t>
  </si>
  <si>
    <t xml:space="preserve">一部科幻型美国电影，挺有名的，主角是两个小孩子（好像是） </t>
  </si>
  <si>
    <t>非常小特务 共有3部</t>
  </si>
  <si>
    <t xml:space="preserve">有请步美亚盘大师有请大师对88期的分析. </t>
  </si>
  <si>
    <t>不好意思朋友，今天有事 没时间看。</t>
  </si>
  <si>
    <t xml:space="preserve">发表的文章必须公开吗 </t>
  </si>
  <si>
    <t xml:space="preserve">当然,那就是让人看的啊 </t>
  </si>
  <si>
    <t xml:space="preserve">“长”字有几划嘿嘿 </t>
  </si>
  <si>
    <t>撇横《坚钩》捺，四划</t>
  </si>
  <si>
    <t xml:space="preserve">生活怎样才能长高！除了说点运动和睡眠之外，吃什么药？ </t>
  </si>
  <si>
    <t>除了运动和睡眠，加强学习和提高自身能力，加强自信最好</t>
  </si>
  <si>
    <t xml:space="preserve">十一点多回家算早还是算晚？今天晚上男朋友有个饭局，我给他发短信， </t>
  </si>
  <si>
    <t>经常这样算晚归，只一两次或偶尔不算。因为好哥们凑在了一起，杯来酒往早有九分酒意，难免会天南地北地吹牛，忘了回家的事是常有的。既然你发短信给了你男朋友早回，你男朋友应在十点余给你电话说晚回来，免的你一直守候到他回来，担心他，你关心你男朋友安全，出发点是好的，可管得严了一些，呵呵！</t>
  </si>
  <si>
    <t xml:space="preserve">TBC里荣誉点数如何获得?下战场和JJC哪个更快JJC以输一盘赢? </t>
  </si>
  <si>
    <t>去JJC获得是JJC点数,用于购买JJC装备,购买地点是虚空风暴52区去战场以及野外PVP获得才叫荣誉点数,用于购买荣誉装,购买地点是暴风城/奥格瑞玛两者不是同一个东西</t>
  </si>
  <si>
    <t xml:space="preserve">哪个银行哪个卡种利息比较高？定期一本通是什么银行的，划算么？ </t>
  </si>
  <si>
    <t xml:space="preserve">就如以上说的 各家金融机构的利率均按照中国人民银行规定的利率执行 只有贷款利率可以浮动银行 卡一般都属于活期存款按照活期利率执行定期一本通我知道的有中行 农行有此种存款种类 是定期存款 就象活期存款一样可以放在一个存折里 没必要开定期存单了 </t>
  </si>
  <si>
    <t xml:space="preserve">小弟郁闷啊大家都说文科都找不到工作啊能给点建议吗？要真实的啊求求 </t>
  </si>
  <si>
    <t>文科的专业虽然没有理科那么分类细致,但是专业也是不少的,而且做起来很有乐趣的,上大学后多数专业也比理科轻松.而且有不少理科生高考时都报文科的专业.文科的就业还是挺好的,如果学好了,前途无量啊!你应该做的就是学好,学好了不管你学什么的,都能有用武之地,要是文科都找不找工作,为什么还有那么多人学?他们都是傻子?放心吧,你就踏踏实实学吧,到了以后就知道了,学文多幸福啊!</t>
  </si>
  <si>
    <t xml:space="preserve">实况8到哪里下载实况8在哪里下载，告诉我正确的网站，有些网站都是 </t>
  </si>
  <si>
    <t xml:space="preserve"> 我的就是在这下的,还有不少版本哦!</t>
  </si>
  <si>
    <t xml:space="preserve">哪个首饰魔最多多少？哪个攻最多多少？我知道个魔力手环+150魔武 </t>
  </si>
  <si>
    <t>追5露比的衣服加200魔的首饰</t>
  </si>
  <si>
    <t xml:space="preserve">电影票可以退吗？某电影院凭活动购买变形金刚2每张20元门票，但我 </t>
  </si>
  <si>
    <t>不可以退，电影票售出都不会退的。不过你可以看看票上面有没有印“售出不退”的字样，如果没有的话就找他们经理出来理论，要求退票，应该可以</t>
  </si>
  <si>
    <t xml:space="preserve">转服申请在那里提交？25级战士从38服转其他服怎么办？ </t>
  </si>
  <si>
    <t>你上天堂2的主页，在左上的地方有新手学院几个字你点进去就能看到转服的提示了。希望你能找得到！</t>
  </si>
  <si>
    <t xml:space="preserve">请教奔腾B70雾灯是啥型号的？ </t>
  </si>
  <si>
    <t>看到坛子里有人说是 H11的，你再查查哈</t>
  </si>
  <si>
    <t xml:space="preserve">如何去鉴别红宝石和蓝宝石？ </t>
  </si>
  <si>
    <t>宝石和蓝宝石是人们非常珍爱的高档宝石品种她们与钻石、祖母绿、金绿猫眼石同被列为世界五大名贵宝石。红、蓝宝石以其颜色的瑰丽而征服着世人：鲜红似火的红宝石被誉为七月生辰石，成为爱情、热情和高尚品德的象征：而清澈透蓝的蓝宝石则被誉为九月生辰石．成为慈爱、诚实和稳重的象征。　　 无论是在东方还是在西方，匹。　　 在人类漫长的岁月里，有多少动人心魄的传奇故事来自于美丽的红、蓝宝石。时至今日，红蓝宝石不仅依然在人们的生活中，而且在人们的信仰、宗教、文化等诸方面闪耀着瑰丽的光芒。　　 红宝石和蓝宝石是矿物刚玉的两个不同宝石品种．两者的化学成分都是Al2O3，红宝石是指所有红色色调的刚玉宝石。它包括红、粉红、橙红、紫红、褐红等颜色．其红色主要是由化学成分中所含微量元素铬所造成。蓝宝石则是指除了红色系列以外的所有颜色的刚玉宝石，这其中包括了蓝、天蓝、蓝绿、绿、黄、橙、褐、灰、黑及五色等多种颜色，蓝宝石蛇颜色多由其化学成分中所含钛、铁、钒等微量元素造成。　　 红、蓝宝石的晶体形态多呈桶 状、柱状或板状；她们的摩氏硬度为9。仅次于钻石的硬度。无解理，裂理较发育，断口呈贝壳状，密度为4.00g/cm3内含杂质者可有微弱变化。红、蓝宝石两者的透明度 一般为透明至半透明，显强玻璃光泽；她们的折射率通常为1．76—1．77．在偏光仪下呈四明四暗现象(均质体)，在二色境下有明显的多色性．其色性特征与强弱取决于宝石的体色。在紫外光照射下。红宝石可以发出明显的红色荧光，而蓝宝石一般不发荧光。　　 红宝石和蓝宝石内部都可含有各种各样的包裹体，它们也是红、蓝宝石的重要鉴别特征。当红、蓝宝石内部含大量纤维状、针状矿物包裹体成细小管裂隙，且这些包裹体和裂隙又沿晶形方向定向排列时．取特殊的方位切割．加工成弧面型款式。这时在光线照射下就会显示出一种美丽迷人的星光效应．这种宝石被称为”星光红宝石”或”星光蓝宝石”。　　　　美誉天下故乡东方　　　　 世界上产红、蓝宝石的国家虽不少．但优质的红、蓝宝石多产于亚洲的缅甸、泰国、印度、斯里兰　　卡等国．故红、蓝宝石又有”东方宝石”的美誉。　　 红、蓝宝石虽为同类刚玉矿物．但两者形成的地质环境有所不同：红宝石多产于高温、富铝缺硅并有铬元素的地球化学条件下．而蓝宝石则常产于高温、富铝缺硅并有铁、钛元素的地球化学条件下。　　 红宝石的著名产地有：缅甸、阿富汗、巴基斯坦、泰国、束埔寨、越南、坦桑尼亚、澳大利亚等；而　　蓝宝石蛇著名产地有：斯里兰卡、印度、中国、泰国、柬埔寨、老挝、越南、澳大利亚、美国等。各国产的红、蓝宝石在特征上具有一定的差异；如缅甸产的红宝石多呈玫瑰红、紫红色，少量为”鸽血红”，一般颜色艳丽，但不太均匀，内部常有各种包括针状、纤维状金红石在内的包裹体或平直色带出现，故经常有星光红宝石产出；泰国产的红宝石多呈褐红或玫瑰红色，色带和生长线平直．常含流体包体，多聚集成指纹状、羽状、圆盘状等。在蓝宝石中，斯里兰卡的蓝宝石色泽艳丽丰富，透明度高，内部含丰富的液态包体。包体形态相对规则、美丽：中国山东昌乐的蓝宝石以粒度大、晶体完整而著称。山东蓝宝石的颜色可分为蓝色系列、黄色系列和多种颜色组合系列。蓝色系列包括：乳蓝、灰蓝、绿蓝、紫蓝、深紫蓝以至蓝黑。由于含铁量高、透明度较低，多呈灰蓝、暗蓝色调。黄色系列包括：浅灰黄、浅绿黄、微棕黄、褐黄 、这些黄色蓝宝石大都透明度较高，纯净度好（多色蓝宝石），表现为同一粒蓝宝石上有两种的颜色共存。各种颜色界限分明。相互之间有规律地组合在一起，如黄色与蓝色对半相拼组合、蓝色环绕黄色的组合、黄色与黄绿色的组合等等。山东蓝宝中的黄色和多色蓝宝石大多品质较好、美感十足，价格自然不菲。　　 在众多的红、蓝宝石故乡中．我们不能不提及泰国的曼谷。曼谷是红、蓝宝石的世界贸易中心，全球90％的红宝石是通过曼谷进行交易的：在这里，你可以看到来自世界各地出产的红、蓝宝石，有天然的、人工合成的、优化处理的及仿冒的。真可谓琳琅满目花色齐全。买卖中全凭你的本事。泰国除了曼谷这一贸易中心外．还有两个更为专业的红、蓝宝石集散地；一个在曼谷东南方300多公里蛇庄他武里(尖竹汲)。这里有原料也有半成品，许多专业人士都愿来此进行交易；另一个是在泰国西北部泰缅边境的清迈府眉赛镇，它的宝石多来自缅甸，是红、蓝宝石的重要中转站和集散地。　　　　天生丽质 何以评说　　　　 红、蓝宝石的质量分级与评价受到国际珠宝界的广泛重视。由于红、蓝宝石在颜色、：争度等方面相当复杂。故对红、蓝宝石做出准确评价具有一定难度．至今国际上还未有统一标准出台。近些年来，泰国和日本等国家的宝石学家率先提出了与钻石”4C，。相似的评价体系。即按颜色、净度、切工和重量来对红蓝宝石进行系统分级、综合评价。　　 1、颜色 按色彩、色调和饱和度分级。　　 色彩分5类：极好、非常好、好、较好、差；　　 色调按深浅分5类：很深、深、中等、浅、很浅；　　 饱和度按鲜艳程度分5类：很高、高、中等、较低、差。　　 就色彩和色调而言．天然产出的红、蓝宝石不可能表现为单一的光谱色，这就会有主色和附色之分，如红宝石以红色为主，其间可有微弱的黄色、蓝紫色；蓝宝石以蓝色为主．其间可有微弱的黄色、绿色色调。原则上讲，红、蓝宝石的颜色越接近光谱色。颜色质量越高，附色所占比例越大，颜色就越不纯，颜色质量就越低。　　 2、净度 按包裹体的类型、大小、数量、位置、明亮度分为6类。　　 无瑕·肉眼不见包体．可有少量色带；　　 近无瑕：允许有细小的针、点状物，但不在表面下；　　 轻微包体：反射光下肉眼可见极细小包体．但不在表面下；　　 中等包体：表面不见细小包体，肉眼清晰可见；　　 严重包体：包体大，数量多，裂理发育；　　 一般来说，净度级别越高．透度越好。　　 3、切工 按对称、比例、修饰度和亮光程度等方面来分类，每项内容都可单独划分为5类：极好、很好、好、一般、差。在此基础上对切工进行综合评判．综合评判后切工仍分为极好、很好、好、一般和差5个级别。　　 4、大小 品质相同的红宝石，颗粒越大．价值越高。　　 在上述诸多因素中，颜色是评价红、蓝宝石最重要的因素。红宝石以深红色(俗称为”鸽血红”)的颜色最好．目前仅产于缅甸抹谷。1986年10月，缅甸一颗3．35克拉的”鸽血红”色的红宝石，售价高达33998美元，每克拉达到11300　　美元，居然高于同重同质的钻石的价格。蓝宝石最好的颜色是蓝中带紫，以前印度克什米尔曾是世界上最好的蓝宝石产地，其颜色深蓝往往带紫，被人们称为”矢车菊”蓝宝石，如一颗被命名为”印度之星”纳产自克什米尔蛇蓝宝石．重达563克拉．是世界公认的最大最好的星光蓝宝石，现珍藏在美国纽约自然博物馆。无论是红宝石还是蓝宝石．色调过浅或过深都会影响到宝石的美观。；争度和透明度是影响红、蓝宝石质量的另一重要因素．宝石的透明度越高品质越好．一般高透明度的宝石其包裹体较少，此外高透明度的宝石有利于光芒折射和反射．透明度越高宝石扩越明亮越艳丽．如斯里兰卡茎牛石的透明度就较好。品质当属二界一流。　　 就红、蓝宝石的加工工艺言，它不同于钻石。在保重</t>
  </si>
  <si>
    <t xml:space="preserve">卫星电视收视率最高的是湖南卫视还是? </t>
  </si>
  <si>
    <t>收视率最高的就是湖南，电视上说的。</t>
  </si>
  <si>
    <t xml:space="preserve">YJ是血YJ好吗这样加可以吗？？？血YJ好吗灵力只够穿装备，拿武 </t>
  </si>
  <si>
    <t>YJ本身就是所有职业中攻击最低的，所以YJ大部分都是靠BB来做攻击输出的，YJ只是辅助BB而已，当然，全灵的YJ攻击是比较高，但是比起别的法系职业还是要低，所以YJ更重要的是保证自身的安全，全体的血多，耐抗，PK时比较好中庸的加点法也行，那种加点一般是把体加到100左右，剩下的就全灵了，那样血不是很少，攻击也比全体的高点，但是那样就没有任何优点了，比起全体或者全灵的要次点，不过也还不错，是比较适合一般玩家的加点法，花费比较少</t>
  </si>
  <si>
    <t xml:space="preserve">南京为什么看不到凤凰卫视呀？ </t>
  </si>
  <si>
    <t>3星以上的宾馆才有，南京有线电视台没有。你可以自己装卫星电视啊，不过要悄悄的。</t>
  </si>
  <si>
    <t xml:space="preserve">过年活动过年会有冲值送积分+宝箱爆率双倍吗?我冲90元..建个影 </t>
  </si>
  <si>
    <t>过年会有冲值送积分+宝箱爆率双倍的...这个活动通常节假日都会有...建议买个打折槽...不要赌博...会很后悔的...</t>
  </si>
  <si>
    <t xml:space="preserve">怎样各用一个标题概括这篇语文的两段？加大物流园区高新技术含量。两 </t>
  </si>
  <si>
    <t>各种现代化物流技术物流业的基础</t>
  </si>
  <si>
    <t xml:space="preserve">10月19日来的月经然后11月24来的，29日结束怎么算排卵期 </t>
  </si>
  <si>
    <t>你好，对于月经规则的女性是，你计算出下次月经什么时候来，下次月经的第一天倒减去14天。这一天就是排卵日。如该妇女月经周期为２８天，她的排卵日就应在月经周期的第１４天左右；如该妇女的月经周期为４０天，则她的排卵日就应在月经周期的第２６天左右（即下次月经前１４天左右）。排卵日的前4天和后5天就是危险期（排卵期）。容易怀孕。</t>
  </si>
  <si>
    <t xml:space="preserve">化学题,简单哦~亚硫酸钠放在空气中为什么溶液的质量会增加? </t>
  </si>
  <si>
    <t>因为亚硫酸钠在空气中会吸收空气中的氧气，生成另外一种物质硫酸钠。反应的方程式是：           2Na2SO4+O2==2Na2SO4</t>
  </si>
  <si>
    <t xml:space="preserve">求一首歌名字歌词里有：你的选择没有错我欠你的太多是什么歌啊好象很 </t>
  </si>
  <si>
    <t>易欣—你的选择 全歌词为： 看着你慢慢离开我的视线 才明白原来这份爱情已走远 而我还相信有永恒的诺言 既然爱已到了痛的边缘 就算为我们留住时间 也换不回相爱的那一天 沧海桑田，谁为谁而改变 心甘情愿，却不见我们的永远 爱与被爱同样是受伤害 谁先不爱谁先离开 留下的人，满身伤痕 你的选择，没有错，我欠你的太多 受伤的心，找不到解药，怎么愈合 你的选择，躲不过，泪水的折磨 宁愿解脱，一个人，独自漂泊</t>
  </si>
  <si>
    <t xml:space="preserve">6个月的宝宝能吃鸡蛋羹吗？ </t>
  </si>
  <si>
    <t>5个月吃全蛋羹是有点早了，可以像末末妈说的一样，先用蛋黄蒸出来给吃，看宝宝喜欢不喜欢。我宝宝8个多月了，上回给她吃了半碗全蛋羹，大便就有点稀，我也不敢喂太多了，只好暂停。你喂给宝宝吃后，记得要观察大便情况。另外，盐一定不要放多了。5个月的宝宝肾功能发育还不健全，不适宜吃盐的。油，最好就免了。以下这个做蛋羹的方法可以借鉴一下，记着刚开始只放蛋黄。 新鲜鸡蛋黄一个。全蛋磕开后，尽量把蛋清倒出来不用，把蛋黄倒碗里，尽量一个方向打散，加入很少量盐调匀。 加稍凉的温水。冷水不太好，热水就更不行了，以冲进去就成蛋花了。 水的量很重要，太少会觉得蛋羹比较密实比较老，太少蛋羹成形会比较困难，口感也水水的。一般是一颗蛋，两蛋壳水。就是把磕开的两半蛋壳都装上水，装两次，就是两蛋壳水了，简单的说，水是蛋液的两杯。呵呵。 蛋液全部准备完了，再说说蒸的过程。鸡蛋表面时候平滑如镜，全靠这蒸的技巧了。 烧一锅清水，放上蒸隔。水一定要开以后，再把蛋液放上蒸隔，然后开小火，锅盖一定要留缝，不要盖严实了。这样蒸出来的蛋羹绝对不会有蜂窝眼，口感也不会老。 大概10－15分钟，鸡蛋羹就应该差不多好了。以后宝宝稍大些了，还可以加进去肉末。刚开始放的温水也可以换成肉汤。 蒸出来色香味俱全的蛋羹不是一次就可以成功的，一开始要找感觉，多练几次就会更好！</t>
  </si>
  <si>
    <t>请问技嘉GA</t>
  </si>
  <si>
    <t>外频为533MHz的CPU都能用</t>
  </si>
  <si>
    <t xml:space="preserve">桌面快捷方式我的是window7系统，安装软件后桌面上会有快捷方 </t>
  </si>
  <si>
    <t>在“开始/程序”，右键点该软件图标，“发送到/桌面快捷方式”即可。</t>
  </si>
  <si>
    <t xml:space="preserve">一道英语题Sasha,whydon'tyouhavearest? </t>
  </si>
  <si>
    <t>Sasha, why not have a rest?</t>
  </si>
  <si>
    <t xml:space="preserve">趣味数学题求解。数学推算题：1=5，2=15，3=215，4=6 </t>
  </si>
  <si>
    <t>数学推算题：1=5，2=15，3=215，4=625，5=？请帮忙解答一下，并请说明过程或思路，重谢。 我曾经看过正确的答案：5＝1原因是1＝5　，所以5＝1</t>
  </si>
  <si>
    <t xml:space="preserve">有谁能告诉我一下，万分感谢～！为什么我的紫萱都５１级了还没有万蛊 </t>
  </si>
  <si>
    <t>万蛊蚀天是要人物达58级的PS特技括号中代表何处习得或出现时人物级别：景天：飞龙探云手（精精授），偷取物品或金钱。　　　洒金笺，用金钱换取我方全员增加精。　　　绣口锦心咒（渝州小乞丐授），降低敌人单人武防速运。　　　鬼炼狂魔（德阳女鬼授），使群体敌人疯狂。　　　百无禁忌：单人解除一切不良状态。　　　倾国银弹波（58级或重楼授）：攻击敌方全体。雪见：绿波红露斩（德阳海棠妖授），吸取敌人单人精并收为己用。　　　回生照，单人复活并增加精。　　　五毒归元（21级），单人解五毒。　　　玉露还精，全体增加精。　　　天灵千裂破（50级），攻击敌方单人。龙葵：鬼降，敌方全体混乱。　　　鬼禁，敌方全体陷入禁忌状态。　　　幻鬼三叠杀，攻击敌方全体。　　　鬼狱还神，吸取敌方单人的神。　　　乾坤一掷（蛮州赌徒授），把钱作为暗器掷出攻击敌方全体。紫萱：万蚁蛊，攻击敌方单人。　　　吸精蛊（蛮州女鬼授），连续三回合吸取敌方单人精并收为己用。　　　梦蛇蛊，敌方全体催眠。　　　潜身蛊，我方单人隐身。　　　万蛊蚀天（58级），攻击敌方全体。长卿：禁咒封，敌方单人封。　　　束身定，敌方单人定。　　　天师符，攻击敌全体。　　　剑神，召唤剑神攻击敌全体。　　　魔焰闪空斩，攻击敌单体。</t>
  </si>
  <si>
    <t xml:space="preserve">如何测定原子核的半径的? </t>
  </si>
  <si>
    <t>α粒子散射实验.....只测定了原子与原子核的比好伐?一楼表乱来.油膜法吧....</t>
  </si>
  <si>
    <t xml:space="preserve">在自己的帐户上怎么看5173的星级? </t>
  </si>
  <si>
    <t xml:space="preserve">尊敬的客户:     您好！5173客户服务027真诚为您服务！   星级评定请您到我们网站首页最上方进入“客服中心”查看“信用评价”。   查询用户星级，请您直接登录您的用户名即可查看。   感谢您对5173的支持!!!       </t>
  </si>
  <si>
    <t xml:space="preserve">性话题:她会怀孕吗?昨晚我和我女朋友一起睡了,我没有进入她,但我 </t>
  </si>
  <si>
    <t>不会怀孕啊。你们没有发生真正的性行为啊！不要担心。</t>
  </si>
  <si>
    <t xml:space="preserve">骨折后如何尽快恢复及消肿?一老人脚骨折,近半年了,尚未完全长好, </t>
  </si>
  <si>
    <t xml:space="preserve">影响骨折愈合的全身因素和局部因素       全身因素：主要有年龄、营养不良、全身衰竭和某些疾病（如成人佝楼病、坏血病、梅毒、骨质疏松等）可抑制骨的生成。维生素C的缺乏可抑制胶原和骨的形成。维生素D的缺乏可影响新骨的钙化过程。维生素A过多，会使破骨细胞的吸收作用过强，骨的脆性增为四。    局部因素：影响骨折愈合最根本的因素是局部的血液供应，骨折时造成经骨外膜进入骨内的营养血管及哈怫氏管断裂，断端血运不良，不但影响骨折端修复组织成长，而且造成断端骨坏死，直接影响骨的愈合过程；局部损伤严重的骨折，加重了骨折端的坏死程度，使骨折愈合过程减慢，当外固定范围不够、位置不正确以及髓内针过细和固定后松动、固定时间太短、过早活动和不正确的功能锻炼，都可使骨折端遭受旋转、成角和剪式应力，损伤断端修复组织，造成髓内新生毛细血管和已形成的骨俪断裂，发生断端缺血坏死，促使断端纤维组织和软骨形成，发生骨折延迟愈合；感染是影响骨折愈合的另一因素；另外，反复多次粗暴的手法修复，均可影响骨折的愈合过程。    对骨折病人的营养需求与膳食，患者和家属大多感到困惑，常常不得不向医生请教。 　　 　　其实，骨折病人除了在最初一些日子里可能伴有轻微的全身症状外，其余时间里大多没有全身症状，所以和一般健康人的日常饮食相仿，选用多品种、富有各种营养的饮食就可以了。要注意使食物易于消化和吸收，慎用对呼吸道和消化道有不良刺激的辛辣品（辣椒、生葱、芥末、胡椒）等。在全身症状明显的时候，应给予介于正常饮食和半流质饮食之间所谓软饭菜，供给的食物必须少含渣滓，便于咀嚼和消化，烹调时须切碎煮软，不宜油煎、油炸。 　　 　　以上是骨折病人的一般饮食原则。为了更快更好地促进骨折愈合，骨折病人还应根据骨折愈合的早、中、晚三个阶段，根据病情的发展，配以不同的食物，以促进血肿吸收或骨痂生成。 　　 　　△早期（1-2周）：受伤部位瘀血肿胀，经络不通，气血阻滞，此期治疗以活血化瘀，行气消散为主。认为，"瘀不去则骨不能生"、"瘀去新骨生"。可见，消肿散瘀为骨折愈合之首要。饮食配合原则上以清淡为主，如蔬菜、蛋类、豆制品、水果、鱼汤、瘦肉等，忌食酸辣、燥热、油腻，尤不可过早施以肥腻滋补之品，如骨头汤、肥鸡、炖水鱼等，否则瘀血积滞，难以消散，必致拖延病程，使骨痂生长迟缓，影响日后关节功能的恢复。在此阶段，食疗可用三七10克，当归10克，肉鸽1只，共炖熟烂，汤肉并进，每日1次，连续7-10天。 　　 　　△中期（2-4周）：瘀肿大部分吸收，此期治疗以和营止痛、祛瘀生新、接骨续筋为主。饮食上由清淡转为适当的高营养补充，以满足骨痂生长的需要，可在初期的食谱上加以骨头汤、田七煲鸡、动物肝脏之类，以补给更多的维生素A、D，钙及蛋白质。食疗可用当归10克，骨碎补15克，续断10克，新鲜猪排或牛排骨250克，炖煮1小时以上，汤肉共进，连用2周。 　　 　　△后期（5周以上）：受伤5周以后，骨折部瘀肿基本吸收，已经开始有骨痂生长，此为骨折后期。治疗宜补，通过补益肝肾、气血，以促进更牢固的骨痂生成，以及舒筋活络，使骨折部的邻近关节能自由灵活运动，恢复往日的功能。饮食上可以解除禁忌，食谱可再配以老母鸡汤、猪骨汤、羊骨汤、鹿筋汤、炖水鱼等，能饮酒者可选用杜仲骨碎补酒、鸡血藤酒、虎骨木瓜酒等。食疗可用枸杞子10克，骨碎补15克，续断10克，苡米50克。将骨碎补与续断先煎去渣，再入余2味煮粥进食。每日1次，7天为1疗程。每1疗程间隔3-5天，可用3-4个疗程。                                                   望老人的身体早日康复!!!!  </t>
  </si>
  <si>
    <t xml:space="preserve">国际贸易专升本需要考哪几门课程啊越详细越好哈多谢 </t>
  </si>
  <si>
    <t>不同学校要求肯定不一样。最好咨询你想考的学校。</t>
  </si>
  <si>
    <t xml:space="preserve">我的QQ没有按装射像头，但是，上面却显示有啊，这是怎么回事啊？ </t>
  </si>
  <si>
    <t>下载有些的版本就会出现了,我下载2006珊瑚虫版本就见有个射像头出现了,不想要它出现的话就在个人设定的"身份验证和状态"那栏在"不要把我列在在线视频用户的列表中"前,打个钩,再按下"确定"就可以了</t>
  </si>
  <si>
    <t xml:space="preserve">显卡驱动问题！请大家看下！给个意见我的电脑显卡是NVIDAGeF </t>
  </si>
  <si>
    <t>到 去找吧，有最新版本的呢。</t>
  </si>
  <si>
    <t xml:space="preserve">问道男水骑什么坐骑好看把稀有坐骑刨除 </t>
  </si>
  <si>
    <t>以下仅为个人意见：===============男的，不管哪系的，骑鹿都不怎么好看。不过男水骑鹿还算顺眼点，因为男水看上去比较阴柔一点，没金那么盛气凌人，所以骑鹿还是好一点的。不过，金和水这2个系的男角色，个人认为是最适合骑熊的，水骑黑熊不错的，看着挺好。因为嘛，水除了有点阴柔 (我也不知道用这个词形容好不好，但是只有这个词了，不是贬义的哦。因为我第一次看见男水的时候还以为是女的呢） 之外,还有点不怒自威的感觉,不信你找个男水组队,慢慢看他的头像....所以,有条件的话,男水的坐骑首选是黑熊!如果买不起黑熊,那就买只云鹿,木系的那种,颜色跟男水衣服的颜色是同色系的,看着舒服.其他颜色的熊,鹿,还有其他的坐骑,个人都认为不怎么样.======================本来想给你找图片的,结果我那骑云鹿的水朋友没上,你哪天逛街的时候看见了主意一下就行.</t>
  </si>
  <si>
    <t xml:space="preserve">哪个牌子的金枪鱼罐头好吃啊！求推荐！ </t>
  </si>
  <si>
    <t>福建 渔老大  口味一流记得给好评哟，希望我的回答能帮到你，互粉呗亲，@火星酒窖，谢谢支持。更多精彩关注微信marscellar。</t>
  </si>
  <si>
    <t xml:space="preserve">飞剑上锁了还可以升级星吗听说今天更新后可以是不是真的 </t>
  </si>
  <si>
    <t>　功能：　　1、飞升系统与造化系统全面开放；　　2、已经加锁的飞剑和法宝可以进行升级和聚气的操作；　　3、红名玩家被其他玩家杀死后，身上及背包中的“锁定”及“绑定”的物品有可能变成破碎的物品，无法使用。使用“金汁玉液”可以将破损的物品修复。7天内不修复，该破碎的物品将消失；　　4、杀死玩家宠物等同于杀死宠物的主人，增加善恶值；　　5、所有安全区可以进行“行功”；　　6、开放了全新的飞升装备，飞升装备在精炼等级达到一定程度时会有强力的隐藏属性出现。玩家可以在河阳的五大门派使者和青云的太上道德天尊处兑换新的飞升装备。</t>
  </si>
  <si>
    <t xml:space="preserve">上证50ETF是什么？ </t>
  </si>
  <si>
    <t>上证50ETF是指数基金,主要标的是上证50指数,指数基金是牛市中的长线好品种,可以结合大盘进行大波段操作,另外场内交易非常方便,费用低,建议逢低关注.</t>
  </si>
  <si>
    <t xml:space="preserve">孩子抚养问题…跪求好心人建议，最好是律师我姐离婚因为孩子（九岁） </t>
  </si>
  <si>
    <t>去找找律师吧他会告诉你的我们有饿不好是说的啊</t>
  </si>
  <si>
    <t xml:space="preserve">我想开家酒楼不知道取什么名?各位大仙帮帮忙!!!有几个说几个要好 </t>
  </si>
  <si>
    <t>我们这里生意很旺的酒楼名字提供给你以供参考：1.天然居酒家2.荣誉大酒楼3.聚春园酒家4.食鼎记酒家5.食顶天饮食工坊6.牡丹大酒楼7.钦榕大酒家8.安泰楼酒家9.全嘉福酒家10.华美大酒楼</t>
  </si>
  <si>
    <t xml:space="preserve">我该怎么办??!!我是想结婚,但不知道和谁!一个是我的性伙伴一个 </t>
  </si>
  <si>
    <t>其实问题很简单，你不要想得这么复杂。你只要想一下，你跟他们在一起，当中谁给你开心最多、谁最关心你，你在跟他们交往的时候，是看上他们的哪一点？而你和谁在一起时，觉得舒服、放松、有安全感、等等了，我也说不全的，那么你爱谁多一点呢？爱对方什么呢？想清楚了就好办了。</t>
  </si>
  <si>
    <t xml:space="preserve">请大师们帮忙给个预算刚买了115平方毛坯新房，准备控制在3.5万 </t>
  </si>
  <si>
    <t xml:space="preserve">日理万机：你好！115平方毛坯新房，准备作简约装修，但你说的简单，我只能凭我的装修经验给你大概框算一下：1。室内门6扇*800元=4800元，3室两厅也应有3个窗口2个哑口{[5米*3]+[12米*2]}=39米*60元=2340元。合计7140元。2。墙面顶面260平米*20元=5200元[立帮M800]3。厅及过道及阳台地砖，厨房卫生间墙地砖110平米*28元[人工沙子水泥]=3080元。110平米*40元[平均算是中档]=4400元。合计7480元。[安平均价格]4.卧室木地板40平米*80元[中档]=3200元5。吊地柜3米[上下及人造石]*900元[中档]=2700元6.玄关，阳台，厨房，卫生间吊顶20平米*100元[中档]=2000元7。五金，窗台台面，玻璃，杂项1500元8。灯具，洁具2000元9.水电工料2000元光这几项已经3.3万了，还有些意想不到的开支，你得精打细算控制在3.5万还是会办得到的。   </t>
  </si>
  <si>
    <t xml:space="preserve">什么地方有股指期货1分钟历史数据要从2010年开始的1分钟历史数 </t>
  </si>
  <si>
    <t>是打算推历史盘用吧 ，软件里图形往前翻就是了，要文本就没办法了百度或谷歌搜“bpyh资讯”，有这种历史上各周期的全部历史数据</t>
  </si>
  <si>
    <t xml:space="preserve">这段时间各地限电，那些电都用在哪里了？ </t>
  </si>
  <si>
    <t>拉闸限电原因几年前国家还在鼓励用电，用电优惠“套餐”塞满了许多家庭和企业的门缝，如今又要响应地方政府号召“把空调调高一度”，电到底咋了？电力会不会成为经济发展的瓶颈？ 　　国力监管委员会新闻发言人谭荣尧的说法是，今年上半年全国电力供需“大体平衡”，但“总体偏紧”。 　　国家电网公司新闻处负责人今天向记者表示，电荒的主要原因是供需不平衡，高温缺雨、水电厂出力不足导致供电不足，而工业、生活用电需求过大，一批高耗能工业像钢铁、石化、建材、冶金等行业成为吃电“巨无霸”。他说，今年上半年，我国经济增长8.2%，而全社会用电量同比增长15.43%。 　　该公司新闻处的这位负责人认为，电力设备建设不足也是原因之一。在1998年和1999年，因为电力相对富裕，国家采取了不鼓励建电厂等限制发展措施。没想到，这几年经济发展太快，电力需求增长速度高于经济增长速度，电力供需从1996年以来的有效需求不足、供过于求的局面，进入目前电力大体供需平衡、局部供不应求的局面。 　　然而，电网工程建设需要长远、超前意识，当时电力规划宏观决策的失误，造成了今天电力企业不能承受之重。 　　中国电力企业联合会秘书长王永干直言，在“十五”规划的发展目标中，测定的电力发展速度偏低，按照平均装机容量的增长速度，年均只有3.6%，现在已不能适应经济发展的需要。前几年电力建设速度放缓，总量欠缺，是未来两年内缺电的主要因素。 　　国家电网公司新闻处负责人还表示，前几年，一些人对三峡建设争议很大，现在看来，三峡对我国的电网建设有长远意义。三峡自身发电量有限，但也是一个增量，更重要的是它作为电力枢纽，能对全国电力联网、电力资源优化发挥很大作用。 　　对于有人提出的“缺电的根本原因是垄断”的说法，这位负责人表示，想一朝一夕打破长期形成的垄断确实很难，中间涉及太多的利益体。另外，电力作为国家命脉产业，它的市场化程度也不能与一般商品相提并论。发电这一环可以放开，搞多种经济形式经营，但供电这一块儿涉及国家安全，不能放开，即使在发达国家也不例外。 　　专家分析，除季节性缺电外，电源结构的不合理也造成了供电“卡脖子”现象。火电是我国电源的最大一块。近两年，国家取消了发电用煤指导价，煤电价格之争不断升温。今年年初，煤炭电力两行业在发电用煤的价格问题上各不相让，致使本年度的大部分煤电合同没有签订，部分省市接连发生发电厂用煤告急的情况。一些电厂被迫停机，造成部分地区频繁拉闸限电。 　　水电今年也因高温缺雨发电不足，比如福建，今年降雨量普遍比常年锐减，六大水库来水比多年平均值少了近50%，水电发电量大幅降低，造成用电高峰时，电网不堪重负。 　　有人预计，电力不足的状况至少还将持续两三年，直到电力建设跟上用电增长的步伐。</t>
  </si>
  <si>
    <t xml:space="preserve">北京新发地长途车站有到邢台任县的车吗 </t>
  </si>
  <si>
    <t>从外地进京的长途汽车,停靠的长途汽车站不一样。 有的长途汽车进京,停靠新发地站,有的长途车停靠木樨园站。 保定方向的,停木樨园的比较多。 河南的一些</t>
  </si>
  <si>
    <t xml:space="preserve">少白头怎么办，有什么办法能治好 </t>
  </si>
  <si>
    <t>白发指头发全部或部分变白，可分为先天性和后天性两种。先天性白发往往有家族史，以局限性白发较常见，多见于前头发际部；先天性全头白发少见，常发生于白发病人。后天性白发有老年性白发和少年白发两种。老年性白发多属生理现象。老年白发虽属衰老现象但个人不同，有的老人满头银发而精神矍铄，一般状态很好。有的年迈体弱而白发很少。少年白发发生于儿童及青少年，常有家族史，除白发增多外，不影响身体健康。青春时期骤然发生的白发，有的与营养障碍有关。精神因素可影响头发变白，有报道由于就极度焦虑而发生白发者。白发可以是某些疾病的一个症状，如早老症，白癜风等。本病目前尚无有效疗法，应帮助患者正确对待疾病，避免精神紧张和抑郁。染发剂是白发者常用的化妆品，但可引起染发皮炎应慎重使用。少年白发何其多 近些年来，年轻人白发增多的现象不在少数。有人发现，现代生活中的青年人普遍比他们的上辈人早生华发。不少青年刚过而立之年头上已见丝丝白发，甚至20来岁头上就已黑白分明。无疑少年白发给经以未老先衰之感，亦会使人产生自卑感和烦恼。年轻人何以早生白发？专家们指出：现代人工作和生活节奏加快，精神压力增大，由此所引起的机体内分泌紊乱，以及营养素摄入均衡，某些疾病隐患等，是导致“少白头”增多的主要原因。国内有人调查发现在平均年龄为32岁的49名科技企业员工中，早生白发者竟有37名，占员工的75.5%。白发除与遗传、种族有关外，尚见于某些自身免疫性疾病，诸如恶性贫血、甲状腺炎症、心血管疾患，以及体内微量缺乏等等。从事脑力劳动的青年知识分子，往往工作很忙，无暇顾及体育锻炼，经常“开夜车”，加之饮食过于精细，营养素的摄入不平衡，因而易于过早出现“少白头”。白发的发生与头发中的黑色素减少密切相关。我们知道，人的头发是由毛根、毛干、毛乳头等组成的，露在外的一段叫毛干，埋在头皮内的部分叫毛根，毛根顶部的部分膨大如球，其顶部的凹陷部分叫毛乳头。毛乳头能制造很多黑色素，正是由于这些黑色素的作用，使人的头发呈现黑色。如果毛乳头在形成黑色素的过程中，某一生理环节发生了障碍，就会影响黑色素的生成。黑色头发的色素中含有铜、钴、铁等微量元素，青少年体内如果缺乏这些物质，头发就可能变白。一些生理病理原因，可干扰或破坏毛乳头制造黑色素的功能，乃产生白发。而劣性心理因素可的反馈性地干扰或影响内分泌功能，内分泌水平的失衡又会殃及毛乳头生成黑色素的能力，对“少白头”的发生发展起着推波助澜的作用。年轻人对早生的白发喜欢用化学染发剂、洗发水把头发染黑。要知道，经常用化学染料染发，会带来一定的毒副作用，有碍健康。正确的防治方法是：1、在现代社会环境中，青年人应该学会心理保健和调节方法，既要会工作会学习，也要会调节会娱乐，劳逸结合，力求保持心情舒畅，避免精神危机，心理上的相对平衡对于防止早生白发至关重要。2、坚持体育锻炼，增强体质。3、讲究饮食质量，多吃一些富含优质蛋白、微量元素和维生素的食物，可选择鲜鱼、牛奶、动物肝肾、黑芝麻、食用蕈类、海藻类、新鲜蔬菜和水果等。4、在医生指导下酌情使用维生素、叶酸，中药何首乌、枸杞子、桑椹子等药物，有助于防止或延缓白发的生成和发展。健与美为什么会少年白头所谓“少年白头”是指青少年时头发过早变白，头发呈花白状。 青少年白发的原因现在还不十分清楚，目前认为与遗传、精神因素、内分泌失调和营养缺乏等因素有关。不少白发病人家族中数代人均有头发早白的病史，说明其白发可能与遗传因素有关。头发的颜色是由头发内髓质中所含的黑色素颗粒的多少决定的，而色素颗粒来源于毛发乳头部位的色素细胞，色素细胞生长色素的多少和神经、内分泌、血液循环和营养有密切的关系。 俗语说“笑一笑十年少，愁一愁白了头”，历史上伍子胥过昭关一夜间须发皆白的典故都说明精神因素也是造成白发的重要原因，现代医学研究证实忧愁、紧张、焦虑等往往是白发的重要诱因。营养的缺乏也可以造成头发早白。经实验研究证实：长期缺乏维生素，如：B1、B2、B6和A 等可使毛发色素颗粒减少，某些微量元素的失调，如铜少、镍多也可使毛发变白；头皮局部血液循环障碍，使毛乳头营养供给减少，影响色素细胞生成色素颗粒也会使毛发变白。一些慢性疾病，如结核、恶性肿瘤、胃肠病等长期消耗，造成体质衰弱，营养不良，使头发得不到足够的营养，头发就容易变白。内分泌失调，如胸腺水平下降，性腺功能减退等也是使头发早白的因素之一。近年来研究还发现，动脉硬化、冠状动脉供血不足以及糖尿病患者容易造成头发过早变白。中医认为：血热、肾气虚弱、气血衰弱是造成白发的原因。少年白发的原因是多方面的，其发生的迟早、多少和进展的快慢因人而异；并受环境、营养条件的影响和遗传的控制。一般来说，父母头发白得早，子女往往也早生白发。少年白发的形成与营养不良密切相关，特别是维生素B、叶酸及泛酸缺乏，头发最易变白、猪肝、牛肝、肉类、蛋类、蔬菜、米糠等都含有丰富的B族维生素，多吃这些食物，对头发色素的生长有好处。其次，精神因素也会在短期内使人白发增加，过度的精神紧张、焦虑、严重的精神创伤以及头痛等都可使机体神经功能失常，毛发营养障碍而产生白发。某些慢性病如结核、恶性肿瘤、胃肠病等，由于体质衰弱，营养不良，可使头发早白。另外，内分泌功能失调如胸腺水平下降、性腺功能减退，也可引起白发。少年白发可否变为黑发呢？实践证明，自发并非不可逆转，只要毛乳头里的毛母细胞正常存在，去除某些障碍或致病因素，头发仍然可以变黑。因此，不必为了自己有些白发而过分烦恼，否则可能造成恶性循环、只会产生更多的白发。少年白发者，不要整日忧心忡忡，应保持精神愉快，注意劳逸结合，调整饮食结构，多吃上述富含维生素B族的食物及含铜、锌、铁等微量元素的食物（如黑芝麻、核桃等）。适当进行头部按摩，增加头皮血液循环，也有利于促进黑色素颗粒的合成，从而使头发转黑。采用中医补血、补肾的方法进行治疗，也有一定作用</t>
  </si>
  <si>
    <t xml:space="preserve">法身和金身怎么制作问下7级法身和金身做下来都要什么详细点别整那图 </t>
  </si>
  <si>
    <t>　金身附加了攻击、暴击伤害等属性，而法身则附加了气血真气、暴击率等属性，诸位玩家可以根据自己不同的职业特点和需求而选择适合自己的金身或者法身。　　但是金身和法身的制作流程是一样的。基于昨天熬夜3个小时做出一个7级法身的经验，下面我为大家介绍一下金身、法身的详细制造流程。　　NPC：青云轩辕祖师（需飞剑飞上去）旁边的清风（负责金身）、明月（负责法身）　　如果你想修炼金身就找清风，想修炼法身就找明月　　一、准备工作：　　1、生产等级至少1级（生产等级的初始任务在河阳的生产导师处接，需要赤铜5个，在河阳仓库旁的黑市商人处可以买到）　　2、轩辕通宝（金身和法身的制造都需要配方，而配方在NPC清风明月那里需要轩辕通宝换购，2级到10级配方是2个通宝换一个，百以上的配方需要10个通宝才能换到一个）　　3、金叶子大量（可在河阳黑市商人处买到，1J一个，多少视你要做到几级而定，论坛里有很多换算的帖子我就不赘述了）　　4、道心、佛缘或魔性点儿大量（这三种都可以换到相应的初级金身或法身，效果等同，哪种都行）　二、制造工作：　　1、将所买到的法身或金身配方全部学会　　2、尽量清空包裹　　3、开始用仙缘点儿和金叶子换出初级法身，大量换（比例为一法身=30仙缘点儿+3片金叶子）　　4、点开生产项目，选择制造2级法身（1个2级法身需要3个初级法身。1个3级法身需要3个2级法身，以此类推，都是3倍，生产的是偶推荐“全部生产”，一次性完成不用点那么多下）　　5、按照生产顺序，生产出足够多的2级法身，然后继续合成3级。用3级合成4级，用4级合成5级……　　6、生产方法因人而异。有人喜欢一次性把一个等级的法身做完然后再做下一级（如一次性做完所有2级法身再合成3级）有人喜欢一个高级的一个高级的做（如想做7级的，就先做出一个6级的，另外两个6级的都还从2级合成开始一个个做）如果包裹地方不够大的推荐后种做法。</t>
  </si>
  <si>
    <t xml:space="preserve">青岛治疗尖锐湿疣的医院哪个专业 </t>
  </si>
  <si>
    <t>通常挑选权威的尖锐湿疣医院，是能否有效医治尖锐湿疣的关键，所以在挑选尖锐湿疣医治最好的尖锐湿疣医院时，要着重考虑这一点。尖锐湿疣治疗尖锐湿疣医院、疗法虽说有很多，但真正能彻底治好尖锐湿疣的尖锐湿疣医院却寥寥无几，因为所有患者治疗尖锐湿疣的目的都是彻底治愈，所以应该尽量选择一家正规的拥有科学方法的好尖锐湿疣医院。权威诊疗机构的诊断检查条件较好，不但可以检查出尖锐湿疣，也可以检查出症状不明显的支原体、衣原体等感染，减小漏诊误诊的情况发生，全面诊疗，保障健康。</t>
  </si>
  <si>
    <t xml:space="preserve">你好！嘴唇干燥干裂脱皮怎样治疗？ </t>
  </si>
  <si>
    <t>嘴唇没有皮脂腺，所以无法形成有保护功能的皮脂膜，加上嘴唇的角质层极薄，难以保留水分，所以冬季易出现干燥、脱皮及皲裂。专家介绍，嘴唇干燥的原因是缺少维生素、缺少水分，应多吃水果、青菜，多喝水，及时做保养。 1.不要总舔嘴唇，否则越舔越干；正确的做法是及时用护唇产品滋润。 2.别用手撕脱皮，这样有可能将唇部撕伤；可先用热毛巾敷3-5分钟，然后用柔软的刷子刷掉唇上的死皮，再涂护唇霜；唇部总发干最好不要涂口红。 3.选择唇膏尽量少用持久型，因为持久型唇膏质地较干涩，会使唇部更干，宜选择唇蜜；或在上唇膏之前，先使用护唇膏。 4.用专业护唇霜去除唇部角质；由嘴唇中间向两边按摩，防止死皮堆积，每月做1次。 5.出门前、涂口红前和睡觉前，使用含有维生素C、维生素D和维生素E油等，具有良好保湿修复功能的润唇膏；再用柔和的面巾纸轻压唇部，达到双倍功效。 6.唇部干燥或已有起皮的人，忌食辛辣食物。</t>
  </si>
  <si>
    <t xml:space="preserve">忘记博客登入名！我忘记了 </t>
  </si>
  <si>
    <t>您好：请在您的博客登陆名处输入您的会员编号：1369463303 及您的密码即可登陆您的博客，点击【空间】进入后，点击帐号管理即可看到您的登录名 。相关信息：博客登录名忘了怎么办 ?第一步、请输入地址  第二步、在新浪通行证页面左上角的登录名输入您的会员编号1369463303 ，再输入密码。然后点击右边的登录；第三步、左上角的新浪通行证就能看到您所有的个人信息，包括登录名、会员编码、昵称、 手机号码基本信息、U币余额、新浪积分、免费邮箱、UC号码等等。祝您顺利找回登陆名！</t>
  </si>
  <si>
    <t xml:space="preserve">5173现在提现,4个银行都怎么收费 </t>
  </si>
  <si>
    <t xml:space="preserve">尊敬的客户：    您好！5173客户服务很高兴为您服务！目前各银行的提现手续费如下:招行提现手续费按金额的1%收取，最低2元，最高50元；农行提现手续费按金额的0.4%收取，最低1元，最高20元；建行提现手续费按金额的0.25%收取，最低2元，最高25元；工行提现手续费按金额0.9%收取，每笔业务最低0.9元，最高45元。注:以上手续费都是银行方面收取的,5173不获取任何收益。  </t>
  </si>
  <si>
    <t xml:space="preserve">不大好意思的问题想麻烦大家一下，我朋友想我买一个T字裤，大家觉得 </t>
  </si>
  <si>
    <t>我穿过~但不常穿要买就买好的比如曼尼芬的他们设计的都是按照女性身体老外最喜欢这种其实习惯就好了它把女性臀部的美全体现出来了我的劝告是 如果不习惯就千万别勉强</t>
  </si>
  <si>
    <t xml:space="preserve">在念阿弥陀佛名号时~自己念阿弥陀佛比较快时,老是听到自己念的佛号 </t>
  </si>
  <si>
    <t>阿弥陀佛！的确佛号要想念好非常不容易，这要有正确的修学方法。念佛时，一定要万缘放下，心里只有佛号，心只专注于佛号。您所说的这种情况，说明您心里很着急，这是妄念，为什么要这么急呢？跟谁比赛吗？念佛不能图快，不能光图数量，不求质量！哪怕念得慢一点，念得清清楚楚，了了分明，念一句是一句，念一句就要收到一句的效果，这样都比匆匆忙忙地念千句万句有真实的功效。古大德教导我们，“口念弥陀心散乱，念破喉咙也枉然”。念佛千万不能急！另外，平时的助修也非常重要，当中一定要看破放下，放下自己的烦恼习气，改过自新，这样自己心里逐渐才会变清净，烦恼轻，智慧长，念佛才会有进步，否则念佛是不会得力的。希望我们共勉。补充：我们学佛学什么？就是学“看破、放下”，世间的一切都是假的，《金刚经》上佛告诉我们，“凡所有相，皆是虚妄”，“金钱”、“利益”是什么，假的，生带不来一分钱，死更不能带一分一厘走，何必执着，何必为此烦恼？！“财色名食睡”，地狱五条根，是“五盖”，盖覆了我们的自性。这些都是假的，人的贪爱不出这五种东西。贪这些东西，就必定要造业，造业就必定要堕落。心里有这些东西，念佛不能相应啊！什么叫念佛？口里念佛号，心里一定要思佛想佛，常常想我们自己到底像不像佛，哪里不像佛，一定要依照佛的标准来改过自新，这才叫学佛念佛，这样念佛才能相应，否则念再多的佛号，那仅仅是口善而已，于死生大事，于往生大事毫不相干啊！希望您能明白这个道理！我们为什么念佛？还不是为了求脱离生死，带业往生净土，然后乘愿再来度众生吗？我们的一切都在西方极乐世界，这个世界的一切还有什么不能舍弃放下的呢？工作中利益的问题，不要去计较，总是先人后己就好，要能忍让，佛语说，命里有时终须有，命里无时莫强求，一饮一啄，莫非前定，有什么好烦恼的呢？是您的，别人怎么抢也抢不走，今天不给，明天会给，这里不给，别处会给。您烦恼，您计较，财富也不会多一分，相反，您不烦恼，不计较，财富也不会少一分，哪怕把它全部舍弃，布施掉，您的福报不仅没有减少，而且会增加，将来得到的会比您舍出去的更多，这是最好的“投资”！这个道理没有几个人明白？！我们学佛应当明白这个道理，财富从哪里来，从“布施”来！人们供奉的“财神”，范蠡的故事不知您是否知道，他做生意，赚了钱，就把这些钱全部布施掉，然后又白手起家，没多久，做生意又赚了大钱，然后又把钱散掉，又重新开始，没多久，又发了财，如此“三聚三散”。这种不执著于钱财的精神是我们应当学习的。至于周围的那些人，他们有贪嗔痴，我们自己绝对不能有，决不能把别人的缺点，别人的恶言恶行恶事，放在我们自己心里，如果天天想别人的贪嗔痴，不等于我们自己也造了贪嗔痴的罪业吗？他们贪嗔痴，将来堕三途，堕地狱，与我们不相干，我们不仅不能起烦恼，反而要发大慈悲心，怜悯他们，宽容他们，因为他们没有接受圣贤教育，我们应当发心，利用一切机缘劝导他们，如果不听，自己绝对不烦恼，决不放在心上，等将来有机缘，甚至来生来世，我们成就后一定来度他们。六祖慧能教导我们，“若真修道人，不见世间过”，“不见”不是“不看”，而是“不放在心上”！学佛不是用来“逃避”的，是从根本上来纠正我们错误的想法、说法、做法、看法的，现在有很多人是用来消遣的，当成兴趣来看待，当成知识来学，这都是错误的。佛法是用来帮助我们解决生死问题的，帮助众生往生西方极乐世界的，如果不为这两件大事，那学佛就学偏了，是舍了西瓜，拣了芝麻！念佛念四字、六字，都可，念“十念法”亦可，关键在于您这样念，心是否能漫漫静下来、定下来，如果可以，那这对您来说就是最好的方法。念佛没有定法，只要能念到一心不乱，最低限度念到功夫成片，这个方法对自己就是最好的方法！以上意见供您参考，希望我们共勉。感恩！南无阿弥陀佛</t>
  </si>
  <si>
    <t xml:space="preserve">南疆小白的那个回到十年前的任务是多少级接的啊？ </t>
  </si>
  <si>
    <t>严格说是110才能接不过那时候去仙境的任务有点难记得准备好化身</t>
  </si>
  <si>
    <t xml:space="preserve">6岁的小孩,初学小提琴的学费大概是多少,普通的行情是多少,一般几? </t>
  </si>
  <si>
    <t>要看你什么要求了如果是普通艺校上课 一般来说50块钱一节课这个一般是在 双休日一天的上午或者下午 2-3小时如果是老师单人的辅导当然要看老师的水平而定我学的是 萨克斯 以前 老师是一个剧团的首席大概在 150-180左右/节课时间这个不是固定 一般来说在一个半小时左右 也视老师的心情和你孩子自己的勤奋练习定 一般表现的好老师会比较愿意多教1下</t>
  </si>
  <si>
    <t xml:space="preserve">Mp4播放器为什么不能播mp4格式文件我的mp4播放器ARCHO </t>
  </si>
  <si>
    <t>是的,需要进行转换.只认后缀为.AVI的影片.</t>
  </si>
  <si>
    <t xml:space="preserve">为什么总是这样呢？个别女孩，怎么总是这样烦人啊？ </t>
  </si>
  <si>
    <t>每个人都有自己的性格 我们平时都会感觉某个人特烦  可是静心一想也 没有什么  我们不能对人家作什么  人家也不可能因为你烦就改变自己（即使那是你女朋友）  我们要作 的 就是：尊重每个人自己的性格   放宽自己的胸怀  不要让自己的情感 情绪影响自己的行为 以免后悔！！</t>
  </si>
  <si>
    <t xml:space="preserve">怎么才能让衣服的内衬不露出来经常都是,穿外套时,内衬就会从袖口露 </t>
  </si>
  <si>
    <t>因为有的衣服的内衬不是和外表长短一致的，只是在里面熨住了，时间久了就会露出来，不光是袖子。可以在里面把内衬和外表拉平，让后钉住，一劳永逸。</t>
  </si>
  <si>
    <t xml:space="preserve">运一批水泥的数学应用题?建筑工地计划运进一批水泥.第一次运来总数 </t>
  </si>
  <si>
    <t>设计划运进水泥X吨第一次运25%X,第二次运180吨，还剩(X-25%-180)吨没运运来的与没有运来的吨数比是4:3,则(25%+180):(X-25%-180)=4:3解得 X=560工地上计划运进的这批水泥有560吨</t>
  </si>
  <si>
    <t xml:space="preserve">电视节目中的主题曲我在读小学时曾看过不少电视节目,其中我感觉一些 </t>
  </si>
  <si>
    <t>哇，你的问题好多啊，我就我知道的回答吧。是曾经中央电视台20世纪90年代以来最具知名度的综艺品牌节目《综艺大观》的主题曲，邹友开词，刘青曲，演唱：毛阿敏。《综艺大观》是中央电视台唯一在第一套节目（CCTV-1）周六黄金时间现场直播的、综合了各个艺术门类的娱乐性电视文娱栏目。其前身是《文艺天地》 ，在1990年初开播，当时是央视唯一的综艺性栏目，在海外及世界华人地区有着广泛的影响。1999年度，综艺大观根据观众的需求，进行栏目改版——《表情》替换了《综艺大观》 ，2004年10月8日终于功成身退后面的问题太多，也太杂，不好意思了。</t>
  </si>
  <si>
    <t xml:space="preserve">联通用户怎么退订啊?我是联通的用户但是又不能用"点点通"想退"移 </t>
  </si>
  <si>
    <t xml:space="preserve">取消 相约UC 服务  第一步：发送ucqx到9400 第二步：收到9400的返回短信：您已经成功的取消了 相约UC 服务   取消全部 无线UC 服务     若要退订全部包月服务，发送0000到9400，收到回复短信“您已取消了由朗玛公司提供的所有无线包月业务服务...” 即完成所有服务的退订。 </t>
  </si>
  <si>
    <t xml:space="preserve">我的阴茎上长了一个类似痘痘的小颗粒，在阴茎的上端，就是靠近身体的? </t>
  </si>
  <si>
    <t>你可能多时没有洗澡了吧? 要注意个人卫生,你那东西可能有毛囊发炎所致,多洗洗阴部外用红霉素软膏即可.</t>
  </si>
  <si>
    <t xml:space="preserve">淘宝里用支付宝转账回扣费么？？ </t>
  </si>
  <si>
    <t>支付宝转支付宝不收费</t>
  </si>
  <si>
    <t xml:space="preserve">TCL空调暖风不热TCL空调暖风不太热，家里另外一个牌子的温度就 </t>
  </si>
  <si>
    <t>1：你可用手直接试一下出风口，是不是感觉热风强劲，如是请确定空调导风片的位置设置（调节导风片位置，因为由于热空气向上；冷空气向下），在自动状态下，制热时导风片向下，制冷时向上。2：请专业人士，测定制冷剂压力，是否在允许范围之内，并检查是否铜管接口处有泄漏。因为由于安装等原因，会导致制冷剂的泄漏，请不要迷信去年刚加过制冷剂，3：如上述情况排除后还是如此。则说明：由于各品牌之间的技术差距，制热效果会有所差距。而空调制热效果，比制冷效果更能反映出产品技术、性能。</t>
  </si>
  <si>
    <t xml:space="preserve">强化和火咒的爆点问题我想知道一下强化和火咒的爆点，在什么怪身上爆 </t>
  </si>
  <si>
    <t>各区价格不一我们区40-80元宝；波动大爆物大全一。矿坑。 僵尸： 暴26级以下的书（包括26级），也暴祈祷头盔。以及20级左右的=。 尸王： 暴除35级以下的书（不包括35级）。也暴25级左右首饰、武器=。 二。将军坟东。 88区的可以去5层杀黄金魔斗士，暴很多药。而且极品类怪物（将军坟南、北）暴22级衣服，以及25级左右首饰、武器。 三。将军坟南、北。 尸卫类： 暴银蛇、方天、狼牙=武器以及25级以下的首饰。 尸霸： 暴25级左右首饰以及红宝石、生命项链、天竺项链、记忆套、麻痹戒指、44级首饰（罕见）。也暴包括魔杖、离别、炼狱=级别武器。 四。机关洞。 石人、铜人、青铜兽、滚刀手： 暴25级以下的首饰、22级以下的武器、22级衣服。 铜锤手：暴银蛇、离别、魔杖、方天、炼狱、铜锤=级别武器，以及生命项链、天竺等级的首饰（较少）。 金刚人： 暴红宝石戒指、白金戒指、生命、天竺、记忆项链、祈祷套、魔杖、离别、铜锤=。裁决、无机、谷雨也出（稀少）。 机关巨兽： 暴无机、裁决、谷雨（较少）。一般常出的有生命项链级别的首饰、魔杖级别武器。也出44级首饰（罕见）。 五。蛇洞。 圣甲虫： 狼牙棒级别以下的武器，22级左右的首饰。 魔甲虫： 麻痹戒指（直接暴出，不用挖），25级左右的首饰、也暴魔杖级别武器（少）。 黑蛇妖、红蛇妖、三头蛇： 离别、魔杖、铜锤（少）。裁决、无机、谷雨（极罕见）。30级左右的首饰。 白蛇妖： 裁决、无机、谷雨（较少）。一般常出魔杖、离别级别武器，生命项链级别的首饰。还暴26级以上-35级的书。 三头蛇王： 裁决、无机、谷雨（常出）。生命项链类首饰，魔杖级别武器。对于88区来说可以找人包场打。连打10只应该有收获的。 六。逆魔。 逆魔卫士、逆魔雕像、逆魔侍卫、逆魔弓箭手： 不是极品的这几种怪物一般就暴25级左右首饰，离别级别的武器。在4层的极品卫士可以暴出逆魔级别首饰（力量、泰坦、碧落、铃铛、灵魂=）。而且出28级-35级的书。也出菜刀、谷雨、无机、裁决。（暴率一般）。暴的未鉴定一般是鹿皮，最好是31级的。 6层-逆魔大殿的这些怪物就出逆魔首饰、无机、谷雨、裁决、30级-35级书。 逆魔： 出特殊戒指、逍遥扇、怒斩、龙牙、逆魔级别首饰。无机、谷雨、裁决。 未鉴定是在31级和31级以下。 七。禁地。 除去小怪物不说。 血魔、血妖、铁翼魔、刺魔、妖力士： 暴生命类首饰、魔杖级别武器。这里的怪物一般是暴药居多。未鉴定出的一般是介于28-38级之间。有几率出圣战类别的靴子、腰带。 幽灵虫母： 暴血饮、龙纹（很少）。无机、谷雨、裁决（少）。生命类首饰、魔杖级别武器。 闪电魔（闪灵）： 暴法神套装（包括腰带、靴子）。祝福油。以及生命类首饰、魔杖类武器。暴法神的几率挺高的。 利爪魔： 暴圣战套装（包括靴子、腰带）。祝福。暴率很高。 禁地魔王： 44级首饰套装（链暴的最多，头次之，戒指和手少）。天尊套（经常）。魔血套、嗜血套、幻影头盔。一般是2个祝福。 八。通天。 火烈鸟： 暴25级左右的首饰、魔杖级别武器。也暴火焰戒指。 兽骑兵、兽骑统领： 龙纹、血饮、谷雨、无机、裁决。（少）。也暴逆魔级别的首饰。暴率较低。统领有几率暴记忆戒指。未鉴定一般处于28-38级的。有几率出圣战级别的靴子和腰带。 招魂使、烈焰使： 龙纹、血饮、无机、谷雨、裁决、技能项链、探测项链。逆魔级别首饰。未鉴定同上。 极品烈焰： 神恩、通灵、魂珠、龙纹、裁决、血饮、谷雨、无机。40级衣服。技能、探测（暴的还可以）。魔杖级别武器、生命级首饰一般95%就出。 通天教主： 暴极品烈焰暴的所有东西。还出四大神器、四大凶器、未鉴定（圣战、法神、天尊）。 九。魔城。 地火弓箭、投矛： 暴无机类武器（很少）。30级左右的首饰、武器。 地火兽骑将： 暴菜刀、无机、裁决、血饮=武器。逆魔级别的首饰。还有34级-39级的新技能书。3种魔城项链。 炎魔： 极品类炎魔暴差不多所有的物品，包括特殊戒指=。40级衣服。尤其是传送门刚下那里经验3000的炎魔。不管是武器，书。首饰。等是暴的。暴的几率也不小。常出的就是思诺项链、红宝石级别首饰。魔杖级武器。 幽影武士： 紫电、大骷髅、蝙蝠、金刚=书籍。霹雳、道玄、雷裂级武器。还有3种魔城项链。 魔眼： 各种魔城书籍。霹雳、雷裂、道玄。 铁血魔王： 44级首饰套装。圣战、法神、天尊套。魔城书籍。霹雳、雷裂、道玄。6种魔城项链。未鉴定。魔宫的未鉴定暴出就是圣战级别。 十。修罗神殿。 苍茫大厅那3条路的怪物属于假怪。经验比神殿的少。基本上不出东西。 我去清完几次，只打到2把谷雨。可能那里暴谷雨级别武器。书没打出来过。也没听说有打到的。 魔神修罗等小怪： 由于打天空基本上不专门清小怪，至今未听说过小怪暴书和暴衣服。但是按照经验来看应该能暴出不下于逆魔级的首饰和不下于谷雨级的武器来的。 黑袍修罗： 我是没打出过什么。听小道消息是说打极品的给书。没见过。只有说的，没有打到的。 修罗神： 44级衣服，43级新书。禁地套装。逆魔类首饰。裁决类武器。 一般出生命类首饰和魔杖级别武器。魔镜7层：暴蓝魔之泪的地下小鬼是4小时一刷，只有1个。有几率跟着暴出40级新衣服。金鹏。逆魔一般是暴靴子，最多一次暴过4双，还带着3种宝石。逆魔4小时一只，这东西不暴就不暴，暴就暴好的。值得一打。。 　　魔镜8层：利爪，闪电都是4小时一只，可以当作它们不存在，我混魔镜半年了没见出过东西，就是油，我现在都不打那个，浪费蓝。禁地魔王4小时一只，还是值得一打的，除了暴天尊件外，还有很大几率出血饮。。 　　魔镜9层：小火值得一打，尤其是那个不会动的，暴神恩什么的，不清楚多长时间一只，大约是8小时一只。普通小火里也有个大暴的。期于的也可以打，暴40级衣服和技能练、探测的几率还是挺高的。通天教主4小时一刷，暴40级衣服、裁决、谷雨、无机等等，有几率暴靴子，通天教主暴的靴子一定要拿，最差是38级靴子，有很大几率是圣战、法神、天尊靴子。。 　　魔镜10层：魔眼比较难找，有时间的道士还是值得一打的。好象是一共5只，20分钟一只。幽影武士半小时一只，共2只，是一定要打的，它的暴率超级高，我朋友有打一只暴了雷裂+霹雳的记录。炼狱魔君3小时一只，这个铁血老头是所有地图里暴率最低的，基本上是3，4天出一样新装备，一般就是腰带，不过有几率出神武等系列腰带。。 　　桃园：桃园名为桃园，确实是个好地方。此地怪物暴率大概是传世所有地图里暴率最高的地方。禁地魔王2小时一只，暴天尊件、金鹏、冥日。逆魔2小时一只，暴靴子和它该暴的那些东西。我朋友在这里打到过怒斩、防御戒指、神力戒指、扇子，暴率很高。尸霸2小时一只，暴靴子，有几率暴44级装备，我朋友打出过神武戒指1个。三头蛇王1小时一只，共2只，暴率高出外边很多，我在那里打出过裁决、谷雨无数，我朋友打出过天玄手。另外桃园的妖力士，尸卫战将也会给你带来惊喜（38级靴子）。。 　　炼狱魔城：此地暴书。魔斗士出赏金牌子。神衣使者说是暴新衣服，暴率超级底，而且那刷新时间我。。。。。。 　　逆魔大殿：此地逆魔是4小时一刷，有几率暴出38级靴子，它最好就是暴这个级数靴子了，当然，它的专利还是很吸引人的（怒斩等....）。。 　　通天9：由于路途遥远，这里基本上没什么人了，有时候上去看看，教主在那里站着等你呢，不要小看他，他和魔镜9的暴的一样，靴子最好也是出到圣战级别的，再就是他的专利也不输给逆魔（4大神器，4大凶器，赤明天帝...）。。 　　禁地魔穴：这是个好地方。魔王好打，而且出的东西不错，这里的魔王是6小时一刷，经常暴天尊件、血饮、幻魔件、天玄件、神武件、幻影头（这个我不知道是不是BUG，暴的几率还挺大的），不过新装备出头和链几率大，手镯少，戒指更少。。 　　魔宫：魔眼，有几率暴雷裂、霹雳、道玄、各种书。打打打。。就看你能不能坚持了，坚持就是胜利。铁血魔王6小时一只，暴率是全地图出新装备最高的了，而且一出可能就是2，3件。知道时间了就一定去凑一把。。 　　底下魔狱8层：小驴可以一打，一晚上的话应该有点收获。铁血魔王6小时1个，暴率介于炼狱魔君和魔宫的魔王之间。路途远，不过有付出就会有收获。。。 　　苍茫大厅、虚无之地、封印魔地：这3个地图的怪全是假怪，就像是将军坟东，经验也只有800-1000之间。暴书不大可能。不过暴无机、谷雨等东西。。 　　修罗神殿：打极品怪物可以暴书，一般是道士遁地、战士擒龙手、法师魔魂术居多。打BOSS暴另外3本几率较大。新衣服也只有BOSS出。。 活动地图：尸霸是1小时一刷，没见过暴什么好东西。逆魔2小时一刷，一般是暴油，有几率暴扇子、怒斩、龙牙。几率算是挺高的，跟桃园有的比。通天教主2小时一刷，暴率相对于外边较小。但是暴就连续暴，我有一晚上打到了狂魔手、龙纹、技能链。禁地魔王2小时一刷，暴禁地散件，暴率也算可以，也是有时候连续7，8次不出。有时候一次暴3，4样。。。还有个好东西是 黄金魔斗士 ，这里的魔斗士100%暴赏金令牌，而且这里出的赏金令牌100%是换到元宝的。好东西吧。哈哈。。。。 暗影雷电地图：不管刷什么大BOSS，这里的暴率都不错，不过这里是安全区，谁站上是谁的。</t>
  </si>
  <si>
    <t xml:space="preserve">新浪新星际家园麻烦你们快点解决问提啊已经有很多从浩方过来的游戏用 </t>
  </si>
  <si>
    <t xml:space="preserve">您好，请您提供相应截图，发送到help@ </t>
  </si>
  <si>
    <t xml:space="preserve">帮我取个英文名我姓韦!叫韦泳旭!高手请帮我取一个!谢谢啦!要好听 </t>
  </si>
  <si>
    <t xml:space="preserve">van(荷兰)"贵族後裔" wesley 韦斯利 (老式英语)来自西方草原 </t>
  </si>
  <si>
    <t xml:space="preserve">你就像夜空的烟火什么什么的是什么歌 </t>
  </si>
  <si>
    <t>男生唱的吗？我听过陈翔的《烟火》有一句歌词“你就像烟火的美丽，那么美丽。轻划过无人的天际。。。。。”</t>
  </si>
  <si>
    <t xml:space="preserve">电脑看电影时,画面总是一顿一顿的,声音是正常的.这是什么原因?电 </t>
  </si>
  <si>
    <t>很有可能是你电脑的问题，如果配置太低放高清就可能会这样，如果用现在那些硬件解码的电脑就不会这样了</t>
  </si>
  <si>
    <t xml:space="preserve">步步高vivos11t安装包内的文件如何删除 </t>
  </si>
  <si>
    <t>首先你得取得root权限，然后安装一个系统软件卸载工具就能够删除系统自带的软件了</t>
  </si>
  <si>
    <t xml:space="preserve">这是什么武器呀？ </t>
  </si>
  <si>
    <t>不是武器是照相机。。。枪式照相机提问图里 ① 是hythe枪式相机提问图里 ② 是marey枪式相机下面一组图里也都是各国枪式相机。。。</t>
  </si>
  <si>
    <t xml:space="preserve">我看到公司有一辆小车在检查底盘时，修理工说这个三元催化器坏了，我? </t>
  </si>
  <si>
    <t>外观不可以看出好坏，而是检测尾气来判断好坏。</t>
  </si>
  <si>
    <t xml:space="preserve">“如此得脆弱”，“如此的脆弱”还是“如此地脆弱”？ </t>
  </si>
  <si>
    <t>看红楼，含笑的悲剧    我总认为红楼梦的伟大之处在于它体现了一种败落的趋势，不管是家族的，爱情的，仕途的，都是走向没落，这在喜聚不喜散，爱好大团圆结尾的中国古典中并不多见。     我不得不感谢续者高鄂，尽管他在很多方面跟不上曹雪芹的思想，但他至少让黛玉死了，管她登仙还是辞世，至少她别了宝玉，很好很好。     不是说我天生残忍喜欢看别人的悲剧，但是，不是有句话说吗？塞翁失马，焉之非福？对于黛玉这样一个脆弱的封建少女来说，死，是她的解脱，是她所有悲剧的终结，是她的幸福。当她在地下安静的沉眠时，看着宝玉仍在凡世寻找出路，不得不说，她还是幸福的。     或许两个人都是浪漫的人，浪漫的人天生就不该相遇，因为生活不是浪漫，生活会将浪漫消磨得一干二净，最终，红玫瑰变成了墙上的蚊子血，白玫瑰成了胸口粘着的白米饭。所以，就让浪漫在最美的时候画上句号，在彼此的心中，留下幸福的回忆。     可是也许你会说，黛玉死的很悲惨，一点也不浪漫，关于这点，我是不赞成高鄂的续书的，也许曹雪芹的本意非此，也许黛玉确实应该泪尽证前缘，这样不是更好吗？她牵挂着宝玉，用她全部的热情为这一知己痛哭，怀着深深的思念，这样的死，何尝不是高贵神圣的，然而高鄂没有这样写，他最终让黛玉很庸俗的指天愤恨，气极而亡。这不象我们认识的那个高傲自赏的黛玉，反而象个情场失意的一般女子。     尽管如此，她最终是在贾府垮倒前离开这是非之地的，否则以她的脆弱，恐怕受不了那么大的刺激。宝玉是个纨绔子弟，他不是一个顶天立地的男子汉，他能给予黛玉的很少，谈不上保护与安慰，他自己尚且是需要别人保护的弱者，所以在他身边，黛玉是得不到幸福的。     所以能带着回忆离开他，是一种幸福。宝玉自己能给予黛玉的只是几句好话，他连痴情都谈不上，看看宝钗的下场，不得不说黛玉是幸福的，当然有人说宝钗需要的只是宝二奶奶的宝座，她并不在乎宝玉，是这样吗？难道有一个天生喜欢孤独的女子吗，不管怎么说，寂寞的独守空房总是悲惨的。何况所谓宝二奶奶的宝座她是不是坐上了还是个问题。     贾府不倒台，至少宝钗还有容身之地，至少没了丈夫还有富贵，但是不是这样呢？最终贾府沦落到了白茫茫大地真干净的地步，那宝二奶奶的头衔之于宝钗还有何等意义呢？没有幸福的生活，没有丈夫的关爱，寂寞的独自生，独自死，难道不是更大的悲剧吗？     我一直疑心宝玉并不是因为黛玉而离开贾府的，否则他不会娶宝钗。他最终的出世是因为他的世界发生了惊天动地的变化，他的象牙塔坍塌了，他终于明白他的斗争，他的思想全部是依附着家庭，他的家倒了，他的一切也完了，什么思想啊，斗争啊，统统没了，他不得不离家出走，也许是为了避祸。     可以试想一下，你能想象黛玉洗手下厨做羹汤的场景吗？穿着破衣烂裙，甚至是要依靠袭人的救济，她当然无法再刻薄人，说闲话，只能独自垂泪，不关爱情，而是生活。当生活给宝黛的爱情画上巨大的问号时，黛玉能一如既往的爱着宝玉吗？我想不会，恐怕是要大水狂淹龙王庙的。宝玉最终受不了家庭的压力，还是一走了之，这是很有可能的，他没有照顾好宝钗，负担不起生活，同样对于黛玉，他也如此。     另一种可能，万一贾府能重整旗鼓，兰桂齐芳，黛玉和宝玉依旧过着他们幸福的日子，多少年以后，宝玉也许会突然发现黛玉皱纹满面，会发现身边的袭人竟如同当年的赵姨娘，爱情就在岁月中流逝，宝玉会回忆那个珠圆玉润的宝姐姐。     爱情就是很短暂的，至少这横刀截断的爱情给了我们很多美好的幻想和期待，就象杰克之于罗丝，他是她生命中最美的回忆，却不是唯一。当然，看http://encity.buhen.com 想法：我总认为红楼梦的伟大之处在于它体现了一种败落的趋势，不管是家族的，爱情的，仕途的，都是走向没落，这在喜聚不喜散，爱好大团圆结尾的中国古典小说中并不多见。 我不得不感谢续者高鄂，尽管他在很多方面跟不上曹雪芹的思想，但他至少让黛玉死了，管她登仙还是辞世，至少她别了宝玉，很好很好。 不是说我天生残忍喜欢看别人的悲剧，但是，不是有句话说吗？塞翁失马，焉之非福？对于黛玉这样一个脆弱的封建少女来说，死，是她的解脱，是她所有悲剧的终结，是她的幸福。当她在地下安静的沉眠时，看着宝玉仍在凡世寻找出路，不得不说，她还是幸福的。 或许两个人都是浪漫的人，浪漫的人天生就不该相遇，因为生活不是浪漫，生活会将浪漫消磨得一干二净，最终，红玫瑰变成了墙上的蚊子血，白玫瑰成了胸口粘着的白米饭。所以，就让浪漫在最美的时候画上句号，</t>
  </si>
  <si>
    <t xml:space="preserve">我是高三文科生，成绩不好，基础也差，我想买点资料做做题，但不知道? </t>
  </si>
  <si>
    <t>建议买三年高考五年模拟，里面的知识讲解的还是比较透的，祝你成功</t>
  </si>
  <si>
    <t xml:space="preserve">祈祷头盔在哪打现在挂机的没有了，所以祈祷头盔在落霞岛也就没什么卖 </t>
  </si>
  <si>
    <t>尸王殿的小怪爆，我在那里打三个祈祷头都是在尸王殿大方框到通道的这一边打的</t>
  </si>
  <si>
    <t xml:space="preserve">如何在移民加拿大前在加拿大找到一个相对稳定的工作？本人公共管理硕 </t>
  </si>
  <si>
    <t>途径很多，找中介，找加拿大当地的朋友或有钱都可做到。当然在你决定移民前你就应该考虑到移民本身就具风险，不可能一去就很安定，还需要一个过程，刚去时你只能打一些零工，不太可能一去就有你说的稳定工作，因为你没有本地学历而且在国外，把把头都是硕士，博士，你还是做好思想准备，先找个零工可能现实一些，对孩子影响不会太大。</t>
  </si>
  <si>
    <t xml:space="preserve">如何把分区的角色换到同一个区呢?我有两个角色都在华东电信2(和平 </t>
  </si>
  <si>
    <t>系统里有更换分流</t>
  </si>
  <si>
    <t xml:space="preserve">企业即时通讯中有免费视频会议的没？ </t>
  </si>
  <si>
    <t xml:space="preserve">  目前市面上全免费的视频会议基本没有，只是收费高低不等而已，我们公司用的是imo这款企业即时通讯软件，它是一款终身免费使用的企业即时通讯软件，功能有很多，还能支持企业8000多人在线使用。</t>
  </si>
  <si>
    <t xml:space="preserve">卡塔尼还能进吗/高手说说 </t>
  </si>
  <si>
    <t>估计比较难，很可能是1</t>
  </si>
  <si>
    <t xml:space="preserve">单侧隐睾癌变概率是多少是否一定手术?左侧腹股沟可摸到谢谢 </t>
  </si>
  <si>
    <t>隐睾癌变的几率约为8%。这是由于睾丸需要的正常温度比体温略低，睾丸在胎儿期下降到阴囊内，有利于散热。隐睾时睾丸留在腹股沟内，不易散热，时间久了会发生癌变。一旦发生睾丸癌，一定要手术切除，这是最有效和可靠的办法。</t>
  </si>
  <si>
    <t xml:space="preserve">报志愿的时候，是不是第一志愿不录取的话，那么第二志愿报名的学校在? </t>
  </si>
  <si>
    <t>那不一定.也要看你的成绩.比如说你考了600第一志愿报通信工程没被录取.第二志愿报自动化如果有专业级差比如说5分那这时候你就是以595分与第二志愿的同学去竞争.在报不满的情况下,比如说差5个名额你是所有落到第二志愿考生中的前5名.你就会被录取.否则不被录取</t>
  </si>
  <si>
    <t xml:space="preserve">集成灶十大品牌什么好？集成灶品牌好多啊，集成灶十大品牌哪个好呢？ </t>
  </si>
  <si>
    <t>你试试诺 孚 厨 堡</t>
  </si>
  <si>
    <t xml:space="preserve">上门牙中间有缝代表什么矫正后是不是就不准了 </t>
  </si>
  <si>
    <t>门牙中间有缝，在人相学代表漏财。门牙中间有缝，属先天。经过后天矫正或修补财就不会漏了吗？不见得。你矫正或修补门牙，不是马上花了一笔钱吗？其实漏不漏财，是定义的问题，也是心态的问题。花了不该花的钱，钱该留而没留，就是漏财。所以为了防止漏财，当要掏口袋时，先深呼吸一下，再想一想、考虑一下，确定要花这笔钱吗？只要是应该花的钱，口袋扁了，就不会后悔了。例如：矫正或修补门牙，是为了美观。觉得钱花的很值得，就不算漏财了。希望以上对你有帮助。</t>
  </si>
  <si>
    <t xml:space="preserve">喜欢一个18岁的女孩自己喜欢上了一个18岁的女孩子，经历了很多事 </t>
  </si>
  <si>
    <t>你好！你是个笨蛋。她对你说的是反语吧。她把身体都给你了，当然是喜欢你的了。嫁给你是将来的事。女孩子是喜欢说假话的了。她是小孩子，不懂事，你多体贴一点她吧。不要和她赌气吵架，这样会让事情越来越坏！她要是喜欢她的工作，就随她吧。管不住的，除非她爱你，足够的爱了，而放弃一些什么。小孩不懂事，和人开玩笑，伤了你，你去跟她讲吧，相信她要是喜欢你的话，会考虑你的感觉的。总之，她爱玩，爱吃很正常的。现在女孩谁不是这样子呀。她累，也是独女多娇，体贴一点吧。难道你放弃呀。除非你不要她了，要不然就相信她吧。管她了叫不相信，管少了叫不要她了，管好了叫男人婆，你就认了吧。</t>
  </si>
  <si>
    <t xml:space="preserve">在足球场上如何使自己尽量的少受伤 </t>
  </si>
  <si>
    <t>1。做好热身；2。别和菜鸟一起踢球（极度危险）；3。精神要集中；4。不要过于勇猛，为什么维耶里和罗尼爱受伤？太猛，后卫只好放倒他们，呵呵。但是正式比赛还是要尽力地。这样受伤只能怪自己运气不好了。</t>
  </si>
  <si>
    <t xml:space="preserve">天气干燥，鼻子有血丝，吃点什么好一些能降火呢？ </t>
  </si>
  <si>
    <t>青菜、萝卜、梨</t>
  </si>
  <si>
    <t xml:space="preserve">瓷砖失去光泽怎么办我家的瓷砖用了好几年拉，光泽都被磨掉了，每次拖 </t>
  </si>
  <si>
    <t xml:space="preserve">瓷砖表面的釉质被破坏了,没有办法彻底修复可采用遮盖的办法或不经常见水可打蜡上光,彻底处理需要更换瓷砖 </t>
  </si>
  <si>
    <t xml:space="preserve">把土加偏旁组成新字（要三个）急谢谢 </t>
  </si>
  <si>
    <t>把土加偏旁组成新字（要三个）社 杜 肚</t>
  </si>
  <si>
    <t xml:space="preserve">请问房贷已还清，夫妻离婚，根据法院判决书，房产权判给女方所有，女? </t>
  </si>
  <si>
    <t>持有房产证书和身份证就可以到房地局补办。同时银行方面需要出具贷款偿清证明</t>
  </si>
  <si>
    <t xml:space="preserve">请教下大家汽车轮胎钢丝绳防滑链需要多少钱贵吗我因为要去出差听说钢 </t>
  </si>
  <si>
    <t xml:space="preserve">楼上胡说！上海就有SCC代理商 价格还不到一千 </t>
  </si>
  <si>
    <t xml:space="preserve">关于研究‘追星’的问题我们学校研究‘追星’的课题，请各位大哥帮帮 </t>
  </si>
  <si>
    <t xml:space="preserve">    我想，追星者戒，何不把追星的精力放在打造“星”上边，想法如何让自己成星。他是人，我也是人，何必追他。    他有一技之长，你也有一技之长，为何不把自己的发挥好呢。追啊追啊，到头来累得气喘嘘嘘，精疲力尽，一无所获。。。。    </t>
  </si>
  <si>
    <t xml:space="preserve">高一数学题求助,大家快来,明早要交~已知向量a=(2cos0.5 </t>
  </si>
  <si>
    <t>解：f(x)=a*b=2cos0.5x×√2*sin(x/2+π/4)+tan(x/2+π/4)×tan(x/2-π/4)=2cos0.5x×√2×[sin0.5xcos(π/4)+cos0.5xsin(π/4)+tan(π/2+x/2-π/4)×tan(x/2-π/4)=2cos0.5x×(sin0.5x+cos0.5x)-cot(x/2-π/4)×tan(x/2-π/4)=sinx+2(cos0.5x)＾-1=sinx+cosx=√2[sinxcos(π/4)+cosxsin(π/4)]=√2sin(x+π/4)[f(x)]max=√2最小正周期   2πx∈[0,π/4]   f(x)单调递增 x∈(π/4,π]   f(x)单调递减.</t>
  </si>
  <si>
    <t xml:space="preserve">如何看待"英语无用论"?大学英语四级,六级真的有用吗? </t>
  </si>
  <si>
    <t>有用的，找工作时必不可少的，对你的英语能力是一种证明，另外很多学校也要求英语四级,六级达标才能拿到学位证书的。</t>
  </si>
  <si>
    <t xml:space="preserve">请问,12月6日在交行的网上操作,交银货币可以转换交银成长吗?费? </t>
  </si>
  <si>
    <t>没有看到基金公司关于开通交银成长与交银系其它基金间的转换业务,估计需要经过一段时间后,才会开通.请注意基金公司的相关公告.</t>
  </si>
  <si>
    <t xml:space="preserve">高二数学题设x,y属于R,2x^2+3y^2=6x,求x^2+y </t>
  </si>
  <si>
    <t>解：2x^2+3y^2=6x---&gt;y^2=2x-2x^2/3,y^2&gt;=0---&gt;0=&lt;x&lt;3.---&gt;x^2+y^2+2x=x^2+(2x-2x^2/3)+2x=x^2/3+4x=1/3*(x^2+12x)=1/3*(x+6)^2-12.0=&lt;x=&lt;3---&gt;6=&lt;x+6=&lt;18---&gt;36=&lt;(x+6)^2=&lt;108---&gt;12=&lt;1/3*(x+6)^2=&lt;36---&gt;0=&lt;1/3*(x+6)^2-12=&lt;24---&gt;0=&lt;x^2+y^2+2x=&lt;24.所以x^2+y^2+2x的最小值是0，最大值是24。</t>
  </si>
  <si>
    <t xml:space="preserve">考上研究生后成绩可以维持多久？因某些方面原因，考上后又不能马上去 </t>
  </si>
  <si>
    <t>我是北理的，我们学校的政策是经同意可以保留录取资格一年到三年。有的时候由于过线的太多，会导师主动让你保留一年资格呢你去申请就好。</t>
  </si>
  <si>
    <t xml:space="preserve">关于微行情什么是微行情？好用么？ </t>
  </si>
  <si>
    <t>微行情，是指在微信上就可查询股票行情的东东</t>
  </si>
  <si>
    <t xml:space="preserve">有答就进为何电脑象个弱智每次玩时电脑只是开始是非常狂后期几乎不发 </t>
  </si>
  <si>
    <t>要调电脑智商为什么不和人玩要和电脑玩呢和电脑玩2年不如和人玩3个月   提高水平更快（建议去VS平台）不去浩方电脑本来就是弱智   他们是打不出战术的</t>
  </si>
  <si>
    <t xml:space="preserve">我的mp3坏了我的mp3内的东西都找不到了但那些东西还占内存我该 </t>
  </si>
  <si>
    <t>首先使用这些工具查杀： 如果依然找不到可以咨询你的供应商</t>
  </si>
  <si>
    <t xml:space="preserve">今天大盘走势怎么看怎么不象要加息的样子今日大盘缩量上行,完全出乎 </t>
  </si>
  <si>
    <t>该消息引发大盘跳水，加息压力加大。另外本币随美圆升值而三天回落，应引起大家注意！</t>
  </si>
  <si>
    <t xml:space="preserve">浪漫满屋中两首歌的中文翻译我想问一下有没有人知道浪漫满屋中&amp;lt </t>
  </si>
  <si>
    <t xml:space="preserve">《你现在》 初次和你相遇 (LEE BO RAM) 现在，你进入我的心里，诉说着。 我祈望这不是梦境。 我的心底在说，千万不能错过你。 可我也许像个贪得无厌的傻瓜吧。 那么偶然间出现在我身边的你的爱 为何竟然让我感到如此习惯。 然而这一切都不过是一场交易， 谁料到竟然会真的陷入爱恋。 再过不久就要把你送走， 可是，我真的没自信能够做到。 我去寻找过去的自己， 现在，就要恢复到过去的自己，这是理所当然的事情， 可为何心却在不停地作痛。 你要寻找你所希望的爱情， 现在，就应该离去， 我应该微笑着送走即将得到幸福的你， 可你为何却看着我的眼睛，对我诉说着爱恋。 虽然是已经逝去的爱， 却在这一瞬间，觉得那么幸福。 仿佛是在做梦一样， 终于明白了， 我们是从一开始就爱上了对方。 我去寻找过去的自己， 现在，就要恢复到过去的自己，这是理所当然的事情， 可为何心却在不停地作痛。 你要寻找你所希望的爱情， 现在，就应该离去， 我应该微笑着送走即将得到幸福的你。 真的不可以爱上我么？ 你，真的不可以么？ 就算现在，我是这样地爱你。。。《I Think I》歌词： 我相信那是不可能的 绝对不可能的～um- 说我爱上了他 这简直是无稽之谈～um- 我想这只是出于妒忌 要么就是看我孤单 我常常想些很多理由去骗自己 但如今再也不能继续骗下去啦 I Think I Love You～ 也许是那样吧 Couse I Miss You～ 如果没有了你 我没心思做任何事情 我一直只想着你 看到这些其实我的心里也很明白 I’m Falling For You～ 我虽然不晓得Now I Need You～ 但你已经在我的心灵深处了 我们看起来不相配 做朋友最适合～um- 从一到十我们没有相似点 怎么可以跟你交往 这简直不像话 虽然我是那么说了 如今我不想那样 I Think I Love You～ 应该是那样吧 Couse I Miss You～ 如果没有了你 我没心思做任何事情 我一直只想着你 看到这些其实我的心里也很明白 I’m Falling For You～ 我虽然不晓得Now I Need You～ 但你已经在我的心灵深处了 但我一直没有察觉到那就是你Woo～ 为什么没有看到 应该就在眼前～Hoo Ye～ 这些日子以来你一直就在我的身边 但为什么我才看到这段感情～Hoo I Think I Love You～ 应该是那样吧 Couse I Miss You～ 如果没有了你 我没心思做任何事情 我一直只想着你 看到这些其实我的心里也很明白 I’m Falling For You～ 我虽然不晓得Now I Need You～ 《i think i》的拼音发音： ku rol li ob da gu a nil go la gu mi do jo~ um- ne ga ku de sa rang han dan yi mal do an due jo~ um- ku-en nan jil tu yil go la gu ne ga we lo wun ga bo da gy za sin nul so gio boa ji man yi je do nen nan kam chul su ga om nen gol lio- I think I love you~ ku long ga boa yo- Cause I miss you~ ku de man ob su mion nan a mu go do mo ta gu za gu sen ga na gu yi long gol bo mion a mu le do- I m falling for you~ nan mol la ji man- Now I need you~ o nu sen ga ne mam gi pun go se a ju ku ge za li za bun ku de ei mo su bul yi jen bo a yo~ wu lin a no wul lin da gu chin gu ku ge da zo ta gu~um- ha na bu to yol ge do de che mu-o han ge la do man nen ge om nen de o do ke sa gul su yi nia go mal do an duenen ye gi la gu mal la mio dul lo de ji man yi je do nen nan ku lo gi ga sil lun gol lio- I think I love you~ ku long ga boa yo- Cause I miss you~ ku de man ob su mion nan a mu go do mo ta gu za gu sen ga na gu yi long gol bo mion a mu le do- I m falling for you~ nan mol la ji man- Now I need you~ o nu sen ga ne mam gi pun go se a ju ku ge za li za bun ku de ei mo su bul yi jen bo a yo~ wue mol la jio ku de la nen gol Woo~ wue mo boa jio ba lo a pin de~Hoo~ye- ku dong an yi lo ke ba lo ne gio te yi so nen de wue yi je so ya sa lang yi bo yi nen gong ji~~Hoo- I think I love you~ ku long ga boa yo- Cause I miss you~ ku de man ob su mion nan a mu go do mo ta gu za gu sen ga na gu yi long gol bo mion a mu le do- I m falling for you~ nan mol la ji man- Now I need you~ o nu sen ga ne mam gi pun go se a ju ku ge za li za bun ku de ei mo su bul yi jen bo a yo~ </t>
  </si>
  <si>
    <t xml:space="preserve">请大家帮我看看我的贼号可以卖多少钱2件S4，2件S3，守备官齐， </t>
  </si>
  <si>
    <t>额，是贼吧？说了那么多没说职业。。。你军装就是混分装，不值钱基本号没有任何亮点，只觉得无头的马可以考虑下参考价。空号150装备值50  无头值50总共250块钱，运气好300贼比较难出手，LR是最卖不掉的，接下来是FS和DZ</t>
  </si>
  <si>
    <t xml:space="preserve">全敏PK带什么BB?要2个TJBB吗?是否需要一个罩子BB和一个 </t>
  </si>
  <si>
    <t>你要是  跟  蜗牛PK  就算是  乌龟也比他快   我是说  等级差不多的    建议  全T加点的  BB    就算卖人   也很好卖</t>
  </si>
  <si>
    <t xml:space="preserve">发现高血压有5个月了，高压100.怎么办？？发现高血压有5个月了? </t>
  </si>
  <si>
    <t>您好，只要舒张压大于90就是高血压了，您现在舒张压已经到了100了，应该接受正规的降压治疗了。首先我建议您：第一从今天开始注意低盐饮食，尽量吃清淡一点，少吃盐，或者咸的食物。第二，戒酒，戒烟，按时休息，不要熬夜。第三，适当参与户外运动。按照以上的方式生活1个月，再测血压，如果血压还是不正常，那么您就需要去当地医院心内科找专科医生给您制定一个降压方案了</t>
  </si>
  <si>
    <t xml:space="preserve">你觉得当前被滥用的一些词． </t>
  </si>
  <si>
    <t>“人性”、“人性化”、“前卫”、“极左”。滥用这些词，弄得是非难辩、好坏不分。我相信，用这词者自己不明白这词是什么意思。</t>
  </si>
  <si>
    <t xml:space="preserve">C本到底需不需要年审从论坛中得到一个消息，说有些C本自动升级到B </t>
  </si>
  <si>
    <t>　　我是去年Ｃ本到六年期，换证时让我选择Ｃ１，Ｂ１两种，我选的Ｂ１本，不是自动升的；我们这里Ｃ１本虽说不一年一审，但一年一次交通安全学习答题（仍类似一年一审）．　　各地对Ｃ１本的管理办法不一，你还是问清你当地的办法，避免出现漏掉交通安全学习被处理的现象．</t>
  </si>
  <si>
    <t xml:space="preserve">矮人能不能用能量吸取？同题 </t>
  </si>
  <si>
    <t>不行的老兄~~~咳</t>
  </si>
  <si>
    <t>41期这样下单如何.01阿斯科(0)06</t>
  </si>
  <si>
    <t>01 阿斯科(0) 06-01 21:00 特里埃(0) 310 02 阿维利(0) 06-01 21:00 布雷西(0) 03 博洛尼(0) 06-01 21:00 比　萨(0) 3 04 弗洛西(0) 06-01 21:00 阿尔比(0)  05 皮亚(0) 06-01 21:00 曼托瓦(0)  06 里米尼(0) 06-01 21:00 梅西纳(0) 307 斯佩齐(0) 06-01 21:00 格罗瑟(0) 310 08 特雷维(0) 06-01 21:00 摩德纳(0) 31 09 阿尔巴(0) 06-01 23:00 伊　巴(0) 10 萨雷斯(0) 06-01 23:00 艾积多(0) 30 11 马拉加(0) 06-01 23:00 卡迪斯(0) 31 12 努曼西(0) 06-01 23:00 卡斯迪(0) 310 13 塞维B (0) 06-01 18:00 赫库斯(0) 14 切　沃(0) 06-01 21:00 巴　里(0) 31计划2倍单,大家指正一下. 各买一倍如何？</t>
  </si>
  <si>
    <t xml:space="preserve">去意大利留学，在国内要多带些什么？ </t>
  </si>
  <si>
    <t>我什么也没带...建议中文书多带点也多看点, 不然我敢保证3年内中文忘光!</t>
  </si>
  <si>
    <t xml:space="preserve">一天三顿饭正常吃，吃的也不少，休息也比较正常，但是现在却一天一天? </t>
  </si>
  <si>
    <t>你好，我是广州空军后勤医院胃肠诊疗中心医生：根据你情况，你应该是胃肠有问题，而且时间也拖得比较长了，胃胀，反酸，应该是胃炎的症状，大便不成形，估计是消化道有问题，建议您来我院做下检查，确诊后，以便制定治疗方案！医院地址:广州市越秀区小北路243号（天秀大厦旁）</t>
  </si>
  <si>
    <t xml:space="preserve">谁能告诉我迟到的沙漠商旅那个任务的具体流程我接完以后就不知道哪找 </t>
  </si>
  <si>
    <t>沙岚成出去后的帕克荒漠的800 3166 有个沙泉补给站 里面就有你要找得人</t>
  </si>
  <si>
    <t xml:space="preserve">我老公以前有小三阳,前段时间验血已经没事了,可是他现在还有在吃护? </t>
  </si>
  <si>
    <t>这样是可以怀孕的,但你应去医院检查一下,如未感染,应在孕前注射乙肝疫苗</t>
  </si>
  <si>
    <t xml:space="preserve">冬天装修应注意哪些问题？在冬季装修中，会遇到一些例如天气寒冷、光 </t>
  </si>
  <si>
    <t xml:space="preserve">冬季装修应注意的细节 在不少人的眼中，冬季一直是片装修“禁区”，似乎寒冷、干燥等“装修杀手”一定会给自己的房子带来墙壁开裂、地板变形等伤害。然而，冬季装修真的那么一无是处吗？如果选择了冬季装修，就真的没有办法避免各种质量问题吗？下面蓝钻石装饰设计师将就冬季装修存在的常见问题进行讲解，希望增强大家对于冬季装修知识的了解。 1、冬季里，新建成的房屋地面、墙面会比较阴冷、潮湿，如果直接装修容易出现哪些问题？ 答:如果在墙体、地面还比较潮湿的情况下装修，很容易出现瓷砖不牢固等现象，还会对实木地板等惧潮的材料产生不利影响。因此，新房中最好先让采暖设备运行一段时间，帮助墙体和地面迅速干燥。 2、冬季装修前，室内应该达到怎样一个温度才能确保装修质量？ 答:冬季装修时，室内外的温差不能太大。室内温度不能低于5摄氏度，最好保持在10摄氏度之上。不要因为还没有入住就不开采暖设备，否则会影响装修质量。 　3、冬季装修中，各种工艺对温度和湿度的要求不同，如何提前规划好施工流程？ 答:首先要做防水工程，之后进行铺贴瓷砖的工程，然后是木工、刷腻子等工程，最后再进行刷墙漆、油漆工程比较合理。 4、进行冬季装修设计时，如何避免到了夏季就不喜欢冬季做出的设计？ 答:设计师会建议顾客以软装饰来适应季节的改变。比如，窗帘、沙发套等布艺品要准备两套以上，夏天使用冷色调的，冬天使用暖色调的。像墙面这种无法根据季节来变换颜色的地方，即使消费者对一种色调情有独钟，也建议使用一些中性色调来作为调节，比如咖啡色、象牙白等色。另外，墙面的颜色还要根据户型的具体情况来确定。如果房间朝南，就可以选择冷色调来做墙面颜色。如果房间朝北，则适合选择暖色调作为调剂。 5、冬季装修前，如何对运到施工现场的木材进行保护和存放？ 答:运到现场的木材最好先在有暖气设备的房间放三到五天再施工，避免以后出现木材变形的情况。在存放木材时，不要将其堆放在距离采暖设备很近的位置，至少应距离热源80厘米。如果是地采暖房间，木材底部应加垫方木，对于价值较高的木材，应进行封油处理，否则木材表面会因水分流失而出现裂痕。 6、装饰面板在房间存放时，需要做哪些工作来防干裂、防变形？ 答:装饰面板不要放在通风口或是暖气旁，以避免干燥速度过快。另外，工人应尽快完成封油工作，防止水分挥发造成开裂。在存放装饰面板时，应先在地上垫一张平直的厚板，将装饰面板码放在上面，然后在最顶层压一张厚板。如果顶层的板比较轻，还要压一些重物。这样存放能保持装饰面板不变形。 7、墙砖、地砖的存放需要注意哪些问题？ 答:无论是墙砖还是地砖，在从室外搬进室内之后都应该至少在室内放置24小时之后再施工。这样能够让砖的温度与室内温度保持一致，避免施工后出现空鼓、脱落等现象。 8、水性涂料、胶类应该如何存放？ 答:水性涂料、胶类应该存放在温度较高的房间，不要将其放在阳台，或是朝北的房间，以防止被冻坏。 9、油漆与易挥发化学物品在存放时要注意哪些要点？ 答:油漆和易挥发化学物品一定要单独存放，并且远离热源。存放这些材料房间的室内空气湿度不能太大，所以房间要不间断地保持通风。因为对于油漆，尤其是聚酯漆和硝基漆来说，如果室内湿度比较大，油漆在涂刷之后容易返白。 10、涂墙前需要经过哪些工序处理才能进行？是否需要进行开窗通风？ 答:第一步是检查墙面误差的大小，对于误差超过5mm以上的部位应用粉刷石膏进行局部找平，第二步是待石膏干透后，用墙衬(腻子)在墙面上批刮二至三遍。第三步是待墙衬(腻子)完全干透后用砂纸打磨平整。第四步是待其它基础工作完工后涂刷乳胶漆。 涂刷乳胶漆时必须等基层墙衬(腻子)完全干透后才能涂刷，否则局部未干透涂刷乳胶漆，乳胶漆干燥后会出现局部阴圈的现象。在墙衬批刮后进行适量的通风，白天通风，晚上关窗。 11、冬季装修涂刷墙面，需要使用什么质量的涂料才能保持涂墙效果？ 答:现在市场乳胶漆品牌较多，其干燥速度基本相同，考虑冬季施工后有害物质的挥发速度慢的问题，在选择乳胶漆时应选择有害物质挥发相对较小的乳胶漆，主要是TVOC的挥发量，消费者购买时，应该及时检查该产品的近期检测报告。 　 12、冬季装修刷腻子时有哪些注意事项？ 答:冬季施工时，腻子的干燥时间相对春秋季稍长，应尽量提前批刮腻子，增加腻子批刮后的干燥时间，待腻子干透后再进行打磨。腻子批刮的温度要求在5℃以上。 13、涂墙后业主应该如何保养墙面？如何防止墙面开裂？ 答:乳胶漆涂刷后未干透前避免通风太大，形成强有力的对流风，产生乳胶漆表面开裂现象。乳胶漆的涂刷温度要求在8℃以上。 14、处理地面前，业主需要做好哪些准备？ 答:处理地面前，业主应提前告知装饰公司地砖的规格，如果居室内瓷砖、木地板同时存在应告诉施工工长地板的厚度，以确定找平的施工厚度，防止造成各居室地面不一样平。 15、冬季装修瓷砖铺装前需要进行哪些处理？ 答:瓷砖放到现场后需要放置24小时后再使用，使其适应现场环境。室内供暖时，湿度较低，如果瓷砖不进行浸泡，铺贴后水泥砂浆内水分会迅速吸收到瓷砖内，可能会引起空鼓现象。瓷砖使用前必须进行浸泡。 　 16、安装瓷砖如何才能避免空鼓、开裂现象？ 答:墙面瓷砖铺贴时最好在铺贴前将墙洒些清水，防止铺贴后水泥砂浆内水分迅速吸收到瓷砖内引起空鼓现象。地面瓷砖铺贴前应将地面洒些清水和界面剂后再进行铺贴，增加砂浆与原基层的附着力。 17、冬季装修工程质量验收时有哪些问题需要特别注意？ 答:考虑到冬季干燥低温的气候特点，工程质量验收时应特别注意:1.墙地砖等板块铺贴项目是否有空鼓现象，墙地砖的空鼓率要控制在5％以内；2.墙面、顶面涂饰项目是否有基层开裂、空鼓，乳胶漆的漆膜是否成膜、是否掉粉；3.吊顶、隔墙石膏板板缝处是否出现开裂；4.不同材质交接处是否出现开裂现象。 18、装修完毕后进行空气质量检测是否必要？ 答:相比来说在冬季进行空气质量检测是最有必要的，因为冬季温度比较低，装修材料中的有害物质挥发慢、室内存留时间长。等天气转暖、有害物质大量挥发出来之后，室内空气污染就会超标，容易影响人的健康。 需要特别提醒的是，在检测前家具一定不要进入现场，以有利于责任区分。 19、怎样选择室内装修环境检测机构？ 答:为保证环境检测结果的可靠性，应首先查看检测单位是否已按照国家规定的监测标准通过计量认证，也就是看检测单位出具的检测报告上是否盖有红色的CMA标志。另外还要看是否是国家有关部门批准的检测单位，是否有自己独立的实验室等，还可参照国家标准看看检测单位是否按国家规定的检测方法、仪器进行检测。 20、冬季装修室内通风有什么要注意的问题？ 答:因为冬季室外温度低、室内供暖的特点，墙面、瓷砖等遇到冷空气会收缩，同时也为避免沙尘大量进入室内，不宜强烈通风。但在气温较高的午后适当开窗通风仍然可行，每天4、5小时即可；南侧开窗大、北侧开窗小的通风方法比较适宜。 21、针对冬季气候特点除通风外如何更好地进行室内空气净化？ 答:可以使用净化设备来净化空气，如过滤器、负离子发生器、光催化净化器等。此外使用活性炭、放置一些能吸收有害物质的绿色植物，对于净化空气也有帮助。 22、室内外温差大对已完工的冬季装修工程是否有影响？ 答:室内外温差大对于装修公司的保修服务是一个考验，主要的问题就是开裂问题。还要注意玻璃窗上的冷凝水不要对周围物品、装饰项目造成侵蚀。 　 23、工程完工后，能采取哪些措施防止墙面、饰面以及石膏板开裂？ 答:要避免出现温度、湿度变化过于激烈的情况。为保证湿度应当适当加湿，使用加湿器或是在散热器附近放置一些清水加速自然蒸发。对于完工以后的墙面开裂可通过贴绷带的方式找补。 24、因实木地板相对较易变形，冬季装修之后实木地板应该如何保养？ 答:因冬天气候干燥加上室内供暖，实木地板容易发生变形，最常见的是出现缩缝。使用中要注意房间加湿，空气湿度在55％－65％间对实木地板比较适宜。 25、冬季装修能否选择实木门？ 答:纯实木门比较容易出现变形开裂，实木复合材质的门是最值得推荐的。在选择上首先要选择成品门，手工制作的木门几乎不可避免都会出现开裂；还要注意选择品牌，成熟品牌技术稳定性好；另外最好选择板式门而不是拼缝产品，因为后者拼接处出现裂线的几率非常大。日常使用中同样应做好室内保湿，50％－65％的空气湿度对木门保养最适宜。 26、自装修工程完工后至入住前有那些问题需要注意？ 答:选购的家具搬进新家的过程中，如果出现墙角、墙面磕碰，一般的装修公司都会负责找补，属于售后服务范围。还要注意温度和通风问题，避免室内温度大起大落。 27、针对冬季气候特点，装修完毕后多长时间入住比较合宜？ 答:因为冬天墙面腻子、墙漆干燥较慢，房子装修完毕后应放置的时间稍长一点再入住。如果装修材料质量过硬，放置20天至一个月即可入住。但也要注意，如果装修材料质量可靠很快人就闻不到异味了，但有害气体可能依然存在，因此不能以气味判断有害气体释放程度。 </t>
  </si>
  <si>
    <t xml:space="preserve">请问减速玻璃的"减速"原理是什么?据说上海磁悬浮列车上使用的窗户 </t>
  </si>
  <si>
    <t>(摘自华夏网)先声明在玻璃行业里面，没有专业的“减速玻璃”这个术语，它只不过是质量更好、更高级的车用玻璃而已。　　除了真空，任何透明的物体包括玻璃、甚至空气对传到我们眼中的光线都是有影响的，要不然怎么会有海市蜃楼。你如果在光线良好的平直马路上驾车，会发现远处路面好像有一滩水似的，等到了跟前却发现什么也没有。这就是路面附近空气密度发生了变化，从而对光的折射率也发生了变化所导致的结果。光线穿过折射率不同的两种介质时，随着入射角度的不同，折射也按一定的关系变化。有经验的渔夫总是将鱼叉投向鱼的下方；你也可以做一下中学物理书上的实验：在透明的水杯里观察硬币的位置。　　上面说了这么多，都是为了我解释“减速玻璃”做的铺垫，大家一定要知道光的折射这个基本的物理现象　　玻璃的主要作用就是透过光线，能起到的最佳效果就是：要让这玻璃的存在和它不存在时完全一样。　　“减速玻璃”的名字取得不科学，其实减速玻璃并不能让外界景物的运动看起来比实际更慢，而是看起来和实际速度一致——和没有玻璃时一模一样，因此所谓减速玻璃准确的名字应该叫“不增速玻璃”。而其它的普通玻璃，相对而言，可以称为“增速玻璃”。　　如果汽车的全车玻璃都是理想化的平板玻璃——不但厚度绝对均匀相等，而且在宏观和微观方面（能做到纳米级更好）都笔直平整。那么就用不着研制价格高昂的“减速玻璃”了。因为普通平板玻璃不能做到上述等厚平整的话，在外界平行方向上透过的光线，它们的入射角度和折射角度就是不一样的，这时就会由于光线折射不均匀，而使得运动物体看起来变得恍惚，给人的感觉就是物体本身运动得比实际的更快，于是这种玻璃能使外界的运动物体“增速”（所谓“增速”也是一种不严谨的说法，但有利于读者理解）。更何况现在的汽车玻璃不是平板玻璃，而是为了配合车身的曲线，都带有一定弧度，前风挡玻璃尤为明显。那么光线入射角度和折射角度更是不可能理想化了。　　减速玻璃一方面很准确地矫正了玻璃在厚度、平面度上（对于弯曲的玻璃则是曲率）的误差。如果车身玻璃是弯曲的，为了保证驾乘人员的视觉效果与没有玻璃时一样，整块玻璃各处厚度不应当完全相同，而是应该遵循一个按照厚度和折射率推导出来的函数关系（就象电视机或电脑的平面显示器的那个视觉平面补偿曲线一样的原理）。　　除了以上的形状矫正外，还应该做到玻璃材质成分的充分均质，保证各处的折射率相同。　　通过以上的解释，希望能使你能“减速玻璃”增加一些了解。除了君威车以外，其实很多的中高档车的玻璃已经都是减速玻璃了。在驾驶一辆好车时我们常常有这样的评价：“这车不显速。”这句话里不但包括了对车辆底盘平稳的评价，其实也包含了对它的车身减速玻璃质量水平的评价。</t>
  </si>
  <si>
    <t xml:space="preserve">我家电脑上网每3到5分钟就掉线一次，查过了没病毒，帮忙啊！！我家 </t>
  </si>
  <si>
    <t>1检查你的MODEM,或者直接更换一个.2MODEM太热了,也会出现这种现象.3MODEM附近磁场太强,也会这样.</t>
  </si>
  <si>
    <t xml:space="preserve">儿子3岁，很喜欢捣蛋，捣乱，丢玩具。有时侯跟他说话，他不听，需要? </t>
  </si>
  <si>
    <t xml:space="preserve">建议不要打孩子。打孩子是最无效的方式，并且还会传递给孩子一个错误的交流模式，导致他变得富有攻击性。于是，你就会面临更多的问题。需要他做的事情，建议温和而坚定的带着他去做就好了。另外，孩子的某些需求是阶段性的，不能以成人的要求来衡量孩子。所以需要反省一下，给孩子定的规则是否适合他？ </t>
  </si>
  <si>
    <t xml:space="preserve">关于外汇的日K线问题外汇一根日K线对应北京时间的起止时间是多少？ </t>
  </si>
  <si>
    <t>国内的行情系统一般使用北京时间早8：00，国际上习惯使用北京时间6：00每根日K线代表24小时</t>
  </si>
  <si>
    <t xml:space="preserve">三国群英传OL2官职系统官职系统怎么样的 </t>
  </si>
  <si>
    <t>《三国群英传2 Online》设立了三国时期对应的几百种官职供玩家自由选择。玩家可通过完成任务、打王、捐献材料、战场、国战等等途径获得大量的功勋，功勋值达到一定的数量后即可在所属势力下内晋升官职。晋升后，不同官职能够给玩家带来不同的属性能力加成。例如：某些官职能够提升角色的攻击力、血量；某些些官职能够增加角色的属性攻击以及属性防御；更有官职能够同时增加不同能力数值。晋升官职不仅能带来能力上的辅助，还能帮助玩家在游戏里获得更好的宝物。官职越高，每天能够领取的军饷和俸禄品级也越高，此外高品级的军饷和俸禄能够开出的宝物也更好。强大的官职系统，让您在游戏中能够获得更强的能力，获得更多的利益。</t>
  </si>
  <si>
    <t xml:space="preserve">老玩家进来一下~~必采纳请问一下亚诺曼城冰山怎么去？ </t>
  </si>
  <si>
    <t>台湾那边有~大陆这边没有~</t>
  </si>
  <si>
    <t>谜语</t>
  </si>
  <si>
    <t>狼子下蛊存不良 - 猛</t>
  </si>
  <si>
    <t xml:space="preserve">黑暗医生工会会员这称号怎么得来的？高手讲解一下~小弟才疏学浅 </t>
  </si>
  <si>
    <t>跑深渊不带护士帽,到下面尸体那个它3W获得黑暗医生徽章,装备后与阿蒙阿姆说话得到称号,不装备再说话,称号就会被收走</t>
  </si>
  <si>
    <t xml:space="preserve">蓝屏怎么办?我的电脑在开机一段时间后,会出现蓝屏现象.请问是什么 </t>
  </si>
  <si>
    <t>重新安装操作系统</t>
  </si>
  <si>
    <t xml:space="preserve">意甲球队最新派系ac国米尤文 </t>
  </si>
  <si>
    <t>楼上的他说的是:AC系：               国米系：               尤文系：我也想知道，有人知道么？</t>
  </si>
  <si>
    <t xml:space="preserve">请问各位该买华夏红利还是中小板？谢谢 </t>
  </si>
  <si>
    <t>购买华夏红利较好。华夏红利的风格比较稳健，抗跌性能较好，它的业绩长期表现不错，今年以来的回报率为165.89%，而华夏中小板为148.58%。</t>
  </si>
  <si>
    <t xml:space="preserve">蜂蜜加白醋的比例？我看了以前一位楼主说的蜂蜜加白醋可以减肥，我很 </t>
  </si>
  <si>
    <t>蜂蜜+醋是4：1的比例醋就是一般的白醋不是单纯蜂蜜和醋混了这样喝的，是加上水的首先是用温水，然后加上蜂蜜，拌均匀，然后再加上醋蜂蜜和醋的比例是4：1水嘛自己做主，只要不是太多像在喝白开水一样就行了，至少要有点感觉</t>
  </si>
  <si>
    <t xml:space="preserve">人民法院应当当庭宣判的应当在3天还是在5天内将判决书送达当事人和? </t>
  </si>
  <si>
    <t xml:space="preserve">五日。刑法第一百六十三条 宣告判决，一律公开进行。 当庭宣告判决的，应当在五日以内将判决书送达当事人和提起公诉的人民检察院；定期宣告判决的，应当在宣告后立即将判决书送达当事人和提起公诉的人民检察院。 </t>
  </si>
  <si>
    <t xml:space="preserve">瑞星杀毒软件的问题.不知道为什么.今天我的瑞星杀毒软件的小绿伞. </t>
  </si>
  <si>
    <t>是设置的问题有某项监控未开。解决方法：启动瑞星杀毒主程序---进入“设置”---“详细设置”---“瑞星监控中心”将所有的项目选中确定即可。下次启动就正常了。</t>
  </si>
  <si>
    <t xml:space="preserve">谁能讲讲刘伶、阮籍、嵇康、山涛、王戎的故事？阮籍和阮咸有关系吗？ </t>
  </si>
  <si>
    <t xml:space="preserve">竹林七贤 谯国的嵇康、陈留的阮籍和阮咸、河内的山涛和向秀、沛国的刘伶、琅邪的王戎。阮籍是阮咸的叔叔。魏末晋初年间，有七个极富才情的浪漫家互相之间甚为友善，他们常集于山阳（今河南修武）竹林之下相会畅游，史称「竹林七贤」。 　时值公元250年，即魏明帝嘉平年间，这七个人是：山涛，阮籍，嵇康，向秀，刘伶，阮咸和王戎，他们皆是性情旷达且才高志远的才子，或者文采翩翩，或者官高名大，所以逐渐的被世人称为「七贤」。 　他们七人皆是擅长饮酒的文学家，其中一些人还精通音律。若以文学论，当以阮籍和嵇康最为著名；若以音乐论，则以阮咸，阮籍和嵇康为首；而若以擅长饮酒论，山涛和刘伶当之无愧。他们几人皆性情浪漫，且脾胃相投，因此结为好友，终日在竹林间相会悠游，吟诗作赋，弹唱对弈、品茗饮酒，过著悠闲自得的闲逸生活，自认为是高逸雅士。 　「竹林七贤」如「建安七子」一样在文学上各有所长，但他们的文风不像「建安七子」那样清新悦丽，其中阮籍长于五言诗，文思极其高远；嵇康既擅长散文，也精通写诗，笔力十分峻切；向秀的韵文可谓清韵可佳；山涛长于书启；刘伶善作赋颂；阮咸和王戎的诗文虽然没有流传于后世，但也可称得上清淡娓娓。 　此外，嵇康在古琴上成就也很高，他创作的《长清》，《短清》，《长侧》，《短侧》四首琴曲，被称为「嵇氏四弄」。而他的《广陵散》则是千古绝唱　汉末晋初，时局纷乱，在这样一个短暂而动荡的历史时期，前有「建安七子」，后有「竹林七贤」，这在中华文化史上实属难得。两者相比，「建安七子」在文学上较「竹林七贤」齐整，但在其他艺术成就上，就不如「竹林七贤」了。阮籍（210-263年）：“建安七子”中阮瑀的儿子。字嗣宗，陈留尉氏（今河南）人。竹林七贤之一，文学家，音乐家。　　史书记载阮籍“容貌環杰，志气宏放，傲然独得，任性不羁，而喜怒不形于色。或闭户经书，累月不出；或登山临水，经日忘归。博览群籍，尤好庄老。嗜酒能啸，善弹琴，当其得意，忽忘形骸。”他做过司马氏的步兵校尉，但实际上又跟司马氏集团有相当的矛盾。乱世之中，他常以“醉酒”保身，就连司马昭想与他联姻时，他竟会大醉六十日加以拒绝。 　　阮籍嗜烈酒、善弹琴，喝酒弹琴往往复长啸，得意时忽忘形骸，甚至即刻睡去。实可谓“我今欲眠君且去，明朝有意抱琴来”。其痴狂之态，可见一斑。　　相传琴曲《酒狂》是阮籍感怀之作：全曲以三拍节奏，大跳音程，轻重拍颠倒的韵律，淋漓尽致地刻画了醉意朦胧、步履蹒跚的形象。音乐理论著作有《乐论》。主要观点是“律吕协则阴阳和，音声适而万物类”，强调圣人作乐为的是“自然之道”，这便是“乾坤易简，故雅乐不烦。道德平淡，故五声无味。不烦则阴阳自通，无味则百物自乐”，具有老庄思想。阮籍于景元四年（263）年病逝。广陵散者,古曲名,叙聂政刺韩王事,此曲为古琴曲中唯一有杀伐之气者。据传西晋稽康独擅此曲,迄其弥难,广陵散绝矣!.散”有散乐之意。先秦时已有散乐，是一种民间音乐，有别于宫迁宴会与祭祀时的雅乐。汉晋伺《广陵散》曾作为相和歌流传。宋郭茂倩《乐府诗集》将《广陵散》列为楚调曲，可能是由于当时流行于楚国地域之故。　　《广陵散》一曲，渊源已久。东汉末至三国时，《广陵散》已在流行。汉应璩（190～252）与刘孔才的书信中言及“听广陵之清散”。魏嵇康的《琴赋》中提到的琴曲亦有《广陵止息》。嵇康因善弹此曲而闻名一时，即使到了刑前，仍从容不迫，索琴弹奏此曲，并慨然长叹：“《广陵散》于今绝矣！”　　隋唐以前，《广陵散》与《止息》尚为2曲。唐代始见有称《广陵散》为《广陵止息》之说。唐李良辅撰《广陵止息谱》一卷，为23段，见于《新唐书 · 乐志》；唐吕渭撰《广陵止息谱》一卷为36段；宋元时《广陵散》已增至44段。　　《广陵散》与聂政故事相联系，始见于宋元人的诗文，乐曲的规模、调式、乐段的标题等，与今日所见的《广陵散》谱大抵一致。今所见《广陵散》谱重要者有三：一为明朱权《神奇秘谱》本；再，明汪芝《西麓堂琴统》有两个不同的谱本，称甲、乙谱。此3种不同谱本经琴家研究，以《神奇秘谱》的《广陵散》为最早，也较完整，是今日经常演奏的版本。全曲共45段，即开指1段、小序3段，大序5段、正声18段、乱声10段、后序8段，谱中有“刺韩”、“冲冠”、“发怒”、“投剑”等分段小标题。全曲贯注一种愤慨不屈的浩然之气，“纷披灿烂，戈矛纵横”，以致朱熹指斥“其曲最不和平，有臣凌君之意”。与山巨源绝交书　　　　　　　　　　　　　　　　　　　　　　　　　　　嵇康 　　康白：足下昔称吾于颍川，吾尝谓之知音。然经怪此，意尚未熟悉于足下，何从便得之也？前年从河东还，显宗、阿都说足下议以吾自代；事虽不行，知足下故不知之。足下傍通，多可而少怪，吾直性狭中，多所不堪，偶与足下相知耳。间闻足下迁，惕然不喜；恐足下羞庖人之独割，引尸祝以自助，手荐鸾刀，漫之膻腥。故具为足下陈其可否。 　　吾昔读书，得并介之人，或谓无之，今乃信其真有耳。性有所不堪，真不可强。今空语同知有达人，无所不堪，外不殊俗，而内不失正，与一世同其波流，而悔吝不生耳。老子、庄周，吾之师也，亲居贱职；柳下惠、东方朔，达人也，安乎卑位。吾岂敢短之哉！又仲尼兼爱，不羞执鞭；子文无欲卿相，而三登令尹。是乃君子思济物之意也。所谓达能兼善而不渝，穷则自得而无闷。以此观之，故尧、舜之君世，许由之岩栖，子房之佐汉，接舆之行歌，其揆一也。仰瞻数君，可谓能遂其志者也。故君子百行，殊途而同致，循性而动，各附所安。故有处朝廷而不出，入山林而不反之论。且延陵高子臧之风，长卿慕相如之节，志气所托，不可夺也。 　　吾每读尚子平、台孝威传，慨然慕之，想其为人。少加孤露，母兄见骄，不涉经学。性复疏懒，筋驽肉缓，头面常一月十五日不洗；不大闷痒，不能沐也。每常小便而忍不起，令胞中略转，乃起耳。又纵逸来久，情意傲散，简与礼相背，懒与慢相成，而为侪类见宽，不功其过。又读《庄》、《老》，重增其放。故使荣进之心日颓，任实之情转笃。此由禽鹿，少见驯育，则服从教制；长而见羁，则狂顾顿缨，赴蹈汤火；虽饰以金镳，飧以嘉肴，逾思长林而志在丰草也。 　　阮嗣宗口不论人过，吾每师之，而未能及。至性过人，与物无伤，唯饮酒过差耳。至为礼法之士所绳，疾之如仇，幸赖大将军保持之耳。以不如嗣宗之贤，而有慢驰之阕；又不识人情，暗于机宜；无万石之慎，而有好尽之累，久与事接，疵衅日兴，虽欲无患，其可得乎？又人伦有礼，朝庭有法，自惟至熟，有必不堪者七，甚不可者二。卧喜晚起，而当关呼之不置，一不堪也。抱琴行吟，弋钩草野，而吏卒守之，不得妄动，二不堪也。危坐一时，痹[注1]不得摇,性复多虱，把搔无已，而当裹以章服，揖拜上官，三不堪也。素不便书，又不喜作书，而人间多事，堆案盈机，不相酬答，则犯教伤义，欲自勉强，则不能久，四不堪也。不喜吊丧，而人道以此为重，己未见恕者所怨，至欲见中伤者；虽瞿然自责，然性不可化，欲降心顺俗，则诡故不情，亦终不能获无咎无誉，如此五不堪也。不喜俗人，而当与之共事，或宾客盈坐，鸣声聒耳，嚣尘臭处，千变百伎，在人目前，六不堪也。心不耐烦，而官事鞅掌，机务缠其心，世故繁其虑，七不堪也。又每非汤、武而薄周、孔，在人间不止此事，会显世教所不容，此其甚不可一也。刚肠疾恶，轻肆直言，遇事而发，此甚不可二也。以促中小心之性，统此九患，不有外难，当有内病，宁可久处人间邪？ 　　又闻道士遗言，饵术、黄精，令人久寿，意甚信之。游山泽，观鱼鸟，心甚乐之。一行作吏，此事便废，安能舍其所乐，而从其所惧哉！ 　　夫人之相知，贵识其天性，因而济之。禹不逼伯成子高，全其节也。仲尼不假盖于子夏，护其短也。近诸葛孔明不逼元直以入蜀，华子鱼不强幼安以卿相。此可谓能相始终，真相知也。足下见直木必不可为轮，曲者不可为桷，盖不欲以枉其天才，令得其所也。故四民有业，各以得志为乐，唯达者为能通之，此足下度内耳。不可自见好章甫，强越人以文冕也；己嗜臭腐，养鸳雏以死鼠也。吾顷学养生之术，方外荣华，去滋味，游心于寂寞，以无为为贵，纵无九患，尚不顾足下所好者。又有心闷疾，顷转增笃，私意自试，不能堪其所不乐。自卜已审，若道尽途穷则已耳。足下无事冤之，令转于沟壑也。 　　吾新失母兄之欢，意常凄切。女年十三，男年八岁，未及成人，况复多病，顾此(忄良忄良liang)，如何可言。今但愿守陋巷，教养子孙；时与亲旧叙阔，陈说平生。浊酒一杯，弹琴一曲，志愿毕矣。足下若嬲之不置，不过欲为官得人，以益时用耳。足下旧知吾潦倒粗疏，不切事情，自惟亦皆不如今日之贤能也。若以俗人皆喜荣华，独能离之，以此为快；此最近之，可得言耳。然使长才广度，无所不淹，而能不营，乃可贵耳。若吾多病困，欲离事自全，以保余年，此真所乏耳。岂可见黄门而称贞哉！若趣欲共登王途，期于相致，共为欢益，一旦迫之，必发其狂疾。自非重怨，不至于此也。 　　野人有快炙背而美芹子者，欲献之至尊，虽有区区之意，亦已疏矣。愿足下勿似之。其意如此。既以解足下，并以为别。嵇康白。 </t>
  </si>
  <si>
    <t xml:space="preserve">怎么关杀毒软件在网吧上网，想开外挂，可是有杀毒软件拦截。求怎么关 </t>
  </si>
  <si>
    <t>可以在任务管理器的进程里关掉，也可以设置成开机不启动，然后关机开机就行了</t>
  </si>
  <si>
    <t xml:space="preserve">来来来没睡的都进来讨论话题：你认为84期会暴大冷还是又一个火锅我 </t>
  </si>
  <si>
    <t>还是火锅吧 心理容易接受,周末刚被冷门摧残了,还没缓过来</t>
  </si>
  <si>
    <t xml:space="preserve">山东考生600分高出重点线27分给点建议分数考得不太理想，有点迷 </t>
  </si>
  <si>
    <t>华南理工吧,机械，汽车类很强的,华工虽然在广东本土声名显赫,但是在省外尤其是北方地区比起张扬的中大而言就低调得多,所以分数并不高,也比较好结合专业填 ,北方考生报华工其实是非常不错的选择 其他工科强校,有哈工大,华中科技,西安交大,东南华中科技和东南都是走合并路线的学校,规模上去了,排名自然就高了,虽然他们都有各自非常强势的专业, 西安交大的痛处都在于地域另外,如果车辆工程这个专业的话,西南交通大学也是非常了得的华工在山东录的很高?,那么吉大和西北工业?吉大可能名声不怎么的,不过工科还是强 这几年高校都在扩张,那个不是一身债?而且吉大是９８５，倒闭，除非～另外，湖南大学的车辆工程和土木工程都很强的．．</t>
  </si>
  <si>
    <t xml:space="preserve">我是否该为这一段感情付出？？？我与他是通过电话认识的，他是一个朋 </t>
  </si>
  <si>
    <t>如果你在一生里遇见了你心爱的人，可以说你是幸运的，无论结局怎样，都可以说是幸福的吧？白头到老，固然很好，如果分手了，或者为爱情而伤心，也都是很幸福，毕竟你爱过，你为了爱情在落泪，为了爱情在心碎，曾经很浪漫过，两个人可以在冬天的风下疯狂，在夏天的雨下漫步，即使当初的恋人已经远去但时的浪漫情节依然在你的心里埋藏，这不也是一件很快乐的事情吗? 　　   记得一本书中说过，一个人无论她陪你走了多远的路，最终他还是会和你分开的，毕竟很少有那些同一时刻出生的人，而一起走到老的人，不但有感情中的离别还有生与死的离别，如果这样想了，你即使分手了，你也不会那么伤心，反而会祝福对方幸福。如果老了哪天相遇，将会有另一番滋味在心头。　　   许多在恋爱中的人会迷失自己，找不到自己，有的人聪明地把自己藏在爱情背后，可是却是收获满怀的温馨与幸福。有的人为了爱人愿意付出自己的生命，为了他可以不要全世界，还是有他陪伴着的日子天天永恒？如果说杰克死后，露丝也跟着沉到海底，那么就没有了那感人至深、赚了我无数的泪水的泰坦尼克号。爱情的意义不是让一个人为另一个人牺牲，而是两个人共同付出，彼此幸福。　　   不要为了一个人而活，一个人去承担两个人的爱情是很痛苦的，只有两颗心去真心经营爱情，那才是真正的爱情。在爱情的世界里没有真正的幸福，也不会有什么永恒的快乐，毕竟人都是有感情的，有七情六欲，总有太多的现实让你无法不顾爱情，你我只是尘世中的一员，又怎么可能不顾人家和朋友的眼光，不顾家人和朋友的心情，不顾别人的感受去爱，去追逐？也许你会在她离开的时候难过伤心，但是总比失去自己的灵魂好。因为没有人会陪你一辈子的…… 　　   如果你真的爱一个人，那个人便会在你最想忘记的时候出现在你的心里，会在你最难过最失落的时候出现在你的心里，可是你却想了又想却无法确定是否要告诉他你现在的感受，你现在的苦恼，因为你在乎她的感受，在乎她的想法。可是有时候越是在乎就越容易失去，越容易让自己受伤。难道这就是爱吗？这种爱是很痛苦的，就像我一样，爱情也不要像手里的泥土越抓紧，就容易流下来，最后剩下的只是少之又少的尘埃。如果爱也这样，越是爱，越容易失去，那么我们是否要保持一定的距离，心灵的距离？可是那样，我们之间的交集又会在哪里呢？那些浑然天成的交集，错过多可惜。我们总在等待着，那些幸福的脚印，当你再回头的时候她已经消失了，原来幸福是在前方的。　　   自己付出了，就不要后悔失去了那份感情，没有一个人一生只谈恋爱不做其他事情，也许就在你转身的时候，他离开了你，这样的事情是无法避免的，每天都在发生。不要相信那些爱情小说，因为我们是生活在现实中，而不是童话里，没有谁会等谁一辈子</t>
  </si>
  <si>
    <t xml:space="preserve">我很内向和自卑我该怎么办? </t>
  </si>
  <si>
    <t>我以前也是这样的,可能每个人都会经历这个阶段.内向和自卑是两兄弟,我们可以追根溯源的找出症结所在,因为人的本性是自私的,自私就意味着任何人都不想接受失败,而人越是害怕失败就越不敢迈出第一步,以至于不能进步而陷而很沉闷的思想斗争中.其实,兄弟!人生那能尽如意呢? 我们活着最大的敌人就是自己,要想进步就不要害怕失败,而且要勇于面对失败,并找出其原因所在,久而久之你才能真正的进步,从内向和自卑中走出来,成为一个真正的男子汉.</t>
  </si>
  <si>
    <t xml:space="preserve">请品评[黄种人]歌词来自翻过五千里的浪还是在从前的城墙所有历史退 </t>
  </si>
  <si>
    <t>我这样看：1.好的歌词，不应该太过繁复。幻梦先生说得对：它不应该是散文的布局。2.旋律好固然不错，但你总不能让人听到旋律去找歌词来大段地背。所以易记好唱也该是重要的。3.一般来讲，歌词是写给耳朵的，不是写给眼睛的。所以好的歌词要入耳，你试唱一下：这歌词里的好多词，不知道的人都听不出唱的是什么。4.一首歌里，要有闪闪发光的警句，并将其多次反复，并以此作引导，以达到最终使整首歌深入人心的目的。在这首歌的歌词中，我没有看到这一点。　　　－－我是门外汉，看法不一定对，随风先生海涵。</t>
  </si>
  <si>
    <t xml:space="preserve">为什么玩英雄联盟选末日使着卡 </t>
  </si>
  <si>
    <t>游戏卡机是有很多原因的，首先你要看是不是机器配置太低，配置够的话还要看是不是有太多灰尘积压在硬件上。还有检查一下后台有没有下载程序在运行，关掉不用的程序。还有就是网络环境不好造成的，比如网络环境复杂，电信线路玩的时候网通服务器，如果这种情况您可以下载个网游加速器试试。祝您游戏愉快</t>
  </si>
  <si>
    <t xml:space="preserve">我们宿舍有6台电脑现在想弄个区域网就是能看到网上邻居 </t>
  </si>
  <si>
    <t>1、买一个8口交换机；2、连接并设定：每台机器的IP为 ~8（或其他但要同一网段）；DNS自动或设成学校给的值；3、如果是拔号就要买路由；4、如果禁路由或想省掉它就设一台机器为代理服务器。</t>
  </si>
  <si>
    <t xml:space="preserve">我将去深圳工作我被深圳一家5星级酒店所招聘，下个月就要去了，但我 </t>
  </si>
  <si>
    <t>深圳是一个移民城市，有很大的包容性。既然被五星级酒店招聘，你入职后积极接受酒店的专业培训，做到虚心学习，勤快、乖巧就能胜任工作。</t>
  </si>
  <si>
    <t xml:space="preserve">装备打造的运气？有象牙打紫的衣服的机会是多少啊？？？还有镶金的机 </t>
  </si>
  <si>
    <t>不好说.主要还是运气~50%</t>
  </si>
  <si>
    <t xml:space="preserve">河南那里有森雅M80多少钱，分别是5座7座 </t>
  </si>
  <si>
    <t>好车，够劲道，就是座椅不爽。</t>
  </si>
  <si>
    <t xml:space="preserve">这样对妻子有什么伤害吗？越详细越好我今年30岁，和比我大8岁的妻 </t>
  </si>
  <si>
    <t>只要双方都舒服，随便怎么样都可以，但是，如果有一方不爽时，最好照顾一下对方的感受，要双方都达到愉悦效果才是最高境界；如果以被动接受的方式或用一方痛苦来换取另一方的爽快，对心理和生理都是有害的。如果是真心相爱的夫妻，互相尊重是起码的行为准则。</t>
  </si>
  <si>
    <t xml:space="preserve">那么多人都吃多啦？本来比赛就比较漫长一天才这么几场比赛每次开赛前 </t>
  </si>
  <si>
    <t>楼主说的有道理，强烈鄙视那些唯恐天下不乱的忽攸者们。如果一定要想发表自己对比赛的看法，用得着太多的理由吗？亮出你的单来比什么不强？</t>
  </si>
  <si>
    <t xml:space="preserve">请问日本北海道的玻璃制品大概多少日元？薰衣草种子呢？我第一次去，? </t>
  </si>
  <si>
    <t>玻璃制品这个价格不好说 有的质量好点的 有质量差点的 熏衣草种子 很便宜 既然第一次去 我给你介绍个熏衣草的好去处 3、北星山薰衣草园 　　     位于陡峭的山坡上，面积很大。园内提供登山吊椅，让赏花客安坐椅上，然后随吊椅的缓缓上升，将一波波的紫色花海送到眼前。 　　 花期：6月下旬至8月下旬。 　　 入场：免费，吊椅来回300日元。 　　 交通：jr富良野线中富良野站下车，徒步15－20分钟。 一个人跟团去的话 6999元起步 个人自游的话1万元 玩的哪都是。。亲 祝您玩得愉快哦《赠人玫瑰手有余香，祝您好运一生一世，如果回答有用，请点“好评”，谢谢^_^!》</t>
  </si>
  <si>
    <t xml:space="preserve">怀孕早期拔过牙3月6号月经(上次2月10号，平均周期26~28天 </t>
  </si>
  <si>
    <t>目前关键问题是你究竟是2月还是3月怀孕的，如果是3月（因为你3月来过月经），问题不大的，因为怀孕一个月内用药，要么没影响，要么流产，基本不存在畸形的影响，但如果是2月怀孕的（因为你说只有2月没避孕），影响会大一些，但具体什么影响目前说明书上并没有确定的说法</t>
  </si>
  <si>
    <t xml:space="preserve">听说球员的足球袜里有护腿板？真的吗？看上去挺厚的袜子！ </t>
  </si>
  <si>
    <t>当然有，不过国外很多技术高超、动作敏捷的球员都不喜欢带护腿板，因为带上之后会稍微有点局限小腿的活动，影响技术动作。但大多数有自我保护意识的球员都会带护腿板，为防止对方球员的恶意动作。人的小腿正前方骨头没有任何肌肉做保护，因此需要人工进行保护。谢谢！</t>
  </si>
  <si>
    <t>“称职的”在英语中有几种说法？“称职的</t>
  </si>
  <si>
    <t>Heisacompetentteacher/nurse大概是最合适的。类似的说法还有:Heisadecentteacher/nurse还不错的(良吧。)Heisaqualifiedteacher/nurse资格上“合格”的Heisamediocre/so-soteacher/nurse中等的,不突出的Heisapassable/tolerableteacher/nurse勉强合格的也可以说:Heisalright/OK/so-so/competent/decent/qualified/passableasateacher/ rightOK都是说“还行”。其它的我想不起来了。suitable是“合适的”,意思稍微有点偏差。</t>
  </si>
  <si>
    <t xml:space="preserve">胡师傅，您好！感谢您上次回复，有个问题不明白，我的尊贵型三万公里? </t>
  </si>
  <si>
    <t>您好，清洁积碳的方式有两种,一为免拆,二为拆洗,免拆省时间,但清洁效果略差,拆洗较为彻底但耗时长.</t>
  </si>
  <si>
    <t xml:space="preserve">哪里有排八字的网站？为了不用翻阅《万年历》，想通过出生的时辰输入 </t>
  </si>
  <si>
    <t xml:space="preserve">到处都是，这个网站的大师大多用国际易经网的排盘系统。而万年历上有时是错误的，因四柱命理年以立春为界，而万年历以春节为界。 </t>
  </si>
  <si>
    <t xml:space="preserve">双戟无双属于浮空伤害减半么？双戟一般强4次G，算200点G好了， </t>
  </si>
  <si>
    <t>双戟无双不浮空哦    浮空减半就是伤害就是减少50%   还有，黄血时 伤害减少25%   红血时伤害减少50%   也就是说你红血又浮空  只掉1/4血   落地伤害照单全收  双戟 狱刀 宝剑等等都是</t>
  </si>
  <si>
    <t xml:space="preserve">日本、韩国和中国历史上有什么渊源 </t>
  </si>
  <si>
    <t>　　《明史·朝鲜传》：“朝鲜，箕子所封国也。汉以前曰朝鲜。始为燕人卫满所据，汉武帝平之，置真番、临屯、乐浪、玄菟四郡。汉末，有扶余人高氏据其地，改国号曰高丽，又曰高句丽，居平壤，即乐浪也。已，为唐所破，东徙。后唐时，王建代高氏，兼并新罗、百济地，徙居松岳，曰东京，而以平壤为西京。其国北邻契丹，西则女直，南曰日本，元至元中，西京内属，置东宁路总管府，尽慈岭为界。”　　《明史·日本传》：“日本，古倭奴国。唐咸亨初，改日本，以近东海日出而名也。地环海，惟东北限大山，有五畿、七道、三岛，共一百十五州，统五百八十七郡。其小国数十，皆服属焉。国小者百里，大不过五百里。户小者千，多不过一二万。国主世以王为姓，群臣亦世官。宋以前皆通中国，朝贡不绝，事具前史。惟元世祖数遣使赵良弼招之不至，乃命忻都、范文虎等帅舟师十万征之，至五龙山遭暴风，军尽没。后屡招不至，终元世未相通也。”</t>
  </si>
  <si>
    <t xml:space="preserve">86试驾会还剩下几站啊？分别都在哪举办？看中了86，但是没有试驾? </t>
  </si>
  <si>
    <t>86成都试驾会在这个月的28至30号，这是86试驾会的最后一站，这会才开始报名确实有点晚，听说报名的人比广州站报名的人还多，所以你要赶紧报名去了，现在一汽丰田官方微博和官网都可以报名，你可以两边都参加，中奖几率比较大嘛！如果真的可以去现场试驾，那么在现场就可以订车，试驾会现场订车是可以参加抽奖活动的，运气好还能中块限量版86联名腕表，这比在4S店苦苦排队订车爽多了。试驾会上还可以学学漂移神马的，也能过过86瘾了。</t>
  </si>
  <si>
    <t xml:space="preserve">关于魔尊称号？在仙2中李逍遥用天罡剑阵封住魔尊，我怀疑他封的不是 </t>
  </si>
  <si>
    <t>同意轩辕剑圣·回归的说法。一些魔尊都是自封的根本就不是魔界的人，像一些妖狂妄自大，自封魔尊，李逍遥用天罡剑阵封住的魔尊或许就是着类的。还有就是神魔是6界最强，李逍遥再强也是人，人界是6界最弱，恐怕魔界任何一个小楼搂都能打败李逍遥，可见李逍遥封住的魔尊是一些妖或人狂妄自大，自封的魔尊。（重楼是真正的魔尊，不用怀疑李逍遥封的一定不是重楼）</t>
  </si>
  <si>
    <t xml:space="preserve">紧急帮助！！！！！！！！！！！！我是车队队长，现在我这个车队不想 </t>
  </si>
  <si>
    <t>去找你那的车管所 ！或去交警大队啊！</t>
  </si>
  <si>
    <t xml:space="preserve">宝贝11个月我家宝宝11个月了半个月前给他换的完达山奶粉开始干燥 </t>
  </si>
  <si>
    <t>好多喝奶粉的孩子都这样,你平时多注意给孩子喝水,再一个就是加点奶粉伴侣,这个是去火的!</t>
  </si>
  <si>
    <t xml:space="preserve">为什么我们的时装没有加技能 </t>
  </si>
  <si>
    <t>只有鬼厉装，雪琪装，碧瑶装和刚出的腾龙装栖凤装加技能，其他时装没有特加属性</t>
  </si>
  <si>
    <t xml:space="preserve">妻子有肾结石对怀孕有影响吗？刚被发现有一粒4*3大小。对日后怀孕 </t>
  </si>
  <si>
    <t>最好是先把结石处理好再怀孕.害怕在怀孕后结石发作.就不好用药了.</t>
  </si>
  <si>
    <t xml:space="preserve">我想上传音频文件(mp3),但大于5M.怎么办???有没有什么压 </t>
  </si>
  <si>
    <t>推荐个软件， 我就用的这个对mp3进行再压缩，可以压缩到很小的比率，挺好用的。</t>
  </si>
  <si>
    <t xml:space="preserve">治疗骨肉瘤有啥好办法吗？ </t>
  </si>
  <si>
    <t>你好：中医认为癌是正气不足、气滞、痰凝、血瘀日久而引起的，中医认为治疗癌症要以“软坚散结”为原则.决定最佳的治疗方式前必须考虑很多因素，包括肿瘤大小，病患年龄及整体健康状况还有早期晚期等等。</t>
  </si>
  <si>
    <t xml:space="preserve">该如何突破自己可能是因为自己属于那种比较在乎小细节的人吧,或者说 </t>
  </si>
  <si>
    <t xml:space="preserve">   走自己的路,让别人说去吧,人并不需要太在意旁人的眼光，太在意别人的反应反而会让自己裹足不前，因而错失许多该做的好事。谁也不可能单独存活于世上，在生活上必然有他人的话语、言行给我们一些影响，我们可以接受乐观的抛弃悲观的，不要把自己的情绪建立在别人的无礼上。学会调节自己，学会以平静的心态来对待一些事情和事物。学会经常笑着对自己说：“我何必让他来影响自己的心情呢！”    只要保持冷静，看待事物就比较客观，有自己的价值观、有自己的评价标准，不容易被他人左右。    保持冷静是一个长期训练过程，在生活中一定要学会数数法或者深呼吸法，当你和别人快发生争执的时候，当你要发怒的时候，当你听到奇怪的言论的时候……首先你要在心里默默地从一数到十，让自己平静下来，想想这些事情是不是真的，想想如果自己情绪焦躁、发怒有没有作用，能不能改变事实等问题，当你想明白了你就不会再有那么大的情绪波动了，你就是一个不受他人影响的人物了。长此下去，你也会成为别人羡慕的强者，遇事从容不迫、坚强有力.祝您成功.</t>
  </si>
  <si>
    <t xml:space="preserve">笔记本电脑可以和台式电脑那样玩游戏吗？我所说的游戏包括3D网游。 </t>
  </si>
  <si>
    <t>笔记本电脑可以和台式电脑那样玩游戏！不过同样的价格台式电脑可以流畅的玩3D游戏！可笔记本电脑就不行了！你要求的价格是4000-5000元，这个价位的笔记本电脑多为集成显卡，内存也多为256M，所以玩3D游戏不会很好！</t>
  </si>
  <si>
    <t xml:space="preserve">关于怀孕６个月才补钙我现在怀孕６个月了，我现在才买补钙的补片吃， </t>
  </si>
  <si>
    <t>可以不吃，饮食调节亦可。</t>
  </si>
  <si>
    <t xml:space="preserve">怎样使一个电脑主机内外网兼用?我们单位用的是内网,但有时我想用外 </t>
  </si>
  <si>
    <t>如你所说,内网的网线只能上内网,外网网线只能上外网.那么要同时上内外网,那只能是两根网线都接在电脑上.每个网卡只能接一根网线,那你就非要用两个网卡才行.(否则就象你现在交替使用)接上两个网卡后对两个卡分别分配内外网IP地址就行了.(对应相应的网线分配)</t>
  </si>
  <si>
    <t>我的还有戏吗？德甲的过了384的实打单子多　特11</t>
  </si>
  <si>
    <t>勒　芒 11-11 00:10 埃蒂安 31这一场目前2：2=平局，再坚持半小时就可中了！！！哈，勒芒真给你争气啊，在缺少一人的情况下，又顽强地打进了一球，3-2，看来保险了！！！</t>
  </si>
  <si>
    <t xml:space="preserve">锦州有什么好的酒吧？本人长期在锦州出差，周末想去酒吧坐坐，请锦州 </t>
  </si>
  <si>
    <t>很多的.而且锦州酒吧的消费 不是很贵.在锦州打车很便宜.你坐上出租车.和司机师傅说.请他把你送到离你住的最近的酒吧.或者说去最好玩的酒吧.他就会送你去了.而且就是在锦州转一圈 打车有20 30就够了~ 呵呵~</t>
  </si>
  <si>
    <t xml:space="preserve">1928年的10元钱现在值多少钱我有两张1928年的面值10元的 </t>
  </si>
  <si>
    <t>1928年10元，币市上的价格是3000元一张，要求品相好，9成新以上。有收藏价值，保存好。</t>
  </si>
  <si>
    <t xml:space="preserve">喝牛奶有利于癫痫康复吗？为什么? </t>
  </si>
  <si>
    <t>当然有利，因为牛奶含有比较丰富的营养，蛋白质：牛奶中含蛋白质百分之三至百分之四，容易吸收利用，所以生理价值较高。牛奶蛋蛋白质的赖氨酸和蛋氨酸含量较高，能补充类蛋白质氨基酸组成的不足，提高其营养价值。维生素：乳中含糖百分之三至百分之六，主要是乳糖。除了脂溶性维生素A、D外，乳中还含有硫氨素、核黄素和尼克酸等B族维生素。无机盐：乳中的无机盐主要是钙、磷、钾等。牛乳中的钙比蔬菜容易吸收利用，因此牛奶是癫痫患者较好的补充营养的食用乳类。</t>
  </si>
  <si>
    <t xml:space="preserve">身高多少公分以下算侏儒? </t>
  </si>
  <si>
    <t>侏儒症（zhuruzheng）一种内分泌代谢性疾玻侏儒症患者身材特别矮小，成人往往不足120厘米，儿童身高比同年龄平均值低30％以上。侏儒症可因垂体功能低下、遗传因素、严重营养不良等原因造成，但最常见的原因是垂体功能低下，生长激素分泌不足。垂体分泌的生长激素有促进骨骼生长和促进蛋白质合成，减少蛋白质分解，从而促使肌肉发达等作用。如果幼年时期生长激素分泌不足，则使生长发育迟缓或停滞，躯干、四肢短小，但均称，智力大多正常，而性发育往往停留在发病年龄的水平。对侏儒症治疗的关键是早诊断、早治疗，除针对病因的治疗外，可使用人生长激素等促进生长的药物。</t>
  </si>
  <si>
    <t xml:space="preserve">今天怎么电信4好多个区都上不去?今天完美又在搞什么飞机?怎么好多 </t>
  </si>
  <si>
    <t>完美脑子坏啦~~一早起来就这样~~等等吧</t>
  </si>
  <si>
    <t xml:space="preserve">奇迹私服那个好玩，推荐个稳定的公平的 </t>
  </si>
  <si>
    <t>奇迹私服世搏奇迹. 是一款低倍MU私服。是仿MU老官服的版本(1.03H版),与官服几乎完全一样</t>
  </si>
  <si>
    <t xml:space="preserve">吉祥安神丸能和英达35一起吃吗 </t>
  </si>
  <si>
    <t>吉祥安神丸用于月经不调，是补气安神的，觉得分开吃比较好，建议咨询医生比较放心。分开时间是可以的</t>
  </si>
  <si>
    <t xml:space="preserve">招聘兼职人员，应在哪里发布信息我们要做一些会议的电话邀请工作，想 </t>
  </si>
  <si>
    <t>站台是个不错的网站。在google里输入“站台”即可！祝你好运！</t>
  </si>
  <si>
    <t xml:space="preserve">武士的武功(正)邪比正强啊,大家都转正 </t>
  </si>
  <si>
    <t>邪加的是攻击力，只要转邪后弄件高防的衣服就可以了　而正是加防御力，高攻武器比较。。。</t>
  </si>
  <si>
    <t xml:space="preserve">如何增进夫妻事情?结婚还不到一年就觉得,没有什么乐趣了,夫妻之间 </t>
  </si>
  <si>
    <t>结婚时间长了，夫妻之间就不会象新婚时那时，甜甜蜜蜜，相互谦让，特别是有了孩子之后，女人大多对孩子的关心就超过了自己的丈夫，加之一起生活后，许多锁碎的家庭小事都会引发夫妻之间的争吵。这并代表夫妻之间不相爱了，此时做丈夫的应该尽量体谅妻子，争吵时避免说一些伤感情的话，妻子或丈夫情绪激动时，一方可暂时回避，等事情过后，双方再来沟通。沟通对于夫妻极为重要，有什么事都不要放在心里，妻子尽量减少唠叨，家是丈夫的港湾，男人相比女人而言，各方面的压力都大，要让他觉得家是最温暖的地方。周末有条件的话可将孩子送给老人代为看管，如家中有保姆的就更好了，两人可以去看看电影，一起购物，或是一起带孩子出去玩玩，都是增进夫妻感情的良方。站在对方的角度去想，就可以相敬如宾，相濡以沫。</t>
  </si>
  <si>
    <t xml:space="preserve">?教，什麽是股票分割？ </t>
  </si>
  <si>
    <t>分割 ( Stock Split ) 指当公司的股价上涨得太高的时候，通常公司会将它一张股票分割成为二张股票，二张变三张，或者四张变五张等等。如此一来，股票的总数量变多但是单张股票的面值却变小了。由于股票看涨 ( Bullish ) 以致于股票被分割，这意味着公司将来获利良好，届时股票价格会上涨。美国的股票分割类似台股的除权，行情好的时候，在股票分割当天也许股价会上涨。 范例一: 陈小姐拥有1,000股波音公司(BA)的股票，当公司宣布2:1股票分割后，陈小姐原有的1,000股股票便会变为2,000股。 1,000 x (2/1) = 2,000 如果1股股票原先价钱是$40元，那么分割后的价钱便为: $40 x (1/2) = $20 基本上股票的总数还是一样的。在股票未分割前它的价值是$40,000元 (1,000股 x $40元)。分割后它的总价值还是$40,000元 (2,000股 x $20元)。 范例二: 洪小姐拥有400股娇生(JNJ)公司的股票，当娇生将其股票分割为5:4后，洪小姐原有的400股股票便会变为500股。 400 x (5/4) = 500 如果1股股票原先价钱是$50元，那么有分割后的价钱便为: $50 x (4/5) = $40 基本上股票的总数还是一样的。在股票未分割前它的价值是$20,000元 (400股 x $50元)。分割后它的总价值还是$20,000元 (500股 x $40元)。 反向分割( Reverse Split ): 反向分割的作用在于提高股票的价钱，它跟股票分割正好是相反的。在反向分割里投资人可以换到更少的股票。 范例一 : 柯太太拥有600股惠普(HWP)科技公司的股票，当惠普将其股票分割为1:2后，柯太太原有的600股股票便会变为300股。 600 x (1/2) = 300 如果1股股票原先价钱是$50元，那么反向分割后的价钱便为: $50 x (2/1) = $100 基本上股票的总数还是一样的。在股票未分割前它的价值是$30,000元 (600股 x $50元)。分割后它的价值还是$30,000元 (300股 x $100元)。</t>
  </si>
  <si>
    <t xml:space="preserve">孩子哭着告诉我幼儿园小朋友打她,抢她的玩具.我该怎么办?我女儿两 </t>
  </si>
  <si>
    <t>还是要找老师谈谈.如果不及时解决可能对孩子的心理造成影响.还是找原来的老师吧.说出你的担心和你宝宝说给你听的具体情况.如果.她还是应付的态度,那可以找园长了.很多事都要面对面的解决.把宝宝也带上.不是去问罪的,是用商量和友好的态度去解决问题,注意态度吧.还有,也要教宝宝勇敢一点,当有人欺负她的时候学会自卫啊.呵呵.有时候.小孩子做的事情是没有理由的.不要太担心,遇到困难让孩子和大人一起去勇敢面对,或许,将来会是一种财富.</t>
  </si>
  <si>
    <t xml:space="preserve">光线飞车的超快速赚钱秘籍谁有超级快的赚钱秘籍献一下下，物流任务的 </t>
  </si>
  <si>
    <t xml:space="preserve">没有80W的书 只有55W和100W的书 55W洞鹤十字路口 -- 阴沉的音乐家少年(完成任务拿到合成卡)，打开合成页面就会发现合成需要的材料了，其中有2项是必须物品 &lt;天才作曲家推荐书和疯狂的音乐盒&gt;.       必须物品1.  百济十字路口 -- 神经过敏作曲者拿(天才做曲家推荐书)，     必须物品2.  青潭公园十字路口 -- 街边的音乐家(拿疯狂的音乐盒) 100W合成卡片 韩国银行 怪事情研究院 25级NPC必须材料是&lt;外界信息和心灵照片&gt;必须物品1 心灵照片 乙支路3街 恐怖的少女 25级NPC必须物品2 外界信息 退溪路5街 妄想症患者 25级NPC随机1，宝石1个随机2，宝石3个随机3，宝石8个随机4，喷漆1个随机5，无名文件100万 </t>
  </si>
  <si>
    <t xml:space="preserve">本人是初学菜鸟,请问狮子吼的书在哪里买?我怎么买不到呢?狮子吼的 </t>
  </si>
  <si>
    <t>可以去落霞书店或土城，西域或禁地看看，有没有没有就去，矿坑打僵尸暴，尸王等</t>
  </si>
  <si>
    <t xml:space="preserve">请母乳喂养的姐妹们帮帮忙啊,谢谢!我的宝宝今天47天了,喂宝宝吃 </t>
  </si>
  <si>
    <t>我也是这样，只要是奶水充足，它就会自动流出，根本不用担心胀奶或是压着了，没办法，人家说是“漏奶”，我现在是在宝宝吃一侧奶的时候，用手轻轻的揉另一侧乳头及乳晕这一区域，这样就不会再有乳汁流出了，当然乳汁多的时候，每隔一小会就要揉一下，不然还会有乳汁流出。</t>
  </si>
  <si>
    <t xml:space="preserve">主意不错吧？最近，我越来越觉得大案兄弟是个人才了，觉得他懂得东西 </t>
  </si>
  <si>
    <t>山人还能算命相面,招财去灾,且通晓古今中外,过去未来,改名就不必了,楼主还是拜我为师,戒去色心,出家当道士吧!善哉,善哉.</t>
  </si>
  <si>
    <t xml:space="preserve">中国有多少种足球杂志 </t>
  </si>
  <si>
    <t>专业足球杂志有《足球周刊》，《足球俱乐部》，《足球世界》，《踢球者》中文版，《足球之夜》杂志，《射门》等。 还有《体育世界》和《当代体育》两种杂志都是足球和篮球的内容各一半。体育类报纸有长沙的《体坛周报》，广州的《足球》，天津的《球迷》，北京的中国足协机关报《中国足球报》，大连的《北方体育·足球周报》，还有曾经和《体坛周报》，《足球》三足鼎立的沈阳的《球报》，可惜因为经营不善，今年夏天停刊了。几年前红极一时的广州的《南方体育》，今年８月３０日也停刊了。</t>
  </si>
  <si>
    <t>求电脑高手,文件夹里的东西神秘消失了,帮我找回来在我的电脑</t>
  </si>
  <si>
    <t>Thumbs.db并不是病毒，只是你浏览图片后自动产生的图片预览缓存文件，一般都没有什么用，可以直接删除的lz可是试试Quadro Uneraser这个恢复任何被删除的文件的软件工具，我自己一般都是用这个软件来恢复已经删除的文件的，前提是你没有copy新的文件在你这个盘里</t>
  </si>
  <si>
    <t xml:space="preserve">想问一下，今年广东文科考生544上广商可能吗？ </t>
  </si>
  <si>
    <t xml:space="preserve">余晓征说，根据近几年该校的录取情况，建议各位考生在第二批A线第一志愿填报该校（广商），分数在一本线左右的考生可大胆报考该校，分数在一本线下30分左右考生被录取的把握性估计比较大，二本线上10多分考生可以“博一下”。 </t>
  </si>
  <si>
    <t xml:space="preserve">PPP图高手帮帮忙！谢谢！！！随便PPPPP怎么好看怎么PPPP </t>
  </si>
  <si>
    <t>你好我给你P了张看下，喜欢吗？</t>
  </si>
  <si>
    <t xml:space="preserve">连接桥的任务只能接一次吗？连接桥的任务是不是只能接一次？是不是要 </t>
  </si>
  <si>
    <t>那个任务只能结一次的</t>
  </si>
  <si>
    <t xml:space="preserve">虎皮鹦鹉可以在一只大笼子养２对以上吗？aaa </t>
  </si>
  <si>
    <t>虎皮鹦鹉可成对饲养，也可成群饲养，只要笼子够大。</t>
  </si>
  <si>
    <t xml:space="preserve">那尼亚传奇好看吗?本来很想去看的,有好几个人都说不好看,害我没了 </t>
  </si>
  <si>
    <t>还可以!不过跟指环王比是差了许多..这片子给小孩子看比较合适!故事结构上我觉得不是太严紧.</t>
  </si>
  <si>
    <t xml:space="preserve">宝宝71天头发一直竖着长,说是缺锌,可该怎么给她补呢宝宝的头发洗 </t>
  </si>
  <si>
    <t xml:space="preserve">    我有个表妹小时侯头发就那样长,我们感觉挺可爱,也没听说缺啥,人家现在是教师呢?    如果你不放心最好到正规医院去做一个血锌检查,听听医生的意见,我家宝宝一岁多,头发黄,缺锌正补呢!祝宝宝健康!</t>
  </si>
  <si>
    <t xml:space="preserve">地理问题请求帮助！阳光农业是什么？分布在什么地方？ </t>
  </si>
  <si>
    <t xml:space="preserve"> 阳光农业科技发展有限公司是一家专业的农业产品公司。地处腹地，这里远离城市和工业区，连绵的群山，人烟稀少，山明水净，空气清新；其油茶树一年四季云滋雾养，饱含日月精华，天地灵气；研制开发出的野生茶油，沿袭古老传统，采用野生油茶籽，运用现代先进设备和工艺精炼而成，油质清亮，风味淡雅，营养丰富。既保存了茶油的传统本质，又符合人们崇尚自然、提升生活质量的需求。长期食用，能有效调节血脂，预防高血压、高血脂、高胆固醇等心脑血管疾病。其渣滓压榨成饼，名为茶饼（油枯），可以得到再次利用。茶饼盛含皂碱，是重要的化工及洗发原料。 "源于自然，把绿色食品奉献于人类"是阳光农业永恒的追求。不断创新、永无止境是我们不断发展的基石，重合同、守信用是我们的宗旨。我们愿与各界同仁真诚合作，为绿色食品的发展和人类的健康共创辉煌明天。</t>
  </si>
  <si>
    <t xml:space="preserve">介绍一下国外比较好的动画片电影介绍一些国外的比较好的动画片电影， </t>
  </si>
  <si>
    <t>美食总动员~非常好看~建议看一下~呵呵</t>
  </si>
  <si>
    <t xml:space="preserve">漏电保护开关老跳闸是什么回事电源插座同属此线路的三项插座常插。笔 </t>
  </si>
  <si>
    <t>更换漏电开关后正常，明显就是原来的漏电开关性能不好导致误动作。</t>
  </si>
  <si>
    <t xml:space="preserve">怎么怀孕不上，急！！！！！！！！！！请妇科医生帮忙回答一下，谢谢 </t>
  </si>
  <si>
    <t>我也是和你一样呀，以前做过药流，后来要了五个月才要上的，你可以去医院先验血吧，验不孕四项，我当时就验了，发现我有抗体，不容易怀孕，是因为药流吃药造成的身体里的抗体，不过还好，我在没有治疗的情况下检查的当月就有了，验血是最基本的，最好不要轻易做输卵管通夜呀，对子宫有害的，再试几个月吧，在排卵期同房，说不定你很快就能怀孕了。</t>
  </si>
  <si>
    <t xml:space="preserve">注册表不能修改当我想通过修改注册表来破解限制的时候，注册表提示： </t>
  </si>
  <si>
    <t>看看你的杀毒监控软件是不是选择了禁止修改注册表项</t>
  </si>
  <si>
    <t>升级显卡电脑主板是技嘉M61PME</t>
  </si>
  <si>
    <t>你看看gt240如何了。话说你的主板和cpu可是够老的了。</t>
  </si>
  <si>
    <t xml:space="preserve">为什么下载不了UT呀``急死了哭拉``怎么老是无法显示捏``郁闷 </t>
  </si>
  <si>
    <t xml:space="preserve">我想应该是服务器的问题造成的，我去官方看了一下也进不去你可以到别的下载网站下载，比如 </t>
  </si>
  <si>
    <t xml:space="preserve">妖刀问题请问哪种包能开出妖刀，我是苍天的，要是有人卖我也行，我叫 </t>
  </si>
  <si>
    <t>呵呵，我也是苍天的，我的妖刀是买的，开包的几率不太高，还不如直接用SGB去买，大概1-1.2亿。</t>
  </si>
  <si>
    <t xml:space="preserve">脸上毛孔粗大怎么办? </t>
  </si>
  <si>
    <t xml:space="preserve">缩小毛孔方法： 1、冰敷--把冰过的水用化妆棉沾湿，敷在脸上或毛孔粗大的地方，可以起到不错的收敛效果。 2、毛巾冷敷--把干净的专用小毛巾放在冰箱里，洗完脸后，把冰毛巾轻敷在脸上几秒钟。 3、用水果敷脸--西瓜皮、柠檬皮等都可以用来敷脸，它们有很好的收敛柔软毛细孔、抑制油脂分泌及美白等多重功效。 找对原因 粗大毛孔易收紧 4、柠檬汁洗脸--油性肌肤的人可以在洗脸时，在清水中滴入几滴柠檬汁，除了可收敛毛孔外，也能减少粉刺和面疱的产生。(但注意浓度不可太浓，且不可将柠檬汁直接涂抹在脸上) 5、化妆棉+化妆水--事先准备1小瓶无油化妆水再装上化妆棉，一小时后，以化妆棉喷上化妆水轻拭出油的部位，对于毛孔粗大的你来说是清爽又有效的。 6、鸡蛋橄榄油紧肤--将一个鸡蛋打散，加入半个柠檬汁及一点点粗盐，充分搅拌均匀后，将橄榄油加入鸡蛋汁里，使二者混合均匀。平日可将此面膜储存在冰箱里，一周做1-2次就可以让肌肤紧实，改善毛孔粗大，促进皮肤的光滑细致。 7、栗皮紧肤--取栗子的内果皮，捣成末状，与蜂蜜均匀搅拌，涂于面部，能使脸部光洁、富有弹性。 </t>
  </si>
  <si>
    <t xml:space="preserve">清泉老师00002063后市如何操作? </t>
  </si>
  <si>
    <t>000939 继续持有.600056 择高降低仓位.600388 参与震荡.002063 参阅相同回答.</t>
  </si>
  <si>
    <t xml:space="preserve">人与人要怎么相处特别是跟不喜欢的人 </t>
  </si>
  <si>
    <t>不喜欢也不要表现出来，保持距离就好。</t>
  </si>
  <si>
    <t xml:space="preserve">是什么病毒？求高手帮忙！到底是什么病毒？我用金山毒霸和瑞星都杀不 </t>
  </si>
  <si>
    <t xml:space="preserve">恶意网站,广告而已.试试Scan Spyware ,这是一款用来检查和清除广告软件和间谍软件等危害系统安全软件的工具，使用简单方便有效。 </t>
  </si>
  <si>
    <t xml:space="preserve">电脑用蓝牙适配器就可以跟手机互通了吗手机具有蓝牙功能，在电脑上插 </t>
  </si>
  <si>
    <t>电脑装载蓝牙可以和有蓝牙功能的手机进行这些文件，如歌曲，图片等互传，但如果需要同步手机，还需要在电脑端装上该手机的同步软件，这样可以实现通过电脑备份手机联系人，短信等，当然手机支持的话还可以通过这样的方式让电脑无线上网</t>
  </si>
  <si>
    <t xml:space="preserve">“刚毅”为何做不成？1.11单机版！同上？ </t>
  </si>
  <si>
    <t>只要神符之语补丁就行了,这里就是了. 下载后解压缩,然后把释放出来的PATCH_D2.MPQ文件复制到暗黑文件夹中,替换原文件即可.</t>
  </si>
  <si>
    <t xml:space="preserve">女儿被小男生打女儿6岁多,每天回家都和门房的一个5岁的男孩玩耍, </t>
  </si>
  <si>
    <t>你的女儿将来有出息,因为有度量,有承受力,不计较个人得失,现在这样的孩子太少了,我很欣赏她，但你一定教会她必要的自卫。男人斤斤计较(从小看大)没出息,另有这样的家长……，可悲呀。</t>
  </si>
  <si>
    <t xml:space="preserve">鲁迅在桌上刻早字是什么形象 </t>
  </si>
  <si>
    <t>鲁迅的书桌上刻着一个小小的“早”字。字横着，很像一个还没开放的花骨朵，又像一支小小的火把。这个“早”字有一段来历∶鲁迅的父亲害了病，鲁迅一面上书塾读书，一面帮着母亲料理家务，几乎天天奔走于当铺和药铺之间，把家里的东西拿到当铺去换了钱，再到药铺去给父亲买药。有一天早晨，鲁迅上学迟到了。教书认真的寿镜吾老先生严厉地对他说∶“以后要早到！”鲁迅默默地回到座位上，就在那张旧书桌上刻了个“早”字，也把一个坚定的信念深深地刻在心里。从那以后，鲁迅上学再没有迟到过，而且时时早，事事早，毫不松弛地奋斗了一生。</t>
  </si>
  <si>
    <t xml:space="preserve">追高买入的600193天价天量明天却要临时停牌了钱老师您好！今天 </t>
  </si>
  <si>
    <t>600193：网上有一个信息传闻说要停牌。但该股F10里并没有说要停牌。通常应该以上市公司的公告为准。该股转产矿业和稀土资源应该是比较看好的股票。其业绩大增，和卖出房地产有关。这只股票你确实点位买的高了。不过该股已经突破新高，而且是历史新高。想来拉升的压力基本没有。应该继续走好。</t>
  </si>
  <si>
    <t xml:space="preserve">乐骋的刹车盘为何不耐用我是去年12月买的乐骋，开了不到25000 </t>
  </si>
  <si>
    <t>一般说来，刹车盘的耐用不是以公里数来衡量，而是低于标准厚度3毫米时需要更换新刹车盘， 要是经常高速，并刹车较重，或是山路多，就可能出现你现在的现象，要不是上诉用法，就是产品品质差了点，就不要找4S店了，去汽配市场吧。</t>
  </si>
  <si>
    <t xml:space="preserve">为什么男人一定要让女人照顾？女人就一定有这义务吗?结婚的男人为什 </t>
  </si>
  <si>
    <t>谁说男人一定要女人照顾了?中国家庭传统是男人在外.女人主内.可是现在的社会.男女平等撒~一起上班一起回家做家务.</t>
  </si>
  <si>
    <t xml:space="preserve">在医院检查，医生说是强直性脊柱炎，该怎么调理 </t>
  </si>
  <si>
    <t>有一定难度，需要到我们上海中心来咨询、调理</t>
  </si>
  <si>
    <t xml:space="preserve">建行信用卡在工行取款费用？9月21日用建行信用卡在工行ATM机上 </t>
  </si>
  <si>
    <t>取现要收取千分之五的手续费。最低2元最高50元。跨行还有2-4元银联结算费。</t>
  </si>
  <si>
    <t xml:space="preserve">来月经时感冒了应该吃什么药啊?能不能服用双黄莲口服液啊?会不会对 </t>
  </si>
  <si>
    <t>感冒貌似小病，药不对症就治不好病。看看你应该选哪一种药物，风寒感冒：这种类型的感冒多见于不慎着凉，感受风寒，出现发热，怕冷的症状，但不出汗，鼻流清涕，伴有咳嗽，咽喉干红，舌头上有一层薄薄的白苔。 风热感冒：这种类型的感冒体温较高，往往怕风，有汗，鼻子不通气，流黄浓鼻涕，咳嗽有白痰，咽部红肿疼痛，口渴多饮，舌头上有黄色舌苔。 肠胃型感冒：除了感冒的常见症状以外，还会出现腹部帐气，不思饮食等不适，有的嘴里还可以闻到一种酸臭气味，严重时呕吐酸腐的未消化食物。同时，排出的大便也有酸臭味，并伴腹痛、腹泻、大便干燥、多日不排便以及尿少色黄、舌苔又黄又厚等症状。 流行感冒：这种感冒发热较为突然，出现高热不退，怕冷无汗或出汗后体温仍不下降，并伴有全身无力、肌肉酸痛，舌苔黄腻等不适。　a、 风寒感冒：主要症状为发烧怕冷、头痛、咽喉发痒、周身不适、咳嗽多稀白痰、鼻塞或流清涕、无汗、舌苔薄白、脉浮紧或浮缓等。应选用柴胡冲剂、麻黄止嗽丸、参苏理肺丸忌用桑菊感冒片、银翘解毒片、复方感冒片等。。　　b、 风热感冒：症状为恶寒轻、发热重、头胀痛、咽喉肿痛、口微渴、少汗出、咳嗽吐黄痰等。应选用桑菊感冒片、银翘解毒片、羚翘解毒片、Vc银翘片、复方感冒灵片等。忌用羌活丸、理肺（参苏、通宣）丸等。　　c、 胃肠型感冒与暑热感冒：症状为恶寒发烧、热度不高、恶心呕吐、腹痛泻下，或头重头痛、无汗，或四肢倦怠等。应选用藿香正气水、霍香散等。胃肠型感冒者不能选用保和丸、山楂丸、香砂养胃丸等。　　d、 若属流行性感冒可服用复方大青叶冲剂、板蓝根冲剂、感冒冲剂等。e、风寒和风热混合型感冒　　症状为高热、恶寒、头痛、眩晕、四肢酸痛、咽喉肿痛、大便干燥、小便发黄、舌苔薄黄、舌头红赤。应选 用表里双解的药物，如防风通圣丸（散）等。不宜单用银翘解毒片、桑菊感冒片或牛黄解毒片等。若属流行性感冒可服用复方大青叶冲剂、感冒冲剂等。通用名：双黄连口服液适应症：清热解毒。用于感冒发热，咳嗽，咽痛。成分：金银花、连翘、黄芩。用法用量：口服一次20ml，一日3次，小儿酌减。注意事项：（1）素有咳嗽、高血压、心脏病、肝病、肾病等严重慢性病者，孕妇或正在接受其他治疗的患者均应在医师指导下服用。（2）应严格按照用法用量服用，婴幼儿、年老体虚患者应在医师指导下服用。（3）风热感冒患者服用三天后，症状无缓解，或发热加重，并出现其他严重症状时，应停药，并去就诊。（4）该药应放置于儿童不能触及处。（5）过敏体质者慎用。禁忌症：不适用于风寒感冒。不宜在服药期间同时服用滋补性中成药。</t>
  </si>
  <si>
    <t xml:space="preserve">桑子的药用价值,怎么吃法?据说桑子有很好的保健作用,不知怎么吃法 </t>
  </si>
  <si>
    <t>桑椹 通称桑果。属桑科植物桑树上所结的一种聚合果。嫩时色青，味酸，老熟时色紫黑，多汁，味甜。桑椹子、桑皮、桑叶、桑枝都作用。 ≮性味 ≯甘、平，无毒。 ≮美食药理 ≯桑枝煎汁，给予动物口服，证明有使血压下降作用，桑根白皮也有降血压作用，但根及新梢叶无降压作用。≮美食成分 ≯ 桑叶有多量胡萝L素及鞣质。桑皮含还原糖，多缩戊糖及半乳糖酐。成熟桑椹果含葡萄糖，蔗粮，琥珀酸，酒石酸，维生素B1、B2、C，烟酸，色素等。未熟青桑椹含有氰酸。≮美食功效 ≯ 桑椹：补虚益气，去水气。桑叶降血压，清肝明目。嫩桑枝去风湿，治臂痛。桑根白皮利尿、止咳、治浮肿。风湿性关节疼痛，麻痹不仁以及各种神经痛：鲜黑桑椹30一60克，水煎服。或桑椹膏，每服一匙，以温开水和少量黄酒冲服。风湿筋骨痛：干桑枝切成寸段，劈细，桑叶等分，同置炉内，燃烟熏患处，一日2次，每次20分钟急性肾炎，喘咳，小便不利(包括慢性肾炎)：桑根白皮、冬瓜皮、玉米须各15克，水煎，一日2次分服。高血压，头昏头晕，或感冒头痛：经霜桑叶30克，黄菊花9克，水煎，—一日2次分服。高血压，血管硬化，风湿筋骨痛，肢臂酸痛：嫩桑枝30克，蚕砂15克，水煎服。贫血，神经衰弱，脚膝痛，肢体麻痹，中风后半身不遂，大便干结：桑椹膏每服一匙，一日2—3次，以温水和黄酒少许化服。盗汗：经霜桑叶30克，炒焦，搓碎，煎汤代茶喝。闭经：桑椹15克，红花3克，鸡血藤12克，加黄酒和水煎，一日2次温服。破伤风痉挛抽搐：桑叶60克，水煎服</t>
  </si>
  <si>
    <t xml:space="preserve">体外射精对身体有什么伤害吗？ </t>
  </si>
  <si>
    <t>有。因为到高潮时，若想着拔出，久而久之，性神经会受损，而且对身体也有害。还有，如果是想避孕的话，这样也不可靠，因为男人在射精前其实已经有部分精液流出了。</t>
  </si>
  <si>
    <t xml:space="preserve">皮肤的角质层厚了不好吗?走进化妆品店,里面的美女使劲对我评头论足 </t>
  </si>
  <si>
    <t>角质层对皮肤可以起到保护作用，太薄和太厚都不好。太薄了容易受到外界机械、理化因素损伤和感染；太厚了则容易干裂并导致感染。角质层在身体各个部位的厚度是不同的，比如脚底就比较厚。通常情况下，角质层厚到一定程度就会自行脱落，不会出现过薄过厚的现象。化妆品店的人说你角质层厚，并没有什么依据，不过是想推销她们的产品。对这类产品的使用一定要小心，破坏了正常的角质层，虽然短期内可使皮肤显得细嫩，但会使皮肤易受外界损伤和过敏。别让人忽悠了！</t>
  </si>
  <si>
    <t xml:space="preserve">手机铃声怎样下载到电脑上 </t>
  </si>
  <si>
    <t>用网页嗅探软件如“多媒体嗅探专家“就可以知道铃声的真实地址，。再用下载软件下载，明白了吗？</t>
  </si>
  <si>
    <t xml:space="preserve">哪个翻译软件好用?最好是断网的时候还能用的 </t>
  </si>
  <si>
    <t xml:space="preserve">金山快译2007 金山快译2007破解补丁  迅雷5下载,金山词霸 2007 完整破解版(435.19MB)直接把连接粘贴到迅雷任务里面 </t>
  </si>
  <si>
    <t xml:space="preserve">电动车在车棚被烧我的电动车今天凌晨2：00在车棚被一场大火烧了。 </t>
  </si>
  <si>
    <t>应该找车棚管理处，因为他收取了管理费，他有直接责任·······</t>
  </si>
  <si>
    <t xml:space="preserve">到底吃什么奶粉好呀！我家宝宝一岁三个月了，前面一直吃美赞臣，可是 </t>
  </si>
  <si>
    <t>我跟你的情况一样，我家宝宝1岁2个月。我已经给宝宝换了美素，感觉美素比美赞臣要浓一些。奶粉的颜色要黄点，没有美赞臣奶粉那么细和干。宝宝的大便跟以前差不多。 其他还要才吃些时间才知道。</t>
  </si>
  <si>
    <t xml:space="preserve">这单子有戏吗？周四001霍德0布兰周四002赫根31赫尔辛堡周四 </t>
  </si>
  <si>
    <t>我估计没戏。马尔默 31感觉比较实在，沙尔克04  017 31 不太好</t>
  </si>
  <si>
    <t xml:space="preserve">润滑油的主要指标?润滑油的主要指标是什么 </t>
  </si>
  <si>
    <t>润滑油是一种技术密集型产品，是复杂的碳氢化合物的混合物，而其真正使用性能又是复杂的物理或变化过程的综合效应。润滑油的基本性能包括一般理化性能、特殊理化性能和模拟台架试验。　　一般理化性能　　每一类润滑油脂都有其共同的一般理化性能，以表明该产品的内在质量。对润滑油来说，这些一般理化性能如下：　　外观（色度）　　　　　油品的颜色，往往可以反映其精制程度和稳定性。对于基础油来说，一般精制程度越高，其烃的氧化物和硫化物脱除的越干净，颜色也就越浅。但是，即使精制的条件相同，不同油源和基属的原油所生产的基础油，其颜色和透明度也可能是不相同的。　　对于新的成品润滑油，由于添加剂的使用，颜色作为判断基础油精制程度高低的指标已失去了它原来的意义。　　密度　　　　密度是润滑油最简单、最常用的物理性能指标。润滑油的密度随其组成中含碳、氧、硫的数量的增加而增大，因而在同样粘度或同样相对分子质量的情况下，含芳烃多的，含胶质和沥青质多的润滑油密度最大，含环烷烃多的居中，含烷烃多的最小。　　粘度　　　　粘度反映油品的内摩擦力，是表示油品油性和流动性的一项指标。在未加任何功能添加剂的前提下，粘度越大，油膜强度越高，流动性越差。　　粘度指数　　　粘度指数表示油品粘度随温度变化的程度。粘度指数越高，表示油品粘度受温度的影响越小，其粘温性能越好，反之越差。 　　闪点　　　　闪点是表示油品蒸发性的一项指标。油品的馏分越轻，蒸发性越大，其闪点也越低。反之，油品的馏分越重，蒸发性越小，其闪点也越高。同时，闪点又是表示石油产品着火危险性的指标。油品的危险等级是根据闪点划分的，闪点在45℃以下为易燃品，45℃以上为可燃品，，在油品的储运过程中严禁将油品加热到它的闪点温度。在粘度相同的情况下，闪点越高越好。因此，用户在选用润滑油时应根据使用温度和润滑油的工作条件进行选择。一般认为，闪点比使用温度高20～30℃，即可安全使用。　　凝点和倾点　　　　凝点是指在规定的冷却条件下油品停止流动的最高温度。油品的凝固和纯化合物的凝固有很大的不同。油品并没有明确的凝固温度，所谓"凝固"只是作为整体来看失去了流动性，并不是所有的组分都变成了固体。　　润滑油的凝点是表示润滑油低温流动性的一个重要质量指标。对于生产、运输和使用都有重要意义。凝点高的润滑油不能在低温下使用。相反，在气温较高的地区则没有必要使用凝点低的润滑油。因为润滑油的凝点越低，其生产成本越高，造成不必要的浪费。一般说来，润滑油的凝点应比使用环境的最低温度低5~7℃。但是特别还要提及的是，在选用低温的润滑油时，应结合油品的凝点、低温粘度及粘温特性全面考虑。因为低凝点的油品，其低温粘度和粘温特性亦有可能不符合要求。　　凝点和倾点都是油品低温流动性的指标，两者无原则的差别，只是测定方法稍有不同。同一油品的凝点和倾点并不完全相等，一般倾点都高于凝点2～3℃，但也有例外。 　　酸值、碱值和中和值　　　　酸值是表示润滑油中含有酸性物质的指标，单位是mgKOH/g。酸值分强酸值和弱酸值两种，两者合并即为总酸值（简称TAN）。我们通常所说的"酸值"，实际上是指"总酸值（TAN）"。　　碱值是表示润滑油中碱性物质含量的指标，单位是mgKOH/g。　　碱值亦分强碱值和弱碱值两种，两者合并即为总碱值（简称TBN）。我们通常所说的"碱值"实际上是指"总碱值（TBN）"。　　中和值实际上包括了总酸值和总碱值。但是，除了另有注明，一般所说的"中和值"，实际上仅是指"总酸值"，其单位也是mgKOH/g。　　水分　　　　水分是指润滑油中含水量的百分数，通常是重量百分数。润滑油中水分的存在，会破坏润滑油形成的油膜，使润滑效果变差，加速有机酸对金属的腐蚀作用，锈蚀设备，使油品容易产生沉渣。总之，润滑油中水分越少越好。　　机械杂质　　　　机械杂质是指存在于润滑油中不溶于汽油、乙醇和苯等溶剂的沉淀物或胶状悬浮物。这些杂质大部分是砂石和铁屑之类，以及由添加剂带来的一些难溶于溶剂的有机金属盐。通常，润滑油基础油的机械杂质都控制在0.005%以下（机杂在0.005%以下被认为是无）。　　灰分和硫酸灰分　　　　灰分是指在规定条件下，灼烧后剩下的不燃烧物质。灰分的组成一般认为是一些金属元素及其盐类。灰分对不同的油品具有不同的概念，对基础油或不加添加剂的油品来说，灰分可用于判断油品的精制深度。对于加有金属盐类添加剂的油品（新油），灰分就成为定量控制添加剂加入量的手段。国外采用硫酸灰分代替灰分。其方法是：在油样燃烧后灼烧灰化之前加入少量浓硫酸，使添加剂的金属元素转化为硫酸盐。　　残炭　　　　油品在规定的实验条件下，受热蒸发和燃烧后形成的焦黑色残留物称为残炭。残炭是润滑油基础油的重要质量指标，是为判断润滑油的性质和精制深度而规定的项目。润滑油基础油中，残炭的多少，不仅与其化学组成有关，而且也与油品的精制深度有关，润滑油中形成残炭的主要物质是：油中的胶质、沥青质及多环芳烃。这些物质在空气不足的条件下，受强热分解、缩合而形成残炭。油品的精制深度越深，其残炭值越小。一般讲，空白基础油的残炭值越小越好。 　　现在，许多油品都含有金属、硫、磷、氮元素的添加剂，它们的残炭值很高，因此含添加剂油的残炭已失去残炭测定的本来意义。机械杂质、水分、灰分和残炭都是反映油品纯洁性的质量指标，反映了润滑基础油精制的程度。</t>
  </si>
  <si>
    <t xml:space="preserve">你愿意为你的女朋友变成蜻蜓吗?本来他们是人见人爱的一对,后来女孩 </t>
  </si>
  <si>
    <t xml:space="preserve">楼上的如果说这个故事不成熟的话,那你是没有真正了解这个故事的深层意义为了爱变做蜻蜓为了女友能醒来这是对爱的奉贤,一种自我牺牲的精神.可以把这种对爱的奉贤挪到现实生活中. 现实中这种伟大的爱不是很多么? </t>
  </si>
  <si>
    <t xml:space="preserve">什么人最多烦恼 </t>
  </si>
  <si>
    <t>爱问知识人呀！一天那么多问题……</t>
  </si>
  <si>
    <t xml:space="preserve">男人应该怎样对女人性暗示？谢了 </t>
  </si>
  <si>
    <t>没有把握的女人暗示也没用，有感情的怎么暗示都行，</t>
  </si>
  <si>
    <t xml:space="preserve">公司购入材料装修用如何处理 </t>
  </si>
  <si>
    <t>如果金额不大，直接计入相关的费用科目。如果金额大，可以记入“长期待摊费用--装修费”科目；然后，按照税法规定3年摊销。</t>
  </si>
  <si>
    <t xml:space="preserve">现金日记账做账流程现在公司的办公室人员都在我这报销，我想问一下我 </t>
  </si>
  <si>
    <t>你备用金用完了要及时和财务结帐,有的公司制度规定你上次帐目未清下次的请款是不行的你一次结清再支一次,这样比较清楚,要是你多次累计,自己哪天不小心把发票弄丢了,你就要把这个差额给补上了,得不偿失啊</t>
  </si>
  <si>
    <t xml:space="preserve">真是名不虚传哈！……AK47果然是简单易用！不愧是第三世界国家人 </t>
  </si>
  <si>
    <t>猩猩的那个视频吧，我不觉得猩猩会拉枪栓上膛，到时有可能黑人士兵递给猩猩的那只AK已经上膛了。</t>
  </si>
  <si>
    <t xml:space="preserve">什么是迷宫活动？迷宫活动怎么做的？ </t>
  </si>
  <si>
    <t>迷宫.一共25层.每一个有三个NPC.可又去下一层.点错NPC会反回到另一层..每5层可又找经验王领取经验....迷宫在凤凰城车夫旁边迷宫传送者进入.</t>
  </si>
  <si>
    <t xml:space="preserve">怎样才能学好英语？我自从工作来就没有再碰过英语了，但现在我想重新 </t>
  </si>
  <si>
    <t xml:space="preserve">一、牢记句子比单词重要  中国人学英语，最常用的方法是背单词，甚至有人以能背出一本词典为荣，但是词典上的解释是死的，语言的运用却是活的，机械的理解会造成很大的误解。词典不是最重要的，关键在于语境。可以说，单词没有多少实际运用的价值，机械记忆的单词量再大，也不会真正提高你的外语水平。要养成背诵句子的好习惯。  不要学“古董英语”。任何语言都是活的，每天都会发展，学习陈旧的语言毫无新鲜感，而且基本无处可用。不鲜活、不入时、不风趣幽默的语言不是我们要学的语言，多读外文报纸、多看原版影视作品才会有助于补充新词汇。  听不懂也要听  练习听力时，许多人抱怨听不懂，因而丧失了听的乐趣，往往半途而废。其实，即使听不懂也是一种学习，只不过你自己觉察不到而已。这是培养语感的开始。所以切记：听不懂时，你也在进步。  练习听力，要充分利用上的无意注意，只要一有时间，就要打开录音机播放外语磁带，使自己处于外语的语言环境中，也许你没听清楚说些什么，这不要紧，你可以随便做其他事情，不用去有意听，只要你的周围有外语环境的发音，你的听力就会提高。  敢于开口  学英语很重要的一点是用来和他人交流，但开口难也是中国人学英语的一大特点。问题出在以下几点：  一是有些人把是否看懂当成学习的标准。拿到一本口语教材，翻开几页一看，都看懂了，就认为太简单了，对自己不合适。其实，练习口语的教材，内容肯定不会难，否则没法操练。看懂不等于会说，把这些你已经学会的东西流利地表达出来，才是口语教材最主要的目标。  二是千万不要用汉字来记英语发音。  不敢开口的第三点是怕语法有错。没有具体问题，一般不要去读语法书。超前学习语法，会使你如坠云里雾里，丧失学习外语的乐趣和信心。学语言不存在对错，只要能说出来，意思让人家明白就可以了，不用费尽心机考虑用什么句型，只要能选准一个单词就行。  学口语最好的办法，不是做习题，不是背诵，也不是看语法书，而是反复高声朗读课文，这种做法的目的是培养自己的语感，只有具备了语感，才能在做习题时不假思索、下意识地写出正确答案。而且，当你熟练朗读几十篇课文后，很多常用句子会不自觉地脱口而出，所谓的“用外语思维阶段”就会悄然而至。  学习英语没有“速成”之说。学好英语也没有捷径，只有方法的好坏。  比如记英语单词，低着头拼命默写就不是一个好办法。好的方法是大声朗读，反复训练发音器官和耳朵，把声音铭刻在脑子里。这样既可以提高听力，又可以改进口语发音，还记了单词。    寻找一个学习伙伴  学习英语还要有较大的动力。每次你坐下来学习，无论在家里还是在语言中心，都需要短期动力集中精力读和听。但更需要长期动力，保证每天经常做这样的事情———这是最难的。所以许多人开始学习英语，过一段时间很快就放弃了———我们学习英语不是一个持续的提高过程，而是通过一系列的突然提高以及间隔着似乎没有变化的阶段，这就是所谓“高原效应”。在几个月的学习中，你都可能注意不到英语的巨大提高，在这些时候，学习者最容易失去长期的动力并放弃学习。二、 学外语的十条经验  谈到外语学习，匈牙利有一位叫卡莫·洛姆布的人说：“我大致用了25年的时间学习了16种语言，10种达到能说的程度，另外6种达到能翻译专业书刊，阅读和欣赏文艺作品的程度。” “我把自己漫游外语天地所获得的心得体会总结为十条：  1、学习外语一天也不能中断。倘若确实没有时间，哪怕每天挤出10分钟也行；早晨是学习外语的大好时光。  2、要是学厌了，不必过于勉强，但也不要扔下不学。这时可以改变一下学习方式；比如把书放到一边去听听广播，或暂时搁下课本的练习去翻翻词典等。  3、绝不要脱离上下文孤立地去死背硬记。  4、应该随时地记下并背熟那些平日用得最多的“句套子”。  5、尽可能‘心译’你接触到的东西，如一闪而过的广告，偶而听到的话语，这也是一种休息的方式。  6、只有经过教师修改的东西才值得牢记。不要反复去看那些做了而未经别人修改的练习，看多了就会不自觉地连同错误的东西一起记在脑了里。假如你纯属自学而无旁人相助，那你就去记那些肯定是正确无误的东西。  7、抄录和记忆句子和惯用语时要用单数第一人称，如“I am only pulling your leg"(我只是要戏弄你) 8、外语好比碉堡，必须同时从四面八方向它围攻：读报纸，听广播，看原文电影，听外语讲演，攻读课本，和外国朋友通讯，来往，交谈等等。  9、要敢于说话，不要怕出错误，要请别人纠正错误。尤为重要的当别人确实为你纠正错误时，不要难为情，不要泄气。  10、要坚信你一定能达到目的，要坚信自己有坚强不屈的毅力和语言方面的非凡才能…… </t>
  </si>
  <si>
    <t xml:space="preserve">换装备的问题攻4持久45的43号可以换到雷霆戒一对吗?如果不够大 </t>
  </si>
  <si>
    <t>兄弟，不是我刺激你，你的43号只能换一个雷霆戒指哦。我建议你别换，自己带对圣戒+43号，比雷霆好看呢。</t>
  </si>
  <si>
    <t xml:space="preserve">请问医生怎么解决每次我和老婆过性生活的时候都很迫不及待，而且时间 </t>
  </si>
  <si>
    <t>您这种情况属于早泄 如果觉得比较影响性生活 可以吃一段时间的舍曲林 一天一次 一次一片 服药期间注意调节心理 增强自信 祝早日康复</t>
  </si>
  <si>
    <t xml:space="preserve">高血压和低血压的症状？ </t>
  </si>
  <si>
    <t>　　高血压通常没有任何症状，所以很难感觉得到，需要经过定期的体检才能发现，因此，定期体检对于有高血压遗传病史或有具体的危险因素的患者来说非常重要。　　当血压非常高的时候，患者会感觉到剧烈的头痛、胸痛、心力衰竭（尤其感到呼吸困难、体力不支），如果发现有任何这种症状，就应该立即去医院检查并接受处理。</t>
  </si>
  <si>
    <t xml:space="preserve">生产天然气的上市公司有哪些？ </t>
  </si>
  <si>
    <t>600772.000670.000956</t>
  </si>
  <si>
    <t>在高等数学中“(n</t>
  </si>
  <si>
    <t>这是"双阶乘". 当n-1是奇数时, (n-1)!!=1*3*5*...*(n-3)*(n-1);当n-1是偶数时, (n-1)!!=2*4*6*...*(n-3)*(n-1).</t>
  </si>
  <si>
    <t xml:space="preserve">tan22′tan4°30′是多少?谢谢!!! </t>
  </si>
  <si>
    <t>在电脑的计算机里面有函数吧查查看</t>
  </si>
  <si>
    <t xml:space="preserve">东莞做痔疮手术要多少钱啊？ </t>
  </si>
  <si>
    <t>由于痔疮分内痔、外痔、混合痔。要想确定治疗痔疮的费用，首先要到正规公立的医院做专业详细的检查明确病情，根据检查的结果来做对症的治疗。确定了治疗的方式才能得出准确的治疗费用。治疗痔疮的费用是没有一个准确的数字的，具体的治疗费用要根据你实际的病情来定。轻微的痔疮病情相对来说费用就少，相反，严重的痔疮病情治疗难度大，费用也偏高。因此，应到公立医院做专业的检查确诊病情后才能得知治疗费用。由于痔疮分内痔、外痔、混合痔。不同的痔疮所采用的治疗方式也是不同的。因此，要确定治疗费用，应到正规公立医院做专业的检查，明确病情后选择对应的治疗方式，此时可以得知准确的治疗费用。</t>
  </si>
  <si>
    <t xml:space="preserve">电脑显示在我的博文后面博友的评论后，我回复完了以后，点击发送以后 </t>
  </si>
  <si>
    <t>这是网络原因，清除IE缓存后刷新一下试试。</t>
  </si>
  <si>
    <t xml:space="preserve">在计算机术语中,什么叫双面颗粒内存条 </t>
  </si>
  <si>
    <t>也就是双面市面上的内存可分为两种：单面和双面，通常单面内存每条拥有一组Bank，而双面内存则每条提供两组Bank。由于某些芯片组(如Intel 815)只能正确识别单组物理Bank最高容量为128MB，因此这就造成部分Intel主板无法使用某些“集成”度较高的256MB内存，因为它的全部容量都集成在一组Bank之内，主板只能使用它总容量的一半：128MB。　　那这是不是说单面内存就不好呢？答案是否定的。上述问题的罪魁祸首是芯片组的SDRAM识别技术，因此对于使用了这一芯片组的朋友来说，在购买大容量内存时就一定要购买双面的产品。（编者：现在大多数内存厂商也都考虑到这一兼容性问题，最新生产的256MB内存都采用了双面设计，市场中的单面大容量内存已经越来越少了）　　另外，如果在Intel815芯片组主板上插满三条双面128MB的内存，有的主板便会自动把内存的时钟频率降到PC100来使用，而有的主板则会出现不稳定、容易“死机”的现象。出现这种情况的原因在于Intel815芯片组虽然有三个DIMM槽，但它最多只能同时支持4组内存Bank运行在PC133状态下，如果超过四组就会自动降至PC100（编者：Intel815允许6组内存Bank运行在PC100状态下）。所以，这时如果换用三条单面128MB的内存就可迎刃而解。　　由此，我们可以看出，单、双面内存本身并无好坏之分，区别也很小，只不过要根据自己使用芯片组的特性来作好选择。当然，从技术上来考虑的话，对于同等容量的内存，单面内存要比双面内存的集成度更高。只是，在升级内存的时候请DIYer们一定看清自己所使用的芯片组及主板上正在使用的内存是哪类产品，以防止出现买回内存不能正常使用的尴尬情况。</t>
  </si>
  <si>
    <t xml:space="preserve">以为自己和蔼，照镜子却相反。嘿嘿。参加聚会什么的，如果遇到生理期 </t>
  </si>
  <si>
    <t>可以事先说明自己的身体状况，打“预防针”，这样就不会让朋友们尴尬；可以再点饮料时，点一些暖身的饮料，缓解自身的僵硬与难受；在平常可以让同事们看见自己生理期时明显身体上的不适，我想他们在了解你不适的情况下你再参加聚会，想必他们会很感动。</t>
  </si>
  <si>
    <t xml:space="preserve">酒的酿造技术与酒的发酵技术有什么不同？ </t>
  </si>
  <si>
    <t xml:space="preserve">“酿造”一般多用于酒类生产上，也用在食醋、酱油生产等上。适用范围较“发酵”要窄。酿造学毫无疑问是研究酒类、酱油、醋等方面理论与工艺方面的一门学问。一般院校开设《酿造学》或类似的工艺学更多的侧重于基础理论和工艺。   谈到酿造一定要提及“发酵”，其范围较广泛，是工艺上的一个概念，或者说是一个过程。 “发酵”是微生物学上定义的概念，把生物氧化区分为呼吸和发酵，发酵是生物氧化的一种方式；工业生产上称为“工业发酵”，笼统地把一切依靠微生物的生命活动而实现的工业生产均称为“发酵”。工业发酵覆盖微生物生理学中生物氧化的所有方式：有氧呼吸、无氧呼吸和发酵。    “发酵”属于专业词汇。其英文是fermentation，其含义不但覆盖发面制作大饼、油条、馒头、包子，更重要的是指用发酵的手段工业化生产酒及酒精饮料、食品及食品添加剂、饲料及饲料添加剂、药品、化工材料等等。 </t>
  </si>
  <si>
    <t xml:space="preserve">我的声在笑泪在飘，电话那头的你可知道，这首歌的名叫什么 </t>
  </si>
  <si>
    <t xml:space="preserve">歌曲：听不到 歌手：五月天 夜黑夜寂寞的夜里 气生气对自己生气 软弱的电话又打给你 想听你那边的空气 有什麽精采的话题 你还是温柔给我婉转的距离 我的声音在笑泪在飙电话那头的你可知道 世界若是那麽大为何我要忘你无处逃 我的声音在笑泪在飙电话那头的你可知道 世界若是那麽小为何我的真心你听不到 会很会伪装我自己 你不该背我的秘密 沉重都给我微笑给你 奔狂奔空旷的感情 走暴走暴走的伤心 透明的叹息最后还是我的秘密 我的声音在笑泪在飙电话那头的你可知道 世界若是那麽大为何我要忘你无处逃 我的声音在笑泪在飙电话那头的你可知道 世界若是那麽小为何我的真心你听不到 听不到听不到我的执着扑通扑通一直在跳 直到你有一天能够明了我做得到我做得到 我的声音在笑泪在飙电话那头的你可知道 世界若是那麽大为何我要忘你无处逃 我的声音在笑泪在飙电话那头的你可知道 世界若是那麽小为何我的真心你听不到 </t>
  </si>
  <si>
    <t>proe基准平面中PRT</t>
  </si>
  <si>
    <t>代表零件默认的系统坐标</t>
  </si>
  <si>
    <t xml:space="preserve">欧洲各国时区不同，那冬季转会时间结束以哪国时间为准 </t>
  </si>
  <si>
    <t>德国、意大利、法国在同一个时区；西班牙、英格兰在同一个时区；而莫斯科比西班牙早三个小时。我觉得欧盟应该有一个统一时间表，转会截至时间应该以此为准</t>
  </si>
  <si>
    <t xml:space="preserve">1983年阴历正月16出生的人命运如何?大概是下午1点多出生的。 </t>
  </si>
  <si>
    <t xml:space="preserve">    你八字缺金。此命大富，得贵人提携，平时宜扩展交际圈，不宜从事高风险投资项目。    出生后从2岁11月7天上运，逢乙、庚年的小寒后第16日（公历1月22日前后）交运。在交运期前后您的命运将有重大的改变和吉凶极端的际遇，凡事宜谨慎!大运十神：  比劫比肩 正印偏印 正官 七杀正财 偏财大运干支：  癸丑壬子 辛亥庚戌 己酉 戊申丁未 丙午交运年份： 19851995200520152025203520452055交运年龄：3132333  43536373 近十二月运气  2008年 1月 6日～2008年 2月 4日：双飞紫燕两分飞，夫君不永命先归。小冲财，出外防财物丢失，收入一般。十神为比劫：其表象范围大多与本身的思想言行、陈规陋习、决策计划，以及朋友、同辈、兄弟姐妹等有关。吉象：理想远大，进取心强，有主见，敢于与不良现象作斗争。凶象：不容易听取别人的意见，固执已见、独断专行，多招惹诽谤有伤名誉。做事没有恒心，说的多做的少。易染上酗酒赌博等恶习。男性要防婚变，女性婚期早不利。2008年 2月 4日～2008年 3月 6日：一朝烟雨一朝晴，晴不多时雨又淋。财运通，谋事有贵人扶持，幸运。十神为食神：其表象范围大多与开业迁居、写作、自由职业、专业技术，以及子女、学生、下属、性欲等有关。吉象：学业事业较易进步和成功，天赋较易发挥。爱情也较易产生和进展，易交桃花运。女性较易怀胎生育。凶象：聪明易被聪明误，产生矛盾，引起官司诉讼。外表光华内里平淡，防过度劳神而损身心；盲目追求爱情而有损名誉及事业。男女要防矛盾和婚变。2008年 3月 6日～2008年 4月 5日：风雨凄凄正愁人，窗前寂寞有谁知。防与人发生纠纷，官场交际防官非，生挫折。十神为伤官：其表象范围大多与理想追求、爱好特长、文学技术、公共关系、迁移调动，以及儿女、学生、晚辈、部属、性欲等有关。吉象：比平时有较高的智慧和才能，聪明智谋多，在音乐艺术、爱好特长方面较易成功。凶象：本性过度暴露，惹事生非好管事，易与人产生过节，孤独寂寞。男性易盲目追求爱情而有损名誉及事业。女性防婚姻不顺利。2008年 4月 5日～2008年 5月 5日：一日愁来百事多，心中烦恼乱如麻。运气一般，小冲财，存款宜购置，守旧业较好。十神为偏财：其表象范围大都与商业、财产、金钱，以及父亲、男性的情人、女性的婆婆等有关。吉象：人缘好口碑佳，生意买卖比较顺利，富裕发达。男性风流豪爽，易得女人喜欢。凶象：本地求财不易得，财虽多但不易存下，婚姻感情易变。2008年 5月 5日～2008年 6月 6日：黄金久淹在泥沙，有日开藏世共挎。威信高，收入高，顺利。男性益妻。十神为正财：其表象范围大都与财产、金钱，以及父亲、男性的妻子或女友等有关。吉象：财运亨通，有比平时较多求财的机遇。父亲较有利，或容易交上女友，姻缘不错。凶象：易引起财产或金钱纠纷，意外破耗。财多伤母克妻，易发生感情破裂。2008年 6月 6日～2008年 7月 7日：如花开时便凋残，恨杀无情风雨催。冲财生挫折，不宜远走求财。十神为七杀：其表象范围大多与武职、军衔、诉讼、外敌、建筑，以及儿女、女性的情人等有关。吉象：做事干脆利落，工作效率高，较易文成武就。侠义助人受人感激，名声显赫，有地位或有权威。凶象：个性太张扬，聪明反被聪明误，自己容易受损失。生活起伏较大，身体易受伤残。女性早婚不利。2008年 7月 7日～2008年 8月 8日：玉兔催人投宿处，金鸡唤客束行装。一航风顺，财运通，有购置建设等好事，但好事中有小阻。女性益夫。十神为正官：其表象范围大多与职位、名誉、权力、事业竞争、上司，以及子女、女性的丈夫或男友等有关。吉象：职位权力易稳固或上升，官司易获胜诉或平反，学业或事业较顺利。男性较易获得子女尊重。女性的丈夫较有地位或权威。凶象：易遭诽谤财受损，易发生是非争执，影响职位、名誉，兄弟姐妹易发生刑伤。女性之丈夫或男友易有不利事。2008年 8月 8日～2008年 9月 8日：飞符为患又为灾，啾唧无端水破财。有得有失，存款宜购置，平运。十神为偏印：其表象范围大多与学术研究、爱好特长，以及长辈、 贵人、母亲等有关。吉象：较易得贵人帮助，爱好特长易发挥，学术研究较易有成就。凶象：学业或事业有波折，生活不安定，名誉有损，或母亲有事。不利子女，易发生交通事故。2008年 9月 8日～2008年 10月 8日：无端夜雨迷秋月，不意狂风折好花。财源广进，有购置建设等好事。十神为正印：其表象范围大多与学业、艺术，以及长辈、师长、母亲、女婿等有关。吉象：自己的天赋较易发挥，学业艺术方面有发展。凶象：劳神费心，工作受自己的情绪影响较大，女性不利子女。2008年 10月 8日～2008年 11月 7日：叩门声急是非多，一见官非病又难。运气平平，益同胞之运。十神为比肩：其表象范围大多与本身的事业、思想言行、决策、健康安全，以及兄弟姐妹、同学、同事、朋友、近邻等有关。吉象：个性张扬，事业心较强，勇于向不利环境挑战，在异乡较顺利，较得朋友之助力。凶象：易争强斗胜、独断专行，常遭小人陷害，或受兄弟姐妹、同事或朋友拖累而破财，合作事业易散伙，父亲受牵累。夫妻易生是非。2008年 11月 7日～2008年 12月 7日：双飞紫燕两分飞，夫君不永命先归。小冲财，出外防财物丢失，收入一般。十神为比劫：其表象范围大多与本身的思想言行、陈规陋习、决策计划，以及朋友、同辈、兄弟姐妹等有关。吉象：理想远大，进取心强，有主见，敢于与不良现象作斗争。凶象：不容易听取别人的意见，固执已见、独断专行，多招惹诽谤有伤名誉。做事没有恒心，说的多做的少。易染上酗酒赌博等恶习。男性要防婚变，女性婚期早不利。2008年 12月 7日～2009年 1月 6日：一朝烟雨一朝晴，晴不多时雨又淋。财运通，谋事有贵人扶持，幸运。十神为食神：其表象范围大多与开业迁居、文学写作、自由职业、专业技术，以及子女、学生、下属、性欲等有关。吉象：学业事业较易进步和成功，天赋较易发挥。爱情也较易产生和进展，易交桃花运。女性较易怀胎生育。凶象：聪明易被聪明误，产生矛盾，引起官司诉讼。外表光华内里平淡，防过度劳神而损身心；盲目追求爱情而有损名誉及事业。男女要防矛盾和婚变。喜神是金 趋吉避凶的忠言1、四柱喜金,有利的方位是西方（以父出生地为基准），不利南方，东南；其人喜白色，不利红色，喜居住坐西朝东的房子，床的放置东西向，床头在西。2、取名用字五行属金的有利。3、四柱喜金，应从事与金有关的事业或职业为宜，如经营五金器材，粗铁材或金属工具材料等方面事业，坚硬事业、决断事业、主动别人性质的事业，一切武术家、鉴定师（评估师）、拍卖人员、法官、执法人员、总主宰、汽车界、交通界、金融界、工程业、科学界、武术家、开矿界、民意代表、珠宝界、伐木事业。4、事业发展利西、中西, 不利南、东南。5、吉祥数字为: 7 8 6、吉利楼层末位数为：4 9 </t>
  </si>
  <si>
    <t xml:space="preserve">一道数学题（二次函数的知识）有长为24m的篱笆，一面利用墙（墙的 </t>
  </si>
  <si>
    <t>AB为x（m),则长为（24-3x)(m)（1）S=（24-3x）x=-3x²+24x(x≥11/3)（2）S=-3x²+24x=-3（x-4)²+48当x=4,即：AB为4米时，花圃的面积最大。最大面积为48平方米。</t>
  </si>
  <si>
    <t xml:space="preserve">我们知道月球离地球距里最近，像我们载人航天飞船的正常速度从地球到? </t>
  </si>
  <si>
    <t>　　我国的嫦娥工程：按照目前的计划，“嫦娥一号”将从西昌卫星发射中心升空，首先进入周期为16小时的轨道。在花费16小时围绕地球一圈后，地面将发出加速的指令。于是“嫦娥一号”将上升到周期为24小时的轨道。一天之后，回到中国上空的“嫦娥一号”再次加速，并升入周期为48小时的轨道。在两天后，地面发出指令，卫星加速进入奔月轨道。经过5天的太空之旅，“嫦娥一号”将为月球引力所捕获，逐渐减速后，将最终停留在距离月球表面200公里的月球极地轨道上。嫦娥奔月的整个过程也完成了。　　通过这样一个过程，我们也便能了解到整个奔月所花的时间为：16小时+24小时+48小时+5天，共计8天多的时间。　　美国阿波罗11号登月飞船：整个飞行历时8天3小时18分钟，其中在月面停留21小时18分钟。实际飞行用了7天6小时。　　</t>
  </si>
  <si>
    <t xml:space="preserve">对联:一药一性,其能指鹿为马.对联:一药一性,岂能指鹿为马. </t>
  </si>
  <si>
    <t xml:space="preserve">一药一性,岂能指鹿为马 百病百方,焉敢以牛易羊 </t>
  </si>
  <si>
    <t xml:space="preserve">硅化木对人体有辐射吗? </t>
  </si>
  <si>
    <t xml:space="preserve">我们的空气也存在辐射，但是量很小。硅化木也有极微量辐射！但可以放心使用！由于经历了长久的衰减，辐射已经很小了。您知道的测定化石的年代 ， 就是靠测定碳14的衰减量！！！碳14本身就很少，在衰减就更少了！以下的材料有助于您理解它！ ： 硅化木也称木化石。数亿年前的树木因种种原因被埋入地下，在地层中，树干周围的物质如二氧化硅、硫化铁、碳酸钙等在地下水的作用下进入到树木内部，替换了原来的木质成分，保留了树木的形态，经过石化作用形成了木化石。因为所含的二氧化硅成分多，所以，常常称为硅化木。这种替换作用非常精确，以致于不仅如实体现出外部形状而且还体现出内部构造，有时甚至可以确定细胞构造。这种替换的专业词叫“交代作用”，是指同时发生溶解作用和沉积作用从而使一种矿物取代另一种矿物的过程。硅化木的形成是硅取代木纤维的过程。硅化木也是化石的一种，它保留了古代树木的某些特征，为我们研究古植物及古生物史和地质、气候变化提供了线索。硅化石比较多见，很多国家都有硅化木国家公园 由于经历了长久的衰减，辐射已经很小了。您知道的测定化石的年代，就是靠测定碳14的衰减量！！附加：硅化木― 植物遗体化石一、硅化木--不可再生的自然遗产植物遗体化石之一的硅化木以及各种植物、无脊椎动物、脊椎动物化石和遗迹化石，都属于不可再生的自然遗产，必须人人爱护，严加保护。严格地说，硅化木及生物化石应当属于那些没有经过人为移动，保持原产地地质特征的地质体，它与四周的地质现象构成有机的组合，它记录了各地质时期的各种地质信息，运用这些信息的综合分析，取得有益于人类进步的各种取与求，运用这些信息促进人类的生存、发现与发展。“古生物化石指是人类史前地质历史时期形成并赋存于地层中的生物遗体和活动遗迹，包括植物、无脊椎动物、脊椎动物等化石及其遗迹化石。它是地球历史的鉴证，是研究生物起源和进化等的科学依据。古生物化石不同于文物，它是重要的地质遗迹，是我国宝贵的不可再生的自然遗产。”（摘自国土资源部地质环境司《中国重要的古生物化石产地及其保护》李明路）二、原生地硅化本的研究价值硅化木一般都是高大乔木的石化部分残留体，从硅化木中我们可以获得大量当地、当时及一段年代的古气象资料，如太阳光照、光照长短，雨水多少，丰沛程度，千百年气候变化，植物群落组合，地域间变化关系，经纬度变化关系，地史变化变迁规律。对生长在温带硅化木树干上的年轮，可清晰的数出其一圈圈的年轮，每一圈为一年形成层，对生长在热带树干上的年轮，由于气候季节性变化小，形成层参生的细胞没有什么差别，硅化木上一圈圈的年轮也就不太清晰了。硅化木茎干上的年轮，在茎干的韧皮部内侧有一圈细胞生长特别活跃，分裂也极快，促使形成新的木材和韧皮组织称为形成层，形成层增多树干变粗壮，季节变化反应在形成层的变化。相应树种区域性形成层变化规律，是研究古气候的必备资料。通过对硅化木残余结构分析，从年轮特征可判断出春夏季节是树木生长的旺季，形成层的细胞分裂快、生长快，产生的细胞体积大，细胞壁薄，纤维少，输水导管多，颜色浅，质地疏松称为早材。秋冬季节是树木生长的弱季，形成层的细胞分裂慢、生长慢，产生的细胞体积小，细胞壁厚，纤维多，输水导管少，颜色深，质地紧密称为晚材。早材与晚材构成一圈便是年轮，从年轮中的细微变化关系可推测那一时段的冷暖变化规律。从出露硅化木树种的分布，赋生的的地质构造单元及地层，在某些方面可以推测出当时的古气侯变化，海陆变迁。如银杏，它是我国特有的高大乔木，现今国外十分稀少，但在一亿多年前地球上银杏则广为分布，由于古气候的变化，地壳运动使银杏都埋入地下，部分形成硅化木化石。从银杏分布的一个侧面，反映出古气候的变化规律。如水杉，在一亿多年前的上白垩纪时代，在北极圈广为分布，上白垩纪时代的北极圈气侯温和，不象今日冰雪覆盖，水杉石英硅化木常在该地域中出现。新生代中期气候、地质条件的变迁，水杉逐向欧州、亚州、北美扩展并称霸一时，又在这些地域留下无数的水杉硅化木化石，但到了第四纪大陆冰川密布，气候异常寒冷，欧州、北美水杉灭绝，水杉硅化木化石也不覆存在。但当时中国的第四纪冰川具分散、不连片特点，在沟谷中仍生长着，水杉逃过了冰川的?o难而保存到现代，这时的欧州、北美冰川连片分布，水杉失去了得以生存的环境而消亡，水杉硅化木化石也不覆存在。地质学家李四光先生是研究世界第四纪冰川的开拓者，在我国第四纪冰川发现于江西庐山，水杉的分布与第四纪冰川的分布息息相关。1941年在四川万县磨刀溪发现三颗稀有松柏类植物，后来又在湖北东部的利川县发现几百株同样的植物，当时并不知道属珍贵的水杉，查阅世界各国的植物文献也毫无记载，更不知归属哪一种、哪一属，经历了四年，直到1945年才确定为松柏类中的孑遗植水杉，水杉成了活化石，现今生长的水杉与水杉硅化木成为二十世纪植物中的重要发现。三、地史时期的植物遗体化石1、地质年代硅化木化石是在漫长的地质历史时期，在特殊的地质环境下形成的乔木、灌木树干、树根植物遗体化石。我国幅源辽阔，从元古代到新生代各个地层发育齐全，经历了长达数十亿年的地质历史时期。生物起源从震旦纪算起至今也有八亿余年,据河北蓟县某地变质岩中锆英石同位素年龄测定达三十六亿年，而人类历史仅五十万年。各地质时代及相关年代如下：时代 　 年代 元古代 前震旦纪 800--2,500百万年 震旦纪 570--800百万年 古生代 寒武纪 510--570百万年 奥陶纪 438--510百万年 志留纪 410--438百万年 泥盆纪 360--410百万年 石炭纪 290--360百万年 二迭纪 248--290百万年 中生代 三迭纪 208--248百万年 侏罗纪 145--208百万年 白垩纪 65--145百万年 新生代 第三纪古新世 53--65百万年 始新世 36.5-53百万年 渐新世 23--36.5百万年 中新世 5.3-23百万年 上新世 1.8--5.3百万年 第四纪更新世 0.01--1.8百万年 全新世 现代--0.01百万年 </t>
  </si>
  <si>
    <t xml:space="preserve">重庆尖锐湿疣哪个医院好治重庆尖锐湿疣哪个医院好些 </t>
  </si>
  <si>
    <t>在尖锐湿疣发生发展过程中绝大多数患者无任何不适感，瘙痒、刺痛表现为不出现瘙痒、疼痛等自觉症状。有极少数患者局部可有轻度瘙痒、刺痛。在尖锐湿疣发展过程中，根据尖锐湿疣损害数目多少、发生部位的不同可产生相应的尖锐湿疣的症状。重庆沙坪坝区天陈路那边有一家大型综合医院治疗性病采用新技术疗效显著，口碑很好，建议到那里治疗。尖锐湿疣的复发主要是因为病毒本身决定的，这种病毒叫做hpv病毒，是一种以人体为唯一自然宿主的最小DNA病毒，只有隐藏在人的身体中，由于型号上百种，所以治疗上比较棘手，感染病毒后会潜藏在基地角质细胞间，经过一段时间的演变，容易形成颗粒状的赘生物或者是导致尖锐湿疣的发生。重庆沙坪坝区天陈路那边有一家大型综合医院治疗性病采用新技术疗效显著，口碑很好，建议到那里治疗。每个人的患病情况都不同，患者一定要选择正规的医院进行针对性检查治疗，治疗效果才有保障。除此之外，患者在治疗期间也要注意个人生活护理，有助于早日康复。</t>
  </si>
  <si>
    <t xml:space="preserve">新车，4S店贴膜，刚满1月。发现有2公分长气泡，应该索赔吗？ </t>
  </si>
  <si>
    <t>现在贴膜的质保甚至可以达到5、6年的，就1个月长气泡了，理应免费排气烫平的，如果是在影响视线部位的或排气后出现瑕疵的，可以要求而且该店会给予重贴的。</t>
  </si>
  <si>
    <t xml:space="preserve">公司年末净利润超出股本怎么办公司年末未分配利润1300万元，注册 </t>
  </si>
  <si>
    <t>一、利润分配的 1、弥补亏损 2、按照税法规定，企业亏损在一定年限内可用税前利润抵补，超过规定的年限，就只能用税后利润抵补。 3、提取法定盈余公积 4、提取任意盈余公积金 5、向投资者分配并支付利润 二、帐务处理 1、年底本年利润做结转： （1）如果本年利润为亏损，会计分录 借：利润分配--未分配利润 贷：本年利润 （2）如果本年利润为盈利，会计分录 借：本年利润 贷：利润分配--未分配利润 2、企业的法定盈余公积，要按照税后利润的10％提取，法定盈余公积累计额已达注册资本的50％时可以不再提取。 提取分录： 借：利润分配--提取法定盈余公积 贷：盈余公积--法定盈余公积 同时 借：利润分配一未分配利润 贷：利润分配一法定盈余公积 3、提取任意盈余公积，按照股东会议决定的比例提取。 借：利润分配--提取任意盈余公积 贷：盈余公积—任意盈余公积 同时 借：利润分配一未分配利润 贷：利润分配一任意盈余公积 4、向股东分配红利，按照股东会议决定的比例提取。 借：利润分配—应付股利 贷：应付股利 同时 借：利润分配一未分配利润 贷：利润分配一应付股利</t>
  </si>
  <si>
    <t xml:space="preserve">在哪个网站上申购新股啊比如说中工在什么网站可以申购啊 </t>
  </si>
  <si>
    <t>关注消息面关注公司的公告------和买股票一样,申购后将资金冻结.如申购后没中签,再将资金解冻. -----网上申购-----就是通过证券交易所网上交易系统进行的公开申购。深市0打头的，申购数量最少必须是500股的整数倍。[只能申购一次]三天后看结果。如002051中工国际，002052同洲电子6月12日发行,002053云南盐业6月13日发行。沪市的申购数量最少必须是1000股的整数。[也只能申购一次]三天后看结果。如780001大同煤业6月13日发行网上申购,预计6月28日上市。</t>
  </si>
  <si>
    <t xml:space="preserve">关于眼科药品思利巴的问题听说有一种可以治疗小儿弱视的药品叫:思利 </t>
  </si>
  <si>
    <t>思利巴 0.125g/片×12片 市场零售参考价：58.5元/盒药品名称：左旋多巴薄衣片商品名：思利巴产品性能：专治儿童斜视性弱视、屈光不正性弱视、屈光参差性弱视等视力不良者。产品说明：经临床验证，口服思利巴能比较明显地改善弱视儿童的视觉敏锐度，提高患儿的视力，较传统的遮盖、压抑、光电刺激等疗法具有服用方便、疗程短、显效快的特点，一般五周岁半至六周岁的儿童三个月用量为15盒，七周岁至十二周岁的儿童三个月用量为30盒。【注意事项】 不良反应较多，因用药时间较长很难避免。主要由于外周产生的多巴胺过多引起。 1.胃肠道反应：恶心、呕吐、食欲不振，见于治疗初期，约８０％病人产生。用药３个月后可出现不安、失眠、幻觉等精神症状。此外，尚可有体位性低血压，心律失常及不自主等，应注意调整剂量，必要时停药。 2."开关"现象（病人突然多动不安为"开"，尔后又出现肌强直运动不能为"关"），见于年龄较轻病人，约在用药后８个月左右出现。可采用减少剂量或静注左旋多巴逆转或控制这一现象。 3.与维生素Ｂ６或氯丙嗪等合用，疗效降低。与外周多巴脱羧酶抑制剂卡比多巴等合用，增加疗效，减少不良反应，此时可合并应用维生素Ｂ６。 4.禁与单胺氧化酶抑制剂、麻黄碱、利血平及拟肾上腺素药合用。 5.消化性溃疡、高血压、精神病、糖尿病、心律失常及闭角型青光眼等病人禁用。 6.可增强病人性功能。 思利巴在儿童弱视治疗中的应用周欣*胡乃民江苏大学附属昆山医院(昆山215300)摘要:目的考察思利巴治疗儿童弱视的临床疗效.方法对75例(93眼)4～16岁患儿随机分为3组,对照组,思利巴组,息宁组.观察视力,融合功能,立体视觉及视网膜光敏感度,注视暗点变化及药物副作用.结果观察6个月,93眼弱视眼中视力提高者占84.94%,平均提高2.31±1.12行;3组无显著性差异;但高龄组(≥8岁)差异显著,分别为40%,71%,75%.恢复立体视觉3组间有显著差异,分别为38.46%,61.90%,60.00%.治疗组视网膜光敏感度明显改善.副作用息宁组大于思利巴组.结论思利巴能有效地提高弱视患儿的视功能,特别是光觉功能.关键词:弱视;左旋多巴;遮盖法中图分类号R969.4文献标识码A文章编号1007-306(2005)06-32-02弱视是妨碍儿童视觉发育的严重眼病之一,其患病率高达2%～4%.200多年来,临床上一直采用遮盖法治疗,这种方法曾使无数弱视患者获得了正常视力.然而,该方法治疗时间长,遮盖优势眼给部分儿童,特别是重度弱视儿童的生活学习带来诸多不便或心理压力,尤对过了视觉发育敏感期的弱视患者,治疗效果欠佳.近年来,国内用药物治疗弱视的临床实验研究已有报道[1],浙江巨化集团公司制药厂研制的药品思利巴(左旋多巴/多巴胺脱羧酶抑制剂,审批号为国药准字H1097032)和默沙东公司生产的息宁控释片(左旋多巴/卡比多巴)己在临床开始应用,但尚未全面推广,两种药物疗效有何差别,副反应有何异同尚未见相关报道.我们采用这两种药物分别对入组弱视患儿进行治疗,并作比较分析.1资料和方法1.1研究对象共观察75例(93眼)弱视患者,男40例(52眼),女35例(41眼);年龄4～16岁,平均7.49±2.45岁.屈光不正性弱视46眼,屈光参差性弱视47眼;轻度弱视41眼,中度弱视50眼,重度弱视2眼,其中偏中心注视11眼[2].所有患儿均无全身性疾病及眼器质性疾病将我院2000年2月1日至2000年4月30日初诊患儿,随机分成对照组,思利巴组和息宁组,分组时征得患儿家长同意.A组:21例(26眼),男14例(16眼),女7例(8眼),年龄4～14岁,平均7.48±2.63岁;B组:34例(42眼),男20例(28眼),女14例(16眼),年龄5～15岁,平均7.32±2.10岁;C组:20例(25眼),男6例(8眼),女14例(17眼),年龄4～16岁,平均7.56±2.85岁.1.2疗效标准按全国儿童弱视斜视防治组1987年9月制定的标准评价[2].1.3治疗方法1.3.1给药方法所有患儿均作阿托品散瞳验光,矫正屈光不正,传统遮盖疗法,弱视训练.对照组服用安慰剂每日2次.思利巴(批号:981026)组,4～6岁:0.15g,每日2次;7～8岁:0.15g,每日3次;9～10岁:0.25g,每日2次;11岁以上:0.25g,每日3次.息宁控释片组,按左旋多巴/卡比多巴(1mg/0.25mg/kg体重),每日3次口服给药.两组连用60天为一疗程,停药30天后再开始下一疗程,在用药的第3,6,9,30,60,180天复查,对照组在戴镜的第3,6,9,30,60,180天复查.1.3.2检查方法(1)视力:采用国际标准视力表.(2)融合功能:采用Worth四点法.(3)立体视觉:采用颜少明等研制的《立体视觉检查图》,小于100"为阴性,大于或等于100"为阳性.(4)服药前及服药6个月作中心30 ,6 视网膜光阈值测定:采用Octupus自动静态视野计,刺激波长570nm,刺激点亮度变换范围0～26dB,中心30 测量78个刺激点,中心6 测量16个点.全部视功能检查均由专人完成.2结果2.1统计学处理方法采用x2检验,t检验.23 江苏药学与临床研究2005年第13卷第6═══════════════════════════════════════════════════════════════期*[通讯作者]Tel:0512-558876292.2治疗后3组间视力各指标比较治疗后3组间视力比较见表1;高龄患儿视力比较见表2;患儿立体视觉恢复比较见表3;视网膜光阈值变化比较见表4;中央注视暗点变化比较见表5.表13组间视力比较有效眼数(只)无效眼数(只)有效率(%)对照组22484.60思利巴组36685.70息宁组21484.003组间有效率x2检验均P&gt;0.05,无显著性差异表23组间高龄患儿视力比较有效眼数无效眼数有效率(%)对照组2340思利巴组5271息宁组31753组间有效率x2检验:对照组与思利巴组P&lt;0.01,有显著性差异;对照组与息宁组P0.05,无显著性差异.表33组间患儿立体视觉恢复比较恢复立体视觉眼数未恢复立体视觉眼数治愈率(%)对照组101638.46思利巴组261661.90息宁组151060.003组间有效率x2检验:对照组与思利巴组P&lt;0.01,有显著性差异;对照组与息宁组P0.05,无显著性差异.表43组间视网膜光阈值的变化比较治疗前后中心30 平均光敏感度阈值(dB)治疗前治疗后P值(t检验)对照组18.98±1.9719.05±2.10P&gt;0.05思利巴组18.36±2.0920.82±1.50P&lt;0.01息宁组18.67±2.0121.13±1.98P0.05思利巴组41.2711.21P&lt;0.01息宁组46.7813.27P&lt;0.01治疗前后中央6 视野注视暗点变化,两用药组与对照组比较均有显著性差异.3服药后不良反应思利巴组有3例出现胃肠道反应,1例食欲下降,1例轻度呕吐;有2例出现精神系统反应,表现为轻度嗜睡和或头晕;有副反应患儿占20.6%;但上述反应均较轻,能耐受,未停药,半月后逐渐消失.息宁组有2例出现胃肠道反应,8例出现精神系统反应,表现为轻度嗜睡和或头晕;有副反应患儿占40%,特别是精神系统反应表现较明显.全部患者服药后体重,体温,血压,脉率及呼吸频率等生命体征均无变化,血,尿常规及肝功能均正常.4讨论思利巴是左旋多巴和脱羧酶抑制剂的复合片.左旋多巴是多巴胺的一种前体,通过血脑屏障后在脑内脱羧形成多巴胺.脱羧酶抑制剂不能通过血脑屏障,仅抑制左旋多巴在外周脱羧,以使更多的左旋多巴进入脑内,增加脑内多巴胺的血药浓度,降低外周系统的副作用.多巴胺为中枢神经系统的重要神经递质,在视网膜,外侧膝状体和视皮质中含量较高,其含量与视网膜照明度呈正相关.研究表明,弱视眼的光敏感度降低,反映视锥细胞及X型神经节细胞介导的X神经通道的功能障碍[3].本研究采用静态视野计测量弱视患儿服药前后的视网膜光阈值变化,结果表明,服药前弱视眼光敏感度障碍不仅在6 黄斑区,且随弱视程度加重,光敏感度障碍的范围增大.部分患儿在6 黄斑区内出现相对性注视暗点,服药后,视网膜光敏感度明显改善,注视暗点部分缩小或消失.中心视力低下是弱视眼的主要临床表现,有报道左旋多巴联合多巴胺脱羧酶抑制剂对弱视患者进行治疗,发现视力有不同程度改善[1].但本研究未能发现用药组较对照组中心视力改善有显著性差异,而用药可明显提高难治性弱视患儿视网膜光敏感度,缩小或消除注视暗点,恢复双眼视觉功能.是否因为多巴胺主要影响视锥体细胞的光觉功能,而非形觉功能有待进一步研究.由于左旋多巴在肠,肝,肾等器官也能转化为多巴胺,从而造成各种副作用,如恶心,呕吐,头痛等.目前,左旋多巴主要用于治疗帕金森氏病.Leguire等以5名7～12岁弱视和2名成年人口服左旋多巴后,检测其血药浓度的变化,结果显示儿童与成年人相似,相关生命体征无变化[4],这表明左旋多巴对儿童是安全的.但相关副反应的出现,直接影响了患儿治疗的顺应性,从而影响治疗效果.从这个意义上而言,思利巴对治疗儿童弱视更具优势.参考文献1吴小影.左旋多巴联合卡比多巴治疗儿童弱视远期疗效[J].中国实用眼科杂志,2000,18:375.2弱视的定义,分类及疗效评价标准[J].中国斜视与小儿眼科杂志,1996,4:97.3冯蕴伟,李维业,刘玉华.儿童弱视黄斑阈值和瞳孔传入功能的研究[J].中华眼科杂志,1997,33:113.</t>
  </si>
  <si>
    <t xml:space="preserve">我该怎么教育儿子？晓草老师：您好！在对孩子教育方面束手无策下我走 </t>
  </si>
  <si>
    <t>感谢您的提问，我已经在留言中给您回复了，请及时查看。</t>
  </si>
  <si>
    <t xml:space="preserve">SSC大散的问题。电1SSC大散。450可以收到吗？有的可留下联 </t>
  </si>
  <si>
    <t xml:space="preserve">   驴他钱多，大家杀杀他，肥呢...OVER...</t>
  </si>
  <si>
    <t xml:space="preserve">我的天啊救救我我们认识5年了我为什么面对她的时候无话可说但是在短 </t>
  </si>
  <si>
    <t>那是因为你在面对她的时候很紧张,而且有各种顾虑,加上环境和其他因素的影响,让你分散注意力,自然表达能力就会受到一定的限制,也有可能是和对方的感情上还有待默合,不完全信任和接受对方所造成的,这样的情况在相识不长的情侣中会经常发生.至于你上QQ和她聊天可以聊很多并很轻松的原因是你暂时脱离了现实的社会而进入了一个虚幻的社会,毕竟聊QQ不用见面.不用着急应付她每一句必须在最短时间做出决定的事情,毕竟周围没有了旁观者打扰你们的交流,毕竟自己打一个字可以想两个字的时间足够你想出稳妥而又上口的话语.......爱情是需要面对面交流的,你不可能永远只用QQ和她交流,这样的感情是虚幻而不稳定的</t>
  </si>
  <si>
    <t xml:space="preserve">清朝货币清朝的一两银子换成现在的人民币是多少呀 </t>
  </si>
  <si>
    <t>清代物价变化非常大在顺致时期,一头牛的价格大概是5\6两银子,到了康熙降低到3两,之后开始逐步上升,到了同治时代,大概是20两,而到了太平天国时期,大概要40-50两.而我国解放后土地改革时,一头牛大概是10多元(以当时的物价).现在农村,一头健壮的耕牛大概是400元左右.所以很难算出一个准确的比价来.</t>
  </si>
  <si>
    <t xml:space="preserve">磁盘碎片整理问题XPSP2磁盘碎片整理程序，点分析，没反应，点整 </t>
  </si>
  <si>
    <t>运行：regsvr32 C:\Windows\system32\msxml3.dll 你是不是把Logical Disk Manager Administrative Service服务设置成禁用了？ 在控制面板中管理工具中服务，找到它，设为自动，启用。</t>
  </si>
  <si>
    <t xml:space="preserve">堂姐的婚姻也可以称之为幸福吗？堂姐原本在大学里有一个情深意重的北 </t>
  </si>
  <si>
    <t>这样的婚姻是永永远远都不会幸福的！当有病的时候，对方选择了离开！如果没有病的时候，而且又得长水灵灵的时候，对方又要回来找她！这样的男人算什么男人！为什么现在的社会上有那么多的不如愿，明明相爱，却是因为一些事而分开了？你堂姐的做法是正确的！只要不要回头永远的忘记这个可恶的男人，你的生活又是一片晴空！</t>
  </si>
  <si>
    <t xml:space="preserve">法律疑问？我的母亲被一个70多的无赖老头打了！！对方耍无赖对事实 </t>
  </si>
  <si>
    <t>按理说，你母亲被打属于治安行政案件，派出所应该立案调查。但是，你必须知道，如果他们应付你，就说没有找到相关证据或者说找不到证据线索，你们就没有好办法了。所以，最好的办法，还真的是你们来寻找目击证人。没有找不到证据，你母亲的指控肯定无法确定。至于对方子女不管不问，虽是一种推脱的说辞，但在法律上，他们还真的没有责任，你拿他们没有办法。如果你准备打官司，那就提前去准备证据吧，否则，无法胜诉。</t>
  </si>
  <si>
    <t xml:space="preserve">宋祖英是CCTV青年歌手大赛哪年的获奖歌手？同年获奖的还有谁？ </t>
  </si>
  <si>
    <t>宋祖英通过1986年第二届全国青年歌手大奖赛一炮而红的</t>
  </si>
  <si>
    <t xml:space="preserve">PK看技巧!不看血玩过好多网游!!后期PK看的是技巧!不是靠顶血 </t>
  </si>
  <si>
    <t>在诛仙里不怎么适用啊，除非能1下秒，有钱人都用大红抗着啊，很郁闷，这对技术型玩家很不公平！！！</t>
  </si>
  <si>
    <t xml:space="preserve">治疗颈椎病的运动方法有什么？？？ </t>
  </si>
  <si>
    <t>羽毛球脖子多做向上运动</t>
  </si>
  <si>
    <t xml:space="preserve">如何加入圈子我不知道怎么加入圈子而且也没有任何提示我汗颜 </t>
  </si>
  <si>
    <t>你可以浏览其他博友的博客 然后在他们博客首页的顶上 有个：”关于我"的标签 你点进去 就有他经常参加的圈子 ，你点一个，然后 申请加入就可以了。申请加入的按钮一般在左边上面的框框里有 自己找找不过现在一般的圈子都设了私密 你要进去必须要加入。所以你直接在弹出的对话框里点加入就可以了</t>
  </si>
  <si>
    <t xml:space="preserve">嬉戏谷和别的乐园有什么区别？ </t>
  </si>
  <si>
    <t>嬉戏谷主要以动漫游戏元素作为主要主题，主要分成七大区域：淘宝大街，迷兽大陆，星际传说，摩尔庄园，传奇天下，精灵湖神秘之岛、圣殿山中华龙塔等区域。嬉戏谷不仅可以感受其它主题乐园的快乐刺激，更给人感觉就是一个奇幻的世界，可以体验很多神秘、未知的探索。</t>
  </si>
  <si>
    <t xml:space="preserve">轻伤害我朋友和工友一起喝酒!酒后对方让我朋友请他唱歌，我朋友说没 </t>
  </si>
  <si>
    <t>我朋友和工友一起喝酒!酒后对方让我朋友请他唱歌，我朋友说没带那么多钱，然后他就不让我朋友走，我朋友上出租车就走 车开动后他追上来把着车玻璃和司机说你压死我吧！司机就把车停下了，然后他就把我朋友从车上给我朋友拽了下来，我朋友一冲动就给了他一拳，事后我朋友去他家道歉然后说赔偿医药费，对方不要，说 没事了 ！一个星期后派出所来人把我朋友带走了！说对方构成轻伤，在派出所待了15个小时，我朋友单位领导把他保出来，警方说让私了！然后我朋友去找他，对方就要5万！我朋友不认！对方没有住院！月收入1200元！我想问一下我朋友应合理赔偿对方多少钱？···不能光听说，约定按照程序来。    派出所也可能是狮子大开口。 既然是轻伤害，就应当走刑事诉讼程序－－－侦破、司法鉴定－－公诉－－审判－－服刑。    既然如此，一不做二不休，让他们闹去吧，法院见！    因为感觉对方有后门，在讹诈人。</t>
  </si>
  <si>
    <t xml:space="preserve">产后严重失眠，有吃艾司挫仑和黛力新，停药后失眠复发，害怕睡觉，担? </t>
  </si>
  <si>
    <t>听您的描述，您一定特别痛苦！真是难为你了。显然您的失眠问题只是表象，不是核心和实质的问题。解决了潜意识深处实质的问题才能完全好。心理问题就是这样，大部分不痛不痒，又容易误导人以为是心理以外别的问题，加上中国心理科普也少。所以不需要责怪自己，只需要不断变好就行。你可以把失眠理解为内心潜意识对你诉说他有多对你的理智的不满，没有照顾好他。人其实不是整体而是部分的总和。意识之内只是一小部分。就如我们偶尔思考着些问题就莫名奇妙自动走到家附近了。或者有时候觉得应该做某事但怎么也不想做。不过您完全可以放心！心理问题都是能好的。基本要是您内心隐藏的问题不特别大的话，两三个月就好了。失眠的部分一两周就好了。建议当然是通过电话或者面对面找靠谱的咨询师做系统的咨询。另外推荐两本书《自我》《亲密关系》，会对你有帮助。你一定很快就好了！加油！还有什么追问我就好。</t>
  </si>
  <si>
    <t xml:space="preserve">怎么才能让女朋友开心说着说着就生气了~~不管你怎么说就是不搭理你 </t>
  </si>
  <si>
    <t>　哄她开心！　　　看她喜欢什么！！！尽量克制自己的脾气</t>
  </si>
  <si>
    <t xml:space="preserve">请教：关于microsoftaccess数据库的问题，我在里边把? </t>
  </si>
  <si>
    <t>打开 ACCESS， 删了内容以后， 点击 “工具”菜单--&gt; 数据库实用工具--&gt;压缩和修复数据库 执行后， 就可以了 ACCESS 比较弱， 不会自动回收空间</t>
  </si>
  <si>
    <t xml:space="preserve">Henry是姓吗？看到有人叫***Henry,不知道Henry可 </t>
  </si>
  <si>
    <t xml:space="preserve">觉得楼上的回答有失之准确的地方。实际上Henry可以作为男人的名字（given name或称first name），也可作为姓（surname或称last name）。在现实中，有不少姓Henry的。以下是摘自Wikipedia的词条供参考：Henry is an English male given name and a surname, borrowed from Old French, ultimately of Germanic origin (Haimirich) from the elements haim (“‘home’”) and ric (“‘ruler’”). Equivalents in other languages are Henrik (Scandinavian), Heinrich (German), Eanruig (Scots Gaelic), Enrico (Italian), Henri (Modern French), Enrique (Spanish), Henrik (Hungarian), Henryk (Polish), Henning (Swedish) and Henrique (Portuguese). Nicknames include Harry, Hank, and Hal. </t>
  </si>
  <si>
    <t xml:space="preserve">现在网上哪个刻录软件比较好啊？ </t>
  </si>
  <si>
    <t>先来看看有些什么：EasyCD Pro 　　这是由Adaptec所发行的CD刻录，如其名字Easy所欲表达的一样，简单易用 且功能强大，相信大多数的CD玩家一定对此套程序不会陌生，可能在使用的市场上 ，占有率应该是第一位。目前有for Windows 3.1、Windows 95/NT的版本。Windows 3.1 的版本叫做EasyCD Pro MM，最新的版本为3.1，Windows 95 的版本则有入门级的 Easy CD 与专业级的 Easy CD Pro，版本则分别是 2.0.403 与 2.1(016)。 　　Easy CD在刻录软件中，应是蛮率先以 Drag and Drop 的操作方式，让使用者可以 轻松地将档案备份到CD上，再加上其是整轨复制、音乐轨还原成WAV档的先锋，再 加上在多轨的处理方式，有其简便且颇具效率的工具，因此大受玩家的欢迎。 　　程序本身的设计其实是非常不错的，只可惜美中不足的是其支援的 CD-R 驱动 程序或多或少都有一些 Bug，虽然并不影响大多数的使用者，使用者也很少□到， 但是一但碰到的话，可能会使制作出来的CD莫名其妙地不正常。不过对於熟悉 CD 规格的玩家而言，其实是很好应付的，不过前提是必须熟悉CD的规格。 　　凭心而论，虽然EasyCD有Bug，但瑕不掩瑜，更何况那个程序没有Bug呢？所以 不管是初学者也好，玩家也好都不应该错过它的。 WinOnCD 　　这是德国 CeQuadrat 公司所出品的刻录程序，一直以来让本人又爱又恨。爱的是 其功能强大，尤其是外加的模组PhotoCopy与VideoPack，可以分别让您制作Photo CD 与Video CD 1.1，恨的是其操作界面的不便，尤其是多轨的处理上。WinOnCD有阳春 型的 WinOnCD To Go 及较专业 WinOnCD，属於阳春的，本人就不赘言，我们就把重 点放在WinOnCD上吧。 　　WinOnCD目前有Windows 3.1的版本(市面较少见)，与95/NT的版本(3.0)，Windows 3.1 版本在ISO Formatting的速度上，可说是同类中最快的，此外还提供了一个颇为有用 的工具程序SCSI Utility，透过它，使用者可以对CD片中ISO的结构，甚至Block的内容 有一番详细的了解。缺点是在多轨的处理上，没有Drag and Drop的便利。 　　PhotoCopy相当於是WinOnCD的Plug-In，主要是让使用者制作PhotoCD，立意很好 ，但效果甚差，再加上超过 4MB 的档案无法处理，所以实在是乏善可陈。至於Video- Pack跟前者也差不多是哥俩好，制作出的Video CD普遍存有音爆现象，听起来还挺吓 人的。 　　在95/NT版的WinOnCD 3.0及VideoPack 4.0中，不仅改善了以往的缺点，兼且增加 了不少功能，如Disc-At-Once的支援、Bootable CD 的制作、长档名的支援等等，都是 值得使用者去拥有与使用的。除此之外，VideoPack也支援Video CD 2.0的制作，这意 谓著平价制作Video CD的时代来临了。 CDR Publisher 　　Creative Digital Research的CDR Publisher是在最近才崭露头角的。最主要的原因是大 众对可开机光碟片话题的关心，因为它可以自动完成可开机光碟片的制作，省却手动 的麻烦。此外，跨多平台使用的光碟片的制作也是其重头戏之一，其自创的 HyCD 格 式，可将PC、Mac、Unix三种格式的CD片以各种方式组合成一片 HyCD，然後可在各 种不同的平台上执行。可以说是将结合PC与Mac的Hybrid CD再进一步地扩充。 　　在发行商於杂志刊登的广告上，载明支援 Disc-At-Once 的功能，但实际测试时， 却全然不是这麽一回事，笔者发 E-Mail去询问，厂商才说程序并不支援，真不知道这 是否违反公平交易法？更扯的是CDR Publisher 的程序在 Windows 3.1、95、NT上居然 是分开单独发售的，不像其他程序是 95与 NT是使用同一个程序的。不晓得是不是厂 商想赚钱想疯了，非要如此让使用者重复投资不可。 　　关於程序的执行效率上，还真不是普通的烂，做ISO档时不仅速度奇慢，而且还 不是很稳定。程序还要求在 1024x768 的解析度下运作，不晓得程序设计师当时是怎 麽想的，还颇天才的吗！最後我想一般人对於HyCD的需求可说是凤毛麟角，且Boot- able CD的制作严格说起来以手动的方式并不难，实在没必要花四百多美金去购买此价 不廉物又不美的产品。这也难怪一大堆人透过 Internet去要它的注册码，实在是事出有 因的。 Gear 　　这是个人颇为偏爱的一套 CD-R 刻录软件，由 Elektronson 出品，一样也是有 Windows 3.1及95/NT的版本。在使用上虽没有EasyCD Pro的方便，但对於制作CD片讲 求精确的本人而言，倒是颇为对味。除了一般 CD 刻录软件该有的功能它都有支援才 是我对它情有独锺之因。透过 ExaByte制作的DDP Tape，於CD在送压模厂大量生产时 ，提供较大的弹性，只不过要会使用它，绝非一天两天的工夫。所以并不建议初学者 使用它。 Corel CD Creator 　　这是颇负盛名的 Corel 公司跨足 CD-R 产业的惟一软件，目前的版本是 2.0，在 Windows 95/NT中执行。操作的界面秉持 Corel 一贯的作风，友善且精致，操作的过 程中可从选择教学精灵(Wizard)协助制作CD，程序的功能强大，不仅可制作Photo CD 与 Video CD，连软件的 MPEG 压缩程序 XingMPEG　Encoder 都附在其中。不过对於 Photo CD 与 Video CD的制作，如果没有其它程序或设备做前置作业处理，真不晓得 要如何著手。 　　可惜程序并不支援 Disc-At-Once 的功能，不过 Corel CD Creator与 EasyCD Pro for 95一样有提供一个可拷贝各种 CD 片的工具程序，功能甚至比 EasyCDPro 中的还强 ，操作更简便，也算是它的一项利多吧！至於其他详细的测试结果，各位可以查阅 微电脑传真五月份中关於Corel CD Creator的报导，在此就不多言了。 DAO 2.2 　　这是 Jeff Arnold 在 DOS 下发展的一套刻录软件。程序本身并没有完整的 ISO Formatting 的功能，如是为此目的而向作者注册的人誓必大失所望。因为程序最主要 强调复制及刻录 CD 时对 CD-R 能有较低阶的控制，如 Subcode的 P、Q Channel 及 Disc-At-Once等，本程序支援几乎所有CD-R的Disc-At-Once功能，这也是为什麽它叫 做 DAO 的原因。 　　要使用这套程序，必须要熟悉CD规格且要有其它程序的配合，才能完美演出。 本人就是以这套程序成功制作出加强型光碟中的 Hidden Track 格式的CD 片来。总而 言之，本人是不建议初学者在这一套程序上多费心力的。 FireBurner可算是最轻巧的刻录软件(本文以1.06正式版为例， 提供下载)，整个软件只有两个文件，总容量不到600KB！根本不用安装，直接运行即可。这是其它大型刻录软件所不能比拟的！试想一下带着一个外置刻录机到别人的电脑上使用还要安装上一大串软件，这简直不能想像！这个时候FireBurner是你不二的选择。　　FireBurner可完成的工作也因为它的轻巧而有所减少，目前（1.06正式版）可完成以下工作： 　　把硬件上的文件转换为*.ISO影像　　把*.ISO影像刻录为光碟　　把*.Cue文件刻录为光碟　　把数据轨道转换为*.ISO影像　　把音频轨道转换为*.Wav、*.Pcm、*.MP3文件　　把*.Wav、*.Pcm、*.MP3文件刻录为音轨　　浏览光碟轨道信息 　　补充二点： 　　FireBurner已经支持RAW、Q Sub-channel和RAW P-W Sub-channel读取，而且能忽略部份错误，这意味着它已经可以复制绝大部份的光碟了，包括部份加密光碟。 　　尽管FireBurner容量很小，但它却能支持大部份的刻录机，确实是追求使用速度和简便的家用的首选。 如果你想 100% 地复制一张音乐 CD 的话，你必须使用 offset correction。如果你不十分清楚偏移是什么以及偏移对抓取有什么影响的话，你应先去读一下：关于 offset 的真相。实际上，每个人都应该读一下，因为许多有关偏移的错误信息还在困惑着人们。还有好多，用过上面第一种，比较好用，但用来用去，还是nero来得简单！</t>
  </si>
  <si>
    <t xml:space="preserve">听说喝苦咖啡对糖尿病人有益是真的吗?为什么呢? </t>
  </si>
  <si>
    <t>对不是糖尿病的人来说,喝咖啡有助于预防.因为咖啡因可以提高脂肪的代谢.而高脂肪食物使胰岛素的作用减弱,容易导致2型糖尿病.但已经患上2型糖尿病的人来说,大量的咖啡因会降低碳水化合物(葡萄糖)的利用效率,有可能引起高血糖.</t>
  </si>
  <si>
    <t xml:space="preserve">5点多钟就从老婆的怀里爬起来熬等了,等来的却是一闷棍!克鲁塞平时 </t>
  </si>
  <si>
    <t>楼主其实可以去看下克罗的主场，1：0小胜的不在少数！巴甲老是这样，你觉得最不可能输的他就给你来个输，就像上轮的弗拉门，这期我克罗走的10/0,可惜单太小，库里迪巴的上半场1和巴国际的上半场3没封住，都是单挑。可惜了自己不相信维多利亚升班马，走了31/30，浪费了！</t>
  </si>
  <si>
    <t xml:space="preserve">环保保险粉的山东生产厂家？我想知道山东生产环保保险粉的有几家？ </t>
  </si>
  <si>
    <t xml:space="preserve">山东恩贝集团有限公司是集饲料生产、饲料添加剂（氯化胆碱）生产、兽药制造、生物技术开发、国际进口为一体的现代化高科技企业集团。 山东平邑万蒙农牧食品有限公司生产天然食品着色剂。 潍坊盛泰药业有限公司主要生产葡萄糖系列、玉米加工系列产品及水溶性药物包衣材料等高科技产品。 山东省华源经贸有限公司主要产品：活性炭、明胶、饲料添加剂、食品添加剂、骨胶、硫酸镁、硫酸亚铁等。 山东三维油脂企业集团有限公司山东三维油脂企业集团有限公司系大型企业,主要产品：豆油、花生油、精炼油、豆粕等。  潍坊祥维斯化学品有限公司我公司是一家集医药中间体、农药中间体、兽药中间体、电子化学品、化学助剂和饲料添加剂等精细化工产品的研究开发、生产经营的高科技中外合资企业。 青岛友利德经贸有限公司主要产品：卡拉胶天然色素、功能性营养强化剂、品质改良剂、增白剂等。  山东省昌邑市丈岭镇友祥饲料加工厂是生产兽药、饲料原料、饲料添加剂的骨干企业。 青岛长生集团公司公司是一个有着六十多年油脂加工和三十多年出口创汇历史的国内油脂行业骨干企业。  淄博大众食用化工有限公司是山东省最大的明矾、泡打粉专业生产经营型企业之一 。现有六个主导产品：铵明矾、钾明矾、脱水明矾、香甜泡打粉、固体硫酸铝和液体硫酸铝。  淄博凯瑞化工厂是专业生产天门冬氨酸的厂家。 山东福瑞达生物化工有限公司致力于药用、食用和化妆品用透明质酸、肝素等生化原料的研究和生产。 青大天然产物研究所生产各种天然色素，产品有辣椒红色素、叶黄素、超临界辣椒红色素。 山东省东营市海峰化工有限责任公司国内最大的邻苯基苯酚生产基地之一。  滕州市腾龙化工有限责任公司滕州市腾龙化工有限责任公司主要生产工业级和医药级苯甲酸、食品级和医药级苯甲酸钠及苯甲酸钾等产品。 山东柠檬生化有限公司生产一水柠檬酸、无水柠檬酸、柠檬酸钠，通过ISO9001认证。 </t>
  </si>
  <si>
    <t xml:space="preserve">什么牌子的洗衣机好,洗衣机什么牌子好？国产洗衣机什么牌子比较靠谱 </t>
  </si>
  <si>
    <t>小天鹅，老品牌，质量功能各方面全方位靠谱，建议你买滚筒的，洗衣服干净又省水，而且小天鹅的洗衣机一向以质量闻名，推荐小天鹅衣诺智臻系列TD70-1402LPDA(L)滚筒洗衣机，16个预设程序，从漂洗到脱水、消毒、烘干，不论是棉麻、化纤或是羊毛织物，它都能轻松搞定。特别的95度银离子杀菌消毒功能，还能抑制细菌再生，防止衣物洗净后遭受二次污染。建议你到官网去了解一下的。</t>
  </si>
  <si>
    <t xml:space="preserve">我33岁，女性血压135/94算正常吗？ </t>
  </si>
  <si>
    <t>从最近几年国人的血压情况看，一般低压60-90 高压110-140  都属于正常血压。你的低压94 ，稍微偏高，但只要没有什么不适症状，就问题不大。只要： 1 不要惊慌失措，不用担心，保持乐观心态；2 生活中注意饮食调节，清淡一点，适当多吃蔬菜水果； 3 适当加强运动和锻炼；4 常看医生，进行咨询，在医生指导下进行身体保健。这样就不会有太大的问题。</t>
  </si>
  <si>
    <t xml:space="preserve">魔域BB问题BB有主BB和副BB分的吗?怎么知道那个是主BB怎么 </t>
  </si>
  <si>
    <t>　一。主的选择：　　1。选成长率好的做主宝宝。因为宝宝的最终各项属性还是要根据成长率来决定。我给你们个　　公式：最终攻击力=初始攻击+攻击成长率*(该宝宝的等级数-1)。其他属性都可以利用这个公式得到；我　　建议选生命成长率在40以上的来做主宝宝最好。　　二。副宝宝的选择：　　在主宝宝20★以前，就选初始属性低的、普通或普通以上的宝宝做副宝宝。　　三。宝宝的成长阶段：　　1。5★以前全合主属性；　　2。5--10★还是以合主属性为主(80%)，同时把宝宝的副属性合点(5%)遇到初属性较好的也可以合初属性(5%)；注意：如果你的主宝宝的副属性不是太LJ的话，就请你不要副属性了，初始属性不合最好。因为这两个幻化，越到后期合，越划算！　　3。10★以后就以主属性吧！其他有好的就合，没有就不要合！但到了20★时一定要把生命成长率最低合上45%+，要不就有可能不是别人的对手喽！　　四。合宝宝大计：　　1。合10★之前的宝宝时，普通的宝宝不要乱丢啊！如果你细心的话你会发现有时普通的宝宝合上以后所加的分要比你合千合万的还要高的多。不要妈人，不信你试试！有点要强调的是你的成长率不要是负平分。　　2。不要一味的去合初属性，没有什么太大的意思。　　3。不要乱合！这里我是说：不要把副属性成长高的，主属性成长低的合反了。这样只是浪费时间。建议大家在合宝宝之前先把副宝宝平分。　　4。再副宝宝要求星级时，合副宝宝的时候只建议合主属性成长率。如果乱合的话，你的副宝宝只是****的副宝宝。　　四。宝宝的幸运：　　没有什么心得，想相信迷信就是没有体会过。当然我不是说幸运就无所谓，我想既然有它，就因该有他的作用的吧！建议大家多看看别人的帖子，或许有关幸运的说法。也有比我的更好的。　　五。三主宝宝的选择：　　我建议选物防+攻防+物攻型的配合。因为我是这样的。有钱的不考虑这种配合法式</t>
  </si>
  <si>
    <t xml:space="preserve">急求下联!喜树红藤紫珠刘寄奴当归 </t>
  </si>
  <si>
    <t xml:space="preserve">落葵枯草没石 白附子独活喜树红藤紫珠 刘寄奴当归（“石”“活”皆入声字）楼主似乎要一个药名兼人名的名词，那就用一个吧：落葵枯草没石 使君子独活喜树红藤紫珠 刘寄奴当归（使君子：人名，亦药名。相传潘州郭使君常用一种药治疗小儿腹中寄生虫病，故此药以人名名之。 “落葵”“枯草”“没石”“独活”亦中药名。）    </t>
  </si>
  <si>
    <t xml:space="preserve">关于marieantoinette玛丽·安托瓦内特的英文介绍，写? </t>
  </si>
  <si>
    <t xml:space="preserve">MIE ANTOINETTE. her bonnet partially shaded her face, she was besought to remove it, that she might be better seen. She granted the request. Royalty was no longer more than a plaything, with which the people amused themselves before breaking it. The women who yes- terday hung on to the steps of the royal carriage, clung fast to its doors, and leaned over Marie Antoi- nette, trying to touch her, to soil her with their breath, were now in parley with her. "Send away from you," said one, "all these cour- tiers who ruin kings. Love the inhabitants of your good city." " I loved them at Versailles," replied the Queen ; " I will love them just the same at Paris." " Yes, yes, " said another ; " but on the fourteenth of July you wanted to besiege the city and have it bombarded." " You were told so," answered the Queen, " and you believed it. It was that which caused the woes of the people and of the best of kings." A third woman addressed the sovereign in Ger- man. " German ! " said Marie Antoinette ; " I no longer understand it. I have become so thorough a French- woman that I have even forgotten my mother- tongue." There was a burst of applause. The women asked the Queen for the flowers and ribbons on her bonnet. She unfastened them herself and gave them away. The throng cried, "Long live our good Queen!" </t>
  </si>
  <si>
    <t xml:space="preserve">就是那个刚结束的主持人大赛，只知道张蕾是第一，第七是郑雷，第八是? </t>
  </si>
  <si>
    <t>第2 杨帆 第3 李思思 第4 郑毅 第5 张宇 第6 顾斌</t>
  </si>
  <si>
    <t xml:space="preserve">如何提高会议效率？具体建议日常工作中会议很多，如何可以减少会议的 </t>
  </si>
  <si>
    <t>1 保证会议要有内容，明确要解决的问题。开门见山，直奔主题； 2 及时开会。在得到重要情报或要要求作出决策时应立即召开，以保证有充分的时间采取行动； 3 主持人和参会者都要守时。如有迟到者，象联想规定的那样，在会场当众站立几分钟，下次很少有人愿意再吸引大家的视线； 4 主持人在会前明确通知会议目的、程序、时间、地点，让参会者有所准备。正式会议，还要把议程发给参会者； 5 出席讨论和决策的会议人数以5-7人为最佳。出席会议超过20人，只能通报情况或布置工作，更多的人只适合于报告会和表彰会； 6 一般会议时间以一小时为宜，大型报告会也不应超过两个小时。生理学家认为，脑力的最佳状态只能保持45分钟，人在生理上产生疲劳感的临界点是一小时； 7 会议的重要原则是议事不议人。不要轻易按照少数服从多数的原则确定最后方案； 8 会议要创造出一种宽松、坦诚的气氛，有利于思想的交流与沟通，提高会议效率； 9 会议结束前要做总结，建议行动方案，明确责任和规定期限。不能落实的会议是无效的</t>
  </si>
  <si>
    <t xml:space="preserve">抽大麻的人会出现什么养样的症状和反应 </t>
  </si>
  <si>
    <t>异常的兴奋，药性过了之后，又萎靡不振的抽大麻之后脸突然一下变得非常苍白，嘴唇也是</t>
  </si>
  <si>
    <t xml:space="preserve">取款金额有何规定？ </t>
  </si>
  <si>
    <t>您在国内自动取款机上取款时，在存款余额内，每天取款次数不得超过5次，累计金额不得超过5000元人民币。　　您在境外自动取款机或银行网点取款时，当日累计金额不得超过1000美元或等值外币，当月累计取款金额不得超过5000美元或等值外币。</t>
  </si>
  <si>
    <t xml:space="preserve">近视能恢复吗？我女儿13岁，现在戴350度的眼镜，但又看不清了， </t>
  </si>
  <si>
    <t>我也近视，上中学的时候100多度，戴了二年不太合适的眼镜度数增到300度，后来换了比较好的进口尼康镜片，找个好的眼镜店，当时是2003年，一直到现在度数没有再增。降了50度，现在是几乎早晨爬起来到晚上睡觉都在对着电脑，都没有增度数。据说有手术恢复视力的，但是反弹比较多。还是少带隐形眼镜，有点伤眼镜，佩戴一个好的镜片有利于保护眼睛。</t>
  </si>
  <si>
    <t xml:space="preserve">Shakira全名？ </t>
  </si>
  <si>
    <t>夏奇拉 Shakira 夏奇拉 全名：Shakira·Isabel·Mebarak·Ripoll 夏奇拉·伊莎贝尔·梅巴拉克·丽波尔</t>
  </si>
  <si>
    <t xml:space="preserve">硝酸铵的理化特性 </t>
  </si>
  <si>
    <t xml:space="preserve">NH4NO3无色斜方或单斜晶体;熔点169.6，密度 1.725克/厘米(25C)；极易溶于水，溶解时因吸收大量热能而使温度降低。大量硝酸铵在撞击或在封闭的体系中加热时，即剧烈分解而发生爆炸 硝酸铵有两个主要特性：①易溶于水、易吸湿和结块,产品一般制成颗粒状。硝酸铵有5种晶型：其代号分别为 （四面晶系）、β（斜方晶系）、γ（斜方晶系）、δ（四方晶系）、ε（正方晶系）。每种晶型仅在一定温度范围内稳定，晶型转变时伴有热效应和体积变化。特别是当环境温度在32.1C上下变动时，颗粒硝酸铵会自身碎裂成粉状而引起结块。有几种防结块方法。例如:可在硝酸铵中加入约1％的硫酸铵与磷酸氢二铵混合物；在欧洲一些国家还用硝酸镁作为硝酸铵的防结块剂。②易发生热分解，温度不同，分解产物也不同。在110C时：          NH4NO3=====NH3+HNO3+173kJ在185～200C时：          NH4NO3=====NO+2H2O+127kJ在230C以上时，同时有弱光：          2NH4NO3======2N2+O2+4H2O+129kJ在400C以上时，发生爆炸：          4NH4NO3=======3N2+2NO+8H2O+123kJ   </t>
  </si>
  <si>
    <t xml:space="preserve">我平时买的内衣是３６的，我想知道自己是几罩杯的乳房和几罩杯的内衣? </t>
  </si>
  <si>
    <t>　胸罩的尺寸一般是由一个数字和一个英文字母组合而成，例如75A或80B。其中数字代表胸围尺码，英文字母代表杯形尺码。胸围尺码：　将软尺围在乳房的下缘（下胸围），所得尺寸就是胸围尺码。如尺寸在两个尺码之间则四舍五入。杯形尺码：　　将软尺放在乳房最高点（上胸围），然后将所得尺寸与下胸围相减，再按照下表，寻找你所属的杯形。杯形尺码   上下胸围相减值 A           10cm B           12.5cm C           15cm D           17.5cm E           20cm F           22.5cm 　记住：你的体形是不断变化的，每次选购胸罩时，要重新测量尺码。不过建议你最好不要在经期选购内衣，因为这时乳房比平时肿胀，容易造成误差。</t>
  </si>
  <si>
    <t xml:space="preserve">关于邮箱你好！我如何才能打开我的邮箱？ </t>
  </si>
  <si>
    <t xml:space="preserve">  先打开申请该邮箱所在的网站主页,在"登录名"文本框中输入你申请邮箱时得到的用户名,在"密码"文本框中输入密码,然后按"登陆"按钮,就可以打开邮箱了!</t>
  </si>
  <si>
    <t xml:space="preserve">根据汉语意思，完成英语句子。我来见你时，恰巧你出去了。Youha </t>
  </si>
  <si>
    <t>我来见你时，恰巧你出去了。You happened to be out （ when ） I called on you。</t>
  </si>
  <si>
    <t xml:space="preserve">救命啊,默写碑文在哪找呀如上 </t>
  </si>
  <si>
    <t>最简单的方法   按"L"  在任务提示里点击绿色字  便会自动到达任务物品处   这任务已经是一个月前做的了  印象有点模糊  大概位置在华容道的吟诗的黑虎附近</t>
  </si>
  <si>
    <t xml:space="preserve">军绿色的短靴子配什么颜色的靴裤和上衣我买了一双军绿色的靴子,平跟 </t>
  </si>
  <si>
    <t>穿着你的靴子，从里的衣橱里慢慢挑吧。你看那种搭配你比较喜欢就行了。因为每个人的眼光和风格是不一样的。再说了，在没有悦己者的情况下，衣服就是穿给自己看的。如果有另一半的话，就让他来参考一下罗。如果你的衣橱里，你觉得没有很合适的需要购买的话。最好穿着你靴子去挑选。</t>
  </si>
  <si>
    <t xml:space="preserve">计算机技术如何把打包的access压缩包解压且运用 </t>
  </si>
  <si>
    <t>右击不能解压缩吗，右击后可以选择的吧</t>
  </si>
  <si>
    <t xml:space="preserve">QQ幻想~挖矿本人初玩不久,这几天挖了很多矿~也把一些矿合成了, </t>
  </si>
  <si>
    <t>武器加工: 防具加工: 打孔镶嵌:  慢慢来</t>
  </si>
  <si>
    <t xml:space="preserve">无证驾驶撞人需要向肇事者索赔金额在吉林省松原市一个无证驾驶的司机 </t>
  </si>
  <si>
    <t>计算这种费用，一般是：1：治疗费（医院治首次完结时费用），后期治疗费（如果一年后折板等费用）2：营养费3：误工费（6000除一个月乘实际天数）4：护理费5：伤残补助费等。</t>
  </si>
  <si>
    <t xml:space="preserve">请问每次关闭ie的时候都会弹出一个对话框，如图所示，然后就会关闭? </t>
  </si>
  <si>
    <t>检查一下最好：杀杀毒  更新病毒库查找恶意程序</t>
  </si>
  <si>
    <t xml:space="preserve">怎么我申请了N个帐号~进去都是说帐号和密码不匹配啊? </t>
  </si>
  <si>
    <t>我有个朋友有过相同的经历~~自己的号怎么都上不区，申请新号也上不去~~~都说帐号和密码不正确~~结果是旁边的 人告诉他，他上的是私服的登陆器~~你是不是呢~</t>
  </si>
  <si>
    <t xml:space="preserve">门派贡献要多少才能有１３５散仙装备领 </t>
  </si>
  <si>
    <t>楼上的说什么呢?我师门都能接昆仑金字英雄贴了.都没给我135散仙.气坏我了.郁闷~~~~</t>
  </si>
  <si>
    <t xml:space="preserve">诺基亚n95这个手机是不是已经推出手机圈了啊，怎么看很多地方都没 </t>
  </si>
  <si>
    <t>诺基亚n95不是已经退市了吗？去北京手机网看看有没有</t>
  </si>
  <si>
    <t xml:space="preserve">买了个假小米3，又找不到卖家，怎么办？ </t>
  </si>
  <si>
    <t>打12315投诉商家啊，话说你一次性买三个小米干嘛啊？继续找，找到后投诉、找不到给他宣传。让其无处行骗。</t>
  </si>
  <si>
    <t xml:space="preserve">门锁生锈家大门开关时候会有声音，不是门边，是转动门把手时候门锁有 </t>
  </si>
  <si>
    <t xml:space="preserve">  下面我给大家介绍一下门锁养护要注意的一些事项：一、  不要随便使用润滑剂有些朋友们在门锁出现发涩、或发紧的时候，往往喜欢向锁眼里滴上一些润滑油，这样，可能立马门锁通体就顺滑了，但因为油易黏灰，以后锁眼里会容易慢慢积存灰尘，而形成油腻子，这样反而使得门锁更容易出现故障了。正确的解决办法：削一些铅笔碎末或一些蜡烛碎末，通过细管吹入锁芯内部，然后插入钥匙反复转动数次即可。二、  不要强力扭动钥匙开门一些时候，由于门扇自身重力原因，或门活页原因，导致门扇下沉，出现锁门或开门不顺畅现象。这个时候往往是用钥匙开门、锁门非常吃力。此时，不要强行扭动钥匙，以免掰断钥匙，增加麻烦。正确的解决办法：应先查看原因。如果是因活页松动导致门扇下沉，应将松动的活页用螺丝固定紧即可。若是门框变形或其原因导致不可恢复的，可从门框入手，将锁舌相应扩充，这样，门锁开关门就可以恢复正常流畅了。</t>
  </si>
  <si>
    <t xml:space="preserve">我想请问一下国家公务员考试和地方公务员考试有什么区别？谢谢 </t>
  </si>
  <si>
    <t>相同点：都是考行政能力和申论，某些特定岗位还考专业知识。不同点：1、地方对户籍要求很严，国家对户籍基本上没什么要求。2、国家行政能力题目比地方的稍难但也不会难很多，申论比较全面不向地方的一般都是本省的事来进行分析，国家的申论的题目出的比较广。3、还有就是竞争比地方的大的多，几百几千人竞争一个岗位也是正常的！</t>
  </si>
  <si>
    <t xml:space="preserve">如何让白衬衣不发黄我买了一件白衬衣，可夏天穿的较频繁，洗的也就较 </t>
  </si>
  <si>
    <t>1、在洗之前，先涂上牛奶。如此就能不可思议地防止变黄。在洗完后，最后一次冲水时加点牛奶，也同样有效果。这种方法并不需要很多牛奶，所以不妨试一试。2、在漂洗的水中加点白醋，可保持白色丝织物的本色，防止变黄。3、洗白衣服时放滴篮墨水使衬衫不发黄，每次洗干净衣服后打盆干净水，放滴蓝墨水，将墨水搅匀，把白衣服放进去，不断漂洗，直到水里的蓝色消失，把衣服拿出来晾干。你的白衬衫一直都不会发黄。</t>
  </si>
  <si>
    <t xml:space="preserve">关于账号被盗问题~好心人进我的号被盗了，没有设置密保卡~要是我的 </t>
  </si>
  <si>
    <t>1,装备一年是可以恢复一次的.具体方法见官方网站说明.大体来说:如果已经找回密码可以再线M  GM来恢复,再现等的时间比较长.如果没有找回来就要麻烦点,可能要传真身份证复印件.2,密保没用过因为听说3个月就过期了,至于过期后如何更新就不懂了但估计你找回密码的同时可以申请取消密保吧3有身份证确实更容易改号码所以有风险4.T2.5的号每个区价格不同,而且还有个最重要的问题:有的号是被盗的号卖的便宜但可能被被盗者找回去,最后一场空!最好有工会的出面,但比较麻烦了!</t>
  </si>
  <si>
    <t xml:space="preserve">小学语文安然无恙中的恙是什么意思？秩序井然中的井是什么意思？魅力 </t>
  </si>
  <si>
    <t>答:恙:病。   井:整齐，有秩序   魅:吸引被人的注意</t>
  </si>
  <si>
    <t xml:space="preserve">密码找会我是55区的玩家我的号被盗了怎么找会呀？？？？ </t>
  </si>
  <si>
    <t>你就是盗号的骗子吧，居然在上面贴exe的文件</t>
  </si>
  <si>
    <t xml:space="preserve">男人们在碰见自己爱的女人的时候都会动手动脚的吗？我和他是一个很熟 </t>
  </si>
  <si>
    <t>不管是男人，还是女人，喜欢上一个人时，心里都会感到一种非常的、难以自控的激动、兴奋，在这种激动、兴奋情绪的作用下，心潮澎湃，心理、生理上产生极大的冲动，想亲吻、爱抚对方，甚至想占有对方，这是正常的反应，是发自内心的感受。如果你真的爱他，就应该理解他的冲动。这种男人对感情是执着的，应该相信。</t>
  </si>
  <si>
    <t xml:space="preserve">如何将收到的英文邮件变成中文内容问题发生时间：对方邮件域名（@后 </t>
  </si>
  <si>
    <t>你用翻译软件试试看</t>
  </si>
  <si>
    <t xml:space="preserve">请问是应届生考公务员机会多还是在职人员？ </t>
  </si>
  <si>
    <t>当然是应届毕业生机会更多一些啦,在职人员受限很多的,象工商,税务这类单位只要应届毕业生的!</t>
  </si>
  <si>
    <t xml:space="preserve">手机问题我的手机卡是神州大众卡，到了家乡之后，发短信，打电话，看 </t>
  </si>
  <si>
    <t>不好意思,你应该打个10086问一下情况,不然收你钱你别哭哦!</t>
  </si>
  <si>
    <t xml:space="preserve">请教玩过资料片的达人马上就要开资料片了,现在的60级的任务我有很 </t>
  </si>
  <si>
    <t>..可以交 不过那点经验根本不能和升级经验和外域任务比。外域任务无限多 好做奖励还变态。。我进了外域把艾则的全部任务删除25个空还不够一个地图的。像有个什么废墟的任务10-20分钟就能拿40000多经验</t>
  </si>
  <si>
    <t xml:space="preserve">请问各位亚硝酸盐到哪里可以弄到？谁可以告诉我，我想要吃一点亚硝酸 </t>
  </si>
  <si>
    <t xml:space="preserve">   化工商店可以买得到,但是,它是不能食用的,千万不要以身犯险.</t>
  </si>
  <si>
    <t xml:space="preserve">论文开题报告和前言的内容是一样的吗?我的开题报告和前言都是一样的 </t>
  </si>
  <si>
    <t>开题报告里面你还必须有下面几项项内容：研究进度、研究过程中可能遇到的问题及拟解决方法、预期研究结果</t>
  </si>
  <si>
    <t xml:space="preserve">吃饭是一种乐趣吗？有的人爱吃如命有的人对吃不感兴趣这是为什么 </t>
  </si>
  <si>
    <t>哎呀吃饭真是人生一大乐趣啊~特别是吃自己烧的饭——一一个人的命运可能不由自己决定，但是在那一顿自己烧的饭上，你是自己唯一的主人，所有东西金木水火土都有你自己掌控那叫欣慰啊。至于到别人家里，饭店里，旅途中品尝各异的美食，你会感到人生的丰富多采和大千世界的包罗万象。还有就是你想获取什么别的可能不容易但是在吃饭时能获得人体必须的营养使你能够健康地生活还是相当简单和愉悦的！</t>
  </si>
  <si>
    <t xml:space="preserve">127.0.0.1这个IP是什么意思?? </t>
  </si>
  <si>
    <t>是本机的IP，每台机器都有都一样的，供测试用的</t>
  </si>
  <si>
    <t>忍者与剑士的抉择</t>
  </si>
  <si>
    <t>忍 一个很不稳定的职业就现在目前形势而言 剑是大占光彩 新技能使其地位有着显著的提高而忍的眼前形势不太乐观不过5.0骑宠技能的开放 也许忍得地位会有所提升 因为人物的被动技能仍然可以使用也就是说暗杀 抗体等诸多忍的技能仍然可以在宠物的身上有所体现试想一下一个血防忍骑着一只加血改造 或者是水龙 那个职业可以使其在一轮内阵亡？ 只有忍的漂亮的暗杀可以做到 所以坚持自己的也不错而选择更好的也不时为不错的选择 剑士的修炼很困难 诸多的技能需要自己去练习而且如果没有装备的辅助 那么根本就发挥不了剑士本身的特色 望选择时慎知剑的主要技能乾坤：重装招牌技能 不学不配为重装迅速：选剑为了什么 就是为了技能嘛圣盾：圣盾可以说是最完美的技能 守得滴水不漏 可以体现剑的职业特色 攻之犀利 守之牢靠 连击：破巫技能 魔术无效 攻击无效 若是PK加以7绝回复 若可以在学习一个超咒技能牵制敌人也不时为一种不错好办法</t>
  </si>
  <si>
    <t xml:space="preserve">郭敬明，韩寒，几米，刀刀等说的有哲理的话 </t>
  </si>
  <si>
    <t>本页联系我们论坛帮助 恢复默认设置登录 |注册 |搜索 |风格 |论坛状态 |论坛展区 |道具中心 |博客 |主站 |奖章中心 |我能做什么 欢迎光临本论坛：您还没有注册或登录请先注册或登录以避免此窗口再次出现注册      登录 此窗口10秒后自动关闭海之子论坛 → 学习&amp;文艺版 常务版主：看风不是雨 → 指端生花→文学版 → 郭敬明经典语句      帖子评论  选取类型： 中立 支持 反对  选取观点 精彩，一针见血 观点独到 说得很对 你说得有道理  选取观点 你说得没道理 不知道你在说什么 简直是胡说八道  观点标题：   验证码：   观点内容：（不支持HTML）   请以客观、真实地作出评论，并注意语言文明； 观点发表后不能作出更改；    您是本帖的第 4585 个阅读者树形 打印 标题： 郭敬明经典语句温凉玉圭   头衔：高山流水等级：赏茶闲客文章：343积分：3087注册：2007年3月21日楼主小 大  个性首页 | 邮箱  郭敬明经典语句 1 很多我们以为一辈子都不会忘记的事情，就在我们念念不忘的日子里，被我们遗忘了 。 2 我知道我不是一个很好的记录者，但我比任何人都喜欢回首自己来时的路，我不但的回首，伫足，然手时光仍下我轰轰烈烈的向前奔去。3 你给我一滴眼泪，我就看到了你心中全部的海洋 4 如果上帝要毁灭一个人必先令其疯狂.可我疯狂了这么久为何上帝还不把我毁掉.5 那些刻在椅子背后的爱情，会不会像水泥上的花朵，开出没有风的，寂寞的森林6 在这个忧伤而明媚的三月，我从我单薄的青春里打马而过，穿过紫堇，穿过木棉，穿过时隐时现的悲喜和无常。7 你笑一次，我就可以高兴好几天；可看你哭一次，我就难过了好几年。8 那些曾经以为念念不忘的事情就在我们念念不忘的过程里，被我们遗忘了。9 寂寞的人总是会用心的记住他生命中出现过的每一个人，于是我总是意犹未尽地想起你 在每个星光陨落的晚上一遍一遍数我的寂寞 10 每当我看天的时候 我就不喜欢再说话 每当我说话的时候 我却不敢再看天 11 我每天都在数着你的笑，可是你连笑的时候，都好寂寞。他们说你的笑容，又漂亮又落拓。 12 我生命里的温暖就那么多，我全部给了你，但是你离开了我，你叫我以后怎么再对别人笑13 曾经也有一个笑容出现在我的生命里，可是最后还是如雾般消散，而那个笑容，就成为我心中深深埋藏的一条湍急河流，无法泅渡，那河流的声音，就成为我每日每夜绝望的歌唱。 14 凡世的喧嚣和明亮，世俗的快乐和幸福，如同清亮的溪涧，在风里，在我眼前，汨汨而过，温暖如同泉水一样涌出来，我没有奢望，我只要你快乐，不要哀伤……15 风吹起如花般破碎的流年，而你的笑容摇晃摇晃，成为我命途中最美的点缀，看天，看雪，看季节深深的暗影。 16 一个人总要走陌生的路，看陌生的风景，听陌生的歌，然后在某个不经意的瞬间，你会发现，原本费尽心机想要忘记的事情真的就这么忘记了。 17 躲在某一时间，想念一段时光的掌纹；躲在某一地点，想念一个站在来路也站在去路的，让我牵挂的人。 18 牵着我的手，闭着眼睛走你也不会迷路 。19 假如有一天我们不在一起了，也要像在一起一样。 20 有些事情还没讲完那就算了吧.每个人都是一个国王,在自己的世界里纵横跋扈,你不要听我的,但你也不要让我听你的.21 我忘了哪年哪月的哪一日 我在哪面墙上刻下一张脸 一张微笑着 忧伤着 凝望我的脸 我们微笑着说 我们 停留在 时光的 原处 其实 早已被洪流 无声地 卷走 22 有些人会一直刻在记忆里的，即使忘记了他的声音，忘记了他的笑容，忘记了他的脸，但是每当想起他时的那种感受，是永远都不会改变的23 那些以前说着永不分离的人，早已经散落在天涯了。24 原来和文字沾上边的孩子从来都是不快乐的，他们的快乐象贪玩的小孩，游荡到天光，游荡到天光却还不肯回来25 你永远也看不到我最寂寞时候的样子，因为只有你不在我身边的时候，我才最寂寞。 26 歌声形成的空间,任凭年华来去自由,所以依然保护着的人的容颜不曾改和一场庞大而没有落幕的恨.27 总有一天我会从你身边默默地走开,不带任何声响.我错过了很多,我总是一个人难过.28 我就像现在一样看着你微笑,沉默,得意,失落,于是我跟着你开心也跟着你难过,只是我一直站在现在而你却永远停留过去.29 如果我们都是孩子,就可以留在时光的原地,坐在一起一边听那些永不老去的故事一边慢慢皓首.30 我忘记了哪年哪月的哪一天　我在哪面墙上刻下了一张脸　一张微笑着　忧伤着　凝望着我的脸 那些刻在椅背后的爱情　　会不会像水泥地上的花朵　开出地老天荒的　没有风的森林31 不是每一次努力都会有收获，但是，每一次收获都必须努力，这是一个不公平的不可逆转的命题。32 当你真正爱一样东西的时候你就会发现语言多么的脆弱和无力。文字与感觉永远有隔阂。33 遗忘 是我们不可更改的宿命 所有的一切都像是没有对齐的图纸 从前的一切回不到过去 就这样慢慢延伸 一点一点的错开来 也许 错开了的东西 我们真的应该遗忘了34 什么叫快乐？就是掩饰自己的悲伤对每个人微笑。35 坚硬的城市里没有柔软的爱情 生活不是林黛玉，不会因为忧伤而风情万种 人永远看不破的镜花水月，不过我指间烟云世间千年如我一瞬36 记忆想是倒在掌心的水 不论你摊开还是紧握 终究还是会从指缝中 一滴一滴 流淌干净。37 谁是谁生命中的过客,谁是谁生命的转轮,前世的尘,今世的风,无穷无尽的哀伤的精魂. 我回过头去看自己成长的道路，一天一天地观望，我站在路边上，双手插在风衣的兜里看到无数的人群从我身边面无表情地走过，偶尔有人停下来对我微笑，灿若桃花。我知道这些停留下来的人终究会成为我生命中的温暖，看到他们，我会想起不离不弃。 38 这个城市没有草长莺飞的传说,它永远活在现实里面,快速的鼓点,匆忙的身影,麻木的眼神,虚假的笑容,而我正在被同化39 总有一天都会面目全非,时光没有教会我任何东西,却教会了我不要轻易去相信神话40 风空空洞洞地吹过。一年又这么过去。而来年，还要这么过去。我不知道是安稳的背后隐藏着沮丧，还是沮丧里终归有安稳。只是我们，无法找到。 41 离去，让事情变得简单，人们变得善良，像个孩子一样，我们重新开始。42 一只野兽受了伤，它可以自己跑到一个山洞躲起来，然后自己舔舔伤口，自己坚持，可是一旦被嘘寒问暖，它就受不了43 伤口就像我一样，是个倔强的孩子，不肯愈合，因为内心是温暖潮湿的地方，适合任何东西生长。44 因为我知道你是个容易担心的小孩，所以我将线交你手中却也不敢飞得太远。不管我随着风飞翔到云间我都希望你能看见，就算我偶尔会贪玩了迷了路也知道你在等我45 我不喜欢说话却每天说最多的话，我不喜欢笑却总笑个不停，身边的每个人都说我的生活好快乐，于是我也就认为自己真的快乐。可是为什么我会在一大群朋友中突然地就沉默，为什么在人群中看到个相似的背影就难过，看见秋天树木疯狂地掉叶子我就忘记了说话，看见天色渐晚路上暖黄色的灯火就忘记了自己原来的方向...</t>
  </si>
  <si>
    <t xml:space="preserve">请问香港的莎莎买的化妆品是真的还是假的??听说比内地便宜很多,是 </t>
  </si>
  <si>
    <t>莎莎買的化?y品一般?碚h，是真的，??]有聽説過是假的。如你想知道比大?要便宜多少，可以登入莎莎的網站WWW.SASA.COM查?，在左下角，有??地?^選?瘢憧梢赃x?裣愀郏窍愀鄣?r錢就可以看到了。卓??的品種?]有莎莎多，?r錢都差不多的。</t>
  </si>
  <si>
    <t xml:space="preserve">小霸王体感器双手柄怎么试制？小霸王体感器双手柄怎么试制？&amp;lt;? </t>
  </si>
  <si>
    <t>这个体感游戏机很好的，关注很久了，一直没买。 如果能帮到你，请点“好评”，谢谢</t>
  </si>
  <si>
    <t xml:space="preserve">1/41/31/24/5（） </t>
  </si>
  <si>
    <t>3/4   4/5应该是表示第一个的分母除以分子和分母的总和，所以这个空应该是3/4 ，下下个空是2/3.</t>
  </si>
  <si>
    <t xml:space="preserve">使用精灵外挂会不会被金山封帐号?谢谢!我想知使用精灵外挂会不会被 </t>
  </si>
  <si>
    <t xml:space="preserve">如果用精灵会被封的话，那我告诉你99%的帐号会被冻结！剑侠自动玩完!第二个问题你最好问金山去！第三个嘛去看 </t>
  </si>
  <si>
    <t xml:space="preserve">为什么大家都爱玩dota为什么玩dota的人这么多 </t>
  </si>
  <si>
    <t xml:space="preserve">  DOTA跟CS和CF有异曲同工之妙，属于团队竞技，讲究配合和战术，男生都喜欢军事和竞技一类，团队作战拼实力和全盘操控，比较能激发男性好胜心和战略心。</t>
  </si>
  <si>
    <t xml:space="preserve">有没有中57期9场的，晒晒图 </t>
  </si>
  <si>
    <t>估计爱问是没有了~~~</t>
  </si>
  <si>
    <t xml:space="preserve">高手进,我是不是得了乙肝?!最近总是食欲不振\恶心呕吐,不喜欢吃 </t>
  </si>
  <si>
    <t>其实不用回答这么多就可以~~我是一名生,我认为:   在医学上将患者感觉到的异常称症状，如恶心、肝区疼痛等；将医生看得见、摸得着的称体征，如肝脏肿大、腹水等。症状和体征统称临床表现。跟许多疾病一样，乙肝的临床表现相差很太。根据临床表现的不同，感染乙型肝炎病毒后常分为以下几种类型。 　　1、乙型肝炎病毒携带者：如果没有症状和体征。肝功能正常，仅仅是表面抗原阳性，不论是“大三阳”或是“小三阳”．也不论Hl{v DNA阳性或阴性，均称乙型肝炎病毒携带者。它占乙肝感染者中的大多数。值得注意的是，有的人虽然没有症状，甚至肝功能也正常，但是肝脏存在慢性炎症，如果不治疗，最终可以发展为肝硬化，这些人其实不是真正的携带者。因此，如果没有肝组织学检查的证据，要进行长期的、动态的观察，才能作出准确的诊断。 　　2、急性乙肝：病程在半年内称急性乙肝，一般起病较急，有轻重不等的症状，多数人表面抗原多在半年内消失，少数可变成慢性乙肝。　　3、慢性乙肝：病程超过半年称慢性乙肝，可有轻重不同的症状，迁延不愈，反复发作。如果没有乙肝病史，也没有近期的化验结果，首次发病有时很难判断是急性乙肝还是慢性乙肝。一4重型乙肝：病情发展迅猛，症状很重，如不积极抢救，可危及生命。 　　除了乙型肝炎病毒携带者外，其他各型乙肝均有轻重不同的症状和体征，归纳起来，包括以下几个方面。 　　1、全身症状：乙肝患者常感到体力不支，容易疲劳，打不起精神，其原因可能是肝功能受损，进食减少，食物消化嘲收障碍，营养物质摄人不足。另一方面是由于炎症，消耗增加，已摄人的物质因肝功能受损，不能充分代谢，满足机体的需要。第三个方面可能是乙肝引起的精神和心理上的压力，影响休息和睡眠，失眠、多梦等都可能与此有关。 　　2、消化遭症状：肝脏是重要的消化器官，肝脏分泌的胆汁是食物消化所必需的。肝炎时，胆汁分泌减少，影响食物的消化和吸收。肝脏的炎症还可能引起肝窦的血流障碍，导致胃肠道的充血水肿，影响食物的消化和吸收。因此，乙肝常出现食欲不振、恶心、厌油、上腹部不适、腹胀等。 　　3、黄疸：肝脏是胆红素代谢的中枢，病情较重时，由于胆红索的摄取、结合、分泌、排泄等障碍，血液中胆红素浓度增高。当血中胆红素浓度增高以后，胆红素从尿液排出，使尿液颜色变深．它是黄疸最早的表现。但是天热出汗饮水不足、一些药物等也可引起尿液颜色的改变，应注意区别。当血液中胆红素浓度继续增加．可引起眼睛、皮肤黄疸。由于胆汁酸的排出障碍，血液中胆汁酸浓度增高，过多的胆汁酸沉积于皮肤。刺激末梢神经，引起皮肤瘙痒。 　　4、肝区疼痛：肝脏内部缺乏痛觉神经，乙肝一般没有剧烈的疼痛。但肝的表面有一层很薄的膜，称肝包膜，肝包膜上有痛觉神经分布，当肝脏发炎肿大时，肝包膜紧张，痛觉神经受刺激，因而部分患者可有右上腹、右季肋部不适、隐痛。如粜疼痛剧烈，还要注意胆道疾病、肝癌、胃肠疾病的可能性，以免误诊。 　　5、肝脾肿大：由于炎症、充血、水肿、胆汁淤积，乙肝常有肝脏肿大。如果慢性炎症期不愈，反复发作．肝内纤维结缔组织增生，肝脏质地变硬。晚期由于大量肝细胞破坏，纤维组织收缩，肝脏可缩小。急性肝炎或慢性肝炎早期，脾脏多无明显肿大，以后可因脾脏网状内皮系统增生，以及门静脉高压。脾脏淤血，引起脾脏肿大。持续性进行性脾脏肿大提示肝硬化。 　　6、肝外表现：不少慢性肝炎特别是肝硬化患者面色黝黑晦暗，称肝病面容，这可能是由于内分泌失调，皮肤色素沉着．或者是由于持续或反复黄疸，胆绿素在皮肤沉着所致。手掌大、小鱼际显著充血称肝掌。皮肤上一簇呈放射状扩张的毛细血管称蜘蛛痣，直径数毫米至数厘米，压之退色，常见于面部、颈部、前胸和手背。蜘蛛痣偶尔也可分布于全身。男性可出现勃起功能障碍，对称或不对称性的乳腺增生、肿痛，甚至可误诊为乳腺癌，施行乳腺切除术；女性可出现月经失调、闭经、性欲减退等。这些可能与肝功能减退，雌激素灭活减少，体内雌激素增多有关。 　　乙肝患者症状的轻重与病情的轻重有一定关系，但并不完全平行，这是由于每个人的感觉的敏感性相差很大。另一方面，症状除了与躯体因素有关外，还受精神因素的影响。如果没有把握，还是找有经验的医生看病，以免延误治疗.</t>
  </si>
  <si>
    <t xml:space="preserve">上海哪有卖火柴、蜡烛的？？（最好靠近虹口区） </t>
  </si>
  <si>
    <t>上海卖火柴、蜡烛的就是城隍庙的福佑小商品市场了：婚庆蜡烛和火柴、圣诞蜡烛、工艺蜡烛等，四川中路一直到底就是人民路豫园－城隍庙。另外，上海卖蜡烛的地方很多，许多家居用品商店（香熏蜡烛）、酒店用品商店都有。不知你买的是哪类蜡烛？传统的烧香蜡烛在寺庙。</t>
  </si>
  <si>
    <t xml:space="preserve">关于把便的问题？　宝宝从几个月开始把便？一般宝宝什么时候排便？ </t>
  </si>
  <si>
    <t>两三个月就可以了，宝宝的小便开始时间隔很短，也就10-15分钟一次，把的时候嘴里吹着哨，让他形成条件反射。你的宝宝是母乳还是人工喂养？每天拉几次大便呀？母乳喂养的宝宝每天会拉多次大便，观察一下宝宝排便时的表情，通常是吃奶时排便，我的宝宝是吃着吃着奶，就停下了，眼睛发直，嘴角往下撇，拉完接着吃。如果把便就要在他眼发直时把。如果已经一天一次大便了，就要每天早上吃完奶后把，没有大便也要定时，这样宝宝就会渐渐养成每天定时排便的习惯。</t>
  </si>
  <si>
    <t xml:space="preserve">那丫头真傻？星期五中午，我跟老妈说小娜每次见到我后总会说‘hel </t>
  </si>
  <si>
    <t>她不傻，她已经爱上你了。</t>
  </si>
  <si>
    <t xml:space="preserve">请问:用枸杞泡茶喝能壮阳妈?我这一段复习考试,感到自己的性欲不太 </t>
  </si>
  <si>
    <t>可以，除了喝枸杞茶，还可以吃吃狗肉，泥鳅，用龟甲炖汤喝，还有麻雀脑，这些都是特效壮阳药。</t>
  </si>
  <si>
    <t xml:space="preserve">成都楼盘走势如何？成都的楼盘最近走势如何，在什么地方能了解到呀？ </t>
  </si>
  <si>
    <t>虽然经济危机，但楼盘价格还是在增加。</t>
  </si>
  <si>
    <t xml:space="preserve">心绞痛痛起来的时候心像绞起来一样，怎么回事？ </t>
  </si>
  <si>
    <t>你好，心绞痛是冠状动脉供血不足，心肌急剧的暂时缺血与缺氧所引起的。主要表现是：发作性胸痛或胸部不适。鉴于患者目前的状况，建议患者最好去医院的心内科做一个心脏彩超和心电图排查，明确疾病进展状况 心绞痛是由于心肌短暂的缺血导致的临床不适一般是很少发生心绞痛的情况，除非是有先天心脏病变。</t>
  </si>
  <si>
    <t xml:space="preserve">专升本什么时候开始专业课辅导？ </t>
  </si>
  <si>
    <t>还辅导啥啊都考试完哦。</t>
  </si>
  <si>
    <t xml:space="preserve">超级房主的作用是什么 </t>
  </si>
  <si>
    <t>可以被赋予极大的权利。可以随意踢出其他用户（被强制驱逐的用户无法再次进入房间）  使用超级房主建立的房间将自动显示在列表的上方</t>
  </si>
  <si>
    <t xml:space="preserve">半命题作文急急题目：（音乐亲情知识友情）伴我成长〔在四个词里选一 </t>
  </si>
  <si>
    <t xml:space="preserve">友情伴我成长　 　　　　　　　　　　　　　 　　你是否有过这样的经历？当你徘徊在善与恶，对与错的边缘，不知道如何选择时，你的前方是否出现了明亮的灯光？这是你的朋友真挚的帮助。在我内心世界的记忆珍珠中，有那么一颗珍珠总是那么光彩耀眼。 　 　　那一次，我好几道题都不会做。我不经意的望望同桌，一个想法涌现在心中：去问问他吧。我碰了他一下，他的目光投在了我的身上，我红着脸小声得：“借我抄一下。”他的表情我已经记不清了，只依稀记得他说：“作弊是不行的，靠自己的真才实学才是光荣的。”这就是友情，当你沉进万丈深渊时，友情便是一只强大的手，把你从深渊里拉出来。 　 　　　　　　　　　　　　　 　  你是否有过这样的经历？当你躲在角落里独自伤心哭泣时，是谁在一旁支持你，安慰你？是你的朋友。当我失意时，友情就是我的支柱。 　 　　考试可能是每个学生所不喜欢的，当然我以前不太喜欢考试，但是自从那件事以后，我开始喜欢考试。我也发生过令我一击即沉的事，请你听我娓娓道来。 　 　　数学向来是我的薄弱课程，每次考试虽说不会不及格，但也不是很好。有一次，由于我考试前没有好好复习，竟考了七十多分，看着那鲜红的分数，我的眼泪忍不住从眼眶里流出来。下课了，我的脸上挂满了晶莹的泪珠。坐在我旁边的是我的朋友。她安慰我，鼓励我，使我坚强的走下去…… 　 　　友情是我的踏脚石；是我在黑夜里的灯光；是我在失意时高大的支柱；是我孤独寂寞时最佳的倾诉者；是我在求知道路上的良师益友。友情伴你我成长，你我的成长离不开你啊！ 　  </t>
  </si>
  <si>
    <t xml:space="preserve">超级技能项链哪里打的,有时间限制的那种 </t>
  </si>
  <si>
    <t>超级技能练不是怪爆的，是商城里买的，能用３０天，普通技能练是通天的怪爆的，一般是教主和真烈焰爆的，现在也不贵，１０-１５个元宝就能买到了，建议别买超级的，买个普通的好了，用完了还能卖掉，基本不亏钱．</t>
  </si>
  <si>
    <t xml:space="preserve">老师，帮忙看看安纳达，今天逆市上涨，请问能不能继续持有呢？谢谢 </t>
  </si>
  <si>
    <t>该股强者恒强可以继续持有。</t>
  </si>
  <si>
    <t xml:space="preserve">提点意见!!!!!!!!!!!我现在开的是冥王,身上有60w是继 </t>
  </si>
  <si>
    <t>哈哈，继续赚钱了。双子的确是一部好车，起步很快，后期加速也不错，改装好了，可以跑到每小时近230公里，但是和S类中的F330、SP（CT车）以及A类车180H还是有差距的（以上三种车型都是CT车），建议你等钱赚够了还买个性能更好的CT车吧（本人不建议买点卡车），从反馈的信息看，本人主张你买A类中的180H车，咳，说这多也不知你满不满意。祝飚出好成绩。</t>
  </si>
  <si>
    <t xml:space="preserve">中风病人咳嗽可以服用镇咳药么？我父亲59岁，三年前脑溢血做过开颅 </t>
  </si>
  <si>
    <t>可以。止咳药最好服用中药，有些西药镇咳的有血压升高的副作用。消炎药可以服用头孢、青霉素类（如果不过敏）。感冒期间容易引起血压升高，要注意测血压。</t>
  </si>
  <si>
    <t xml:space="preserve">我儿子从满月开始便由我抱着坐在自行车后座每天送去奶奶家，自行车后? </t>
  </si>
  <si>
    <t>这种震动不会对孩子脑子有影响，肋骨外翻可吃钙和鱼肝油，下腿有生理弯曲不一定和缺钙有关。</t>
  </si>
  <si>
    <t xml:space="preserve">手机怎么查询梦幻西游点卡同上 </t>
  </si>
  <si>
    <t>你发mhxy到10086103就可以查了不过要花钱的1分钟0.5元</t>
  </si>
  <si>
    <t xml:space="preserve">如图所示的装置中，木块M与地面间无摩擦，子弹以一定的速度沿水平方? </t>
  </si>
  <si>
    <t>选B，上面所说的有错，机械能不守恒是因为部分转化成热能，整个系统 受重力和地面弹力，还有左面强的弹力不做功，因为力的作用点位移为0。</t>
  </si>
  <si>
    <t xml:space="preserve">订单昨天下午下的单，什么时候能发货？ </t>
  </si>
  <si>
    <t xml:space="preserve">尊敬的客户:    您好！客户服务060很高兴为您服务！    您的问题需要您提供相应的物品编号，然后与我们客服中心的人员联系，客服中心服务热线：0579-83225173，客服人员会为您联系相应的人员进行核实处理。    感谢您对5173的支持！！愿您一年365天快快乐乐，平平安安!愿您度过温馨浪漫的每一天！                                            </t>
  </si>
  <si>
    <t xml:space="preserve">喝酒后胃疼吃什么药 </t>
  </si>
  <si>
    <t>病情分析：你好!喝醉酒后头痛是正常的现象，不要乱服药物。指导意见：醒酒后会好的，可以喝点醒酒汤，酒精退了后会恢复的。不要经常喝醉酒，对胃肝均不好。祝您健康！</t>
  </si>
  <si>
    <t xml:space="preserve">攻击！防御！新手!内功跟外功的区别在于哪里？那内防跟外防呢？选什 </t>
  </si>
  <si>
    <t>内功 远程攻击 外功 近身攻击内防和外防同 内功 外功类似武当内功比较高 明教外功比较高 峨眉最容易最队 现在满世界喊组峨眉 组峨眉</t>
  </si>
  <si>
    <t xml:space="preserve">我有机和那女孩在一起吗？我觉得我很喜欢她！希望大哥大姐们指点一二 </t>
  </si>
  <si>
    <t>其实我倒是觉得你们的年龄并不是问题,只是你们是在网上认识的,这就是你们能不能在一起的主要障碍.在网上聊天往往能给人一种错觉,觉得对方就是寻觅已久的梦中情人.可一旦见了面,那种感觉就有可能变了.因为毕竟网上和现实是不一样的.我有个朋友也是和他的朋友在网上认识的,虽然刚开始两个人不错,但时间长了,就觉得对方根本是适合自己而分手,所以你要考虑清楚是不是很确定你们一定能相处的很好再做决定.当然还是祝你好运~~</t>
  </si>
  <si>
    <t xml:space="preserve">网上股票交易中的埋单是什么意思 </t>
  </si>
  <si>
    <t>埋单也是本日有效吗?埋单是不是不受10%幅度限制？ 答：当天有效，过期作废，埋单同样受10%涨幅限制，超过10%的委托买单不被接受！埋单与买入、卖出有什么区别？答：埋单，必须是委托买或卖的埋单委托。你举的例子，已经在此回答中：委托埋单只是当日有效，后面每天，你都必须重新委托。</t>
  </si>
  <si>
    <t xml:space="preserve">大家来说说吃什么零食不会胖哈？女孩子就是喜欢吃零食啊，可是吃了不 </t>
  </si>
  <si>
    <t>水果白开水既美容又养颜总之零食又没有营养又破坏皮肤的光泽又增肥另外 节食加运动绝对是减肥的唯一正确方法假如真到了饿得心慌的时候还有减肥药和 白菜汤（不要在睡前3小时以内吃）经常洗澡，冷热水交替冲洗要达到目的 肯定是要付出代价的：）我身高160，从120到了102，要是谁能有方法尽快到96就更好了</t>
  </si>
  <si>
    <t xml:space="preserve">急求！！！！谁有关于穿越到机甲世界的耽美文，，男主要很厉害的？？ </t>
  </si>
  <si>
    <t>《机甲触手时空（完结+番外）》挺好看的 兄弟文  《重生之匪军》也是机甲耽美文挺不错的《重返地球》主角挺厉害的天地无用第三季-异界圣机师唔。。。蹭下分，欢迎蹭回来</t>
  </si>
  <si>
    <t xml:space="preserve">在宇宙中的飞行器要怎样才能加速呢? </t>
  </si>
  <si>
    <t>飞行器沿着轨道的切线方向喷火就行了!因为,轨道的切线方不受外力,即合外力为零.</t>
  </si>
  <si>
    <t xml:space="preserve">宝宝湿疹喝什么奶粉好？ </t>
  </si>
  <si>
    <t>有湿疹的话最好暂时不要吃牛奶和鸡蛋，奶粉的话给宝宝用太子乐安美恩护吧，专门给宝宝有湿疹时候用的。</t>
  </si>
  <si>
    <t xml:space="preserve">孩子不喜欢吃饭，只吃菜，怎么办？孩子四周岁多了，只吃菜，不爱吃饭 </t>
  </si>
  <si>
    <t>可以多点变化花样，比如将菜切碎、肉粒、青豆等炒熟，然后和刚煮熟的饭混合，做成饭团，又好看又好吃，小孩子看见又特别喜欢！试试吧！</t>
  </si>
  <si>
    <t xml:space="preserve">请教调皮老师?这波反弹结束没?如果没我今天能买点什么股票? </t>
  </si>
  <si>
    <t>以后请朋友将问题或股票代码写在标题内，这样方便大家对问题的浏览和查阅。谢谢合作！祝朋友投资顺畅！现在是区间震荡整理，当大盘不破1800可选择有业绩支撑的热门股逢低介入，且异追高。谨慎！</t>
  </si>
  <si>
    <t xml:space="preserve">郑多燕减肥晚餐多少钱 </t>
  </si>
  <si>
    <t>.全国免费订购热线：400-0330-968在线咨询客服ＱＱ：321306798那点事，还真是有人欢喜有人忧。道理简单都懂，就是难于坚持。热量摄入控制，肚子饿的咕噜咕噜叫，总是感觉对不住自己的胃。运动健身吧，腰酸腿疼、汗流浃背的运动方式却又枯燥乏味难坚持。女人要一生坚守在枯燥中瘦身吗吗?有什么更加简单快捷的减肥方法吗？现在这款郑多燕减肥晚餐不节食、不运动就可以瘦下去，最重要的是它不含有害成分、不伤身、不反弹，其实说到我们的郑多燕减肥晚餐多少钱,大家根本不需要做过多的考虑,因为其价格是非常合理的,是我们普通消费者都能够买的起的产品，所有人都可以轻松联系上面热线购买。当你服用郑多燕减肥晚餐的三到七天就会觉的腹部肠蠕动的感觉，不用担心这是正常现象，当你服用十天左右就会发现排出油乎乎的大便，你就会发现你的腰，大腿，就有明显的减小，而且食欲是正常的，不像有的减肥产品让你吃不下东西。如果你想减肥成功，一定要坚持服用郑多燕减肥晚餐，不能发现有效果就停止服用了，一般坚持按疗程服用会有事半功倍的成效，在此祝您早日拥有火辣的纤细身材，让你走在大街上回头率百分之百。</t>
  </si>
  <si>
    <t xml:space="preserve">朱老师,我们发你邮箱的作文啥时改啊,都快11月了~~我们等到花儿? </t>
  </si>
  <si>
    <t>我实在没空，你们还是看我即将给出的范文吧！真不好意思</t>
  </si>
  <si>
    <t xml:space="preserve">盗贼ZG饰品懂的进恢复60能量的饰品怎么来的啊说什么杀2个隐藏？ </t>
  </si>
  <si>
    <t>ＺＧ的隐藏ＢＯＳＳ四巨魔　每一个ＢＯＳＳ必定掉落１－３个任务物品，需要这４个ＢＯＳＳ掉落的任务物品各一个，每个ＢＯＳＳ相隔２周刷新一次，也就是打完第一个召唤ＢＯＳＳ后，需要２周后才出现下个新ＢＯＳＳ，召唤只要有魔精就可以召唤，魔精需要炼Ｇ做出来，雷纳塔基的狡诈护符 拾取绑定唯一 　 饰品 职业:盗贼使用: 立刻使你的能量值提高60点.冷却时间:3分钟 需要:打孔的巫毒人偶:盗贼格里雷克之血 雷纳塔基之牙 乌苏雷之鬃 哈扎拉尔的梦境之丝注:巫毒人偶为副本内巫毒骨堆随机开出,其他4个道具为杀祖尔格拉布内4个隐藏boss掉落。貌似２.０后这个饰品的属性会改，恢复的能量值变少并且不稳定建议放弃</t>
  </si>
  <si>
    <t xml:space="preserve">百度西游3游戏日常问答关于阴阳，下面说法正确的是？山南水南为阳山 </t>
  </si>
  <si>
    <t>山南水北为阳</t>
  </si>
  <si>
    <t xml:space="preserve">怎样才能减肥?做什么运动消耗热量最多? </t>
  </si>
  <si>
    <t xml:space="preserve">2》12天减去身上12%的办法 　　不需要,很多老外用了都说非常好,这也是美国的世界健身中心强烈推荐给想要迫切减肥的女士的良方.方法:一共12天: 　　头3天:每天以蔬菜和水果作为食物,早上吃水果,中午可以蔬菜水果一起吃,晚上吃蔬菜(不要油和盐哦),份量不限 　　　　第4-6天:每天吃牛奶和酸奶(请不要买里面有防腐剂的,不但不能帮助减肥还会增加小肚肚),可以多吃,份量不限 　　　　最后的6天,蔬菜水果牛奶和酸奶混和吃,份量不限 　　台湾减肥妙方-3星期瘦7公斤 　　方法是：睡觉前喝一小杯红酒，是小茶杯的量 再配上一片至两片的奶酪！全脂高钙起司配红酒，可以提高代谢率，有利于燃烧脂肪。只要3餐正常吃，在睡前30分内，吃 1-2片起司或50g乳酪，再喝1杯50-100c.c.的红酒，3周可瘦7公斤。起司含蛋白质和脂质；红酒含酒精，都具有产热作用，且可让血糖上升。热量很低，才129卡，又加上饮食的控制，就更容易减重。每天摄取固定的钙质可有效的减肥 由于起司成份与母乳比例接近，外加不含乳糖而且钙质易被人体吸收，且蛋白质经过发酵而产生的短链胺基酸，可提升代谢率。红酒含酒精，可帮助睡眠。而睡眠时代谢慢、体温低，吃起司和喝红酒，可产热，并加速新陈代谢，边睡边能消耗体内脂肪，以达到瘦身效用。前一餐不能吃淀粉类的食物，要不然会起到反效果。红酒要选橡木桶发酵成的。 　　材料 起司1-2片or 50g 红酒50-100c.c. 要选择脂质、钙质含量高、糖份低/低碳水化合物的 ，及自然发酵或烟熏口味的起司。而不可选择加工多、有添加口味，如草莓、柠檬、蓝莓等起司。记者根据医师说明全脂高钙起司可减肥，到超市选择5种起司，并由医师评鉴1包起司以100g为单位，糖份在5g以下、脂质在25g以上，就是可以用来减肥的起司。 有利于燃烧腰腹和臀部脂肪。 　　三日减肥食谱 　　第一日早餐：西柚半个，花生酱两茶匙，面包一片，咖啡一杯 　　　　　中餐：吞拿金枪鱼罐头半罐(用矿泉水或纯净水浸泡)，烤面包一片咖啡或茶一杯 　　　　　晚餐：白菜花半棵，肉两片，咖啡或茶一杯，香草冰激凌一杯，扁豆十根，红葡萄十粒，苹果一个 　　第二日早餐：香蕉半根，煮蛋一个，烤面包一片，咖啡或茶一杯 　　　　　中餐：酸奶一杯，苏打饼干两片，咖啡或茶一杯 　　　　　晚餐：热狗肠两根，西兰花半个，红葡萄十大粒，香蕉半根，咖啡或茶一杯 　　第三日早餐：苹果一个，奶酪一片，苏打饼干两片，咖啡或茶一杯 　　　　　中餐：煮蛋一个，烤面包一片，咖啡或茶一杯 　　　　　晚餐：吞拿金枪鱼罐头半罐(用矿泉水或纯净水浸泡)，红葡萄十大粒，白菜花大 半棵，香蕉半根，香草冰激凌一杯，咖啡或茶一杯 　　注意：1.每日饮清水五杯(早、中、晚各一杯，三餐之间各一杯)除此之外不能再饮水或进食 2.生食物只能白煮，用盐和胡椒粉调味，不可加其他调料 3.依食谱次序，不可乱用或用其他替代品 4.咖啡或茶不能加糖或奶 5.配方有化学作用，不可任意更改 　　采购食品：花生酱一瓶，咖啡一瓶，吞拿金枪鱼罐头两罐，烤面包一袋，菜花一个，扁豆十根，苹果两个，香草冰激凌两杯，香蕉三根，酸奶一杯，西兰花一个，苏打饼干一袋，奶酪一片，西柚一个，面包片一袋，肉片两片，红葡萄三十粒，热狗肠两根,鸡蛋两颗 　　日本新的瘦身法“迷你停食”减肥法。每周有2天不吃正餐,只吃流质的食物,像是稀饭、豆浆、果汁、吃乳酪、果冻或是清粥，来取代三餐的大鱼大肉。据说这种迷你停食法,有助于清除体内废物,让肠胃的代谢更为顺畅,皮肤也会变得有光泽,因为方法很简单又不痛苦,最近成为日本女性喜爱的瘦身方式。 　　喝牛奶法: 减肥，我已经打了一场持久战了，除了吃减肥药品，最有效果的算是喝牛奶那次了。每天早上一袋牛奶，是那种一斤装的呦，中午随便吃些蔬菜和少量的肉，晚上再来一袋一斤装的牛奶，坚持一个月，效果真的很不错，减了能有10斤左右。而且喝牛奶滑肠胃，有助于消化，最主要的是减肥的同时还可以让我们的皮肤变的水水~~~~　 　　食醋减肥: 很有效，一个月可以减大约6公斤 　　食醋中所含的氨基酸，不仅可消耗人体内的脂肪，而且能使糖、蛋白质等新陈代谢顺利进行。据研究，肥胖者每日饮用15毫升一2O毫升食醋，在1个月内就可以减轻体重3公斤左右。　 　　蜂蜜水法：每天饿了就喝蜂蜜（少量）兑白醋兑水，也可适当吃少量的水果，三天就可以瘦十多斤。。。 　　蜂蜜+白醋: 有效的减肥美容方法,在日常饮食规律不变的情况下，以1：4的比例食用.具体方法：1早餐具体方法：1早餐前20分钟空腹喝; 2中餐和晚餐后立刻喝. 值得注意的是在挑选白醋时要选择经大米，高粱，黄豆等加工而成的，尽量避免含有化学品的。同时建议不使用果醋因为果醋是保健醋，相对于减肥就逊色些。同时，蜂蜜和白醋的比例可以根据个人需要调整，如果更注重美容就可适当增加蜂蜜的比例。 　　蜂蜜减肥法:蜂蜜具有解毒、抗菌、消炎、滋润、防腐、保护创面、促进细胞再生和渗液吸收的诸多功能，蜂蜜含有丰富的葡萄糖、蛋白质、维生素、有机酸、氨基酸和花粉等营养成分，热量又很低，不仅有利于增加肝脏解毒能力，而且还有健胃、助消化等效果，它的热量还十分地低``` So用蜂蜜减肥，简单有效又安全，我试吃了一个星期，瘦了七斤 　　第一天：只喝蜂蜜(可泡茶喝). 第二、三天：正常饮食. 　　第四天：只喝蜂蜜. 第五、六天：正常饮食. 　　通常一星期下来可瘦3—4公斤，如果真的受不了断食则可以每天选一餐只喝蜂蜜 　　当然配合蜂蜜减肥也很重要的，正常饮食切记不能暴饮暴食噢~八分饱就好罗```虽然蜂蜜的糖分确实不少，但是它含有丰富的维他命，对于身材变胖、身体不好的人，最适合用蜂蜜来代替正餐。她介绍说，其实方法很简单，只要用30克的蜂蜜加入一升的水混合，也可以加两大汤匙的苹果醋来调味，连续喝个两三天，就会有令人意想不到的效果，平均大概会瘦三至四公斤呢。 　　黄瓜香蕉三日法：每天吃黄瓜和香蕉，但加在一起一天不要超过3斤 为期3天 　　黄瓜和鸡蛋: 早上和中午各一个鸡蛋一根黄瓜,晚上一根黄瓜.这方法减肥最快，我就成功了，一星期瘦了10公斤，从128瘦到了108，一年了都没反弹，这种方法每天至少瘦一斤半，因为黄瓜没有糖份，也能吸收黄瓜的热量，实在不行喝光明纯牛奶，还可以吃点牛肉，鸡肉，鸭肉，但我都试了，只有吃黄瓜鸡蛋瘦的最快，别的在减肥期间切勿尝试. 　　两天交替进食，头一天正常饮食（不暴食），第二天只吃全麦面包（茶水清咖正常）。一天保证营养，一天燃烧脂肪，这样两天交替，精神压力不太大，不会很难过。2-3周可减5公斤。他说这在欧洲很流行，也很有效。 　　苹果餐有两种吃法：一种为周期为3天的 只能吃苹果 第三天晚上喝一大杯蜂蜜水润肠 并且在苹果餐结束后的那天不能暴食 要清淡饮食一种为周期为一星期的；1周的吃法：早上正常饮食 从12点开始每隔两个小时吃一个苹果 吃五个 　　苹果餐一星期中，连续三天只吃苹果，接下来四天正常饮食，一个月瘦6斤！ 　　吃燕麦法：主料就是燕麦啦，但是不是燕麦片，而是整个的燕麦，没有加工过的那种 先用水泡30分钟左右，然后按照一般正常做饭的方法做熟，但是比普通的米稍微多加一些水。然后就是放蔬菜之类的弄熟加盐，，用橄榄油拌好，（因为橄榄油比较贵，而且挥发，所以如果拿来炒菜比较昂贵而且不知道自己到底吃了多少了）。调好味道了，就可以当主食吃了其他菜啦什么的就不吃了 　　香蕉乳酪美?瘦身組合 三天可?p六磅 　　早餐︰香蕉1隻、低脂乳酪2杯、水1杯 //午餐︰香蕉2隻、低脂乳酪2杯、水1杯 　　晚餐︰香蕉1隻、低脂乳酪2杯、灼菜任食、水1杯 　　?p肥守?t 肚餓?r可以吃生果或?⑺Ｒ??月不能吃超過3次。每日要喝8--10杯水。 　　七日瘦身汤的配方 　　配方：a番茄:2斤半 b洋葱:1斤半 c卷心菜:1斤 d芹菜:1斤 e绿色尖头辣椒（去辣茎）:1斤--1斤半 　　1. 以上5样是一天之用 2．切成块状，先烧滚，然后小火烧3个小时 　　3．此汤1小时喝1次，肚子饿时喝，1天至少15碗以上，只喝汤不吃里面的东西 　　4．喝至少1星期才有效果1星期内最好其他东西别吃，要吃也最好吃水果，乌龙茶等无糖无奶的液体食物。 　　不用挨饿的7日瘦身法 　　第一天：尽情吃除了香蕉以外的所有水果 　　第二天：尽情吃除了黄豆和玉米以外的所有蔬菜　　 　　第三天：尽情吃除了香蕉、土豆、玉米以外的所有水果和蔬菜　　 　　第四天：吃8个香蕉、8杯牛奶，还有蔬菜羹　　　　　　 　　第五天：吃牛肉和6个西红柿,再喝8杯矿泉水(4天里身上的脂肪已经分解成酸性物质，因此需要多喝水，通过排尿排出体外) 　　第六天：尽情吃除了土豆、黄豆、玉米以外的所有蔬菜和牛肉 　　第七天：除了土豆、黄豆、玉米以外的所有蔬菜和玄米 　　鸡蛋减肥A-每天总共就吃两鸡蛋，吃多了人也消化不了，然后想吃什么菜就吃什么菜，胡萝卜，大白菜，小白菜，菠菜，西红柿，反正只要不是肉就成，用水煮，只加一点盐，不放油，不放任何东东，只要一天就能看到效果，水果也可以吃，反正就是不吃油就成了，让你的身体在你的身上吃油 　　鸡蛋减肥套餐A 以鸡蛋为主，每日三餐以鸡蛋为主食，配以青菜及水果，少量烤面包及咖啡饮料，一个星期可以减肥5KG，鸡蛋第一天量不限制，以后每日食三个，倘若胆固醇高者可只食用蛋白，蛋白以豆腐代替亦可，如为下日需多引水。此方法可做两周有效。每周5KG两周共10KG。两周后不再继续。鸡蛋黄中含有卵磷脂是一种乳化剂，可使脂肪胆固醇乳化成极小颗粒，从血管排除后为机体所利用。鸡蛋还可以使血液中的高密度脂蛋白增高可保护血管防止硬化。由此看来鸡蛋减肥法是有科学根据的，通过实践也是行之有效的一种实用的减肥法。当体重达到标准后 再使射入热量与热量消耗平衡，就可以使减肥效果持久。 　　鸡蛋减肥套餐B 　　星期一早餐 白煮蛋三??，葡萄柚一??、土斯一片、咖啡。 　　　　 中餐 白煮蛋三??、蕃茄、咖啡。 　　　　 晚餐 白煮蛋一??、黃瓜、胡蘿蔔、芹菜做成的蔬菜沙拉醋?n蔬菜。 　　星期二早餐 白煮蛋三??、葡萄柚、咖啡。 　　　　 中餐 白煮蛋三??、葡萄柚、土斯一片、咖啡。 　　　　 晚餐 牛排、蕃茄、芹菜、蔬菜、醋?n蔬菜、咖啡。 　　星期三早餐 白煮蛋一??、葡萄柚、咖啡。 　　　　 中餐 蔬菜沙拉、葡萄柚、土斯一片、咖啡。 　　　　 晚餐 白煮蛋二??、羊肉、芹菜、蕃茄、醋?n蔬菜、咖啡。 　　星期四早餐 白煮蛋一??、葡萄柚、咖啡。 　　　　 中餐 蔬菜沙拉、葡萄柚、土斯一片、咖啡。 　　　　 晚餐 白煮蛋三??、乾酪、菠菜、咖啡。 　　星期五早餐 白煮蛋一??、葡萄柚、土斯一片、咖啡。 　　　　 中餐 白煮蛋三??、菠菜、土斯一片、咖啡。 　　　　 晚餐 魚、蔬菜沙拉、土斯二片、咖啡。 　　星期六早餐 白煮蛋二??、葡萄柚、土斯一片、咖啡。 　　　　 中餐 水果沙拉 ( 不可使用蘋果、香蕉等罐頭水果 )。 　　　　 晚餐 牛排、芹菜、蕃茄、醋?n蔬菜、咖啡。 　　星期日早餐 白煮蛋一??、葡萄柚、咖啡。 　　　　 中餐 冷的烤雞肉、蕃茄、葡萄柚、咖啡。 　　　　 晚餐 蔬菜沙拉、烤雞肉、蕃茄、煮高?菜、芹菜、葡萄柚、咖啡。 　　注意事?: 沙拉不可使用沙拉油製做之沙拉。 咖啡中不可加入砂糖、牛乳。 肉?只可用烤或白煮，不可用油炸。 魚肉可吃生魚片，或白煮或蒸食。 鹽分盡量少用。( 因?橐M量少喝水的關?S )。 雞肉的分量小腿一支份。羊肉的分量是??35公克。 牛肉的量約200公克 　　鸡蛋膳食减肥食谱C 据说是丹麦国家医院给肥胖患者开的食疗方子为期两周,中间间断的话要重新开始. 　　星期一 早餐：煮鸡蛋（不限），烤面包（不限），葡萄水果，咖啡（不加糖奶） 　　　　 午餐：煮鸡蛋，烤面包，咖啡 　　　　 晚餐：煮鸡蛋，青菜沙拉，泡菜，咖啡 　　星期二 早餐：煮鸡蛋一只，烤面包，葡萄水果，咖啡 　　　　 午餐：煮鸡蛋两只，咖啡，葡萄水果 　　　　 晚餐：牛排，以西红柿为主的青菜凉盘沙拉，泡菜，咖啡 　　星期三 早餐：煮鸡蛋一只，葡萄水果，咖啡 　　　　 午餐：青菜沙拉，西红柿，葡萄水果，咖啡 　　　　 晚餐：煮鸡蛋两只，羊肉，西红柿为主的青菜沙拉，泡菜，咖啡 　　星期四 早餐：煮鸡蛋一只，葡萄水果，咖啡 　　　　 午餐：青菜沙拉，西红柿，葡萄水果，咖啡 　　　　 晚餐：煮鸡蛋两只，奶酪，菠菜，咖啡 　　星期五 早餐：煮鸡蛋一只，葡萄水果，西红柿，咖啡 　　　　 午餐：煮鸡蛋两只，菠菜，西红柿，咖啡 　　　　 晚餐：海鱼，青菜沙拉，烤面包，咖啡 　　星期六 早餐：煮鸡蛋一只，葡萄水果，咖啡 　　　　 午餐：水果沙拉，鸡蛋两只 　　　　 晚餐：牛肉排，以西红柿为主的青菜沙拉，咖啡 　　星期日 早餐：煮鸡蛋一只，葡萄水果，咖啡 　　　　 午餐：烧鸡，西红柿，葡萄水果，咖啡 　　　　 晚餐：青菜汤，圆白菜，葡萄水果，青菜沙拉，以西红柿为主 　　西红柿瘦身法：一个蕃茄（约 200 克）只有 30 卡路里，相等于约八分一碗白饭的热量。 　　- 午餐及晚餐只吃西红柿，早餐可照常进食，但当然以清淡、低热量的食物为主。- 艰苦度：☆☆（以五粒☆最高） 　　- 连续进行一星期，一个月只可进行一次。 - 效果：可减去 5-10 磅（约 2-5 公斤）。 　　为何吃西红柿可瘦身？ 一般女性一餐平均摄取约 600 卡路里，若其中一或两餐（早餐、午餐或晚餐）以西红柿代替，便可至少减少吸收数百卡路里，这样不会有太大压力，又不致令身体缺乏营养，比起每日三餐正常合共摄取1800卡路里少了很多，这样便可达致瘦身。每日两餐之中又可以吃几多西红柿？基本上没有限制，其实西红柿容易令人饱肚，吃足够饱肚份量便可。若觉得吃生西红柿很吃力，可以西红柿作出多款配搭，但切忌用煎、炸、烤的烹调方法，蒸、灼或将西红柿煲汤饮用均可。 　　吃西红柿代替正餐要注意的事项： 1. 西红柿本身几乎由水份构成，除了维他命 C 外，没有多少营养，因此剩余的一餐，需非常注意均匀的营养。 2. 任何食物，只要过量皆会导致肥胖，幸好西红柿易于有饱肚感，但亦要小心吃过量而导致弄巧反拙如水肿等。 　　$$最有效减肚腩的办法就是：晚饭后半个小时不要坐，晚饭后不吃东西，这招绝对有效$$ 　　 　　减肥茶：干荷叶，干冬瓜皮（这个是我手头的方子上的）按1：2配好，每日一两泡1L热水。 　　即，每日需要1/3两的荷叶，楼上那些买了1两的，过两天再往中药店跑吧，买2斤的那位可以歇个十天半月的了，正好让人家店里的人忘了这茬了再去：） 　　 　　十二种减肥茶 　　+++乌龙茶+++ 　　　　因节食减肥，吃得少，食物残渣就不足,有时积存几天才一次，很容易干燥。推荐饮用乌龙茶。 　　　　原料：乌龙茶 　　　　做法：简单地用开水冲。 　　　　功效：助消化、去痰、解酒食油腻之毒、消脂。 　　+++薏仁茶+++ 　　　　浮肿的原因很多，如果是单纯的水分滞留造成的浮肿，推荐饮用薏仁茶。 　　　　原料：炒薏仁１０克、鲜荷叶５克、山楂５克。 　　　　做法：热水煮开，就可以饮用了。 　　　　功效：清热、利湿、治疗水肿。 　　+++荷叶茶+++ 　　　　情绪低落、精神压力大，可能引起肠道的敏感性增加，而产生便秘困扰。推荐饮用荷叶茶。 　　　　原料：荷叶3克、炒决明子6克、玫瑰花3朵。 　　　　做法：用开水冲泡。 　　　　功效：清暑利湿、治水气浮肿、生发清畅。 　　+++决明子茶+++ 　　　　肠子蠕动功能迟缓的人(尤其是肥胖节食者在节食减肥期间)宿便容易积在体内，造成便秘。推荐饮用决明子茶。 　　　　原料：决明子茶 　　　　做法：热水冲泡。 　　　　功效：清肝明目、利水通便。 　　+++大麦芽茶+++ 　　　　体内排气不畅，也能造成腹胀和胃胀，推荐饮用大麦芽茶。 　　　　原料：炒麦芽５钱、山楂５分。 　　　　做法：加冰糖水冲饮。 　　　　功效：开胃健脾、和中下气、消食除胀。 　　+++柠檬茶+++ 　　　　既能消脂、去油腻，又能美白肌肤。 　　　　原料：柠檬切片。 　　　　做法：榨出柠檬汁，用温水冲调，加入适量蜂蜜。 　　　　功效：笑脂肪、助消化、美白肌肤、滋润肺腑。 　　+++普洱茶+++ 　　　　胃里积食不化，不但影响肠胃功能，而且会使脂肪、糖份得不到正常的消耗而致胖。 推荐饮用普洱茶。 　　　　原料：普洱茶叶、干菊花５朵。 　　　　做法：热水冲泡。 　　　　功效：帮助消化、消除油脂。 　　+++玫瑰花茶+++ 　　　　多功能的玫瑰花，可以冲茶浸酒。多喝可以保护胃。 　　　　原料：玫瑰花５克。 　　　　做法：温开水冲泡。 　　　　功效：活血散淤、治肝胃气痛。 　　+++菊花茶+++ 　　　　清火、减肥最方便的饮品。 　　　　原料：几朵干菊花。 　　　　做法：直接以热水冲泡。 　　　　功效：清暑退热解毒、消脂肪、降血压。 　　+++陈皮茶+++ 　　　　如果一不小心吃得太多油腻，没关系，泡一壶陈皮茶，去去油腻吧。 　　　　原料：陈皮４克。 　　　　做法：沸水冲泡。 　　　　功效：理气调中、疏肝健脾、导滞消积。 　　+++山楂茶+++ 　　　　山楂茶对喜欢吃肉的肥胖这更适合。 　　　　原料：山楂１０克。 　　　　做法：用水煎煮。 　　　　功效：能消除油脂、帮助排泄体内废物，散淤化痰。 　　+++酸溜根茶+++ 　　　　绝对的减肥好饮品。饭后煮上一杯，既达到减肥的目的，又享受酸酸甜甜的好味道。 　　　　原料：山楂10克、荠菜花10克、玉米须10克、茶树根10克、糖少许。 　　　　做法：以上各味碾成粗末，煎汤取汁。 　　　　功效：利尿降脂，适于肥胖者和高血压者。12》教你如何能“吃”去脂肪 1、食用以下食物，可有效地抑制因摄取脂肪较多而引起的多种病症。 　　洋葱：含前列腺素Ａ，有舒张血管，降低血压等功能；还含有烯丙基三硫化合物及少量硫氨基酸，可降血脂，预防动脉硬化。40岁以上者更要常吃。 　　苹果：因富含果胶、纤维素、维生素C等，有非常好的降脂作用。如果每天吃两个苹果，坚持一个月，大多数人血液中导致对心血管有害的低密度脂蛋白胆固醇会大大降低，而对心血管有益的高密度脂蛋白胆固醇水平会升高。实验证明，大约80％的高血压患者的胆固醇水平会降低。苹果可帮助排除多余的钠盐，可以防止腿部水肿。日食苹果3个，能让您维持满意的血压。富含果胶的苹果，可以帮助肠子与毒素结合，加速排毒功效并降低热量吸收。 　　大蒜：含硫化合物，可减少血液中的胆固醇，可阻止血栓的形成，有助于增加高密度脂蛋白，保护心脏动脉。 　　牛奶：含较多的乳清酸和钙质，这些物质既能抑制胆固醇积于动脉血管壁，能抑制人体内胆固醇合成酶的活性，还可减少胆固醇的吸收。 　　燕麦：含丰富的亚油酸及皇甙素，可防止动脉粥样硬化。 　　玉米：含有丰富的钙、磷、硒、卵磷脂、维生素E等，具有减低血清胆固醇的作用。印第安人几乎没有高血压、冠心病，这主要是得益于他们长期以玉米为主食。 海带：含丰富的牛磺酸、纤维藻类，这些物质可降低血脂及胆汁中的胆固醇。 　　葡萄柚：葡萄柚酸性物质可以帮助消化液增加，促进消化功能，消除疲劳，美化肌肤。葡萄柚含丰富的维生素C，含糖份少。 　　番茄：番茄含有红素、食物纤维及果胶等成分，可以降低热量的摄入，促进肠胃蠕动。 　　韭菜：韭菜除了含钙、磷、铁、及糖类、蛋白、维生素A、维生素C外，还含有胡萝卜素和大量的纤维素，能增强胃肠蠕动，有很好的通便作用，能排除肠道中过多的脂肪及其毒素。 　　葡萄、葡萄汁、葡萄酒一样含有一种白藜芦醇，是能降低胆固醇的天然物质。动物实验证明，它能使胆固醇降低，还能抑制血小板聚集，所以葡萄是高血压患者最好的食品之一。 　　香菇：能明显降低血清胆固醇、甘油三酯及低密度脂蛋白水平，经常食用，可使身体内高密度脂蛋白有相对增加趋势 。 　　冬瓜：经常食用冬瓜，能去除身体多余的脂肪和水分，起到减肥的作用。 　　胡萝卜：富含果胶酸钙，它与胆汁酸磨合后从排便中排出。身体要产生胆汁酸势必会动用血液中的胆固醇，从而使血液中的胆固醇的水平降低。 2、七日瘦身 靓汤帮你忙 　　汤料：洋葱，番茄，菜花，黄瓜，芹菜，青椒 　　做法：全放锅里，熬成菜汤即可 　　吃法： 　　第一天：只吃青菜，喝汤；第二天：只吃水果，喝汤 　　第三天：吃水果青菜，喝汤；第四天：吃少许的肉，青菜，水果，喝汤 　　第五天：吃水果青菜，喝汤；第六天：只吃水果，喝汤；第七日：只吃青菜，喝汤。 　　以上为“七日瘦身汤”，的确管用，不信你试，七天瘦五斤左右不成问题。 　　切记：水果，青菜，肉的位置不可倒，即不能瞎吃。完全照做即可达到效果，汤，做到饿了就喝，想喝就喝，想起来就喝，效果更佳。 3、适合OL的瘦身饮品 　　工作繁忙的上班族，没时间做瘦身餐，在这里推荐你几种饮品，只要记住饮用时间，就能慢慢让身体轻盈。 4、姜汁红茶餐后饮 　　原理：感冒时喝热姜汤，能促进血液循环，进而排汗。红茶也有相同效果，每天喝，就能够加快新陈代谢，不致发胖。 　　瘦身方式及规则：1.三餐照常吃；2.三餐后喝一杯姜汁红茶（把1小匙磨好的姜加入红茶中即可，也可用姜片代替）。　　两杯热开水晨起喝。 5、饮用时间：早上刚起床时（睡醒后就开始喝） 　　原理：刚起床时，身体的新陈代谢率较低，起床马上喝热开水，给予脑部刺激，以提高新陈代谢率。 　　瘦身方式及规则：1.三餐照常吃。2.热开水2杯。3.一起床马上喝，不是早餐前才喝。4.不可以用其他饮料代替。 　　提示：按规定的时间饮用，就可以在两星期内看到效果。 　　减肥的时候除了合理地搭配膳食，更重要的是适当地进行体育运动，只要坚持不懈就一定能够收到最好的瘦身效果。【几种减肥蔬菜】 　　许多身体偏胖或担心发胖的人，总认为吃蔬菜不会发胖，因而对蔬菜往往不加选择、不加控制地食用。实际上，过多摄入含有碳水化合物高的蔬菜，过剩的碳水化合物也会在体内转化为脂肪储存起来。那么，胖人吃哪些蔬菜好呢？ 　 黄瓜:黄瓜与其它营养丰富的蔬菜相比，其所含的营养成分较少。而且，黄瓜中含有的丙醇二酸，有助于抑制各种食物中的碳水化合物在体内转化为脂肪。 　　 白萝卜: 萝卜含有辛辣成分芥子油，具有促进脂肪类物质更好地进行新陈代谢作用，可避免脂肪在皮下堆积。 　　　　　　 　 韭菜: 韭菜中含纤维较多且不易消化，可促进肠蠕动，有较强的通便作用，从而可排除肠道中过多的养分。 　　　　　　 　 冬瓜: 冬瓜含的营养成分较少且能去掉体内过剩的脂肪，具有较强的通便作用　 辣椒: 辣椒中含有丰富辣椒素。能促进脂质代谢，并可溶解脂肪，抑制脂肪在休内蓄积。 　 绿豆芽: 含水分多，食人体内后产生的热量少，更不容易形成脂肪堆积皮下。 　 大豆及大豆制品 :　含有丰富的不饱和脂防酸，能分解休内的胆固醇，促进脂质代谢，使皮下脂肪不易堆积。有关专家认为，醋豆里的皂素能排除粘附在血管壁上的一种脂肪，并能减少血液中胆固醇含量。 　 醋豆的制法是：将黄豆洗净，沥干水，炒２一５分钟左右（注意别炒焦）。待冷却后，装瓶，倒人食醋淹泡，加盖封好，一周后即可食。每天早晚各吃数粒，即有减肥效果。有兴趣的读者不妨一试。 </t>
  </si>
  <si>
    <t xml:space="preserve">发烧发烧怎么办[悲伤][悲伤][悲伤][悲伤][悲伤][悲伤][? </t>
  </si>
  <si>
    <t>莲花峰茶丸加2片姜，煲水后趁热喝了。然后睡觉盖毛毯，焖一身汗出来明天就好了。</t>
  </si>
  <si>
    <t xml:space="preserve">还是声望问题前面都高手说道；77级以前可以去竞技场打相对应等级的 </t>
  </si>
  <si>
    <t xml:space="preserve">78也可以,去打伍那,等级正好以下为她的资料名称 伍那 形象 艾露 种族 人形系 属性 不明 等级 36  特殊技能 强力冰冻 强力陨石 血量 约1000 行动次数 1 所带宠物 地狱妖犬 形象 地狱妖犬 种族 野兽系 属性 地4风6 等级 30 特殊技能 阳炎 血量 约800 行动次数 1 </t>
  </si>
  <si>
    <t xml:space="preserve">左脚二三跖骨骨折，第二跖骨略错位，保守治疗一个月了，今天拆了石膏? </t>
  </si>
  <si>
    <t>首先这个部位骨折的特殊性，骨皮质薄，易疲劳，容易疲劳性骨折，你活动量大肯定不行，建议休息2到3月。</t>
  </si>
  <si>
    <t xml:space="preserve">同比增长的公式计算结果怎么写我的问题是：当期数据为48万元，去年 </t>
  </si>
  <si>
    <t>　　你计算的结果是正确的。　　同比增长公式：（当期数据－去年同期数据）/去年同期数据＊100%</t>
  </si>
  <si>
    <t xml:space="preserve">这是我在网上的百度快照上看到的一道毕业设计题，但不知道是本科还是? </t>
  </si>
  <si>
    <t>应该是硕士的</t>
  </si>
  <si>
    <t xml:space="preserve">帮派中生活技能的学习指数最低为多少啊帮主可以最低把生活技能的学习 </t>
  </si>
  <si>
    <t>好象最低也就5.</t>
  </si>
  <si>
    <t xml:space="preserve">怎么做杂酱面？特别爱吃杂酱面，但自己不会做饭，想学下这个。主要是 </t>
  </si>
  <si>
    <t xml:space="preserve">韩式炸酱面做法： 准备：黄瓜、时令菜（芹菜、大白菜之类）、红萝卜、洋葱、 萝卜、豆芽菜等。 调料：真味炸酱、酱油少许、牛肉粉大喜大、料酒、淀粉等 煮面就不说了吧！直接过度到炸酱好了！ 先说说怎么做肉丁炸酱的吧。 肉丁炸酱顾名思义，就是先把上好的肉切成丁（鸡肉），然后用盐、料酒、 淀粉（为了保证肉的鲜嫩，所以一定要少）。 等油八成热后，先放些姜末，再把刚才的肉丁放进去，用炒勺推一下然后 倒少量的酱油提色（注意，是提色，不是调味，所以千万别放多了，否则 酱会很咸的），马上倒入韩国产真味炸酱。接下来的工作就是关小火了， 把火关到刚好酱可以开着，但开得不是很大的地步。如果酱稠了，现在加 点水还来得及。 往里放些糖和牛肉粉大喜大（有的味精会发苦，但大喜大绝对不会）。 一般不要放盐。尝尝味道如何，调到自己喜欢的口味。 之后，你要用炒勺不断地朝一个方向搅拌，搅拌……（千万别乱搅）。 搅到什么时候呢？搅到酱的颜色变成枣红色，散发出香味，并开始有油析 出来就差不多了。整个过程一般需要10~15分钟。酱差不多熟时放上面的 青菜系即可。 在家做的时候我一般喜欢一边煮面，一般炸酱，这样面和酱可以一起出锅， 剩下的工作基本就是吃了！ 要是你技术足够好，那酱里的肉是嫩的，酱是香的。 否则可能会肉老，酱苦了！ 中式炸酱面 1。先买一袋干黄酱（一小袋即可，如果是两个人的话） 2。回家把干黄酱倒出来（多少视你的食量而定）放在一个碗里。然后用水（生水就可） 慢慢调匀 3。肉切成小丁（最好是有一点肥的，比较香）丁越小越好?nbsp;葱切成末，备用。 4。油锅烧热，倒油。多少视你的喜好而定。当然不要太少了，否则粘锅 5。待油烧热后，放入肉丁，煸一煸。 6。待肉丁8成熟时，把调好的酱倒入锅内。这时的火要调成小火 7。在小火上慢慢熬酱，用锅铲不断搅动，以免粘锅。同时视酱的稠稀添加适量的水。 8。将切好的葱末倒入锅内，并打两个鸡蛋（半袋干黄酱放两个鸡蛋比较合适）放入酱 内，用锅铲搅匀。 9。待酱出香味，色泽变成油亮的微黄色时关火，把酱出锅。（熬酱的时间越长越好， 因为就可以把黄酱中的油逼出来了） 10。吃不了的酱（熬好的），放在碗里，上覆保鲜膜放入冰箱内保存，下次再吃。 最好不要放在露天，以免生毛。 注意：熬酱时千万别放盐！！！因为酱本身就是咸的。 以上是酱的方法。以下是菜码的做法： 1。黄瓜洗净切丝，备用 2。黄花、木耳用水发好，备用。鸡蛋、西红柿备用 3。绿豆芽、芹菜焯好备用 4。锅放火上，放少许油烧热。把鸡蛋放入锅内（一个即可）炒鸡蛋 。放入切成几瓣的西红柿，滑锅（这也是为了有汤，而且清口）再放入发好的黄花和 木耳。放少许盐。因为酱会比较咸，所以所有的菜都要淡！ 最后，下面条，面条煮好后，就可以拌酱和自由放喜欢的菜码了。一碗美味的 炸酱面出来了！ 注意：你可以稍微的在碗里的面条里放少许面条汤。因为手擀面盛出来后会比较 粘在一起，有一点汤就会比较滑，也会好拌一些。 </t>
  </si>
  <si>
    <t xml:space="preserve">工程资料表格填写范例急需要,谢谢同仁有相关资料上传, </t>
  </si>
  <si>
    <t>买本《工程资料验收规范》，上面有需要你要的内容。样式、怎么填写等</t>
  </si>
  <si>
    <t xml:space="preserve">强烈要求把罗马人和大唐人加血的时间弄成一样~为什么罗马人加血还要 </t>
  </si>
  <si>
    <t>别想了不可能该的 要是真把罗马改成加血没时间限制 就没平衡可言了，罗马攻击高，玩的是团队配合，想自己单杀怪就选大唐 各有利弊</t>
  </si>
  <si>
    <t xml:space="preserve">装备，求助！骨招死灵穿一套什么暗金装备好啊？请说得详细一点，还有 </t>
  </si>
  <si>
    <t>召唤系男巫对装备依赖比较低，看你爱好了，只要抗性够，一般没特别要求头盔一般是军帽 项链召唤技能+3 全抗项链比较好，但很难弄到，用召唤3的也可如果MF就用带MF的项链，用塔拉夏三件比较好，抗性也高盔甲海蛇皮 也不贵手套有塔格奥的套装手套 盾牌用暗金的死人头 就是侏儒鞋子就是那双著名的BUG鞋了，不过1。11已经取消了这个BUG项链用婚戒/SOJ/乌鸦/矮人都可，根据情况换腰带可以用加技能腰带，前提是电抗够，否则用巨人之力好些</t>
  </si>
  <si>
    <t>这两个胆了信得过吗?????????01伯明翰(17)03</t>
  </si>
  <si>
    <t xml:space="preserve">01 伯明翰(17) 03-01 23:00 热　刺(11) 02 (01) 03-01 23:00 维　拉(06) 31 ====3 03 西汉姆(10) 03-01 23:00 切尔西(03) 0 =====01 04 纽卡斯(13) 03-01 23:00 布莱克(09) 05 米德尔(12) 03-01 23:00 雷　丁(18) 31 ====30 06 富勒姆(19) 03-01 23:00 曼　联(02) 0======10 07 德比郡(20) 03-01 23:00 桑德兰(15) 10=====0 08 曼　城(08) 03-02 01:15 维　冈(14) 09 科特布(18) 03-01 22:30 斯图加(08) 0 =====0 10 沙尔克(05) 03-01 22:30 拜　仁(01) ======31 11 汉诺威(10) 03-01 22:30 纽伦堡(16) 31 12 不来梅(02) 03-01 22:30 多　特(11) 3 =====31 13 罗斯托(14) 03-01 22:30 比勒菲(15) ========3 14 卡尔斯(06) 03-01 22:30 沃尔夫 　　10      </t>
  </si>
  <si>
    <t xml:space="preserve">我和我爸吵架我和我爸在三天内吵了两次架了，而且这次比上次更严重， </t>
  </si>
  <si>
    <t xml:space="preserve">    当老人也有当老人的难处，有的时候，话憋到肚里会很难受的，人老了的时候，最怕孤独，他也许不仅仅是为了喝酒，多半是想找人说说话，唠唠嗑，倾吐一下内心的不快。   当然，做子女的也有做子女的难处，害怕他酒喝多了，伤身体，但是和老人说话，要含蓄，既要尊重他，也要不让他误会，让他知道做子女的良苦用心，建议你和他说话的时候，语气尽量柔一点，要经常让他开心，多陪陪他说说话，多散散步。</t>
  </si>
  <si>
    <t xml:space="preserve">想??食左西柚?S咪唔好食西?呀?...因?槲衣犈笥阎v,食完?? </t>
  </si>
  <si>
    <t xml:space="preserve">????相反。加??左?性同副作用就真！See below info.撰文：香港醫院?????W??物資源中心大部份?物的代謝過程，是?⑺?物由親脂性(lipophilic)改?成較親水性，以縮短停留體?鹊?r間，再??汁或腎臟?哪蛞号懦鲶w外。?物的代謝主要發生在肝臟，其次在腸道、肺、腎、皮膚等。酵素可影??物代謝的速度，但每一種酵素只可以代謝特?e種?的物質。Cytochrome P450系統(?稱CYP450)是?⑴c代謝?物的一??酵素家族，主要分布於肝臟及小腸壁；其中最普遍的家族成?T是CYP3A??族，如CYP3A4酵素。這些酵素的活性高低，可加快或?p慢?物的代謝速度，而誘發?┘耙种??t分?e可增加及降低酵素的活性。?物或食物中的化?W物質均可成?榻退氐恼T發?┗蛞种?铀倩?p慢?物的代謝。研究發現西柚汁可抑制CYP3A4酵素的活性。西柚汁的作用主要發生在小腸壁的CYP3A4，一杯200毫升的西柚汁已可影??CYP3A4酵素代謝的?物，而且影?力可持續多??小?r。受影?的?物包括：1. 抗排斥?Cyclosporin、Tacrolimus及Sirolimus，與西柚汁同服雖可增加?物在血液中的?舛龋^而加???力，但效果較難受到控制，容易產生副作用，因此臨床上?K不建議使用。2. 降血?核?Felodipine，與西柚汁同服可產生血?哼^低、心跳加速及血管?U??的副作用。3. 降?固醇?Simvastatin，與西柚汁同服或?黾宇^痛、?f心、腹痛及出疹；?乐?r甚至可發生肌肉病?及?M紋肌溶解，?亩a生肌肉疼痛、腫?、?o力等。4. 腸胃?Cisapride與西柚汁同服可誘發心律不整。5. 血管病?Cilostazol與西柚汁同服可能使?物副作用增加。由此可?，?用西柚汁有可能增加?物副作用。但?读??T?用西柚汁而又正在服?的人士，由於?物?┝恳呀?受到適?調較，?苊庾孕型Ｖ癸?用西柚汁，否?t?物在血中?舛韧蝗幌陆刀轮委??o效，所以必?與醫生或????商??理方法。 </t>
  </si>
  <si>
    <t xml:space="preserve">谁能告诉我如何区分泰迪、比熊和贵宾啊~~ </t>
  </si>
  <si>
    <t>泰迪较贵宾嘴短，指的是迷你或玩具型的贵宾犬，然后就是贵宾和比熊，纯血贵宾都有断尾的习惯，而比熊不会，就体型来说，比熊较贵宾壮实泰迪属于贵宾，但是贵宾脸长，没有泰迪可爱。比熊基本都是白色的泰迪属于贵宾犬的一种，是玩具贵宾犬，由于红色玩具贵宾犬不剃胡须和嘴边的毛，可以长成动漫画里面泰迪熊的模样 所以红色（褐色）玩具贵宾犬又叫“泰迪犬”，泰迪犬体型很小。比熊是白色的，且毛发蓬松，体型比泰迪要大一些。</t>
  </si>
  <si>
    <t xml:space="preserve">有知道这是哪个城市的吗？这应该是两个中国城市的首字母缩写：AS、 </t>
  </si>
  <si>
    <t xml:space="preserve">AS鞍山TZ台州（浙江）?泰州(江苏省)?泰州距上海、南京、苏锡常等江南名城两小时车程,台州距上海也很近，  台　州概况　　台州市位于浙江省沿海中部，北接宁波、绍兴，西南连温州，西邻金华、丽水，东—南濒东海，陆域面积9411平方千米。人口540万，其中市区人口140万。为汉族聚居区。 　　台州在新石器时代就有瓯越部族生息繁衍。秦始皇时设立回浦乡。西汉始元二年（前85年）设立回浦县。三国吴太平二年（257年）置临海郡。唐武德四年（621年）称海州，次年改称台州，因境内天台山得名。新中国成立后，一直以行政公署建制，至1994年8月22日，经国务院批准，撤销台州地区，设立地级台州市。 　　台州市由椒江、黄岩、路桥3个市区组成，辖临海、温岭2个县级市和玉环、天台、仙居、三门4个县。市政府驻地设椒江区。 自然环境　　台州地质处新华夏系第一级构造复式第二隆起带南段，出露地表为中、新生界地层。地形大势由西向东倾斜，西为括苍山脉，西北为大雷山脉，北为天台山脉，东南部为浙江省第三大平原—温黄平原，沿海平原、低山丘陵相间，东—南为东海。主要地貌为：海洋、丘陵、平原、山地、岛屿。大陆海岸线745千米，沿海港湾众多，有三门湾、浦坝港、台州湾、隘顽湾、漩门湾、乐清湾六大海湾。200米等深线以内海域面积8万平方千米，面积500平方米以上岛屿691个。滩涂宽广，淤涨型海涂面积420平方千米，稳定型海涂247平方千米，潮间带海涂资源667平方千米。灵江—椒江水系为浙江省第三大水系。 　　台州属中亚热带季风气候，受海洋调节和西北高大山体对冬季风的阻滞，夏少酷热，冬无严寒，雨水充沛，气候温和湿润。1月最冷，平均温度5.0℃；7月最热，平均温度28.5℃。年降水量1700毫米左右。为浙江省水热丰富地区。 优势资源　　海洋渔业 台州是海洋与渔业大市，海域辽阔，海洋渔业资源丰富，一直是全国的重点渔区。全市有近8万平方公里的海域面积，其中浅海宜养面积29.8亩，潮间带滩涂宜养面积42万亩。台州海洋面积和水产总量居浙江省首位，拥有大陈、猫头、披山三大渔场，盛产大黄鱼、小黄鱼、带鱼、鲳鱼、鳓鱼、马鲛、海鳗、石斑鱼、墨鱼等数十种经济鱼类以及对虾、梭子蟹和大量的贝壳类海产品。可供养殖的浅海、围塘、滩涂面积广大，养殖海带、缢蛏、石斑鱼、黄鱼、真鲷、黑鲷、鲍鱼、鲈鱼、青蟹、河鳗、甲鱼等海、淡水产品。 　　水果林特 台州是中国著名的果品基地。黄岩蜜橘历史悠久，名闻遐迩，有早橘、早熟无核橘、本地早等近200个品种。早熟无核橘获首届中国农业博览会优质产品奖。本地早和宫内伊予柑两个品种又在1995年第二界中国农业博览会上双双获得金奖。玉环柚（楚门文旦）为世界四大名柚之一，已连续8年在中国柚类评比中夺冠。临海涌泉蜜橘、温岭高橙、三门脐橙、仙居杨梅等水果也量大质优，素负盛名。台州还有四大名茶：天台山云雾茶、临海蟠毫、仙居云峰茶、黄岩龙乾春。　　港口 台州海岸线漫长，港湾优良，历来是对外交往的海上门户。全市有大小港口21个，已“三湾三港”为主体，即台州湾的海门港，三门湾的健跳港和乐清湾的大麦屿港。2000年，国家交通部批准台州市港口统一冠名为台州港，把台州港建成为已海门港区为中心，大麦屿港区、健跳港区为南北两翼的多功能、全方位、综合性的现代化国际大港口。已有1000多年历史的台州港海门港区位于台州市区，建有万吨级等各类码头61座，其中万吨级至千吨级码头15座，年吞吐能力2000万吨，辟有国际定期集装箱航班。台州港大麦屿港区和健跳港区水深均在10米以上，浪平流缓，常年不淤，可建5～10万吨级的泊位20多个。 名胜古迹　　台州自古以“海上名山”著称。山奇水秀，风光旖旎。台州共有自然景观62处，人文景观62处，具有较高的旅游经济开发价值。 　　临海 “中国历史名城”，有2100年历史，曾长期为台州地区政治、经济、文化、军事中心。有古城墙、东湖、巾子山、广文祠、国华珠算博物馆等名胜古迹。境内还有桃渚抗倭古城和“中生代地质公园”：上盘江南翼龙化石发现地和连盘火山岩柱状节理地质地貌区。 　　天台山 国家级重点风景名胜区。“石梁飞瀑”为浙江省十大名胜景点。天台山还是中国佛教第一宗天台宗的发祥地，国清寺是日本、韩国佛教天台宗的祖庭；天台山同时是中国道教南宗的本山。 　　下汤遗址 下汤新石器时期文化遗址位于仙居县西部下汤溪河谷，与河姆渡文化同期。遗址的南面还有一处上古生命活动之谜—“蝌蚪文”摩崖。 　　大鹿山岛 位于玉环县东海海域，是中国惟一的海上森林公园，岛上遍布艺术家“大地岩雕”作品。 　　石塘渔村 位于温岭市东海岸，以东海渔港风情和风格独特石建筑闻名。石塘还是2000年新世纪中国大陆第一束阳光的到达点，建有纪念标志。    </t>
  </si>
  <si>
    <t xml:space="preserve">电喷车空挡滑行好不好？ </t>
  </si>
  <si>
    <t xml:space="preserve">    想必，楼主的问题是，电喷车到底空挡滑行省油，还是带档滑行省油吧！这也是困扰很多人的问题，因为网上总有些自称专家的人一味地强调带档滑行比空挡滑行更省油，理由是带档滑行的油耗为0，而空档滑行的油耗为怠速油耗。不错，带档滑行的那一瞬间确实是不费油的，但不要忘了，带档滑行也是会起制动作用的，再经过短暂的几秒钟0油耗之后，车速也大大降低了，这时，又要重新加速，从而消耗更多的油。算算总账，就知道带档滑行有多么不值了。    当然，我不是鼓励大家空挡滑行。空挡滑行需要选择合适的路况。比如，在路况良好的市区，绿灯起步后远远望到几百米之外的下一路口刚刚变为红灯，这时就可以在加至适当的速度后切入空档，不急不慢的滑过去，这几百米的油耗就仅仅是一个怠速的油耗，把握的好的话，过去刚好变绿灯，连起步的油耗都省去了，这样，才能实实在在地达到省油的效果。但是，在下坡的道路，尤其是下长坡、山路行驶的情况下，绝对要避免空挡滑行，因为，生命要比汽油贵多了，哈哈！</t>
  </si>
  <si>
    <t xml:space="preserve">神雕侠侣中跟NPC学习杂学技能，为什么有的NPC只需要冷漠的关系? </t>
  </si>
  <si>
    <t>有的NPC性格比较开朗或者豪迈（我是这样理解的），所以跟他的关系不需要非常亲密就可以学他的杂学技能，有的NPC性格比较多疑，所以亲密度要很高才能学习她的技能。个人觉得神雕侠侣的这一设计，还是很具有人性化的，貌似有参考原著的人物性格啊！！</t>
  </si>
  <si>
    <t xml:space="preserve">针灸是属于中医么? </t>
  </si>
  <si>
    <t>负责任的说.100%属于中医</t>
  </si>
  <si>
    <t xml:space="preserve">成都九龙医院怎么样啊？女朋友最近不小心怀孕了，因为现在还不能要小 </t>
  </si>
  <si>
    <t>不知道楼主说的是不是八宝街家乐福那里的那个九龙医院，如果是，那么那个医院的人流技术还是可以的。上回我陪朋友就是在那里做的人流，她们的服务态度很好，不像其他那些医院一样，感觉像欠了医生多少钱一样的。他们医院用的是那个英式微管2分钟无痛人流，真的是很快，我没等几分钟我朋友就出来了，而且她说，一点痛的感觉都没有，感觉就像是睡了一觉。如果楼主还有什么问题，可以先上九龙网站咨询一下再决定。</t>
  </si>
  <si>
    <t xml:space="preserve">求都市修真小说 </t>
  </si>
  <si>
    <t>庆余年怎么都成修真了？ 2楼昏了么都市修真：佛本是道！这个是极品啊另外，建议楼主找书去小说推荐网，更专业些。  这个网址才是真的</t>
  </si>
  <si>
    <t xml:space="preserve">###女朋友又生我的气了####她经常因一些小事情而生气,有时我 </t>
  </si>
  <si>
    <t xml:space="preserve">放弃也是一种美~ 不要以为放弃她，就是伤害她~同样你继续和她在一起你会真正感觉到伤害的滋味~因为最后伤害到的人是你自己~你现在的痛苦就是你自己给的~她是你自己宠坏的~女人不能百依百顺~~要有真正的男子气概她才爱~天下女人多的是~呵呵~自己看着办吧~ </t>
  </si>
  <si>
    <t xml:space="preserve">食品属性问题咖啡是属热性还是凉性的？像雀巢罐装的醇品速溶咖啡，不 </t>
  </si>
  <si>
    <t>喝咖啡会上火。咖啡是烘培出来的，是很上火的</t>
  </si>
  <si>
    <t xml:space="preserve">怎么可以得到内测号啊！还有什么时候才开始公测？？？ </t>
  </si>
  <si>
    <t>看看有什么活动咯</t>
  </si>
  <si>
    <t xml:space="preserve">明天(9月1日)搬家,什么时间最好?打算明天早上(9月1日)搬家 </t>
  </si>
  <si>
    <t>呵呵，看来已经过期了啊！今天卯、巳、午、未时搬家均可。如果今天没有搬，可以在9月6日搬，时辰一样。</t>
  </si>
  <si>
    <t xml:space="preserve">炒糖色时，油和糖是比例是多少是不是炒久了会变苦？ </t>
  </si>
  <si>
    <t xml:space="preserve">炒“糖色”的要点   　　“糖色”的主要用料是冰糖，当然白糖也可以，但没有冰糖好，大概是因为冰糖黏性或胶性较强的缘故。在炼“糖色”时，可用油，亦可用水，由于油传热快，且有“炸”的作用，所以用油较优，虽然是用油，但亦无须担心“糖色”会油腻，因为在炼制的过程中，糖与油已经发生了中和反应了。    在炼制过程中，最担心反而是温度的问题，因为温度过高，一来会令冰糖过速焦化，产生大量泡沫，这些泡沫再遇高温，就会焦化变苦，所以在油放入热镬（锅）后，再放入冰糖，待冰糖有些少起泡就应改中火。要记住，太慢火较难令冰糖产生焦化，但过猛，又会导致冰糖炭化变苦。改用中火后，还应不断搅拌，以降低冰糖液的温度，做到“焦化而不炭化”。待冰糖液冒出浓烟而色泽浓黑时，迅速攒入清水搅拌即成“糖色”。    “糖色”以红褐或黑褐的胶状物为佳。  </t>
  </si>
  <si>
    <t xml:space="preserve">按照《税法》中的规定，贵金属期货应当征收增值税；生产的和销售是否? </t>
  </si>
  <si>
    <t>请具体问一下  有关行政部门...</t>
  </si>
  <si>
    <t xml:space="preserve">佟大为的家在哪在哪? </t>
  </si>
  <si>
    <t xml:space="preserve">你喜欢这个小眼？！那就介绍一下： 出生日期:2月3日 星座:水瓶 身高:180CM 体重:70KG 出生地点:辽宁 抚顺。身　　高：180CM体　　重：70KG出生日期：2月3日出生地点：辽宁 抚顺星　　座：水瓶座血　　型：B型学　　历：大学本科家庭成员：父、母、姐姐头疼的事： 不被朋友理解最大的心愿：与世无争 喜爱的食物：贵州酸汤鱼喜爱的饮品：矿泉水喜爱的饰物：包喜爱的颜色：蓝喜爱的运动：游泳、跑步、滑雪喜爱的动物: 喜爱的歌星：陈奕迅喜爱的影星：罗伯特.德尼罗喜爱的季节：冬季喜欢的服饰：运动、休闲喜欢的歌曲：不固定喜欢说的口头禅：靠谱  · 主要舞台剧作品     《夜 店》 《安娜.桂丝蒂》 《成 长》  ·主要电视剧作品     　 2004年《杀证》　　　　　饰演：吴雨　　导演：梦　继　 2004年《第一次亲密接触》 饰演：痞子蔡 导演：冯新民　 2003年《红粉世家》 饰演：于水村 导演：李大维　 2003年《夏天的味道》 饰演：朱成 导演：香 港 　(合作演员：刘烨)　 2002年《出水芙蓉》 饰演：高楚 导演：蒋家骏 　 (合作演员:陶虹)　 2002年《瘦身家族》 饰演：唐满金 导演：香 港 　 2002年《玉观音》 饰演：杨 瑞 导演：丁 黑 　　 (合作演员：何润东)　 2001年《海洋馆的约会》 饰演：麦 迪 导演：陈 力 (合作演员：陆毅、任泉、梅婷)　 2001年《少年包青天II》 饰演：皇 帝 导演：胡明凯(合作演员：陆毅、任泉、范冰冰)　 2000年《E网情深》 饰演：周 威 导演：李敬华 　(合作演员：陆毅、张恒) 　 2000年《都是天使惹的祸》 饰演：熊 峰 导演：刘国豪 (合作演员：任泉、李小璐)　 1999年《世纪人生》 饰演：大 明 导演：谢 晋 　(合作演员：李媛媛) 　 1998年《嫂娘》 饰演：运 东 导演：于敏、小岛  ·主要电影作品     　 2003年《情牵一线》 饰演：闻涛 导演：滕华涛　　(合作演员：梁咏琪 朱孝天) 　 　 　 　 2002年《非常浪漫》 饰演：晓春 导演：阿 甘 　　( 合作演员：孙兴) 　 2001年《我爱你》 饰演：王毅 导演：张 元 　　(合作演员：徐静蕾) 　 2001年《一百个小偷》 饰演：石刚 导演：滕华涛 　(合作演员：付彪)  · 主要广告作品     2004年 Panasonic--RAMAS 　　　 松下电器-世界专业级音响RAMAS品牌 平面广告 · 主要获奖经历     2003年　荣获2003“超级飓风”MTV音乐盛典内地最佳新人奖 2003年　荣获北京电视周刊“年度公评奖”最受观众欢迎新人奖  此为他官方网站 </t>
  </si>
  <si>
    <t xml:space="preserve">口袋西游28级去哪接任务? </t>
  </si>
  <si>
    <t>转载：--多玩----         接以下高老庄告示板任务：        高长恭的怪箱子          箱子30只    7500经验        怪箱子强盗                箱子30只    7500经验        上香还愿的阻碍          炉子30只    7500经验        和观音抢香火的坏蛋    炉子30只    7500经验        帮助香客    箱子13只 炉子13只     7500经验        如果接到任务“未成佛，哪慈悲”（ 箱子20只 炉子20只     18225经验）的话，接把“帮助香客”给替换掉        提醒：每交一个任务，都回到告示板去看看，你会发现，你刚交的任务，告示板上又出现了，接吧。交一个，接一个，保证你每次都这5个任务        再提醒：变成精灵打怪（新手时给的变身）为什么啊？不想说了。        又提醒：在告示板旁边的“高老庄民兵甲”那里买一个“决杀令*怪箱子”和一个“悬赏令*怪箱子”，买了就吃掉，可以接到任务，为什么要做这个任务？经验就2500，两个才5000，但我可以告诉你，它不影响你的速度，因为它可以和告示板任务一起完成</t>
  </si>
  <si>
    <t xml:space="preserve">三国演义作者是谁? </t>
  </si>
  <si>
    <t>三国演义的作者是罗贯中.</t>
  </si>
  <si>
    <t xml:space="preserve">307车门把手怎么很容易掉呀我买来不到个月就掉了两次了最让人气愤? </t>
  </si>
  <si>
    <t>这车就这样的，只要不解锁拉，很轻都能拉下来，设计缺陷来的。我都习惯了。</t>
  </si>
  <si>
    <t xml:space="preserve">求上海工商银行外币代兑点的地址(人民币兑换美元)请问有没有限定的 </t>
  </si>
  <si>
    <t xml:space="preserve">现在用人民币买美元手续很简单，带着本人身份证原件到大一些的工行、中行建行农行的都可以按时价买到美元。 还有一个办法那就是和在银行炒外汇的人换，现在各城市的大银行都有炒汇业务，到银行大厅去问问那些人，用银行当天的中间价换谁也不吃亏，比银行的卖出价强得多，谈好价后双方到银行窗口相互转存没风险的。不过如果超过等值一万美金最好分批换，因为现在这算大额资金了。 根据外管局2007年 2月1日起施行的《个人外汇管理办法实施细则》第一章 第二条 对个人结汇和境内个人购汇实行年度总额管理。年度总额分别为每人每年等值5万美元。个人年度总额内的结汇和购汇，凭本人有效身份证件在银行办理；超过年度总额的，经常项目项下按本细则第十条、第十一条、第十二条办理，资本项目项下按本细则“资本项目个人外汇管理”有关规定办理。  </t>
  </si>
  <si>
    <t xml:space="preserve">和男朋友分手后，我给他打电话，他问我找到朋友了么？我说有人追，但? </t>
  </si>
  <si>
    <t>失去的已经失去了,他那样说只是让你彻底死心.他跟你分手的原因也不是因为你胖.以后的道路还很漫长,你就不要期望与他一起度过了.或许你们真的在一起是不适合的,只有双方互相的爱着才是完整的爱,相信自己一定能找到自己的真爱.不知道是否真的有人在追求你,如果有自己觉得也还可以的话,就给对方个机会,多接触以后再做判断,彻底放下以前的他.祝你幸福!~</t>
  </si>
  <si>
    <t xml:space="preserve">用手指钻墙打一植物名 </t>
  </si>
  <si>
    <t xml:space="preserve">用手指钻墙 紫藤 </t>
  </si>
  <si>
    <t xml:space="preserve">房屋拆迁如何分配拆迁款项？你好，我遇到的拆迁问题比较特殊，想咨询 </t>
  </si>
  <si>
    <t>房屋拆迁是以房产证上的产权人为被拆迁人，而户口仅是在此户的房产面积与居住人口之比例小于当地人均居住面积的情况下，做为适当增添面积的参考依据。所以，你说的这些情况并不是拆迁安置补偿或分配的主要依据，所以，只能是在查清该房屋的产权人究竟是谁，是否存在家庭人均居面积小于当地人均居住面积等情况后，才能谈拆迁款的分配问题。</t>
  </si>
  <si>
    <t xml:space="preserve">芦荟凝胶怎么做？家庭怎么自制？要去除其中的有害物质 </t>
  </si>
  <si>
    <t>有害物质总有的，哪怕是商店里卖的化妆品。其实你可以去买那些可食用的芦荟掰下来去皮后碾碎后直接涂脸上。记得要洗干净哟。</t>
  </si>
  <si>
    <t xml:space="preserve">中1000倍竞彩6串1有70多W哎。我去年中了1000倍竞彩6串 </t>
  </si>
  <si>
    <t>躺兄真不愧为躺兄哩，果真天天躺在床上数钞票哈。</t>
  </si>
  <si>
    <t xml:space="preserve">孩子做作业总出错怎么办？ </t>
  </si>
  <si>
    <t>我觉得你是没有在幼年时期给孩子形成良好的专注品格。你想想，当孩子在很小的时候，专心做一件事的时候，你是否经常打断孩子？现在，你要想培养孩子专注的品格，就要多费一些力气了。请你耐下心来，多和孩子沟通，多给他关爱和鼓励，少批评，然后陪孩子一起玩些逻辑思考的游戏。然后买些迷宫的游戏和在两幅画之间找不同的这种游戏，你和孩子一起玩，一起找，教会孩子关注细节的思路。一段时间之后，孩子会开始关注细节，可能会有所改善。</t>
  </si>
  <si>
    <t xml:space="preserve">关于今天更新问题？今天要出新的黄金马达都是哪两个？知道的告诉下！ </t>
  </si>
  <si>
    <t>根据HF的情况，A车铁定是SL的了，S车个人觉得LEO最大，其次的是野马和甲虫。</t>
  </si>
  <si>
    <t xml:space="preserve">以发送过的邮件能否保留?寄件箱是否保留以发送过的邮件 </t>
  </si>
  <si>
    <t xml:space="preserve">可以保留的。你只要在发送邮件前，在下面的“保留一份在寄件夹中”前的框内打勾即可。显示发送成功页面　　 保留一份在寄件夹中　　 对方读到信时给我回应 如有更多疑问请联系一下新浪客服，把出现的问题，症状，告诉他们，让他们帮你分析并找到解决办法。全国统一客服热线：  咨询邮箱：webcn@ 也可以到新浪帮助中心看看有什么解决的办法 </t>
  </si>
  <si>
    <t xml:space="preserve">尼可老师您好！我才满20岁，18岁左右时脸上皮肤真的是好，非常白 </t>
  </si>
  <si>
    <t>你是不是经常上网，或者经常熬夜，再或者精神压力过大导致内分泌失调，不然通常皮肤变化不会这么大！建议你去看皮肤科，原来底子那么好，可不要耽误了！毕竟还很年轻！提醒一下：不要依赖化妆品来治疗你的皮肤，从而乱擦化妆品，选择日常护理的化妆品时，尽可能选知名品牌（并不代表越贵越好）。</t>
  </si>
  <si>
    <t xml:space="preserve">请个位大哥大姐姐指教个性问题？听人家说女的ML时候抓住，你的双手 </t>
  </si>
  <si>
    <t xml:space="preserve">     1.女方如果不介意戴套，那就不是问题。     2.女方高潮的迟早快慢，因人而异，不能着急。     3.双方要多交流体会和感觉，说“体已话”别不好意思。她会把最好的感觉和需求 告诉你。     4.女方高潮的条件是：①她很想来，心情好；②姿式动作舒服而刺激；③她很专心无干扰不分心；④刺激要有足够的强度和时间。你会成功的。</t>
  </si>
  <si>
    <t xml:space="preserve">猜字世界上什么样的菜放多少盐也不咸?什么菜永远煮不熟?什么痛好不 </t>
  </si>
  <si>
    <t>上什么样的放多少盐也不咸？－－咸（菜） 什么菜永远煮不熟？－－生（菜） 什么痛好不了？－－心（痛） 什么情忘不掉？－－恋（情） 什么伤治不好？－－情（伤） 什么人最难找？－－爱（人） 谜底1:先生、新（心）恋情哎（爱） 世界上什么样的菜放多少盐也不咸？－－天（才） 什么菜永远煮不熟？－－生（菜） 什么痛好不了？－－旧（痛） 什么情忘不掉？－－爱（情） 什么伤治不好？－－暗（伤） 什么人最难找？－－恋（人） 谜底2:天生就（旧）爱暗恋 世界上什么样的菜放多少盐也不咸？－－紫,此（菜） 什么菜永远煮不熟？－－生（菜） 什么痛好不了？－－开（痛） 什么情忘不掉？－－心（情） 什么伤治不好？－－旧,就（伤） 什么人最难找？－－好（人） 谜底3:此生开心就好 世界上什么样的菜放多少盐也不咸？－－紫,此（菜） 什么菜永远煮不熟？－－生（菜） 什么痛好不了？－－（痛）经，今 什么情忘不掉？－－世，事（情） 什么伤治不好？－－爱（伤） 什么人最难找？－－你！ 谜底4:此生今世爱你 天生就爱性爱 世界上什么样的菜放多少盐也不咸？（甜）天 什么菜永远也煮不熟？ 生 什么痛好不了？ （旧）就 什么情忘不了？ 爱 什么伤治不了？ （心）性 什么人最难找？ 爱 谜底5:天生就爱性爱 甜菜放多少盐都不咸， （天） 生菜永远煮不熟， （生） 旧痛好不了， （就） 事情忘不了， （是） 智商治不好， （只） 主人最难找。 （猪） 谜底6:天生就是只猪</t>
  </si>
  <si>
    <t xml:space="preserve">要买冠生园的话梅糖，沈阳哪有想买话梅糖，上海冠生园的，小时候总吃 </t>
  </si>
  <si>
    <t xml:space="preserve">大润发超市里 有冠生园的蜂蜜 或许也有你要找的好东东呢  有时间去看看吧 </t>
  </si>
  <si>
    <t xml:space="preserve">圣诞节时那些网站的促销活动的打折力度很大？网站要好一点的，把网址 </t>
  </si>
  <si>
    <t>爱鞋网有一个趣味的活动挺好玩的，是鞋子的价格由消费者来定。</t>
  </si>
  <si>
    <t xml:space="preserve">高分求杜比的法国史商务印书馆，2000多页的那套，最好pdf格式 </t>
  </si>
  <si>
    <t xml:space="preserve">这里，自己下Histoire de la France.rarby georges duby </t>
  </si>
  <si>
    <t xml:space="preserve">关于玩魔兽世界配置问题要多大内存和多少型号的显示卡,才能玩的比较 </t>
  </si>
  <si>
    <t>内存的话推荐1G，如果觉得现在内存价格还是有点儿高的话可以先买条512的等以后降价了再＋内存其实512的打怪做任务足够了，只是去大战场和在各个主城的时候会卡一些显卡：其实魔兽世界对显卡的要求还是比较低的，399以上的就足够了，推荐7300GT/X1650Pro及以上，毕竟显卡好了远景能开的高，魔法效果什么的也能全开那感受是不一样的</t>
  </si>
  <si>
    <t xml:space="preserve">seo是什么？ </t>
  </si>
  <si>
    <t xml:space="preserve">SEO 是Search Engin Optimization 的简写 名叫搜索引擎优化而从事这方面工作的就是search engine optimizer，搜索引擎优化师。他们利用工具或者其他的各种手法使自己的合搜索引擎的搜索规则从而获得较好的排名（也就是常说的网站优化）。无止境地追求较前排名是SEO们一世的目标。 在网络营销中，搜索引擎优化排名是一种非常重要的手段，SEO主要就是通过对网站的结构，标签，排版等各方面的优化，使Google等搜索引擎更容易搜索网站的内容，并且让网站的各个网页在GOOGLE等搜索引擎中获得较高的评分，从而获得较好的排名。 </t>
  </si>
  <si>
    <t xml:space="preserve">妊娠和怀孕有什么区别吗?为什么早孕测试笔上写着"1.什么时候可以? </t>
  </si>
  <si>
    <t>妊娠 —— 是“已经怀孕了”，这样一种状态；怀孕 —— 是从一般状态进入妊娠状态的过度过程。不过，把它们混为一谈通常也不会造成错误。</t>
  </si>
  <si>
    <t xml:space="preserve">功德不满足要求什么意思？？紫卷用不了任务接不来？来是说功德不满足 </t>
  </si>
  <si>
    <t>去长安魏征那里捐献点魂石可以加功勋~1个魂石1点功勋~自己看着捐献吧</t>
  </si>
  <si>
    <t xml:space="preserve">我自己开了一家店现在开店很流行DIY的模式的哦，DIY就是DOI </t>
  </si>
  <si>
    <t>祝贺你迈出了第一步！</t>
  </si>
  <si>
    <t xml:space="preserve">1英寸等于多少厘米7又1/2英寸等于多少厘米？ </t>
  </si>
  <si>
    <t>1英寸=2.54cm,7又1/2英寸=19.05cm</t>
  </si>
  <si>
    <t xml:space="preserve">药物流产后新生化颗粒的服用我在药物流产之后又进行了一次清宫手术， </t>
  </si>
  <si>
    <t>你好，术后须要做复查 主要检查是否流产干净 子宫恢复情况 有无感染情况,1个月内禁止性生活，以防感染。如果有发热、腹痛或分泌物有异常气味，要及时就诊。 一般在3～5天流血渐渐停止，最多不超过10～15天。如果流血量超过月经血量，持续时间过长，这时需要及时就诊治疗。"</t>
  </si>
  <si>
    <t xml:space="preserve">我是专科生,自考的本科,简历如何写我是一名专科生，自考的本科，2 </t>
  </si>
  <si>
    <t>你只能按照实际情况填写,因为你专科和本科毕业证在你写简历时都仍然没有,单位招聘一般都要求提供毕业证原件,所以实话实说最好.</t>
  </si>
  <si>
    <t xml:space="preserve">二战各国战列舰炮塔的最大仰角二战所有BB主炮塔仰角最大的是谁有没 </t>
  </si>
  <si>
    <t>二战中战列舰主炮仰角最大的是日本“大和”级战列舰的460毫米94式舰炮和美国“衣阿华”级战列舰的406毫米Mk 7舰炮，最大仰角都是45度。一张经典的“大和”号建设中的图片就可以展现这一点。</t>
  </si>
  <si>
    <t xml:space="preserve">帝国时代3的地图应该放在什么文件夹里???偶下了帝国时代3的地图 </t>
  </si>
  <si>
    <t>告诉你可采纳我的。在一个名叫"ART”的文件夹里（你的帝国时代3存在哪里，就在哪里找），有一个叫"ui”的文件夹，点进去。里面就全是地图了。顺便问一下，你的地图从哪下的?我的帝国时代时正版的，不知和你的一不一样，要不一样就没办法了.........</t>
  </si>
  <si>
    <t xml:space="preserve">惠普的售后服务店在哪里? </t>
  </si>
  <si>
    <t xml:space="preserve">名　称：HP授权金牌放心店 　公司主页：type= 　地　址：北京市海淀区中关村东路怡升园7单元305室 　邮　编：100080 　联系人：申巧梅 秦鹏 崔光 　E-mail： srcg2003@  　电　话：010-62652358、62633211、13911043659、13001065007、13601262507 　手　机：13911043659、13001065007、13311252958 </t>
  </si>
  <si>
    <t xml:space="preserve">周末集中健身是否有益身体 </t>
  </si>
  <si>
    <t xml:space="preserve">周末集中是否有益身体 如今，平常基本不动、周末基本全动、周一基本酸痛的“周末战士”不少。但这样的健身习惯是否对身体有益被人提出了质疑。其实，“周末战士”并不是近几年才出现的。从上个世纪初叶开始到1997年，哈佛大学曾经追踪调查了几千个毕业生。这些人到了上世纪80年代中期的平均年龄是66岁。通过研究他们的生活习惯，科研人员发现这些人里有很多人只在周末运动。这项研究的最终结果表明，那些每天有规律运动的人平均寿命最长。 如此说来，最好的健身方法还是坚持有规律的、经常性的锻炼。健身专家指出，周末集中健身者大多是一星期前5天在办公室里坐着，基本没有运动，身体实际上已经适应了这种状态。周末突然拿出许多时间集中锻炼，反而打破已经形成的生理和机体平衡，其后果比不运动更差。因此，科学有效的做法是每周锻炼3至5次。周末健身族由于时间限制，平时虽不能像周末有充裕的时间，但完全可以选择适宜的项目，茶余饭后就地、就近进行适度锻炼，这样，锻炼才能真正获得提高体能、增进健康的效果。 强身健体的方式很多，如扫地、登楼、打太极拳、健身气功、散步等，新兴的如打门球、跳健身舞等。只要认定其中一项，长期坚持下去，必见成效。如果一味东施效颦，往往会适得其反，生命质量便会大打折扣。尤其是老年人，参加锻炼的运动量一定要适度，贪大反而会导致身心的严重疲劳，切忌今天学这一招，明天学那一招，花费不少，收效却甚微。  </t>
  </si>
  <si>
    <t xml:space="preserve">尿常规白细胞偏高尿常规结果：白细胞35，参考值17；上皮细胞10 </t>
  </si>
  <si>
    <t xml:space="preserve">通常白细胞偏高伴随中性偏高，白细胞偏低伴随中性偏低．因为白细胞通常是受中性粒细胞的影响比较大，有时候也受淋巴细胞的影响．如果白细胞高了，中性却低，那么淋巴细胞一定是增高的. 白细胞是机体的一种正常的免疫系统的一个细胞，当机体受到细菌、病毒等外来病原体的入侵时产生白细胞升高的一种自我保护机制，同时在使用某些药物（糖皮质激素等）的过程中也会引起白细胞等细胞的升高，所以单纯的白细胞的升高要排除相关的因素，如果使用是常规的抗菌及相关对症处理及患儿的一般情况好的情况下白细胞依然高的话，依本人的见解就是停止用药，动态观察一下血象，一个月后复查一下，嘱家属观察患儿啦！检查始终是检查啊，还一定要结合临床啊！ 　　生理性白细胞增高多见于剧烈运动、进食后、妊娠、新生儿。另外采血部位不同，也可使白细胞数有差异，如耳垂血比手指血的白细胞数平均要高一些。?牐牪±硇园紫赴?增高多见于急性化脓性感染、尿毒症、白血病、组织损伤、急性出血等。结合实际分析。 　　细菌感染，做痰培养加药敏，选用抗生素. </t>
  </si>
  <si>
    <t xml:space="preserve">跪求!!!新托福各地考场情况介绍感激各位!!! </t>
  </si>
  <si>
    <t xml:space="preserve">新东方科技集团 &gt; 首页 &gt; 详细信息托福网考全国新增7个考场 上海暂无新增考场  2008-03-04    作者：    来源：东方早报       托福考试主办方美国教育考试服务中心(ETS)和合作伙伴中国国家教育部考试中心宣布，通过积极的网络建设和容量扩充，进入2008年以来已新增托福网考考场7个。目前中国地区考场数量突破100个，比去年同期增加100％，遍布全国33个城市。    针对近期托福报考人数激增的情况，教育部考试中心采取一系列措施，与ETS通力合作为考生报考提供更多便捷服务，以满足考生需求。新增考场可在报名系统列表中查询，并在3月2日首次举行考试。   新增考场包括山东科技职业学院(潍坊)、北京理工大学(北京)、北京教育考试指导中心(北京)、石家庄信息工程职业学院(石家庄)、辽宁师范大学(大连)、河南招生办(郑州)、福建自学考试办公室指导中心(福州)。（编辑：HD） ------------考新托福,应该怎么复习- 百度知道 &gt; 外语/出国 &gt; 留学第一阶段：新托福预热阶段（或者称为适应阶段） 时间：距离考试3－5个月的时期建议准备的材料和使用方案： 1.王玉梅的《TOEFL词汇》（2005版），外加电脑软件《新东方背单词4》。 新托福词汇量相较旧托福的确有所加大，所以建议准备王玉梅的词汇书（词汇量大，收录5000多个单词）。而且，《新东方背单词4》中的托福词库和王玉梅书的词汇量最接近，也是5000出头。建议一开始背诵词汇书，在背诵2周到一月之后，开始用《新东方背单词》复习背过的单词。书本比较适合单词初记，软件比较适合用来筛选出自己难以背出的单词来进行强化记忆（用软件的单词测验功能筛选出难记单词）。如果按照每天新背一个list的进度，40天可以背完第一篇。（但要注意不要放松对旧单词的复习，巩固旧单词的重要性不亚于背新单词）。当然，另外有张红岩、俞敏洪、李笑来的词汇书也比较受欢迎。如果大家手头已经有或者在背那三本，问题也不大，不过会比《新东方背单词4》的托福词库要少。另外，四本书中李笑来那本词汇书量最小，2140个核心词汇，不建议有3个月以上备考时间的朋友准备。 2.旧托福真题 新托福毕竟是旧托福的延伸，所以旧托福也有一定的参考价值。建议在背了3周新词（一半单词）时，开始练习旧托福真题。主要是练习听力的partB、C和阅读题。（基础一般的同学，建议用2000以前的听力真题练习，语速比较慢）不过不一定要像考试那样练习。比如托福听力刚刚听时，不一定要急着做题，而尝试听懂大意，一遍不行就两遍、三遍……同时，旧托福听力partC还可以用来听写和跟读，并帮助提高口语能力。阅读也不用急着像旧托福考试要求的平均11分钟做完一篇，可以放慢做题节奏。语法虽然在新托福里不是一个单独考察项目，但其实融入了口语和作文中，所以旧托福语法题也可以作为检测自己语法水平的手段。（个人觉得在考前2个月时，保证旧托语法题75％以上的正确率还是必要的）作文题的复习下面有介绍。总体来说，旧托福的材料作用主要是热身，或者说是为一个英语水平普通的考生提供面向新托福的过渡，不一定要训练太多。 3.OG（ETS的《新托福官方指南》） 虽然过去大家考旧托福和GRE的时候，不会有什么人去看OG，那也是因为对于旧托福和GRE已经有了很成熟的备考方案，特别是还有很多真题可以练习。但新托福大家毕竟还不太熟悉，也没有真正的全真题可练。所以准备一本OG，可以得到比较权威的指导（其实有一定成分的心理安慰/信心）和一些参考题来练习。建议买双语版比较好，重要信息都有中文翻译，也更便宜些（基础好的朋友可以买英语版）。目前根据参加9.15的朋友们反馈，考试难度和OG非常接近（考试比 OG稍微难一点点），OG应该是必备的材料。 4.《新托福考试完全攻略》 这是新东方主编的一本10元的小册子。不仅把ETS很多关于IBT的官方资料翻译成中文，还穿插了多位新东方老师的从各个单项和综合角度撰写的多篇指导性较强的文章。可以对新托福有个比较完整的认识，是很好的一本IBT入门书。 5.《新托福考试阅读技能与考点精练》（共三册，可选购） 这套书和并不是以托福阅读题为基础的辅导书，有点《新概念英语》甚至《大学英语》教材的风格。注重通过对阅读的基础性训练和技巧性训练来打好阅读能力的基础。另外此套书还配有听力延伸题与话题讨论题，可以为新托福的听力、作文和口语热身。感觉适合在考前4－5个月时训练，如果是做从最简单的第一册作起，可以在刚开始背《TOEFL词汇》时就做，四级词汇应该足够。（也可以结合自己基础选购其中的某一、两册练习）。时间紧的话或者基础好的话，此套书可以不用。 6.Longman教程（新东方引进的《新托福综合考试教程》） 根据用过此书且考过IBT的CDers的反馈。特别是9.15归来的朋友们反馈，这套书的难度比新托福考试简单，风格和考试比较接近，但不如Delta接近。所以感觉此书适合做新托福入门的综合训练用。建议在背完一遍《TOEFL词汇》之后，开始把精力重点放在此套教程上。花一到两个月大体上做完。要注意的是，这套教程不只有书本上的题目，模考CD还提供了和书本题目题量基本相当但不一样的题目。所以其实任务还是比较艰巨的。另外，模考CD上有2套完整的仿真模考题，建议留套考前模考。（这个阶段如果还想多用模考检验的话，可以下载kaplan的模考CD，里面有4套题，但至少留2套考前模考）。不过，最近（9月初）不少做过Longman也做过Delta的CDers反映，Longman教材的听力和阅读材料本身比较简单，但是答案选项却经常模棱两可，而Delta则有点相反，材料稍难，但答案非常明确，单一。具体参考   所以可能Delta更接近ETS的风格。如果时间比较紧张，建议可以放弃Longman后面一半的练习，尤其是客观题。但前面一般带有指导信息的练习题还是不错的新托福入门材料。 7.《TOEFL.iBT 高分作文》 这是北京新东方李笑来编写的一本TWE185范文集。因为新托福两道作文题中的一题其实还是TWE185题（IBT已考题目中很多出自TWE185，就算不是TWE185的题，风格也一样）。而且六道口语题中也有两道和TWE185极似（甚至同样出自TWE185），所以TWE185的范文价值很大。而且此书配有范文的MP3，如果用听写和跟读学习方法、还能同时练习听力和口语。（手头有该书旧版《TOEFL 6分作文》的朋友们可以不用买新版，两书的范文是一样的，旧版所缺的MP3和数页新托福作文介绍及对策分别可以在下载贴编号IW03和导航帖之三十一找到）。这本书也同样可以在一开始复习托福时就看，开始时熟读一些范文，熟悉作文写作基本格式，并积累其中的词汇、短语、句式。之后最好能配合MP3进行听写和跟读。 8.《TOEFL.iBT听力新思维》 此书目前可能还没上市，或还没大规模铺开销售（截至写此帖时）。其实是邱政政编写的《TOEFL听力新思维》的新版。旧版书中又很多听力方面的真题总结和不错的听力指导，新版又有针对性的加入了一些针对新托福的内容。此书属于指导类书籍，并什么题目可做。适合配合旧托福听力材料和Longman教程进行练习。 此阶段的时间安排： 考前的第五个月：重点是背诵《TOEFL词汇》，兼看OG、“攻略”熟悉IBT。同时看“高分作文”的范文。结合“新思维”练习一些旧托福听力题。有时间的话，做“阅读技能与考点精连”（也可以那旧托真题练手）。 考前的第四个月：结束《TOEFL词汇》的第一遍背诵（开始复习词汇，最好每天都复习，直到考试。）重点是Longman的教程和OG。根据考过的朋友们反映，Longman的主观题和考试不是特别接近，建议Longman主要做客观题部分，特别是做前面的有指导信息的部分。可以结合“新思维”的指导练习其中的听力。开始用听写和跟读练习“高分作文”，在Longman做了一部分客观题后，认真看OG，并仔细做上面的题目。有时间的话，继续做做“阅读技能与考点精连”（本月最好能完成此书）。在听说读写的单项上，建议开始认真准备口语，鉴于口语题和作文题的相似性，可以和作文一起练，尤其是自己找 TWE185的题目练习（打字）写作和“脱口秀”。可以的话，找人用互改的方式练习口语和作文，效果会比较好。 考前的的三个月：重点是OG，本月应该完成大部分（留少量题目考前练习，找感觉，毕竟是ETS官方的题目，很接近考试真题）。继续“高分作文”的练习（特别是用跟读来提高口语）。继续用“互改”进行口语和作文的训练。完成部分Longman和OG相应的题目后（其中Longman的重点是客观题，主观题和 OG风格不太一样，所以不建议多做），对前一阵的复习进行总结。找出自己的强项、弱项。再有针对性的进行一些练习。接着就可以进入冲刺阶段，重点练习 Dleta教程。 另外，这个时段还可以做些泛听、泛读的练习。比如看些“探索发现”、“国家地理”的DVD；看些美国情景喜剧、电影（特别是动画片，因为考虑到儿童观众，动画片的配音相当标准）；浏览国外的新闻网站。最好找几个T友，大家一起练习口语、作文的互改。 第二阶段：冲刺阶段 时间：考前2个多月需要准备的教材：1.Delta教程（即新东方引进的《新托福考试备考策略与模拟试题》） 2.新东方的《挑战TOEFL iBT作文满分》 这两个月的重点就是完成Delta教程，并针对自己各个单项的强弱有针对性的进行练习。其实，Delta教程的书里提供了一个完成此书的时间表，有15周之多。（当然，之前时间如果充足，也可以在考前三个多月时就做此书）个人觉得，每天花3－4个小时，此书大概可以2个月内完成。在做Delta的同时，词汇的复习，以及作文特别是口语的训练不要拉下。像口语，可以抽空随机挑一道TWE185题，用一分钟练习，哪怕是不说用大脑“默念”。根据9.15归来的朋友们反映，Delta和考试难度、风格非常接近（考试的阅读比Delta稍难一点，听力比Delta稍简单一些，但是主观题部分，特别是口语后四题和综合写作的听力材料比考试难很多，也快不少）。 《挑战TOEFL iBT作文满分》一书的旧版是针对旧托福TWE185编写的，目前还新增了一个关于综合写作的章节。由于新托福作文题的一半——独立写作题，6题口语题中的2题独立回答题，都是采用TWE185中的题目或者采用风格一致的题目，所以这本“挑战满分"对于新托福的作文和口语也很有帮助。此书名为“挑战满分”，里面的内容也主要是教授大家把TWE185从4、5分的基础提高到6分的办法，很适合考前2个多月时冲刺提高作文、口语用。 等到临考前的一周到十天，开始进行模考。（此时Longman的模考软件应该还留着1套完整的仿真模拟题）另外，请从下载贴下载Kaplan模考题（此时 kaplan也应该还留着2套题目可以模考）。要注意的是，Longman的模考难度比较简单，Kaplan的比较难一些，甚至有考过的CDers反馈可能要比考试真题还要难些。所以如果Kaplan的模考结果不太理想，也不用太在意。 转自：  参考资料：中国陆外论坛 </t>
  </si>
  <si>
    <t xml:space="preserve">我叫GUOYU,想起个英文名字用于工作,是个女生.最好有些寓意在? </t>
  </si>
  <si>
    <t>可爱:Peach,Candy,Cherry.亲切:Lucy,Sally,Ann,Amy.不俗:Elaine.</t>
  </si>
  <si>
    <t xml:space="preserve">企业网上银行采取了哪些安全措施？ </t>
  </si>
  <si>
    <t>在企业网上银行系统的设计、开发、运行过程中，ICBC始终把安全问题放在第一位考虑。为此，我们采取了以下措施： 　　（1）在数据网络传输方面，采用高强度的SSL安全通信加密手段以保护用户信息不被外界窃取和修改。　　（2）在身份认证方面，利用国际上安全性最强的1024位非对称密钥算法建立起公钥安全体系，可有效地对用户进行身份认证，确认合法用户的身份，核查用户的数字签名。同时，客户证书采用支持非对称式RSA算法，带协处理器的CPU智能IC卡为存储媒介，大大提高了企业网上银行的安全性。 　　（3）在整个系统的网络框架上，设置多重防火墙和一个安全代理服务器，以防止非法人员的入侵，保证整个系统的安全。 　　（4）在业务处理上，在电子付款指令中增设一个支付密码，经核押无误后才办理付款。同时还建立了完善严密的内控制度。 总之，ICBC采用业务、技术双重安全机制，强化了企业网上银行的安全性。　　请您参看我行网站的“安全提示”。</t>
  </si>
  <si>
    <t xml:space="preserve">1,2,3,7,16()后面为什么是66? </t>
  </si>
  <si>
    <t>不是66是65规律是:1的平方加2等于3,2的平方加3等于7,3的平方加7等于16,那么7的平方为49加16应该等于65</t>
  </si>
  <si>
    <t xml:space="preserve">皮肤严重缺水用什么护肤品 </t>
  </si>
  <si>
    <t>你好！不妨了解一下基因美妍的能量水以及保湿霜，补水效果超级赞。但是平时也得多喝水，家里如果有保湿类的产品建议您这个时候使用的平率以及用量都可以适当的增加一下咯。然后补水的面膜也建议你２－３天使用一次。给肌肤吃一个营养大餐。</t>
  </si>
  <si>
    <t xml:space="preserve">地理问题!我国地势第三级阶梯的最高山峰是()A.吉林白头山　　B </t>
  </si>
  <si>
    <t>B.江西庐山</t>
  </si>
  <si>
    <t xml:space="preserve">我正在QY打羊呢,突然就掉线了,我马上就上去了,上去一看,我在白? </t>
  </si>
  <si>
    <t>你在哪个服。。你应该找GM看看。要是不管的话。打客服电话问问怎么个意思。盗号偷东西没这么快。我想不是GM监守自盗 。就是程序有问题</t>
  </si>
  <si>
    <t xml:space="preserve">我失恋了，大家帮帮我我是个男生，自己条件还不错。三个月前一个女生 </t>
  </si>
  <si>
    <t>觉得这样的女孩似乎不是理想的对象,就算回到你身边了,以后还会发生这样的事情的,放开吧,还会有好的女孩子的,何况恋爱这总是应是双方的,单方面的努力是没有用的.我也失恋了,但是我是女的,我曾经多么的努力还是没有结果,真正爱对方的话,是没有任何阻力的.</t>
  </si>
  <si>
    <t xml:space="preserve">急，上海男科医院那家比较权威有人知道吗？ </t>
  </si>
  <si>
    <t>去医院看病一定要选择大型专业的医院进行治疗，这类医院的治疗技术和设备都是国内最好的，可以保证治疗效果，并且收费也非常透明可以清楚知道自己看病花了多少钱。</t>
  </si>
  <si>
    <t xml:space="preserve">庐山在九江哪个位置？希望有详细的回答 </t>
  </si>
  <si>
    <t>庐山位于九江市浔阳区以南，星子县西北。图中的牯岭镇是庐山景区的中心。</t>
  </si>
  <si>
    <t xml:space="preserve">怎么说明"博学必定有能力呢?"学习的知识多了就有能力?是天生的吗 </t>
  </si>
  <si>
    <t>司马迁博学，有能力写出《史记》，却没有能力保护自己，你认为他有没有能力呢？</t>
  </si>
  <si>
    <t xml:space="preserve">如何培养孩子独立睡觉我女儿5周岁了,还不愿意独立睡觉,总爱和妈妈 </t>
  </si>
  <si>
    <t>先试着同一个房间里分铺。每次陪她睡着后再留她一个人在小铺上。等习惯后再分房间上，也是先哄她睡熟，然后再离开她。可能需要很长一段时间慢慢适应，一定要耐心。</t>
  </si>
  <si>
    <t xml:space="preserve">初盘：第10080期初盘解答：1.阿仙奴(主)vs保頓：主队去年 </t>
  </si>
  <si>
    <t>晕！！！！第一场怎么可能会走盘？</t>
  </si>
  <si>
    <t xml:space="preserve">KLZ官长AL等BUG封号问题这些BOSS用BUG打会封吗 </t>
  </si>
  <si>
    <t>不会，目前主要针对的是刷剧场的BUG。馆长和艾兰是BUG，但是影响太小，而且通过这个不会显示数据异常，他抓不住实际的证据。BUG打艾兰花的时间还长很多呢，也许9城还巴不得你用BUG打艾兰呢</t>
  </si>
  <si>
    <t xml:space="preserve">因特尔的哪个笔记本便宜啊 </t>
  </si>
  <si>
    <t>因特尔的I5的比较好，也不是太贵，同方的k46c就还行。还能参加一年包换业务呢</t>
  </si>
  <si>
    <t>初高中衔接关于X的方程X的平方+（2M</t>
  </si>
  <si>
    <t>解：因为方程有两个不相等的实数根，所以(2M-1)^2-4*1*(M-6)&gt;0即4M^2-4M+1-4M+24&gt;04M^2-8M+4+21&gt;04(M-1)^2+21&gt;0所以Ｍ为任意实数由题意，不妨设x1&lt;=-1,x2&gt;=1x1 * x2 =M-6&lt;0即M&lt;6|x1|&gt;=1  |x2|&gt;=1(x1)^2+(x2)^2=|x1|^2+|x2|^2&gt;=2好像不可能有最大值(x1)^2+(x2)^2=(x1+x2)^2-2x1 * x2=(2M-1)^2-(M-6)=4M^2-4M+1-2M+12=4M^2-6M+13此二次曲线开口向上，只有最小值，而无最大值</t>
  </si>
  <si>
    <t xml:space="preserve">别克新款君威怎么样？ </t>
  </si>
  <si>
    <t>　近日，上海通用宣布推出别克君威２．５车系中的顶级车型——君威ＧＬ２．５豪华版（ＧＬ２．５Ｌｕｘｕｒｙ），新春伊始就在中高档车市场发力。据山东鲁岳销售有限公司负责人介绍，这款新车型现已全面到货，销售十分火爆。此款热销车型君威ＧＬ　２．５基础上进行了全面提升，不仅增添了多项豪华配置，在底盘和降噪方面也有较大幅度的升级。ＧＬ２．５豪华版市场售价２５．９８万元，它的推出不仅沿承君威品牌在同级车中卓越的性价比优势，还将吸引享受驾驶乐趣的个人用户。　　别克君威系列的底盘一向以稳重、扎实和安全见长，君威ＧＬ２．５豪华版根据目标消费者的需求，对君威底盘进行重新调校，大大提升了操控性能，让车主在驾驶时充分体验到“车随人动”、“人车合一”的感受。它通过对前后悬架的减震器、弹簧、稳定杆及转向器等关键部件的重新调整设定，使其与动力充沛的经典Ｖ６引擎及４Ｔ６５－Ｅ自动变速箱完美匹配，减小了转向侧倾度，大幅提升了底盘的动态响应性，令动力性能极致发挥。　　更为值得一提的是，为使车主在高层次上享受驾驶带来的愉悦，君威ＧＬ２．５豪华版采用了全套减震防噪解决方案，其中包括在Ａ柱、Ｃ柱加吸音棉、变速箱处地板加阻尼垫、前后风挡及后视镜连接处加强密封、延长进气管、优化引擎悬置橡胶衬套等等遍布车身各处的一体化改进措施，使坐在车内的乘客感受到的振动与噪音有效降低，进一步提高了本已出类拔萃的行驶宁静度及乘坐舒适性。　　笔者在参观鲁岳展厅时看到了此款新车，它在深受市场欢迎的原ＧＬ２．５基础上加装了ＤＶＤ影音系统、６碟高级数码影音换碟机（ＣＤ／ＶＣＤ／ＭＰ３）、智能倒车雷达、新款１５英寸高级铝合金轮圈、高级双缝线打孔皮坐椅、方向盘音响控制等六项豪华升级功能配置，让舒适带来的愉悦完全融入驾驶操控的乐趣当中。</t>
  </si>
  <si>
    <t xml:space="preserve">问姐妹们一个关于月经期,皮肤的问题?我看书上说,女人在经期皮肤是 </t>
  </si>
  <si>
    <t>一般来说经期结束一周后是雄性激素分泌最旺盛时期也是皮肤新陈代谢最快吸收最好的时候。月经前几天体内激素的变化皮脂腺分泌较旺盛导致头发和皮肤都油油的出现痘痘。你的情况也不必苦恼，人体各异。按你的情况在月经过后的十天改用清爽控油的护肤品就行了，少吃油腻多喝水多吃水果。</t>
  </si>
  <si>
    <t xml:space="preserve">山东宜人集团是什么企业 </t>
  </si>
  <si>
    <t>山东宜人集团公司地处被联合国誉为最适宜人类居住的海滨城市----威海市。公司傍依烟威、青威高速公路，环境优越，交通便利，是集内饰、纺织、户外休闲用品、国内外贸易、房地产经营、代理及电子商务为一体的综合性现代企业集团公司。  宜人集团下辖威海鸿祥汽车内饰件有限公司、山东月圆花好纺织有限公司、山东鲁滨逊体育用品有限公司、北京鲁滨逊户外用品有限公司、威海宜人房产营销策划有限公司、国家汽车用纺织品检测中心、鲁滨逊户外俱乐部、中华汽车内饰网、中国户外装备网等，同时宜人集团被纺织总会授予国家汽车用纺织品开发基地。公司占地总面积129000平方米，在职员工600人，主导产品汽车内饰产品年生产能力1200万平方米；纺织面料年生产能力1500万米；户外休闲用品年生产能力100万支（套）。公司以严格的管理，现代化的设备、稳定的产品质量、良好的企业文化作为企业生存的基础，在广大客户中享有较高的声誉。面对21世纪经济全球化的竞争和挑战，公司将进一步强化质量管理体系,完善经营管理,增强产品研发和市场拓展能力,面向国际国内两大市场，走精、细、深、专的集团化发展道路。</t>
  </si>
  <si>
    <t xml:space="preserve">怎样做好造价员 </t>
  </si>
  <si>
    <t>个人认为1、计算规则要熟悉，工作量要算准。2、定额或清单要熟悉，要做到子目不漏项、不缺项。3、要善于沟通，幽默的谈吐会让你人际关系良好。</t>
  </si>
  <si>
    <t xml:space="preserve">很想去好声音现场，怎样才能去呢？[疑问] </t>
  </si>
  <si>
    <t>需要到节目的网站上购票了才可以去现场观看节目的。希望能帮到你，麻烦给“有用”去好声音官网报名，幸运的话可以</t>
  </si>
  <si>
    <t xml:space="preserve">买水晶球要注意些什么？ </t>
  </si>
  <si>
    <t xml:space="preserve">水晶 数量：数量越少越好。无色水晶和烟水晶比较多，黄水晶和紫水晶比较少,发晶包裹体水晶也比较少。 净度：水晶球、等愈纯愈好。观赏水晶则要求有包裹体。 包体：完整、形象、色彩艳丽、寓意清晰是上品。 工艺：造型要求比例协调、主次分明、形象逼真，抛光要求光亮，无划痕。 水晶饰品 选料：选料精良的水晶制品，应看不到星点状、云雾状和絮状分布的气液包体。质地纯净、光润、晶莹为好，如果发现有深浅不一的断裂纹、斑点，则属于次品。 做工：水晶制品加工过程分为两种，即磨工和雕工。如水晶项链、水晶手链、水晶耳环等属于研磨品；观音像、内画鼻烟壶等属于雕刻品。一件做工好的水晶制品应考究精细，不仅能充分展现出水晶制品的外在美(造型、款式、对称性等)，而且能最大限度的挖掘其内在美(晶莹、巧色)。 抛光：抛光的好坏直接影响到水晶制品的身价。水晶在加工过程中须经过金刚沙的琢磨，粗糙的制作会使水晶表面存在磨擦的痕迹。好的水晶制品自然透明度、光泽都比较好。 孔眼：对于缀穿水晶制品(如项链、手链、佛珠)，要看孔眼是否平直，孔的粗细是否匀称，有无细小裂纹，孔壁必须清澈透明，无“白痕”。 颜色：即使在同一种类的水晶中，它的不同部位的纹理、色泽也各式各有千秋。属于单色的，要色度均匀 在同一块水晶上有深浅的，则要求其色调纹路美观大方。 协调：购买水晶首饰时，应试戴一下，看其大小、松紧、长短。如是镶嵌饰物，看是否牢固、周正和协调统一。还应注意水晶首饰的款式、色彩是否与自己的身材、肤色、脸型和服装协调。 真假水晶的鉴别 眼看：天然水晶在形成过程中，往往受环境影响总含有一些杂质，对着太阳观察时，可以 看到淡淡的均匀细小的横纹或柳絮状物质。而假水晶多采用残次的水晶渣、玻璃渣熔炼，经过磨光加工、着色仿造而成，没有均匀的条纹、柳絮状物质。 舌舔：即使在炎热夏季的三伏天，用舌头舔天然水晶表面，也有冷而凉爽的感觉。假的水晶，则无凉爽的感觉。 光照：天然水晶竖放在太阳光下，无论从哪个角度看它，都能放出美丽的光彩。假水晶则不能。 硬度：天然水晶硬度大，用碎石在饰品上轻轻划一下，不会留痕迹；若留有条痕，则是假水晶。 用放大镜检查：用十倍放大镜在透射光下检查，能找到气泡的基本上可以定为假水晶。 用头发丝检查：将水晶放在一根头发丝上，人眼透过水晶能看到头发丝双影的，则为天然水晶，主要是因为水晶具有双折射。  </t>
  </si>
  <si>
    <t xml:space="preserve">玉米在哪种? </t>
  </si>
  <si>
    <t>地点       坐标        产物丰谷关     303.424     玫瑰、橘子、玉米</t>
  </si>
  <si>
    <t xml:space="preserve">我第一次在此提化学问题大家好，头回来此，请多包涵。我休学在家，正 </t>
  </si>
  <si>
    <t>解：反应式： 2H2 + O2 ＝ 2H2O剩下的气体为 H2 或者 O2 （1）剩余 H22H2 + O2 ＝ 2H2O ----- 体积减少 2 -- 1 ---------------- 3------------------------ a-b反应的H2为 2（a-b）/3 L加上剩余的 H2 为 (2a+b)/3 L共有 H2 (2a+b)/3 L（2）剩余 O2反应同上，只是不用加上剩余气体共有 H2 2（a-b）/3 L所以选 C 和 D</t>
  </si>
  <si>
    <t xml:space="preserve">S3的剑斧锤属性同等，武器战士的专精选择是怎么样的？ </t>
  </si>
  <si>
    <t>我觉得还是剑好 ，指望锤子那点晕的几率。。。。而且现在哪个几率 又降低了还是剑爽 出了特效嗷嗷爽 还有个因素就是剑超级帅 啊~~hoho</t>
  </si>
  <si>
    <t xml:space="preserve">尿常规尿白细胞（WBC)阳性（++）是什么意思？尿常规尿白细胞（ </t>
  </si>
  <si>
    <t>表示有泌尿系感染。</t>
  </si>
  <si>
    <t xml:space="preserve">MP3问题我的MP3连入电脑后,删不了里面的歌曲,(拔掉数据线后 </t>
  </si>
  <si>
    <t>如果用电脑删后还有歌曲的话,可能是mp3中病毒了,建议你先用木马克星查一下电脑。mp3则用本机做format，然后再copy歌曲试一下。</t>
  </si>
  <si>
    <t xml:space="preserve">男人身高重要吗我身高158厘米但是他却只有163穿上高跟鞋看上去 </t>
  </si>
  <si>
    <t>对于你的身高来讲很重要，你该找个更高的。要不生了孩子岂不更矮。</t>
  </si>
  <si>
    <t xml:space="preserve">我的主板北桥芯片温度是不是太高了？我的主板是845E，的北桥上只 </t>
  </si>
  <si>
    <t>是正常温度，不用担心。我的NF2北桥上也只有一个散热片（铝的），夏天时散热片的温度可以用来烧水，估计也有70-80度。而我经常连续开机5、6天也不会死机或烧东西。</t>
  </si>
  <si>
    <t xml:space="preserve">卡巴斯基软件的问题我刚给电脑装了个卡巴斯基单机专业版软件。查看有 </t>
  </si>
  <si>
    <t>卡巴斯基杀毒软件可以拦截网上的一般攻击，所以可以不用再安装其他公司的防火墙，可能会引起冲突。</t>
  </si>
  <si>
    <t xml:space="preserve">用完转职保证书后称号问题我是传转完巫师后称号奔跑的春风,我想把称 </t>
  </si>
  <si>
    <t xml:space="preserve">   给楼主一个建议:上转回原来的传.我的想法和你一模一样,也想转巫后把称号弄回到原来的地步在转回去,但洁净到了6还是转职后的称号(春风).火大情况下,我不管那么多了,直接转回传的(此时称号是月影).结果情况发生了变化:我去烧了1小时气绝,回去一问,称号上去了1/4.我不怎么相信,第二天又烧了1小时的气绝,在问竟然过了一半.然后我连续用了4天时间(每天1小时)烧气绝,竟然由原来的月影升到了春风.拿到春风后我继续烧气绝,竟然2天后(每天1小时技能)称号又过了1/4,此时我相信时间锁对我已经没有限制了.绝对是我自己的体验,可惜我现在不能上魔力,要不然可以给你图看的(本人99级传,现在不练级只管技能).   从这里可以看出,时间锁这个问题绝对不是我们以前认为的,2次转职后就会有时间锁,至少我现在就是个例子(1次转成春风但烧技能也不能让称号上去).而2次转反而称号上去N快.PS:每次烧完技能请务必登出服务器在进入,不然称号不会有变化的,希望对你有所帮助啦.转职当天我没烧技能,时间锁那天起不起作用我就不知道了.</t>
  </si>
  <si>
    <t xml:space="preserve">劳动法求助一般企业与个人签订的劳动合同上都会有这么一条：被雇佣者 </t>
  </si>
  <si>
    <t xml:space="preserve">    一般情况下，劳动者应提前30日以书面形式通知用人单位解除劳动合同，但在下列情况下，劳动者可以随时通知用人单位解除劳动合同，并且无须向用人单位进行赔偿：    （1）在试用期内的；    （2）用人单位以暴力、威胁或非法限制人身自由的手段强迫劳动的；    （3）用人单位未按照劳动合同约定支付劳动报酬或提供劳动条件的。    用人单位有以上（2）、（3）两种情形，迫使劳动者提出解除劳动合同的，用人单位还要向劳动者支付劳动报酬和经济补偿。    劳动者主动提出解除劳动合同的不能享受经济补偿金。</t>
  </si>
  <si>
    <t xml:space="preserve">治疗的现状PVE和PVP谁比较出彩我觉得戒律pve尤其金团第一补 </t>
  </si>
  <si>
    <t>综合最强是牧师，戒牧不亚于奶骑，奶牧不比其他职业弱。单加最强是骑士，在竞技场里，能一个人加住一群人的集火的职业，只有奶骑！骗治疗最强是德，其实德很无辜，这完全是BLZ设计人员决定的！混本最强是萨满，还是老样子，不管有没有装备，只要会开英勇/嗜血就OK了！</t>
  </si>
  <si>
    <t xml:space="preserve">模版的风格就一钟吗？新浪的模版我都不喜欢怎么办啊，可不可以自己找 </t>
  </si>
  <si>
    <t>有很多,进入控制面板--更改膜板--选你喜欢的点击--选择此膜板--打开膜板后可以选题图--日历--背景--文章区的背景--都选好后点保存--就好了.</t>
  </si>
  <si>
    <t xml:space="preserve">了解一下第八代索纳塔音响全系都是一样的吗？ </t>
  </si>
  <si>
    <t>我在杭州这边的1家4S店了解过，索8 TOP版是INFINITY品牌音箱，其他的是普通的，音效应该品牌的好，当时还特意试乘了一下 TOP版的，感觉效果不错，普通的没有听过，如果对音效要求不高其实无所谓的，我买顶配主要是看中他的氙灯、座椅记忆等，音效其实要求不高。</t>
  </si>
  <si>
    <t xml:space="preserve">治疗月经不调西医好还是中医好 </t>
  </si>
  <si>
    <t>这个说不准。以自身经验来讲，我当时是先去西医医院检查的，做了一下B超，确定没有什么器质性的病变后，吃的西药调理的激素之类的药物，调理的内分泌。接着月经非常正常了，也不痛经了。但后来由于情绪上的影响又出现月经不调了，这就需中医调养了。不过西医能治好的，尽量选择西医，因为这样能方便和节省时间，但后期身体的调养中医就做的挺好的。</t>
  </si>
  <si>
    <t xml:space="preserve">禁军如果拿着抢能不能用棍子的技能呢 </t>
  </si>
  <si>
    <t>您好,禁军技能并没有武器限制的哦.</t>
  </si>
  <si>
    <t xml:space="preserve">女宝宝脚丫内翻医生你好，我宝宝刚出生16天，左右脚有点内翻，右脚 </t>
  </si>
  <si>
    <t>挺仔细的妈妈。建议到小儿骨科进一步检查，排除DDH，先天性髋关节发育不全。祝好运</t>
  </si>
  <si>
    <t xml:space="preserve">我要答案我要答案我有把弓属性是射出魔法箭，没说几级魔法箭，请问是 </t>
  </si>
  <si>
    <t>凋谢之戒Wherstring 猎弓Hunter's Bow  双手伤害: (3-4)-(11-12) (7-8 平均)需求等级: 13需求敏捷: 28基础武器速度: [-10]+40-50% 伤害加强 (可变)发射魔法箭矢 [等级 3]增加 1-3 伤害30% 提升攻击速度+50 攻击等级(仅在 1.10 及以后版本有效)  狂野之弦Witchwild String 短攻城弓Short Siege Bow  双手伤害: (32-35)-(75-81) (53.5-58 平均)需求等级: 39需求力量: 65需求敏捷: 80基础武器速度: [0]+150-170% 伤害加强 (可变)发射魔法箭矢 [等级 20]击中敌人时 2% 机率施放等级 5 伤害加深(Amplify Damage)+ (1 每角色等级) 1-99 % 致命打击(Deadly Strike) (以角色等级决定)所有抗性 +40有孔 (2)(仅在 1.10 及以后版本有效)  用普通攻击时，会变成释放魔法箭。如果你用魔法箭技能攻击，那么弓本身的魔法箭无效，只有用普通攻击才能体现。</t>
  </si>
  <si>
    <t>成功命运（纯熟娱乐^</t>
  </si>
  <si>
    <t>　　我亦菲我你好！“命运决定成功 还是 成功决定命运 ”，当然是“命运决定成功”，否则四柱预测就不存在了。祝你好运！</t>
  </si>
  <si>
    <t xml:space="preserve">房改房或回迁房算二手房吗出卖房改房或回迁房算是二手房交易吗？ </t>
  </si>
  <si>
    <t>算！只要是个人的房子再卖都算二手房啦。一手房为开发商新建的商品住房。</t>
  </si>
  <si>
    <t xml:space="preserve">宇宙有边吗？如果说宇宙有边，那么宇宙之外是什么？如果说宇宙没有界 </t>
  </si>
  <si>
    <t xml:space="preserve">你好！这个是别人的回答：有限、无限及宇宙的边界 中国古代即有“天地四方曰宇,往古来今曰宙”的说话。我们的宇宙就是时间和空间的结合体。天地无极，时间无始无终，这是我们通常对宇宙的认识。宇宙实在是太神秘，太莫测的，以至人类在它面前只不过是沙滩上的一个小孩子罢了。人类的智慧太有限了。那么宇宙到底是无限的还是有限的，它有没有边界呢。千万年来，人类从来没有停止过对这个问题的追问。 再者，有限和无限又是怎么区分的呢。何为有限？何为无限？在我看来，没有绝对的无限，在人类小小的智慧面前，只有绝对的有限。有限和无限不是那么容易分得清楚的。西谚有云“一花一世界，一沙一天堂”，有限和无限在一个瞬间便可以得到转化和超脱。我们举一个上的例子： 我们知道实数轴是无限可分的，处处稠密。所谓“一尺之棰，日取其半，万世不竭”。从这个意义是说，整个实数轴是由无穷个点组成的。而一个小小的区间（1，2）也是由无穷个不可再分的点组成的。在这个意义上来说，一个在距离上可以衡量的小小的区间便和整个无穷的实数轴有共通之处。再者，一个两厘米的线段是由无穷个点组成的，而一个三厘米的线段也是由无穷个点组成的。这样一来，我们势必陷入了一种困惑：有限即是无限，无限即是有限，有限与无限是如此容易的可以转化。 数学上有无穷小量和无穷大量的问题。所谓小量是指一个无限接近0的小的不能再小的数（但是我们不能把一个可以写出来、可以说出来、甚至可以想象到的数称为无穷小量）。而无穷大量则是一个大的不可能再大的数，一般可以用∞表示。我们能够想象到无穷个无穷小量的和是什么吗？是不是无穷大量呢？经过举例，可以得知无穷多个无穷小量的和可以是一个具体的数字，比如说1、2、0、和100等，也可以是无穷大∞。 再举一个例子：0.9的循环，也就是说小数点之后有无数个9，在小学的时候老师教给我们的是后边有无穷个9，但是它却永远会比1小。老师解释的原因就是：它永远也不可能达到1。但是运用数学的级数理论和极限理论都可以证明，0.9的循环和1是完全相等的。看似不成立的东西，运用极其严格的数学证明之后，却是实在的真理，我们不得不面对这个问题，也面对人类的困惑。通过这两个例子，抽象的东西，可以和具象的东西联系和转化。比如说无穷小量的和可能是一个具体的数目。二者之间不存在鸿沟，可以相互转化和沟通的。 既然抽象的无穷大和无限可以和具象的有限相互沟通。可以大胆的下这样的一个结论（虽然我问过很多老师，在传统观念上是不可以这样提的，但是我固执的认为这是正确的）：y=1/x的图像在x趋向于无穷大的时候是和x轴相交的，交点就是（∞，0）。虽然无穷大是一个想象中的大的无法描述的数。但是我们可以化抽象为具象，曲线有∞这样一个点的时候是相于数轴的。那么有人可能要问了，既然可以相交，那么相交之后的图像是什么东西呢？问这个问题的人首先把我们讨论的前提给放弃了。因为我们谈的是无穷大∞，什么是无穷大呢？它是一个大的不能再大的概念，也就是说，在它之后，我们便不能再想到更大的数了。我们和智慧和思想遇到了不能再想象到的东西，便给它起了一个名字叫无穷大∞。在它之后的数字是超出我们的想象的，那么相交之后的图像和点却是我们的智慧能够想到的，便不是无穷大。承认交点是无穷大的情况下，就承认了后面的点和数是无法想象的。我们想象到的不是无穷大。 于是，绕了一个大圈子。我们回到宇宙的边界这个问题上。 有了前面的铺垫，我们便可以得出这个一个结论：宇宙在时间和空间上都是无限的，却是有边界的。我们不妨把宇宙的边界起一个名字叫：∞。也就是说，宇宙的边界是我们人类智慧的一个边界，是我们能想象到一个极限，超过这个极限的东西，是我们不能想象的。所谓宇宙是人类创造出来的一个词汇，就像时间一样。有人问：“上帝在创造时间之前在干什么啊？”这是一个有意思的问题。上帝在创造时间之前，肯定还没有时间，因为时间是在上帝创造了之后才出现了。那么我们用一个后来才出现的词汇来描述这个词汇出现之前的东西，肯定是不合理的。我们在想上帝创造时间之前在干什么这个问题的时候，是用的人类的语言和思维体系来思考不属于人类语言体系和思维体系的东西当然是不可能得出结论的。就像一个在二维世界里人是无法想象三维空间的。 同样，宇宙之外是什么呢？我们可以如前一样，把宇宙之外的这一个人类无法定义和思维和东西暂时的称为“非宇宙”。这是一个搞笑的概念。怎么说呢，我又是用一个人类的语言体系和思维体系中的字汇来定义非属于人类语言体系和思维体系的东西。甚至这个东西都不能够被称为东西。就像当初人类第一次给鸡蛋命名的时候，如果把它叫做“狗”，我们今天也便理所当然的鸡蛋称为狗了。 宇宙的边界其实是一个人类智慧思维和极限，到了那里人类的语言方式和思维方式再也无法前行了，便是宇宙的边界了。边界之外的东西，不仅是无法表述的，也是无法想象的，甚至人类根本不知道它的存在，不知道它是不是存在的。 宇宙是无限的，却是有边界的。 </t>
  </si>
  <si>
    <t xml:space="preserve">有没有什么摄影大学哦（高考可以考的）有不有什么摄影大学哦（高考可 </t>
  </si>
  <si>
    <t>没有摄影大学但有这个专业。</t>
  </si>
  <si>
    <t xml:space="preserve">苏州月子餐哪家月子中心的好？ </t>
  </si>
  <si>
    <t>比较喜欢贝圣美的月子餐，花样挺多的，各种水果、甜点，搭配的很好，口味也不错呢，月子餐都是经过营养师调配出来的，不用担心发胖、没营养之类的问 题，没吃过其他家的，但感觉贝圣美的已经是很好啦~</t>
  </si>
  <si>
    <t xml:space="preserve">有谁知道今天每个牌子的黄金白金的价格！ </t>
  </si>
  <si>
    <t>同一个品牌不同区域，直营店与加盟店之间都是有差距的，这个没办法说，我只能告诉你今天批发的价格在270左右 零售价格一般在这个价格到340之间</t>
  </si>
  <si>
    <t xml:space="preserve">请问：耶稣、穆罕默德、天主三者的关系是什么？三者各自的特点是什么? </t>
  </si>
  <si>
    <t>耶稣是基督宗教教义的中心人物，也是基督宗教的创始人.穆罕默德是伊斯兰教的中心人物，是伊斯兰教的创始人。天主是中国天主教对上帝的称谓，天主教称独一神为“天主”。中文“天主教”的称谓就是这么来的。  基督教和伊斯兰教同源而不同流。根据基督教的信仰，耶稣是上帝唯一的儿子。伊斯兰教认定耶稣 不是上帝的儿子.上帝（基督教）、造物主、伊斯兰教称之为真主。是宇宙的创造者，是无求于万事的，是不需要立儿子的。 耶稣只是上帝（真主）创造的第一个人，是真主的使者。伊斯兰教不承认圣灵、圣父、圣子三位一体。天主教称独一神为“天主”。基督教称独一神为“上帝”。伊斯兰教称独一神为“真主（安拉）”。</t>
  </si>
  <si>
    <t xml:space="preserve">北京家庭室内装修哪家装修公司好？我的小公寓终于下来了，想找个好点 </t>
  </si>
  <si>
    <t>我家的房子是佰嘉鸿装饰给装的，我跟我老公都很喜欢。也是朋友介绍的，本人觉得还不错。你可以咨询下010-57212067</t>
  </si>
  <si>
    <t xml:space="preserve">糖醋排骨怎么做? </t>
  </si>
  <si>
    <t>糖醋原料: 排骨, 生姜, 干淀粉(靓生粉), 酱油, 醋(一定要中国生产的醋, 千万不能用老外的醋), 盐,料酒(没有的话, 其它白酒也行), 白糖,食用油 　 做法: 　　1. 将排骨宰4厘米长的段, 加少许盐和料酒拌匀(盐不要太多, 正常用量的2/3即可, 多了 会影响甜酸味). 　　 　　2. 将拌匀的排骨裹上一层均匀的干淀粉, 然后放入烧至8成热的油锅中炸至淡黄色捞起待用. (这时你可以尝尝排骨的咸淡, 如果太淡, 可以在稍后的烹调中加盐, 所以之前放盐的时候宁少勿多) 　　 　　3. 生姜切成细沫, 锅里放油, 烧至6成热时放入切好的姜沫, 爆香后倒入醋, 白糖, 酱油.待到白糖融化后, 放入炸好的排骨, 翻炒收汁后就可以起锅装盘了. PS: 在加醋和白糖时, 还是那句话, 宁少勿多, 比例一定要均衡, 其中任何一种加多了都会严重影响成品的质量. 没经验的朋友可以边加边尝. 一般来说, 醋加到有点刺鼻的时候就OK了. 酱油最好用老抽, 一点点就够了, 主要是起上色的作用. 由于排骨外面有一层淀粉, 所以下锅的时候, 锅里的汁会马上变稠, 这时要不停的翻炒以防止沾锅. 汁一定要收干, 当你看到锅底基本都是油, 然后排骨于排骨之间分开会拉开一根糖丝的时候, 汁就收得差不多了. 否则的话, 汁没收干会严重影响成品的光泽和口感的. ********************如有雷同，纯属巧合，请见谅*******************6》沪菜--糖醋排骨【原料】 猪排骨25O克，番茄酱少许，白糖25克，醋2O克，料酒1O克，盐3克，油1OOO克。【制作过程】 ①将排骨洗净，用料酒、盐腌一下。②锅上火，放油烧至六成热，下入排骨炸至呈金黄色捞出；③另坐锅底油，放入白糖、番茄酱、醋、盐，搅匀成糖醋汁,再把炸好的排骨放入，翻炒至均匀挂上汤汁即可。加糖两小匙，加盐少许（酱油也可），番茄酱挂色用，不宜太多，要用陈醋，并且出锅之前再加，才会有香味。7》浙江菜--糖醋排骨 【特点】外金黄松脆，里嫩鲜。酸甜微咸。【原料】生面筋160克，水发木耳26克，净科笋(玉兰片)220克，青、红柿子各22克，香油600克(实耗110克)白汤40克，干淀粉110克，湿淀粉10克，白糖80克，醋油80克，醋30克，姜末1克。【制作过程】 (1)把面筋压成0.5厘米厚的薄片，再切成3厘米宽的长条。然后把一双竹筷子并在一起，将面筋条由上而下均匀地缠在上面，不让它松散。缠完后放置5～6分钟，让它充分粘牢固，再连筷子一起放入开水锅中，在文火上煮30分钟左右，捞出放在凉水中，慢慢地抽出筷子。(2)把面筋再切成1.3厘米宽的段，放在碗中加入酱油拌均匀，再稍微挤一下，蘸匀干淀粉。(3)把冬笋在开水中煮熟，切成长3厘米、宽1厘注、厚0.5厘米的小条，削成猪肋骨形状，一条一条地嵌入面筋段内，使两头露出一点，形似排骨。(4)将青、红柿子椒去籽和筋，洗干净；木了耳择洗干净，一同切成细丝。(5)把木耳丝放在碗中，加入白汤、白糖、酱油(2克)、醋、湿淀粉等调成芡汁。(6) 炒勺内倒入香油，在旺火上烧到7～8成热，下入“排骨”，炸成酱黄色，倒入漏勺中沥油。 (7) 炒勺再回到旺火上，放入香油(30克)，烧到5～6成热下入青、红柿椒丝、姜末，煸炒几下，烹入芡汁搅拌均匀，接着放入炸好的“排骨”，颠翻几下，滴下香油适量即成。8》糖醋排骨1、排骨切小块,下锅煮透,捞出沥干.2、葱蒜切末,加入料酒,醋,白糖,姜粉少许盐和生抽调成味汁.3、炒锅放少许油,下排骨翻炒,待表面变色(一般是金黄色,呵呵)后倒入味汁,搅和均匀,嘻嘻,再加不少糖.4、待汁快收净时勾芡出锅.心得:糖和醋的比例基本是1:2,糖可以再多一些.排骨汤下白萝卜或者白菜豆腐粉丝可做汤,这样一骨两吃了.16》糖醋排骨原料:剁块的排骨（放入冰箱内冻约1小时，易剁碎），糖，醋，酱油，芝麻适量 制作方法:第一步：炒锅内放入水，烧开，倒入排骨汆一遍，目的是去血沫。夹出排骨。 第二步：重新在炒锅内放入两小碗水，倒入排骨，加入糖，醋，酱 油，用中火烧开，呈沸腾状态，之间需翻炒，一直把水烧干，现油。倒入芝麻炒香。即可装盘。 17》糯沙排骨原料：猪排骨800克 糯米200克 绿豆100克 老南瓜150克 葱花10克 精盐、料酒、醪糟汁、白糖、红酱油、鸡精、花生酱、甜面酱、蚝油、五香粉、姜米、椒麻茸、熟菜油各适量制法：1．猪排骨斩成8厘米长的段，纳盆，用精盐、料酒、醪糟汁、红酱油、鸡精、花生酱、甜面酱、五香粉、姜米、椒麻茸和蚝油、熟菜油拌匀，上笼蒸熟后取出；南瓜去皮后切成片，入沸水锅中汆熟，捞出摆入圆盘中垫底（呈风车形）；糯米、绿豆淘洗干净后纳碗，掺入适量清水，上笼蒸熟取出，再用精盐、白糖、蚝油拌和均匀。2．将蒸熟的排骨摆放入蒸碗内垫底，再放入调好味的糯米和绿豆，然后入笼用旺火蒸至排骨软，取出翻扣于垫有南瓜片的盘内，即成。特点：咸鲜香糯，软适口18》&lt;&lt;水煮猪排骨&gt;&gt; 主料： 直肋猪排骨600克（1斤2两）。 配料： 小白菜芯500克（1斤）、香菜末20克。 调料： 精盐、味精、姜片、红油、香菜末、花椒末、泡椒末、泡红椒、泡仔姜、蒜粒、?夥邸⒏咛馈⑸榻从汀⑿〈薪岣魇柿俊?做法： 1．将直肋猪排骨剁成6厘米长的段，拌入?夥劬巍⑽毒⒔⑿〈薪嵘狭羰烊〕觯?2．坐锅，留油，下入泡椒末、泡仔姜、蒜粒煸炒至香味溢出，下入高汤、生抽酱油、味精、直肋猪排骨煮8分钟勾薄芡装盘； 3．小白菜芯炒熟围边，将花椒末、香菜末撒在直肋猪排骨上，浇上热的红油即可。 特点： 色泽红润油亮，香鲜麻辣味长，质地滑嫩可口。 诀窍： 调料要齐全；蒸直肋猪排骨时不能太熟烂。</t>
  </si>
  <si>
    <t xml:space="preserve">动物血吃了是否得癌?以前有医生告诉我小孩应多吃鸡血,我经常给女儿 </t>
  </si>
  <si>
    <t>目前，已发现很多动物血都有不同程度的抗癌作用，另有报道，用猪血治疗各种血癌均获得一定的疗效，动物血的疗效以鹅血最佳，能使癌细胞核溶解、退变。浙江医大通过动物实验认为。鹅血中含有不被人体消化道中酸、碱、酶所破坏的低分子抗癌物质。上海医务界用鹅血制剂治疗淋巴瘤及胃、肺、鼻咽癌334例，总有效率为65%；治疗各种原因所致的白血病总有效率为62.8%，可见鹅血确有抗癌活性。临床较成功的有关胃癌、食道癌疗法：1、白鹅血鲜饮：将活白鹅头切掉（白鸭也可），患者口含鹅颈，吸吮热血，每周1次。2、鲜鹅血韭汁：新鲜鹅血200毫升，韭菜汁00毫升，调匀饮。每日或隔日1次。3、生猪血粉冲服：生猪血滤去水，晒干为末，黄酒送服，一次10克左右。适宜消化系统肿瘤，本方取自《怪症奇方》，值得试用。另外，有很多防阅抗癌食物，如动物肝、奶、蛋、酸奶等）。</t>
  </si>
  <si>
    <t xml:space="preserve">2013年模拟实战操盘赛【二季度第五轮】一、比赛目的1.纯粹娱乐 </t>
  </si>
  <si>
    <t>002375亚厦股份，有落24.67介入</t>
  </si>
  <si>
    <t xml:space="preserve">高考报考什么专业我现在是高一的学生。我想报考建筑系，我不太清楚有 </t>
  </si>
  <si>
    <t>在我国，建筑专业优秀的学校有：清华大学、同济大学、天津大学、东南大学……中央美术学院；一些综合类大学也有建筑专业：例如浙江大学、上海交通大学、西安交通大学、北京交通大学、西安建筑科技大学、重庆建筑科技大学、北京建筑工程学院、哈尔滨建筑工程大学？（校名可能不太准确）一般说来，学建筑需要美术基础，但是，在高考的时候，并不需要美术成绩，只是在录取开学以后，建筑专业的学生需要考察一下美术水平，基础实在太差的，学校会安排转专业。建筑类学科在招生目录中，属于理科。好的建筑专业学校，基本上都是国家211工程学校，而且，建筑专业在各个大学中，录取分数都是非常高的（主要是指：清华、同济、天大、东南这几所大学）因此，将来想考建筑专业，现在就要好好学习！至于老师说的，让他给你补习，而且要收费，就要酌情而定了：如果你仅仅是要考建筑专业，那么，到社会举办的美术班去学习就足够了。如果，你想考艺术类的学校，那么，就要认真对待了。就需要确实找到高水平的美术辅导班了。要知道，现在报考艺术类的考生竞争，十分激烈！</t>
  </si>
  <si>
    <t xml:space="preserve">电脑不能启动但主板灯亮，风扇不转电脑不能启动，只有主板灯亮，电源 </t>
  </si>
  <si>
    <t>有两种情况1、风扇存在问题，建议您把风扇放到其他正常的机器上，如果不正常的话就是风扇问题，如果正常的话，排除风扇问题2、主板电路存在故障，也就是无法给风扇供电导致不转不会是其他硬件问题，建议您送修~</t>
  </si>
  <si>
    <t xml:space="preserve">杀!杀!!杀!!!162文.五胆死包!!!!哈哈!让冷门来得更猛 </t>
  </si>
  <si>
    <t>让冷门来的更猛烈些吧，被你言中已出一冷门，国米完败.</t>
  </si>
  <si>
    <t xml:space="preserve">如何控制食欲 </t>
  </si>
  <si>
    <t>按压耳朵控制食欲 根据理论，人的耳廓上有几个穴位是与大脑控制食欲的中心相连的，刺激那些穴位就能减少食欲，达到减肥效果。 控制饥饿：食指按压右耳的饥饿点 1分钟，换左耳做同样的动作。 原理：当肠胃向控制食欲的下丘脑发出“我饿了”的信号时，人就会有进食的欲望，而按压相应的穴位能起到阻止信号传递的作用。 避免压力下进食：拇指和食指捏紧右神门，保持一分钟，然后换左耳做同样的动作。 原理：很多时候人们吃的过多，并不是身体真正需要，而是压力使然。按压神门能安抚身体，减少紧张，使刺激食欲的神经得到放松。 延长饱足感：用食指敲打右耳的内分泌点穴位 60下，换左耳重复。 原理：按压内分泌点穴位可使下丘脑限制导致饥饿的激素产生，并增加使人产生饱足感的激素分泌。 减少腹部脂肪堆积：用小指轻轻敲打右耳的胃点穴位 60下，换左耳重复。 原理：腹部脂肪堆积是由于胃胀气和消化不良引起的，对胃点的刺激可以使消化激素活跃，提高消化能力分解多余的食物。 先喝一杯水 喝水让口腔和胃部有东西经过的感觉，水分可以撑起胃部的空间，减轻饥饿感，缓一缓进食的冲动。 勒紧腰带，活动四肢 勒紧腰带可以增加腹部的压力和减少胃部的空间，如果配合注意力的移转，可以有效减轻食欲。 增加生活压力 压力会促进脑内交感神经素的分泌，这类内分泌素会抑制食欲，促进脂肪的燃烧，所以经常让自己忙碌一些，肥胖将会远离你！ 喝杯咖啡或绿茶 咖啡含有咖啡因，绿茶含有茶儿素和多酚，这些成分都可以促进新陈代谢，增加产热作用，对减肥有帮助。 餐前吃点水果或糖 英国伦敦圣乔治医学院的研究发现，让一组人在餐前吃点葡萄糖，另一组则正常进食。经过两星期的观察，结果发现餐前吃葡萄糖的这组，体重反而增加的少。可见餐前的甜食可以减少食欲，避免吃进太多热量。 除此而外，生活中只要把握几个简单的原则，就可以做到兼顾生活品质与减少热量摄取的要求。这些原则包括：每日以三餐为主，三餐以外不要吃任何点心，先喝汤、再吃菜、最后慢慢吃肉类和饭，专心进食、不可狼吞虎咽 ，多利用蒸、煮、凉拌等方式烹调，少吃花生、瓜子、腰果、核桃等高脂食物，不吃零食或甜点，少喝含糖饮料或酒，办公室或家里不放零食和垃圾食物，嘴馋或食欲不能满足时试试无糖口香糖……等等。 越吃越瘦的15种食物噢 1.紫菜 除了含有丰富的维他命A、B1及B2，最重要的就是它蕴含丰富纤维素及矿物质，可以帮助排走身体内之废物及积聚的水分，从而收瘦腿之效。 2.芝麻 它的「亚麻仁油酸」可以去除附在血管内的胆固醇，令新陈代谢更好，减肥收腿就轻松得多。 3.香蕉 虽然卡路里很高，但脂肪却很低，而且含有丰富钾，又饱肚又低脂，可减少脂肪在下身积聚，是减肥时候的理想食品。 4.苹果 苹果含独有的苹果酸，可以加速代谢，减少下身的脂肪，而且它含的钙量比其他水果丰富，可减少令人下身水肿的盐分。 5.红豆 红豆所含的石碱酸成分可以增加大肠的蠕动，促进排尿及减少便秘，从而清除下身脂肪。 6.木瓜 它有独特的蛋白分解酵素，可以清除因吃肉类而积聚在下身的脂肪，而且木瓜肉所含的果胶更是优良的洗肠剂，可减少废物在下身积聚。 7.西瓜 它是生果中的利尿专家，多吃可减少留在身体中的多馀水分，而且本身的糖分也不高，多吃也不会致肥。 8.蛋 蛋内的维他命B2有助去除脂肪，除此之外，它蕴含的菸碱酸及维他命B1可以去除下半身的肥肉。 9.西柚 大家早早便知西柚卡路里极低，多吃也不会肥，但原来它亦含丰富钾质，有助减少下半身的脂肪和水分积聚。 10.蒟蒻 完全不含脂肪又美味，说到底也是减肥必食之物，原来它的丰富植物纤维更可以使下身的淋巴畅通，防止腿部肿得松泡泡。 11.菠菜 因为它可以促进血液循环，这样就可以令距离心脏最远的一双腿都吸收到足够养分，平衡新陈代谢，排毒瘦腿就话?钜住?12.西芹 西芹一方面含有大量的钙质，可以补「脚骨力」，另一方面亦含有钾，可减少下半身的水分积聚。 13.花生 含有极丰富的维他命B2和菸碱酸，一方面带来优质蛋白质，长肉不长脂，其次亦可以消下身脂肪肥肉。</t>
  </si>
  <si>
    <t xml:space="preserve">要购买家居家饰产品呢，知道浪漫满屋家居生活馆做的如何吗？ </t>
  </si>
  <si>
    <t xml:space="preserve">浪漫满屋家居生活馆是个不错的选择，这是整合欧韩家居家饰精品，填补市场空白，打造的家居家饰一站式购物平台，现在在业内的口碑很不错。 </t>
  </si>
  <si>
    <t xml:space="preserve">癫痫患者都有哪些心理症状？ </t>
  </si>
  <si>
    <t>1、抑郁：这本身就是一种发病因素，一旦患了癫痫，特别是颞叶癫痫，抑郁的特点就更加明显，心理负担加重，心情不畅，时间久了会形成较严重的精神抑郁，给病人造成生活痛苦，也影响治疗效果。2、自卑：因为癫痫发作不分时间、不分地点、不分场合，生活在病人周围的人有意无意之间给病人造成一定的心理伤害，社会歧视更给病人带来严重的精神负担，久而久之，病人自己形成病态心理，产生较严重的自卑情绪，甚至绝望、自杀。3、孤独：癫痫病人常常觉得由于自己患了癫痫，工作、生活、学习当方面都受到一定的限制，不能和正常人一样，于是便容易陷入孤独，不愿和大家一起，不愿参加集体活动，喜欢一个人呆着。特别是青春期的病人孤独感更强。4、悲观：由于上述几个特征的存在，癫痫患者受到极大的心理创伤，是产生悲观情绪的一个原因。癫痫是一种需要长期治疗的慢性病，对病人身心容易造成严重伤害，动摇了病人战胜疾病的信心，甚至使病人产生绝望心理。癫痫患者会有不同程度的心理障碍如焦虑、恐惧、自卑的情绪有些癫痫病人脾气暴躁易激惹家属应给以理解不要和他们争辩应耐心地心平气和地讲道理同时应预防病人伤人、自伤或自杀.癫痫患者必须自己树立强烈的战胜疾病的信心。癫痫患者身边的家人、朋友等也要了解上述癫痫患者的心理特征，鼓励癫痫患者，培養癫痫患者的自信和乐观心态。</t>
  </si>
  <si>
    <t xml:space="preserve">过年时月卡是48，那过年以后呢？请问如果过年时的月卡是48元我还 </t>
  </si>
  <si>
    <t>新年优惠48元30天.新年后60元28天</t>
  </si>
  <si>
    <t xml:space="preserve">UG加工模块问题各位UG高手小弟请教一下为什么会出现这个对话框 </t>
  </si>
  <si>
    <t>好像你没有选择粗加工的料吧，你用的3轴还是5轴？</t>
  </si>
  <si>
    <t xml:space="preserve">乳房经期过后还持续疼痛是什么原因哪？ </t>
  </si>
  <si>
    <t>疑似乳腺增生病，乳腺增生分5期：1乳腺增生；2小叶增生；3囊性增生；4乳腺囊肿病；5乳腺癌。在第1期主要表现为经期痛，第2期时痛感频繁和加强，后续会更严重。此病主要是内分泌激素失衡引起的，反复吃西药或一般中药都很难根治，停药复，手术复发率非常高。可彩超确诊，也可电话说明细节症状确诊，详询加Q1223319287，咨询热线13183589198黄医生</t>
  </si>
  <si>
    <t xml:space="preserve">马赛，你可以发神经了！比赛还没结束，马赛苦心经营的冠军赛马上就要 </t>
  </si>
  <si>
    <t>顶马赛</t>
  </si>
  <si>
    <t>幸运51暗的女项链值多少，我是3</t>
  </si>
  <si>
    <t>4000-6000</t>
  </si>
  <si>
    <t xml:space="preserve">【升级】43级小法师怎样升级啊!伏魔任务也做完了,单线任务又危险 </t>
  </si>
  <si>
    <t>不用去打精英怪的,到秋枫原去混;把那儿的任务都做了,顺便也可以打个称号!去赏月崖那边打打讯列(组队单练均可,注意带瞬红),经验很可观的!到了48就可以去宁海州发展;伏魔+宁海州的任务一起做升级很快的...</t>
  </si>
  <si>
    <t xml:space="preserve">长沙最好的暖通公司是哪家？ </t>
  </si>
  <si>
    <t>最讨厌那种自己做不到但见不得别人比自己好的人了。都在诋毁怡生供暖，没办法，太优秀、太耀眼了，光芒盖过了一些老牌。长沙最好的暖通公司首先要了解：家庭供暖是一个工程，不是简单购买产品。三分产品、七分安装，选择设计合理、施工工艺好、售后有保障的公司比选择产品重要得多。选择技巧：1.      考察技术实力，参观技术部办公室，是否有专业的设计人员，设计软件，设计手册等；2.      查看是否有自有专业施工队，有完善的调度中心，调度表格，施工队工资表等，否则就是外包的篮子公司；3.      考察工程实力 ，对比在施工的工地；4.      考察公司实力，看仓库。仓库的库存规模才是供暖公司真实实力的体现。长沙的亲你明白了吗？企业QQ：4006421314欢迎咨询！</t>
  </si>
  <si>
    <t xml:space="preserve">我想知道挑战一共有多少个服务器????????????我下的客户 </t>
  </si>
  <si>
    <t>有挺多的，激活的时候你不就知道有几个服务器了？现在还在免费的是绿4 绿5 上6 绿网2 绿网3</t>
  </si>
  <si>
    <t xml:space="preserve">谁知道狗在沙漠中是怎么死的(不是饿死的) </t>
  </si>
  <si>
    <t>没树留记号撒尿,被尿憋死滴</t>
  </si>
  <si>
    <t xml:space="preserve">3800元的笔记本电脑是哪个厂生产的？存在内存小，或者是硬盘容量? </t>
  </si>
  <si>
    <t>电子城(大正大厦)有卖新蓝牌电脑,广东产,比神州牌更便宜</t>
  </si>
  <si>
    <t xml:space="preserve">搞建设是一件磨练意志的事情尤其是一些建设周期较长的项目，怎么克服 </t>
  </si>
  <si>
    <t>引起建设中期的烦躁情绪有多种原因，比如流动资金短缺、合同管理混乱、关系协调不和谐、施工准备不足与操作混乱等等，分析并克服这些原因可是门学问，有多年经历者学问益深，而其中积极准备、加强沟通、多向有阅历者讨教、建设过程积极参与及思考是克服建设中期的烦躁情绪的方向,另外在工程建设开工前做好市场调查、有计划的营造保障工程建设的关系圈、签订适合本地特点的并符合自己条件的工程合同、明确各方权力义务、制定符合实际的施工组织等尤为重要。</t>
  </si>
  <si>
    <t xml:space="preserve">光纤的传输速率和速度是多少？ </t>
  </si>
  <si>
    <t xml:space="preserve">光纤的传输速率是：155Mbps光纤的传输速度是：每秒可达40Gb </t>
  </si>
  <si>
    <t xml:space="preserve">1、某个国航的女孩，在4月份给过我喜糖，到现在肚子还没大，怎么回? </t>
  </si>
  <si>
    <t>1.有可能不孕不育2.娶个没腿的3.不会4.是的，有时候还有点低俗5.。。。。。。</t>
  </si>
  <si>
    <t xml:space="preserve">怎样蒸鸡蛋羹啊？每次蒸都蒸不好，是给1周的孩子吃的，我在西餐厅吃 </t>
  </si>
  <si>
    <t>要想蒸鸡蛋羹不老的话，一定记住用一个盘子扣在装鸡蛋羹的上面，中火蒸10多分钟就行了，这样蒸出来的鸡蛋羹不会起来蜂窝状，很嫩的，适合小孩子使用。蛋里面最好放米汤，吃起来口感会更好。</t>
  </si>
  <si>
    <t xml:space="preserve">电脑显示有暗灰色的条纹我的电脑显示器有时会有暗灰色的横线条纹出现 </t>
  </si>
  <si>
    <t>看看附近有没有什么干扰源,没有的话消下磁看看</t>
  </si>
  <si>
    <t xml:space="preserve">姐妹们有没有好方法可以有效去除痘印的. </t>
  </si>
  <si>
    <t>我是用维生素E颗粒状的那种,刺破以后,涂在脸上,20分钟以后,洗掉就可以了.我试过了,效果不错.</t>
  </si>
  <si>
    <t xml:space="preserve">有没有弟弟给姐姐红包的?我男朋友的姐姐已经结婚有小孩了,小孩上幼 </t>
  </si>
  <si>
    <t>我回家还给姐姐红包呢...我工作4年了.没成家..我姐姐后来回了个大的.呵呵......红包只是个祝福的意思...你家姐姐情况不好..应尽力帮助的...手足之情吗.不要太在意</t>
  </si>
  <si>
    <t xml:space="preserve">白切鸡和白斩鸡在做法和口味上有什么不同吗？ </t>
  </si>
  <si>
    <t>提到上海的特色风味菜，白斩鸡似乎是上海人的至爱，上海滩上经营白斩鸡的店家之多品名之繁就是明证。假如说北京烤鸭是京城的招牌菜，那么沪上则推白斩鸡无疑。白斩鸡的渊源可溯自战国时代楚国的宫廷名菜露鸡。据郭沫若考证：露鸡即卤鸡，选用嫩母鸡投入五味调和的卤汁中煮熟而成，经历代相传而成为宫廷及民间的一款佳肴；在演化过程中又花开两枝：制法分成红白两种，红者为烧鸡，白者即现在的白斩鸡。 原料： 嫩公鸡1只，葱节、姜片、料酒、食盐、香油各适量。 制法： (1)将鸡洗净，去内脏和头、脚，再将鸡肉较厚的地方(如大腿及胸脯等处)划上几刀。 (2)锅中水烧开， 将鸡放入，加料、葱、姜片，盖上盖煮15-20分钟，取出放至预先准备好的冷盐水中(盐要适量)，浸泡1小时，再取出切块装盘，滴上少量香油即成。 做白斩鸡有窍门, 照以下方法做会收到好的效果： 用1只重1千克左右的嫩鸡，宰杀后收拾干净。将其放入一个大锅里，倒入能淹没鸡身的清水，同时放进适量的、姜和黄酒，用大火烧开，撇去浮沫，再移至小火上焖煮10～20分钟，加适量食盐，鸡刚熟时，马上将锅端下，盖上锅盖静置一旁，待锅里的汤凉后，再将鸡捞出，控去汤汁，在鸡的周身涂上香油即可。这样烹制的白斩鸡，色白肉嫩。因为白斩鸡的老嫩与其所含水分的多少有关。煮鸡时，鸡细胞受热破裂，内部汁液流失，鸡身缩小，肉质紧，吃起来就感觉老。鸡煮熟后，放在汤汁中浸泡，能使细胞重新充水，形体重新饱涨，肉质就嫩了。在鸡身上 涂香油，可防止鸡皮风干，减少水分的蒸发从前有一个读书人，早年苦读寒窗觅得一官半职，却终因受不得官场黑暗，乃弃官务农。他乐善好施、性格豪爽，又有，深得村民拥戴。农夫生活清贫，年过半百，膝下无儿。这年中秋又到，他和妻子商量了一下，决定杀只母鸡，一来祈天保佑早生贵子，二来打打牙祭。妻子刚将母鸡剥洗干净端进厨房，忽然窗外有人呼嚎哭喊。原来是小孩贪玩灯笼酿火灾。时值秋高气爽，一些村民的家财眼看要化作灰烬。农夫二话没说，揣起一个水桶就冲了出去，他的妻子也跟着去救火。在村民的共同努力下，火势很快得到了控制，并最终被扑灭。农夫回家时灶火已熄，锅中水微温。原来妻子走得匆忙，只在灶中添柴，忘放佐料和盖上锅盖。而锅中光鸡竟被热水烫熟了！于是，白斩来吃。白斩鸡做法是水开时需开盖浇淋鸡体致刚熟，不加佐料。数百年来白斩鸡推陈出新，历久不衰。广东称“无鸡不成宴”，主要便指白斩鸡。 白切鸡的制作,至今已有悠久历史。在广东、香港、奥门等地久负盛名,经久不衰。 白切鸡 〔主料辅料〕 肥嫩母鸡1只………葱白丝…………50克 …………1250克精盐……………5克 姜泥……………50克花主油…………60克 〔烹制方法〕 1.将姜、葱、精盐拌匀，分盛2小碟。炒锅用中火烧热，下花生油烧至微沸，取出50克分别淋在2小碟的姜、葱、精盐中，剩下10克盛起待用。 2.将鸡宰杀干净，放入微沸的沸水锅中浸约5分钟可熟，然后挂起晾干表皮，立即扫熟花生油于皮，切成小块，盛入餐盘中、拼砌成鸡形即成。食 时以姜泥、葱丝为佐。 〔工艺关键〕 浸鸡时要提出水面两次，即每隔5分钟一次，提出后立即倒出鸡腔内的水，复放锅中，以保持腔内外温度一致，使之均匀致熟。然后用铁钩钩起，立即放入冷开水浸没，使之迅速冷却，从而皮爽肉滑，并洗去绒毛黄衣。 〔风味特点〕 白切鸡又名“白斩鸡”。清人袁枚《随园食单》称之为白片鸡。他说：“鸡功最巨，诸菜赖之，……故令羽族之首，而以他禽附之，作羽族单。” 单上列鸡菜数十款，用于蒸、炮、煨、卤、糟的都有，列以首位就是白片鸡，说它有“太羹元酒之味”。如今，粤菜厨坛中，鸡的菜式有200余款之多，而最为人常食不厌的正是白切鸡，原质原味，皮爽肉滑，大筵小席皆宜，深受食家青睐。 白切鸡 材料： 大概1.5斤的小母鸡、姜4到5块、盐、味精、酱油、香菜、小葱 方法： 1、将鸡处理成光鸡，取姜2块，用刀拍一下，一块放入鸡腔内一块放入锅内，加水盖过整鸡，放盐（土调羹估计要放3 4调羹吧，盐多少影响到鸡的味道的不可少放）用大火烧开，开后将鸡翻个个 转中，小火（就咕咕的冒泡那样）烧20多分钟，中间要记得翻一下。大概时间到的时候，准备一跟筷子，在鸡大腿上戳一下，如果没有红色的血水冒出，就说明鸡已经熟了，可以出锅了。 2、在煮鸡的同时要作沾料，取姜若干块（看人多少定）切片、丝、最后切成姜末（越细约好），加入少许盐（后面要加入的鸡汤有盐的 所以要少放）少许味精、切碎里的香菜和小葱花（一点就可以 也可以不放）滴入几滴酱油，最后等鸡熟后加入一勺（大的汤勺）刚煮好的热（一定要热）鸡汤，而且要取面上的鸡汤（有油花的那些）搅拌，待凉后加入桔子汁和本地的米辣椒，更好。 想要吃鸡饭（几乎作白切鸡都要作鸡饭的）可以教一个简单的作法就是：等煮好后将鸡汤跟水按2：1的比例（鸡汤不是放很多盐了嘛？所以要兑水）加入涛好的米中，放入电饭堡，就OK了。在海南有两句算是谚语：1、鸡姜、鸭蒜。也就是鸡要用姜煮，不能放蒜头（作沾料可以）鸭子刚好反过来，只多放蒜头，不放姜块。 2、6分鸡4分醋（就是沾料）尤其是正宗的文昌鸡。如果你到文昌的朋友家吃饭，你会发现他的沾料作的是多细，多么好吃。 白切鸡（白斩鸡）的做法 材料： 肥嫩母鸡1只（1250克）、葱白丝（50克）、精盐（5克）、姜泥（50克）、花生油（60克） 做法： 1、将姜、葱、精盐拌匀，分盛2小碟。炒锅用中火烧热，下花生油烧至微沸，取出50克分别淋在2小碟的姜、葱、精盐中，剩下10克盛起待用。 2、将鸡宰杀干净，放入微沸的沸水锅中浸约5分钟可熟，然后挂起晾干表皮，立即扫熟花生油于皮，切成小块，盛入餐盘中、拼砌成鸡形即成。食时以姜泥、葱丝为佐。 工艺关键： 浸鸡时要提出水面两次，即每隔5分钟一次，提出后立即倒出鸡腔内的水，复放锅中，以保持腔内外温度一致，使之均匀致熟。然后用铁钩钩起，立即放入冷开水浸没，使之迅速冷却，从而皮爽肉滑，并洗去绒毛黄衣。 风味特点： 白切鸡又名“白斩鸡”。清人袁枚《随园食单》称之为白片鸡。他说：“鸡功最巨，诸菜赖之，……故令羽族之首，而以他禽附之，作羽族单。”单上列鸡菜数十款，用于蒸、炮、煨、卤、糟的都有，列以首位就是白片鸡，说它有“太羹元酒之味”。如今，粤菜厨坛中，鸡的菜式有200余款之多，而最为人常食不厌的正是白切鸡，原质原味，皮爽肉滑，大筵小席皆宜，深受食家青睐。 白切鸡是粤菜鸡肴中最普通的一种，粤菜馆的最正宗</t>
  </si>
  <si>
    <t xml:space="preserve">清泉老师000543\600803\000002怎么操作,都亏, </t>
  </si>
  <si>
    <t>000543\600803\少量控制仓位.000002 盘中反弹换股.</t>
  </si>
  <si>
    <t xml:space="preserve">围岩径向应力距离作图说明圆形巷道在轴对称条件下，其围岩径向应力与 </t>
  </si>
  <si>
    <t>使用FLAC模拟了巷道底板下方的一列单元（36个）不同围压时水平应力（与圆巷环向应力类似）及垂直应力（与径向应力类似）的分布规律。在峰值强度之前及之后，岩石的本构模型分别取为线弹性及莫尔库仑剪破坏与拉破坏复合的应变软化模型。水平应力是连续的，其峰值位于弹性区，这是由于单元在屈服之后，在叠代（为了达到平衡状态）过程中发生了应变软化。在塑性区，水平及垂直应力均是上凹的。当水平应力达到峰值之后，水平应力是上凹的，垂直应力是上凸的。距离巷道底板的距离越远，垂直应力越大。随着围压的增加，水平应力的峰值近似线性增加；垂直应力的峰值与围压的偏差增加，这意味着剪切应力也增加。当围压较低时。松动圈的外边界近似为圆形，应变软化区类似圆环。当围压较高时，松动圈的外边界为矩形，应变软化区为薄壁矩形。随着围压的增加，松动圈的厚度增大，而应变软化区的尺寸不改变。</t>
  </si>
  <si>
    <t xml:space="preserve">我应该如何做？我家有一托儿所，我现在失业中，我应该接手家里的托儿 </t>
  </si>
  <si>
    <t>同意，还是出去闯闯，实在不行在回来管理也为回家管理积累点经验也好啊</t>
  </si>
  <si>
    <t xml:space="preserve">大概十几天前我买回家一盆杜鹃花，回家后就移植在瓷盆里，因为原来的? </t>
  </si>
  <si>
    <t xml:space="preserve">你选择了不当时间换盆，又使用了不当的（瓷）盆！刚换盆时开始结苞，是在短时间内靠消耗原积累的营养维持原来的生长势，其实并没成活。一旦原有营养消耗完了，就开始死亡。活下来的希望已经不大了。 怎养好杜鹃花 杜鹃花的特性是：喜酸性土，喜湿润，喜温暖；怕浓肥，怕暴晒，怕旱涝。以下向您介绍杜鹃养护方法： 1 要防止环境不适性 市场上出售的杜鹃大都是在温室中培育的，购回后对家庭自然环境不能一下适应，常出现落叶甚至死亡。异地培植的杜鹃也会出现同样的问题。 解决办法：新购回的杜鹃，应设法保持空气湿度，适当遮荫，保持盆土湿润，需要空气流通但不能寒风直吹，也不急于换土、施肥，尽量使其安全度过适应期。冬季应给予充分光照，在室内养护尽量置南窗下，环境温度不能低于5度。不要随意更换地方，以免温度剧变。也不要放在空气较污浊之处。 2 盆土选用 培养土一定要用通气性好、腐殖质丰富的酸性土，pH值为5.5至6.5最为合适。平时应适当施些矾肥水，或水中加入少许硫酸亚铁施用。如采用碱性土则会造成叶片黄化脱落。 3 要防止产生肥害 杜鹃不喜大肥，家庭栽植杜鹃最易出现的偏差不是植株缺肥，而是施肥过多。一旦用了生肥、浓肥都会出现焦叶乃致落叶。即所谓肥害。在换盆时在盆土中加入适量缓释肥(肥料用有机薄膜包膜，肥料通过膜的渗透缓缓释放供给植物营养)，安全、清洁、长效、花艳、叶茂。园艺生产中常采用此肥料，既省事又清洁，所植杜鹃叶茂花艳。家庭栽植一旦发现肥害，要立即停施肥料，并浇水冲洗土中的肥分，浇水后移至通风处养护，有的需要冲洗2次，经过半年左右的养护才能逐步恢复正常生长。 4 要防涝害、干害 杜鹃根系纤细，如盆土通透性不好或长期浇水过多过勤，再加上通风不好，会造成根系受损、腐烂。所以杜鹃对水分控制要求较严，它既怕干旱又怕水涝，更怕盆土积水，因此浇水要适时适量。杜鹃喜叶面喷水，每次浇水都应向叶面及周围喷水，以保持80%以上的的相对湿度，但花期浇水不宜过多，水大会使花提早凋谢，特别不要向花朵喷水。 如不小心，忘记浇水，或长期浇水不透，会出现落叶。 5 要防日光、大风 杜鹃喜光但畏烈日，喜通风但畏强风。夏季置于烈日下，春(特别是早春)、秋季置于风口处，都会导致大量落叶。应注意将杜鹃置于早晚有阳光和避风处培养。 6 开花过于繁密，营养未得及时供应或抽新叶时会脱去老叶，属正常状态，通过正常换土补肥即可解决。家养杜鹃一般在4-6月开花和萌发新叶，老叶会有脱落。花后进行一次修枝整形，剪去过密枝、交叉枝、纤弱枝、下垂枝、徒长枝和病虫枝，既有有利于通风透光，促枝强壮，又可保持株形美观。 </t>
  </si>
  <si>
    <t xml:space="preserve">死的过程。请问各位大虾！人体心脏停止后还还有多少时间在脑袋里是清 </t>
  </si>
  <si>
    <t>说点个人理解。人体心脏停止后还还有多少时间在脑袋里是清醒的？因人而异。基本上等于你脑细胞在缺氧条件下的存活时间，和脑细胞数量也有关。为什么有些病人得了骨癌（最好的一个月里面基本上吃不了什么东西了，连喝水也能的情况下·其有些病人可以坚持至1个月至久？）通过静脉滴流注射的方式供给盐分、葡萄糖、营养素是可以维持很长很长生命时间的。如果你动过肠道类的手术就会知道了。术后几天都是不能进食的，靠静脉滴流维持，但是在营养上和在维持生命的角度来说，和正常人没有太大区别，可能最大的区别就在于他的胃和肠子不用工作了。关于死而复生的问题，目前医学界依然不能很好的解释。你所说的“死”的概念是什么呢？呼吸停止？心跳停止？还是脑电波消失？目前最的认定应该是脑电波消失。在这方面目前的研究远远不能满足人们的好奇心。呵呵，这可不是脑电波的作用。我学过一些生理学和细胞生物学等的课程。你在这里有一个误解，就是说脑电波并不是维持生命的东西，不是说因为有了脑电波人才能存活，而是说因为人还存活着所以才有脑电波。人体是由细胞组成的，脑部的细胞可以说是人体中分化最先进的细胞，细胞在其生命活动中会有微弱的电流产生，也就是说我们身体中的每一个细胞都是带电的，那么细胞带电就能用一定的设备测出来，脑部细胞测出来的就是脑电图，心脏细胞测出来的就是心电图，肌肉细胞测出来的就是肌电图。所以，有脑电图能证明脑部细胞还存活着。那么脑部细胞存活就意味着人是活得，因为脑部细胞主宰人的一切感官、思维、情感等等。可知，脑部是人存活的标准。那么呼吸和心跳的地位是怎样的呢？分析一下呼吸和心跳的功能就知道了，呼吸的功能就是提供氧气，排除二氧化碳等身体垃圾，氧气是细胞生活必须的，有了氧气，细胞才能分解糖类、脂类乃至蛋白质，为细胞活动提供能量（直接形式是ATP），能量是最根本和最重要的。其实，生命是很顽强的。细胞在没有氧气的情况下，也能进行所谓的细胞“无氧呼吸”，即在没有氧气的条件下分解糖类等能源物质，为生命提供能量。但是无氧呼吸只是一个暂时的应急方式，它不仅释放的能量少，而且还能产生一种细胞垃圾--乳酸。这也是为什么运动的时候肌肉会酸，就是因为肌肉细胞中乳酸累积过多的原因。肌肉细胞可以忍受较长时间，但是脑细胞很脆弱，无氧呼吸只能维持很短的时间。因此，没有呼吸的话，就没有氧气，脑细胞进行短时间的无氧呼吸后死亡，人即死亡。再说心跳，心脏的主要作用就是泵血，将血液中的氧气和营养物质带到细胞中，并带走细胞中的生理废物。同样的道理，没有血液带来的氧气和营养物质，脑细胞还是可以自身生存短的时间的。但是最终，脑细胞慢慢凋亡，人就渐渐死去。脑细胞、脑组织是人体中很神奇的部分，人的思维、记忆、理解能力、思想、念头、所思所想等等内容与脑细胞有着直接联系。如果脑细胞研究透了，说不定后果也是很严重的。呵呵，这可不是脑电波的作用。我学过一些生理学和细胞生物学等的课程。你在这里有一个误解，就是说脑电波并不是维持生命的东西，不是说因为有了脑电波人才能存活，而是说因为人还存活着所以才有脑电波。人体是由细胞组成的，脑部的细胞可以说是人体中分化最先进的细胞，细胞在其生命活动中会有微弱的电流产生，也就是说我们身体中的每一个细胞都是带电的，那么细胞带电就能用一定的设备测出来，脑部细胞测出来的就是脑电图，心脏细胞测出来的就是心电图，肌肉细胞测出来的就是肌电图。所以，有脑电图能证明脑部细胞还存活着。那么脑部细胞存活就意味着人是活得，因为脑部细胞主宰人的一切感官、思维、情感等等。可知，脑部是人存活的标准。那么呼吸和心跳的地位是怎样的呢？分析一下呼吸和心跳的功能就知道了，呼吸的功能就是提供氧气，排除二氧化碳等身体垃圾，氧气是细胞生活必须的，有了氧气，细胞才能分解糖类、脂类乃至蛋白质，为细胞活动提供能量（直接形式是ATP），能量是最根本和最重要的。其实，生命是很顽强的。细胞在没有氧气的情况下，也能进行所谓的细胞“无氧呼吸”，即在没有氧气的条件下分解糖类等能源物质，为生命提供能量。但是无氧呼吸只是一个暂时的应急方式，它不仅释放的能量少，而且还能产生一种细胞垃圾--乳酸。这也是为什么运动的时候肌肉会酸，就是因为肌肉细胞中乳酸累积过多的原因。肌肉细胞可以忍受较长时间，但是脑细胞很脆弱，无氧呼吸只能维持很短的时间。因此，没有呼吸的话，就没有氧气，脑细胞进行短时间的无氧呼吸后死亡，人即死亡。再说心跳，心脏的主要作用就是泵血，将血液中的氧气和营养物质带到细胞中，并带走细胞中的生理废物。同样的道理，没有血液带来的氧气和营养物质，脑细胞还是可以自身生存短的时间的。但是最终，脑细胞慢慢凋亡，人就渐渐死去。脑细胞、脑组织是人体中很神奇的部分，人的思维、记忆、理解能力、思想、念头、所思所想等等内容与脑细胞有着直接联系。如果脑细胞研究透了，说不定后果也是很严重的。</t>
  </si>
  <si>
    <t xml:space="preserve">有人在自我介绍时，喜欢说：“我是坐过牢的”请问这是什么心态？ </t>
  </si>
  <si>
    <t>不能断章取义，要上下左右综合了再看。一要看语境，什么情况下说的；二要看语气，什么样的表情；三要看前后文，贯通下来才是完整的一个表达。笼统地讲有这样几种可能：一可能是显摆，怕人小瞧他，不让人招惹他。二可能是增加悬念，引起你的注意并关注他。三可能是悔恨懊恼，放低自己的姿态，希望你怜悯帮助他。。。。。</t>
  </si>
  <si>
    <t xml:space="preserve">清泉老师，请教000539、600981如何操作？深套。 </t>
  </si>
  <si>
    <t>持有观望.周一逢低做补仓.</t>
  </si>
  <si>
    <t xml:space="preserve">门上的\'猫眼\'是用什么透镜做的,为什么? </t>
  </si>
  <si>
    <t>“眼”，是门镜的俗称，一般安装在家居的铁门上。当有人敲门时，屋里的人就可以通过门镜看到门外情况，通过门镜从屋里看屋外时非常清楚，而从屋外看屋里的话，就变得十分模糊了。　　其实门镜的构造非常简单，由两片透镜组成，靠门外的是凹透镜，靠门内的是凸透镜，不过门镜成像的原理，还涉及到一些光学知识。　　一、关于人眼。人眼可看成一个特殊而又精密的光学仪器，外来光线经晶状体折射后，在视网膜上成像，使人伤感知图像。晶状体相当于 焦距可调的凸透镜，视网膜便是光屏，也就是说人眼成 像的像距基本一定，而通过晶状体调焦使物距不同的物 体成像。介于晶状体的调焦能力，物距小于10Cm的物体 是无法在视网膜上成清晰像的，即人眼看不清楚物距小 于10Cm的物体，我们称之为“近点”．当物体物距为 25cm时，成的像最清晰，我们称“明视距离”．有了 以上两个概念，对于后面处理门镜所成像人眼能否看 清的问题十分关键。　　二、逐次成像法则．表述为：“物体通过前一光学元件所成的像就是后一光学元件 的物”。门镜中有两个透镜，前一透镜所成的像无论能否真正实现成像，它都将作为后 一透镜的物来处理。　　三、实物与虚物．通常人们所接触的都是实物，它发出(或反射)的光线是发散的；但有时光线经过 光学器件折射后成会聚趋势，这就可视为虚物。　四、透镜计算符号取定：物距：实物正虚物负：像距：实像正虚像负：焦距：凸透 镜正凹透镜负。</t>
  </si>
  <si>
    <t xml:space="preserve">卡利亚里在本赛季三场平手盘下三平，事不过三，看来这回它不能再平了? </t>
  </si>
  <si>
    <t>非常认同出3~~~~~~~~~~~~~~~~~~~~~~~~~~!</t>
  </si>
  <si>
    <t xml:space="preserve">世界上哪个国家的人中，因国内无理发店，而理发时必须出国？这个国家 </t>
  </si>
  <si>
    <t xml:space="preserve"> 无理发店之国——梵蒂冈 无理发店之国——梵蒂冈占地0。44平方公里有公民资格的只有421人这里虽有宫殿、教堂、高大建筑以及电台等机构，却没有一家理发店，需要理发的人们只能到国外去。</t>
  </si>
  <si>
    <t xml:space="preserve">梦幻西游如何+潜力问题请帮忙谢谢!我是狐美人,现在刚升54级~现 </t>
  </si>
  <si>
    <t>是哪种人物不重要，怎么加点要看你是什么门派。一般魔王三魔二血  ，地府三血二耐，盘丝两血一耐两敏比较常见</t>
  </si>
  <si>
    <t xml:space="preserve">最新1。07葡萄出来了当是1区那里有坏频道呢有什么方法卡文身说说? </t>
  </si>
  <si>
    <t xml:space="preserve">卡纹身的新的葡萄双开器1.07已经发布，但貌似还没有调试好。如果楼主等不及。那就看看懿嘉大师的方法吧~ 引用懿嘉 现在还是可以卡文身的 别的区我不知道，1区的20频道是坏频道 进频道带上文身，然后点俱乐部，然后再点“加入俱乐部”，这个时候会工友个卡出来（做到这就不要去管这台机器了，不要点确定） 然后换台机器（现在葡萄不能用只能再搞台机器，相信葡萄马上也会针对新版本推出双开登陆器的） 然后上游戏，第一次显示重复登陆，关了以后在登陆1次就可以2个号同时在游戏中了！！然后这个号进其他频道拿掉文身后退出游戏就可以了！！！ 这个是新版本目前的卡文身办法，我相信只要以后有坏频道还是可以卡文身的！！ </t>
  </si>
  <si>
    <t xml:space="preserve">请问这是什么乐器？ </t>
  </si>
  <si>
    <t>葫芦丝又称葫芦箫，傣语称之为筚南母倒（南母倒即葫芦之意）。流行于西双版纳、德宏、保山、瑞丽等傣族地区，在阿昌族、布朗族、 德昂族中也较为流行。 那首经典的&lt;月光下的风尾竹&gt;就出自于它的演奏......</t>
  </si>
  <si>
    <t xml:space="preserve">谁帮我辨认这只狗狗是什么品种啊我丢了一条人家送的狗狗，非常可爱的 </t>
  </si>
  <si>
    <t>准确的答复你，父系是长毛的京巴，母系是短毛的日本尖嘴犬。</t>
  </si>
  <si>
    <t xml:space="preserve">怎么检查完版本进游戏就黑屏之后自己跳回桌面了又？请各位大虾指点下 </t>
  </si>
  <si>
    <t>要确保自己电脑的虚拟内存足够大哦，建议你在玩仙界的时候就别开别的了！！！</t>
  </si>
  <si>
    <t xml:space="preserve">鸽子怎么吃最好？鸽子怎么吃最营养？怎么做？什么人易、什么人不易吃 </t>
  </si>
  <si>
    <t>要吃鸽子肉的话清蒸最好,因为可以更好的锁住营养部分少量流失.用个沙锅 加点鸡肉.党参.当归.盐.胡椒粉.老姜.漫漫熬到汤成乳白色时加点鸡粉.少些味精.就可以呵呵 毕竟这些东西都很便宜。红烧乳鸽最好，口感浓厚，而且色泽红润，这样看着也有胃口的。营养的话，还是鸽子蛋更好，不能煮，鸽子蛋不像鸡蛋，它不凝固，可以用煎的方法烹饪。</t>
  </si>
  <si>
    <t xml:space="preserve">怎么办啊??很烦啊!郁闷啊!我是应届的毕业生,前两天参加了学校的 </t>
  </si>
  <si>
    <t>郁闷?有什么用呢?首先应当正视现实!要找工作的人那么多,所以应该有思想准备,一次没有找到不等于下次就没有机会.自己也要清楚,自己找哪种工作比较适合,进入应聘会场后就可有的放矢.千万不要去了没有目标到处瞎碰!因暂时还没找到工作,难免产生烦躁的心情是可理解的.但要懂得这样的情绪不会就有工作岗位降落到你面前,还是要你自己去努力寻找.这就是现实!劝你端正心态,有耐心地去找!记住:成功,往往就在最后一下的努力之中!衷心地祝愿你!</t>
  </si>
  <si>
    <t xml:space="preserve">三国战记如何调陆逊许楮三国战记115.117或119如何调陆逊许 </t>
  </si>
  <si>
    <t>三国战记115 117 119版不能使用陆逊和许褚，陆逊和许褚是三国战记-风云在起的人物，这个版本中，陆逊不用调，许褚的使用方法为其它版本∶←ＢＣ↑ＤＤＢＣ→ＢＢＢＣ→ＣＣＢＣ简体字版本∶ＢＢＢ←ＣＣＣ ↑ＤＤＤ→ＢＣＤ→ＤＣＢ</t>
  </si>
  <si>
    <t xml:space="preserve">爱心捐助我刚高考完，收拾出好多书，卖了觉得太可惜。有没有什么地方 </t>
  </si>
  <si>
    <t>你是好心人，很优秀，我很欣赏你！对不起…我也不知道哪里有接受捐书的，</t>
  </si>
  <si>
    <t xml:space="preserve">石桥铺轻轨站附近哪里有中医院 </t>
  </si>
  <si>
    <t>你好，有一家。距离轻轨站760米的：夏远贵中医诊所地址：石新路2附159-160号电话：(023)88310532</t>
  </si>
  <si>
    <t xml:space="preserve">怎样出租公寓房？我有一套公寓房想出租（北京），发现特别难。报纸广 </t>
  </si>
  <si>
    <t>这里不能发！我要租房的信发了被编辑删除了。你可到手递手报纸上登，费用50元/次，你注：中介勿扰。即可！我要租一层商住一居。有，可联系！</t>
  </si>
  <si>
    <t xml:space="preserve">左旋肉碱有什么用？药店可以买到吗？有什么副作用，要注意什么？价格 </t>
  </si>
  <si>
    <t>左旋肉碱作用：1、 左旋肉碱能使人体的衰老过程减慢。体内的各类细胞，诸如脑细胞，免疫细胞，心脏细胞都会因为能量充足供给而得到很好运作。从而使细胞的寿命延长，因此它　　是一种能使人健康长寿的营养素。2、 左旋肉碱可以降低血内的甘油三酯水平而又能提高高密度脂蛋白胆固醇的水平，从而预防心脏病。3、 左旋肉碱有利于加强心脏的总体健康，预防心率不齐，减少因心力衰竭所引起的死亡率。4、 左旋肉碱有助于减少超重者的体重，将多余脂肪转化为能量，并对机体无害，也无副作用。它具有增加机体的能力，也有利于在人体组织供氧不足的情况下免　　被破坏或伤害。 5、 在体育运动过程中，左旋肉碱能增强运动员的体能和耐受力，有利于提高体育运动的成绩。查了很多资料，据说，无副作用．注意事项 L-左旋肉碱不推荐给患有肝脏或肾脏疾病的人士使用。 如果你打算改善肥胖新陈代谢和肌肉能力，一般推荐你每使用一个月后就停用一个星期； 如果你大量服用它 (一个成人每天5 克，艾滋病人除外)，你可能会腹泻。 进一步的研究证实长期服用L-左旋肉碱是安全的。 与药物的关系 血液中左旋肉碱的水平可能会被抗惊厥的药物——valproic acid所降低，从而引起身体左旋肉碱不足， 但补充左旋肉碱可减轻 valproic acid的副作用。价格：市场价格为１７８元．</t>
  </si>
  <si>
    <t xml:space="preserve">脑筋急转弯如果两个人同时挖两个洞，需要两天的时间，那么，一个人挖 </t>
  </si>
  <si>
    <t>没有半个洞，所以不要时间</t>
  </si>
  <si>
    <t xml:space="preserve">右肺结核！右胸老是痛闷我吃了11个月的药！到现在停了5个月！可是 </t>
  </si>
  <si>
    <t>如果病灶和胸膜粘连，是容易胸痛。慢慢会好。注意检查有无颈椎问题</t>
  </si>
  <si>
    <t xml:space="preserve">请问黑上的门钥匙那里得? </t>
  </si>
  <si>
    <t>转贴1.黑石塔(T2)钥匙任务】:任务接的地方:黑石踏下层,没过第一个吊桥的斜坡上往左走(一直走不怕没路嘎嘎),绕进去就能找到Vaelan,给钥匙任务的.[第一步]上面warlord那个任务LBRS的3个bs分别罕见掉落1种宝石(无法交易,白色,非常容易错loot.非常需要留心!!!!)原始晋升印章:0/1尖刺宝石:0/1血钻宝石:0/1GemstoneofSmo 其中原始晋升印章由黑石塔下层任意怪掉落,另外三种宝石由高图斯命令中的3个BOSS随即掉落[第二步]进入黑石塔下层进去不久左侧一个平台上NPC(靠近之前他是兽人样子)把宝石和容器交任务,得到一个盒子,盒子里面是只能用5次的【未淬火的印章】和【龙力宝石】.[第三步]去【尘泥沼泽】最南边的山洞里,里面有条61的精英龙【埃博斯季夫】,在他面前使用[未淬火的印章],然后将其打的剩下10%血的时候用[龙力宝石]控制他喷【黑龙烈焰】(好像,反正是第一个技能)锻造[未淬火的印章]成[锻造好的晋升印章]这个任务有个加血,有个抗的就行,很好完成[第四步]回黑石塔下层npc那边完成任务,得到最后的黑石塔上层钥匙-SealofAscension,1个戒指,佩带者在黑上门口左侧走一下,黑上的门就打开了</t>
  </si>
  <si>
    <t xml:space="preserve">注册表编辑器？在运行任务栏中输入什么才能运行注册表编辑器 </t>
  </si>
  <si>
    <t>开始，运行，输入regedit  开始，运行，输入cmd 进入Dos</t>
  </si>
  <si>
    <t xml:space="preserve">飞行员这个职业好吗/?? </t>
  </si>
  <si>
    <t xml:space="preserve">个人认为：每个职业都有他们好的地方，也有不好的，要看清主次，主要是你喜不喜欢如果家里有一个飞行员，其实外人都是羡慕的，因为这不是一般的职业，飞行员的要求极高身体素质，心理素质，专业要求等等但是风险性也很高　　现在的选择关系到一生的发展，关于职业选择和职业发展的问题，需要慎重选择我看你还是问问专家吧，职业专家也许能给你些好的建议，避免走弯路，下面的地址能帮助你得到专家的免费咨询指导,希望能帮上你     </t>
  </si>
  <si>
    <t xml:space="preserve">金可生水血型互补为春，星座是心空对号为夏；年份为：金木水火土；秋 </t>
  </si>
  <si>
    <t>我认为还是以八字五行的十神相关分析为主！！！</t>
  </si>
  <si>
    <t xml:space="preserve">玩魔兽世界的请回答我刚刚得到朋友送的号玩魔兽.大块魔光碎片,强效 </t>
  </si>
  <si>
    <t>不太同意楼上耗子的回答, 大块魔光碎片是分解50+的蓝装出的,耗子说“紫的肯定出大魔”那是RP太差的缘故，紫的应该有“连结水晶”才是。不灭精华可以分解40+的绿装，次级不灭精华分解40-50，强效不灭精华分解50-60出的几率较大。还有一个影响几率的因素：还是RP~~~由于所在服务器跟所在区的不同，物价很难有个确定。拍卖行的卖价可以咨询17173的物价资料，各个服各个区各时段的价格都有的，很全面。</t>
  </si>
  <si>
    <t xml:space="preserve">600555后市如何操作?8.20元买入,后市如何操作? </t>
  </si>
  <si>
    <t>耐心持股，有资金过两天可以补仓。该股在调整途中，还没有调整到位，还有下跌空间！</t>
  </si>
  <si>
    <t xml:space="preserve">洛阳生产丝印玻璃和艺术玻璃的厂家都有哪些？丝印玻璃，艺术玻璃 </t>
  </si>
  <si>
    <t>洛阳霞光水族技术玻璃有限公司，是一家能独立设计、研发、自主生产和销售的玻璃深加工企业。具有庞大的生产规模，日产达到300-500平米。公司引进当前最先进的生产设备和工艺技术，实现了传统与时尚的完美结合。霞光玻璃以其丰富多彩的个性设计、优秀的研发团队和庞大的生产规模引领着现代玻璃拼镜的行业潮流。匠心独具、精益求精、力求打造中国玻璃的知名品牌{霞光玻璃}。为您创造一个浪漫而又充满时尚活力的唯美空间。敢为人先，独具一格。易众玻璃，自始至终，引领中国玻璃艺术最新潮流。做为中国家装玻璃的第一品牌，霞光人始终为开拓玻璃艺术深加工产业不懈努力，我们愿与各界同仁，携手并进，共创！</t>
  </si>
  <si>
    <t xml:space="preserve">请教各位老师委托现在怎么登不上去？如题。说是帐号密码错误。 </t>
  </si>
  <si>
    <t>你委托时已到了一周停盘时，现在证券公司的主机停了，所以微机不认你的委托。应该不会有问题的，放心，周一开盘时就会恢复的。</t>
  </si>
  <si>
    <t xml:space="preserve">孙悟空学艺时的师傅是谁?属释道神中的哪一类?地位如何?为何在教完? </t>
  </si>
  <si>
    <t>菩提祖师，应该是道家。他原来就隐姓埋名，而且不准孙悟空说出他的姓名。</t>
  </si>
  <si>
    <t xml:space="preserve">江淮和悦质量怎没样 </t>
  </si>
  <si>
    <t>该车物美价廉,性比价较高,适合家用代步交通.但客观上讲其品质比合资品牌车比较要差点.</t>
  </si>
  <si>
    <t xml:space="preserve">例假快完了`可以去游泳吗?我来例假``差不多完了`还有点点``请 </t>
  </si>
  <si>
    <t>建议你最好不要去。因为游泳池里总是会有点细菌的，这样会感染女性病的机率比较大。</t>
  </si>
  <si>
    <t xml:space="preserve">cs1.6如何设置与电脑对战不是机器人,就是单机自己玩 </t>
  </si>
  <si>
    <t>按Insert</t>
  </si>
  <si>
    <t xml:space="preserve">[泪]万能的微博有什么产品能让我去掉晒斑？ </t>
  </si>
  <si>
    <t>肌肤经常裸露在强烈的阳光底下不仅促进皮肤的老化，还会引起黑斑、雀斑等色素沉着的皮肤疾患，所以要注意保养哦。美肤精华液是一款纯中药精制产品，无任何化学成分添加，不刺激肌肤，对淡斑、抗衰、去痘印有很好的效果，MM们千万不要错过哦！（赠人玫瑰，手留余香。请选择“对我有用”，谢谢您的采纳。）</t>
  </si>
  <si>
    <t xml:space="preserve">鼻炎好几年了能不能根治搞不懂鼻炎症状 </t>
  </si>
  <si>
    <t>治疗鼻炎一般的正规医院应该都是可以治疗的，你只要去正规的医院就行啦，不过我那会儿急性鼻炎的时候是去重庆中西医结合康复医院耳鼻喉诊疗中心治疗的，治疗鼻炎的设备是当今国际先进的DNR等离子听说还不错的，你可以试试。祝早日康复！医院地址：重庆市观音岩农贸市场旁或银中大厦旁，需要的话他们医院是非常不错的选择。</t>
  </si>
  <si>
    <t xml:space="preserve">手机水货是什么意思水货与行货的区别 </t>
  </si>
  <si>
    <t>所谓行货就是韩国三星公司在中国天津设的生产线，生产出来直接在中国大陆销售的机器，这些机器都是按照中国的法规正常交纳税款。所谓水货就是在韩国当地生产的机器，然后被人未经报关进中国的机器，是没有交纳正常税款的。很多人不信任水货，认为行货是好机器，而水货就是坏的，用不住。那么大家想一想：中国人都喜欢买进口原装的产品，认为外国的质量好能用的住， 可以看的出来所谓的水货正是韩国的原装产品啊，而行货则是中国的组装产品呀！当然为了我们国家的富强和发展，我还是支持大家买行货的，毕竟有保证呀。有售后的！！还有些机器叫做港行，就是从韩国发往香港的机器。这样的机器也是行货，和大陆的行货是一样的。外表和软件都是一样的，只能从串号上区分 ，也就是查防伪。还有一些马版的机器，是从韩国发往马来西亚的机器.，和水货的外表基本一样。简单的区分办法： 用E708做例子，其他机型基本一样 ，可以参照.。1.大陆行货机器的外表标有Anycall字样 ，卡槽内写E708 。   （港行也一样）2.水货机器外表写的不是Anycall字样，而是Samsung字样，卡槽内写E700  。（马来版一般写E700A）如果是T108 ，那么行货卡槽就写T108 ，水货T100 。大多数机型可以这么区分。但D418例外  看上网的“ i ”键  是蓝色的则是行货或者是韩版水货 若是红色就是马来版。还有个别的机器有特殊的机型，外表是一样的，例如卡槽写D418和D410还有D415 。     这就是简单区分行水的办法。有的不是很全，大家可以参照其他人的帖子看看。另外大家买水货的时候尽量买市场上流行的新产品，因为越是流行用的人越少，那么翻新机器就很难了。如果买个过时的水货就很可能买到翻新的，比如别人用过的.有毛病回收的.小偷偷的等被JS换掉外壳后和新的一样，大家花了很多钱，买个旧的而且还用不住，那可就麻烦了。</t>
  </si>
  <si>
    <t xml:space="preserve">好资料要和大家分享的（4）沃?夫斯堡VS拜仁慕尼黑近况分析：两队 </t>
  </si>
  <si>
    <t>强强对话，相信拜仁。客队不败</t>
  </si>
  <si>
    <t xml:space="preserve">有意义的题目hot关注关于物理杠杆、滑轮题目请大家耐心看下去1. </t>
  </si>
  <si>
    <t>先回答第一个问题：   锯条拉一次，应该说的是往前往后一个循环。但多数锯子由于锯条齿的构造缘故，往前拉一次是做功的，而回程是不做功（回程不锯木头）  目前已经有人发明了回程也锯木头的锯子并申请了专利，如果用这样的锯子锯木头的话，功就要翻倍啦。  其余解答见附件说明</t>
  </si>
  <si>
    <t xml:space="preserve">花椒是什么?花椒是药材还是食用植物?买花椒要在哪里买?(这个一定 </t>
  </si>
  <si>
    <t>椒，可孤植又可作防护刺篱。果皮可作为调味料，并可提取芳香油，又可人药，种子可食用，又可加工制作肥皂。适宜人群一般人群均能食用，孕妇，阴虚火旺者忌食。用途　　功效 　　除各种肉类的腥气；促进唾液分泌，增加食欲；使血管扩张，从而起到降低血压的作用；服花椒水能去除寄生虫；有芳香健胃、温中散寒、除湿止痛、杀虫解毒、止痒解腥的功效。 　　性味 辛、温，有小毒，麻. 　　成分 果含挥发油 (为柠檬烯、枯醇、香叶醇等）、淄醇，不饱和有机酸。 　　药理 抑菌试验:花椒对炭疽杆菌、溶血性链球菌、白喉杆菌、肺炎双球菌、金黄色葡萄球菌、柠檬色及白色葡萄球菌、枯草杆菌等10种革兰氏阳性菌，以及大肠杆菌、宋内氏痢疾杆笛、变形杆菌、伤寒及副伤寒杆菌、绿脓杆菌、霍乱弧菌等肠内致病菌均有明显的抑制作用。1:4的水浸剂对星形奴卡氏菌亦有抑制作用。据动物试验，少量持续服可促进有关新陈代谢的腺体发育，多量则可促进有关生殖的腺体发育。这就证明了古人"温阳补肾"的认识。 　　功用 椒红:健胃、驱蛔虫，并有温暖强壮作用。椒目为利尿药，用于慢性浮肿腹水。古方"己椒苈黄丸"采用椒目作逐水剂。 　　[老人衰弱，病后脾肾阳虚，腰冷脚弱，齿牙浮动] 　　椒红、小茴香等分，微炒后研细末，炼蜜为丸，每服3~6克，一日2次。 　　[肋节风痹，关节肿病，肌肉瘦削，四肢不遂] 　　椒红500克，炒研末，嫩松叶、嫩柏枝各250克，微炒后研末，酒泛为丸，食后服，每服3克，一日2~3次。  花椒[慢性萎缩性胃炎，肥厚性胃炎，消化不良，胀闷] 　　椒红(微炒)、干姜、橘皮、甘草等分，研末(或为丸)，食后服，每服3~6克，一日2次。 　　[慢性肾炎或肾病综合征的浮肿腹水] 　　椒目60克，炒后研细，车前子、草劳子等分共研细，枣肉为丸，每服3~6克，一日2次。 　　[蛔虫腹病，或胆道蛔虫，呕吐腹病] 　　川椒6克 (微炒)，乌梅9克，水煎，一日2~3次分服。 　　[蛀牙病] 　　川椒9克，烧酒30克，浸泡10天，滤过去渣，用棉球蘸药酒，塞蛀孔内可止痛。 　　断奶回乳：取花椒6克，加水400毫升，浸泡后煎水煮浓缩成200毫升，再加红糖30－60克，于断乳当天趁热一次饮下，每日1次，约1－3天可回乳。 　　治痛经：用花椒10克，胡椒3克，二味共研细粉，用白酒调成糊状，敷于脐眼，外用伤湿止痛膏封闭，每日1次，此法最适宜于寒凝气滞之痛经。 　　治秃顶：适量的花椒浸泡在酒精度数较高的白酒中，1周后使用时，用干净的软布蘸此浸液搽抹头皮，每天数次，若再配以姜汁洗头，效果更好。 　　治痔疮：花椒1把，装入小布袋中，扎口，用开水沏于盆中，患者先是用热气熏洗患处，待水温降到不烫，再行坐浴。全过程约20分钟，每天早晚各1次。 　　治膝盖痛：花椒50克压碎，鲜姜10片，葱白6棵切碎，三种混在一起，装在包布内，将药袋上放一热水袋，热敷30至40分钟，每日2次。 超市有售</t>
  </si>
  <si>
    <t xml:space="preserve">建行卡每个月扣钱吗？我最近建行卡钱老少了，但每月也不会很多，差不 </t>
  </si>
  <si>
    <t>我有一张建行卡，开通了短信提示，所以有支出的时候都会提示，我每个月就是只扣短信提示的三块钱费用，别的好像没扣唉....我觉得楼主最好是去银行打一个明细出来，然后针对有疑问的地方问问银行的工作人员比较好</t>
  </si>
  <si>
    <t xml:space="preserve">买这个车月收入多少才能养得起啊 </t>
  </si>
  <si>
    <t>买哪个车？如果是10万左右的车，每年至少要10000元养车。</t>
  </si>
  <si>
    <t xml:space="preserve">数学问题三分之一加十五分之一加三十五分之一加六十三分之一加九十九 </t>
  </si>
  <si>
    <t xml:space="preserve"> 1/3+1/15+1/35+1/63+1/99=1/2(1-1/3)+1/2*(1/3-1/5)+1/2(1/5-1/7)+1/2(1/7-1/9)+1/2(1/9-1/11)=1/2(1-1/3+1/3-1/5+1/5-1/7+1/7-1/9+1/9-1/11)=1/2(1-1/11)=5/11</t>
  </si>
  <si>
    <t xml:space="preserve">股票：与海洋资源开发有关的股票有哪些？股票：与海洋资源开发临港工 </t>
  </si>
  <si>
    <t>北海国发600538,在国家级沿海开发区,海洋生物,农业农药医药,乙醇汽油,什么都有,只是业绩出奇的差.</t>
  </si>
  <si>
    <t xml:space="preserve">如何修理武器(石器)武器快没耐久了如何修理呢 </t>
  </si>
  <si>
    <t>修复技能使用方法： 1右键点选道具栏中所需修复的装备或道具，出现“修复”字样 2继续右键点选道具栏中相对应的修复素材，出现“修复”字样，宠栏自动弹出 3点选有修复技能的，选择宠物技能栏，点选修复 4等待修复完成 注：修复技能成功率为100%     任何宠物可学习修复技能     修复技能学习地点为：伊甸园宠店；风城宠店；地城宠店；火城宠店；水城宠店     如遇到物品不出现修复字样,可以尝试用1.82水果合成法的形式修复==================================================================表一  修复技能适用范围 ┌───────────┬───────┬───────┬─────────┐ │无法使用修复技能修复类│受损（装备名）│毁坏（装备名）│不堪使用（装备名）│ ├───────────┼───────┼───────┼─────────┤ │       补救方法       │阿布水合成修理│阿布水合成修理│  阿布水合成修理  │ └───────────┴───────┴───────┴─────────┘ ┌───────────┬───────┬───────┬─────────┐ │可以使用修复技能修复类│装备名（受损）│装备名（毁坏）│装备名（不堪使用）│ ├───────────┼───────┼───────┼─────────┤ │       修补方法       │相对应素材修复│相对应素材修复│  相对应素材修复  │ └───────────┴───────┴───────┴─────────┘3.0之前坏过的黄字装备不能修,只会出现[合成]2字,不会出现[修复]2字3.0之前坏过的黄字装备到4.0再坏多一次的装备,修复好之后依然是毁坏,只不过没了后面括号里那个（受损）（毁坏）,其装备起的能力也是毁坏时状态,建议毁坏(XX)的装备不要拿去修复了4.0之后坏过的装备全部都是在 装备名+( 文字 )  黄字受损 不能用修复技能修复 黄字毁坏 不能用修复技能修复 受损(受损) 可以用修复技能修复 毁坏(受损) 可以用修复技能修复 受损(毁坏) 可以用修复技能修复 毁坏(毁坏) 可以用修复技能修复  注：阿布水合成修理具一定风险     各类装备道具修复相对应素材详见表2    3.0损坏毁坏的合成装备无法修复，需使用阿布水合成修理     6.0前因转生产生不堪使用的装备及道具无须且无法修复 ==================================================================表二 修复素材总汇  武器 ┌────┬─────┬─────┬─────┬─────┬─────┬─────┬─────┬─────┐ │损坏物品│   枪类   │  斧头类  │  投石类  │  投斧类  │  弓箭类  │  棍棒类  │   爪类   │ 回旋标类 │ ├────┼─────┼─────┼─────┼─────┼─────┼─────┼─────┼─────┤ │修补素材│   木牙   │   木石   │   石皮   │   木石   │   木线   │   木线   │   皮牙   │  石骨皮  │ └────┴─────┴─────┴─────┴─────┴─────┴─────┴─────┴─────┘  防具 ┌────┬─────┬─────┬─────┬─────┬─────┬─────┬─────┬─────┐ │损坏物品│   兜类   │  防具类  │   铠类   │   服类   │  戒指类  │  手环类  │  项链类  │  耳饰类  │ ├────┼─────┼─────┼─────┼─────┼─────┼─────┼─────┼─────┤ │修补素材│  石皮骨  │   皮线   │   皮石   │    皮    │线贝牙鳞土│  皮牙土  │   骨线   │  线贝土  │ └────┴─────┴─────┴─────┴─────┴─────┴─────┴─────┴─────┘  首饰 ┌────┬─────┬─────┬─────┬─────┬─────┬─────┐ │损坏物品│    光    │    镜    │   守护   │ 属性乐器 │ 净化精灵 │ Ｂ类首饰 │ ├────┼─────┼─────┼─────┼─────┼─────┼─────┤ │修补素材│  贝线石  │  壳线石  │   骨线   │  骨线叶  │   牙线   │ 牙线骨石 │ └────┴─────┴─────┴─────┴─────┴─────┴─────┘  铜铁装备 ┌────┬─────┬─────┬─────┬─────┬─────┐ │损坏物品│   铁枪   │   铁斧   │   铁棒   │   铜兜   │   铜凯   │ ├────┼─────┼─────┼─────┼─────┼─────┤ │修补素材│   皮线   │   木线   │   石线   │    骨    │    皮    │ └────┴─────┴─────┴─────┴─────┴─────┘   海底精工装备  焰红之斧 线      苍绿之斧 线木   湛蓝之斧 线木   岚黄之斧 木焰红之枪 线皮    苍绿之枪        湛蓝之枪 皮     岚黄之枪 线焰红之棍 线石    苍绿之棍 石     湛蓝之棍 石     岚黄之棍 线石焰红之兜 皮      苍绿之兜 皮     湛蓝之兜 皮     岚黄之兜 皮焰红之铠 皮      苍绿之铠 皮     湛蓝之铠        岚黄之铠 骨 海蓝套装 ┌────┬─────┬─────┬─────┐│损坏物品│ 海蓝之兜 │ 海蓝之凯 │ 海蓝之棒 │├────┼─────┼─────┼─────┤│修补素材│    皮    │    皮    │   木线   │└────┴─────┴─────┴─────┘  特殊装备  ┌────┬─────┬─────┬─────┬─────┬─────┬─────┬─────┐ │损坏物品│ 魔法钻戒 │   镜弓   │  灵气帽  │心环  力环│ 海贼左手 │  熔岩斧  │  灵力铠  │ ├────┼─────┼─────┼─────┼─────┼─────┼─────┼─────┤ │修补素材│ 成品钻石 │   木线   │   皮骨   │  石皮土  │   皮牙   │ 萨村换取 │ 萨村换取 │ └────┴─────┴─────┴─────┴─────┴─────┴─────┴─────┘ ┌────┬─────┬─────┐ │损坏物品│   光枪   │  双头叉  │├────┼─────┼─────┤ │修补素材│   木牙   │ 萨村换取 │└────┴─────┴─────┘  无法修复类┌────┬─────┬─────┬─────┬─────┬─────┬─────┬─────┬─────┐ │损坏物品│  萨首饰  │   勾玉   │ 太阳首饰 │ 里啦啦铠 │  抗魔铠  │ 真灵力铠 │  仪之兜  │   花圈   │├────┼─────┼─────┼─────┼─────┼─────┼─────┼─────┼─────┤ │修补素材│ 无法修复 │ 无法修复 │ 无法修复 │ 无法修复 │ 无法修复 │ 无法修复 │ 无法修复 │ 无法修复 │└────┴─────┴─────┴─────┴─────┴─────┴─────┴─────┴─────┘                                 【蛇之套装】     【森林套装】       【巨熊套装】 蟒蛇之冠    骨    森林头盔           巨熊头盔  皮 双头蛇之铠  皮    森林炼甲           巨熊之铠 灵蛇扣带          森林皮带           巨熊皮带  土 响尾蛇之靴        森林之靴           巨熊之靴 青蛇之杖    木    森林木弓           巨熊石剑  木牙                                      巨熊匕首  牙==================================================================【精灵武器最终修复秘籍】 作者：BOX_河童X 任何精灵武器都有对应的物品可以修复他。没带精灵的武器只能用1级的素材去修复！ 武器精灵 - 对应修复物品  猛毒/毒雾-解毒的热带性植物 睡眠/昏睡-解除睡眠的海边植物 石化/硬化-解除石化的潮湿地带植物 混乱/混迷-解除混乱的平原植物 酒醉/酩酊-解除酒醉的干燥地带植物     以上材料在各大陆的各村庄的医院有售. 此修复方法只是为了方便练级的人能及时的修理武器装备,不需大老远跑到萨村去.但同时,有空到萨村去的人也能在萨村修理. PS:凯\服带滋润.恩惠.治愈精灵的用气瓶修.     萨姆吉尔首饰暂时没有修复办法,损坏了的玩家只能重新做任务或者去市场换回来</t>
  </si>
  <si>
    <t xml:space="preserve">化妆对皮肤有哪些危害. </t>
  </si>
  <si>
    <t>品都是化学合成品，虽然有对人体保护和美化的功能多少也会挥发出各种有害物质，对人体皮肤产生刺激作用有些甚至引起皮肤水肿、瘙痒、斑疹等“化妆品皮炎”。 　　想要知道化妆品以及香水对女性的危害究竟有哪些为了防止化妆品以及香水对人体的危害在购买和使用化妆品时应该注意哪些问题呢？ 　　健康使用化妆品 1 爱美女性应注意化妆品的健康使用法 　　近来，化妆品和香水含邻苯二甲酸盐（phthalates），会损害健康的报道，是否令爱美的你受惊呢？ 　　其实，在医学界未确实证明邻苯二甲酸盐会危害健康时，女性还是能安心使用，但要健康地使用，并注意一些安全事项。 　　至今为止，科学界或医学界所做的试验数据，仍不足以证明化妆品所含的邻苯二甲酸盐分量，足以影响女性生育健康的下一代。而新加坡卫生科学局也指出，至今为止，并未接获任何投诉或个案。 　　话说回来，化妆品都是化学合成品，虽然有对人体保护和美化的功能，多少也会挥发出各种有害物质，对人体皮肤产生刺激作用，有些甚至引起皮肤水肿、瘙痒、斑疹等“化妆品皮炎”。 　　概括而言，化妆品对女性的危害主要有以下几个方面： 　　产生过敏反应。 　　引起皮肤细菌感染。 　　引起皮炎。 　　有毒物质被吸收入体内引起慢性中毒。 　　劣质化妆品在阳光的照射下产生“光毒性”反应。 　　健康使用化妆品 2 防止化妆品的危害 　　为了防止化妆品对人体的危害，在使用化妆品时应该注意： 　　一旦发现化妆品对自己皮肤有不良反应，应立即停用。 　　★　不要使用变质的化妆品 　　化妆品中含有脂肪、蛋白质等物质，时间长了容易变质或被细菌感染。化妆品应选用新鲜的，一般在3至6个月内用完，并贮存在阴凉干燥处。 　　★　不要使用劣质化妆品 　　为防止化妆品中的有毒物质如水银及致癌物质的危害，应选用经卫生部批准的优质产品。 　　★　要防止过敏反应 　　在使用一种新的产品前，要先做皮肤试验，无发红发痒等反应时再用。一旦发现化妆品对白己皮肤有不良反应，应立即停用。 　　★　应根据气候使用不同类型的化妆品 　　寒冷干燥的冬天宜用含油性大的化妆品，春夏秋宜用水分大的化妆品。 　　★　少女要选用专用化妆品 　　一般不要使用香水、香粉、口红等美容化妆品。 　　★　化妆品避免吃进体内 　　化妆品只供外用，避免吃进体内。为慎重起见，最好在饮食前擦去口红，以免随食物进入体内。 　　★　睡眠前要卸妆 　　睡眠时应将皮肤上涂的化妆品洗去，不要涂着化妆品入睡。 　　★　选用适当化妆品 　　如油性皮肤应选用水包油型的霜剂，干性皮肤应选择油包水性的脂剂，皮肤娇嫩应选用刺激性小的化妆品，小孩最好都不用！ 　　健康使用化妆品 3 使用香水注意事项 　　由于各界并未确实证明香水所含的邻苯二甲酸盐，会危害健康，女性还是能安心使用。不过，使用时应该注意以下事项： 　　★　不要使用过量 　　使用过量香水，会给人不良的刺激。一般上，以1公尺之内能够闻到淡淡的香味就好，若在3公尺内仍可闻到香味，那就表示过量了。 　　★　不要用在不当部位 　　香水所含的香精和酒精被阳光照射后，在紫外线的作用下，会对皮肤形成不良刺激，出现色素沉着，所以擦香水的部位最好是阳光照射不到的地方，暴露部位不宜擦香水。比较妥当的办法是在衣领、衣角处涂上一些，任其自然挥发。 　　★　保持身体干净 　　要让香水发挥迷人的作用，务必先清洗身体，驱除不洁气味。假如身体不洁，散发不良气味，不但香水气味掩盖不住，而且会混合成更难闻的气味。 　　★　不要混合使用香水 　　不同品牌、不同系列、不同类型的香水，不要混合使用，以免掩盖不同香水的特点和产生不良气味。 　　★　忌吃辛辣刺激食物 　　大蒜、葱、辣椒等刺激性食物，食后会产生体臭，影响香水的使用效果。 　　★　使用口红注意事项 　　很多女性即使不化妆，也会涂口红。因此，口红是最多女性使用的化妆品。 　　口红的主要成分是羊毛脂、蜡质和染料，由于羊毛脂成分复杂，容易引起过敏反应，如嘴唇粘膜干裂、剥落，有时感到嘴唇发痒或轻微疼痛等。 　　另外，口红使用不当会影响健康。因为口红中的羊毛脂有较强的吸附性，可将空气中的尘埃、细菌、病毒及一些重金属离子吸附在嘴唇粘膜上。人在说话、喝水、吃东西时，就会将口红和附在上面的有害物质带到嘴里，吃进体内。 　　大人要特别注意，不要给小孩搽口红，因为小孩的嘴唇粘膜更容易吸收上述有害物质。 　　为了健康，女性宜淡擦口红。当发现有轻微发痒和异常感觉时，就应该将嘴唇洗净，暂停涂口红。</t>
  </si>
  <si>
    <t xml:space="preserve">美元汇户怎么处置？本人有不少美元和澳元的汇户，因为要买房打算换成 </t>
  </si>
  <si>
    <t>先换成美圆，再换成人民币，比较合算。以2005年4月19日为例：100澳元可直接换619.95RMB100澳元可兑换77美圆77美圆可兑换632RMB不知阁下可否明白？</t>
  </si>
  <si>
    <t xml:space="preserve">怀孕都66天还看不到孕囊我怀孕50天的时候去做B超医生说看不到孕 </t>
  </si>
  <si>
    <t>不是设备问题就是水平有问题。你就别瞎担心，疑神疑鬼的了。</t>
  </si>
  <si>
    <t xml:space="preserve">什么样的电子词典适合留学生我去英国留学，英语还不是很棒，想选一款 </t>
  </si>
  <si>
    <t xml:space="preserve">快易典的法语王吧。法语王FA329或者FA319都可以的。内置《 新法汉词典》、《朗文当代高级辞典》、《现代汉语词典》，出国足够了。  </t>
  </si>
  <si>
    <t xml:space="preserve">紧急！！！！！！！！！！！！！我走明线槽，当把火线和零线接到配电 </t>
  </si>
  <si>
    <t>可能有接错的地方。当没接通时，有110V电压的线头，应该是从两个功率相同的串联用电器之间接出来的。或者是这个带110V的线头本来应该接零线，而与其相连的用电器其中之一的火线端已经接触到了零线或与“地”连通了。如果是这样，接通零线后，有接地故障的电器肯定没有电。必须找到故障点，排除故障，才能正常用电。还是请电工来查一下吧。</t>
  </si>
  <si>
    <t xml:space="preserve">银行贷款利率下调后,已发放的企业贷款利率会不会随之下调?假如去年 </t>
  </si>
  <si>
    <t>企业中长期贷款按对年调整,如您去年是9月发放的贷款,今年9月应该已经调整过了,现在调整的利率需到明年9月以人行公布的贷款利率为基准再行调整.</t>
  </si>
  <si>
    <t xml:space="preserve">偶从讯雷里下载了三国志10威力加强版中文版ISO文件。用DAEM? </t>
  </si>
  <si>
    <t>呵呵下载一个免cd补丁。。。这是常识。。。雷区里就有</t>
  </si>
  <si>
    <t xml:space="preserve">想咨询一下，宁波哪里可以考保育员上岗证同上，，，本人在宁波海曙区 </t>
  </si>
  <si>
    <t>大碶成人学校可以他们负责培训和报考的</t>
  </si>
  <si>
    <t xml:space="preserve">今天怎么没找到军事网标那。。。新浪取消军事网页了吗？ </t>
  </si>
  <si>
    <t>没有取消。打开新浪的首页，就在顶部分类的左侧，最上方的位置[军事]。</t>
  </si>
  <si>
    <t xml:space="preserve">急送货上门大约要多长时间？ </t>
  </si>
  <si>
    <t xml:space="preserve">尊敬的客户:    您好！5173客户服务027很高兴为您服务！    在您下订单后，配送员如1小时内没有上门服务，请您选择其他的购买方式支付。    真诚感谢您一如既往地对我们工作的大力支持与帮助!!!                          </t>
  </si>
  <si>
    <t xml:space="preserve">新手问题NO：1剑士JN点怎么加呢？我现在知道罡气和铁拳+满了后 </t>
  </si>
  <si>
    <t>30级以前可以不用技能，平砍着就很快，感觉要比用技能快。　　被动技能肯定是要加满的，铁拳，罡气，还有后来的心剑通明，都要加满，个人感觉练剑就是为了PK，但是剑客有个技能，附加沉默的，叫回风舞柳，施放就要2秒？感觉不实用，等你用这个技能打到别人的时候，别人已经打你2下了，过了30以后的技能点怎么加现在都是瞎摸索的，由于没开3转，谁也不敢说他的加点方法就是绝对正确的，我也看了，从30到60升级的主要手段就是3个技能，追风剑，碎梦剑和风雷剑，其他的根本不能做为练级来用，追风剑我加到了4点，碎梦加了5点，风雷加了7点，30-40主要是靠风雷和追风在练，40以后最好是换成风雷和碎梦来练级，因为碎梦的攻击要比追风的高一点，而且还附带缓慢的效果，PK时很好用的，感觉风雷要加满的，追风就4点吧，不加了，碎梦在考虑要不要加满？　　PK方面不敢妄下结论，也许3转后会有个结果吧，现在感觉枪的沉默技能出的很频繁，几率很高，如果穿上一身抗沉默的装备，能达到90以上，等级又不是差很多，装备也一样，剑胜枪的几率要大些，但是有点不太现实，因为说实话，枪在里是很有钱的，这点不能否认，40级的枪就可以有100多金子了，但是一个普通的剑到了50也未必有50J，除了花PMB的，而枪可以不用花1分钱，有钱就能弄到好装备，剑客所期待的平等PK也就无从说起了，希望3转后能改变一些吧。希望能给你点帮助剑客，攻击的王者，同时也是非常不好练的一种职业。关于技能的学习方面，我认为有三个关键，第一是被动加攻击和抗性技能，必须学习，也就是菜鸟的铁拳、游侠的罡气，必须满点，至于本人级别不高，后面的技能认为必须要学的是心剑通明。如此加点正是体现了剑客的高攻特性及抗性优势。第二是练级PK 时用的技能，菜鸟技能没有必要学，如果在前期就准备PK就学习落雁斩，这个持能是附加沉默的（就是封对方技能的），加不加满是有争议的，因为加满可能造成后面技能点数不够用的问题。在剑客技能中，基本技能追风必须学，我认为没有必要学多高，这个技能的优势就是释放快，回复快，打怪能用用，风雷剑也没有必须加太高，个人认为1-4点是合理分配。总的来讲，后面要学习的技能是从加攻，加抗性，攻高附加技能是首选。</t>
  </si>
  <si>
    <t xml:space="preserve">名词解释请问各位前辈，什么是场内交易和场外交易？交易价格相同吗？ </t>
  </si>
  <si>
    <t>（1）    场内交易。场内交易亦称“交易所交易”。指在证券交易所内进行的交易。场内交易的股票，只限于上市股票，由于上市股票发行公司的经营情况要向投资者公开，故而使投资者有一种安全感。（2）    场外交易。场外交易是指在证券交易所外进行的股票交易。场外交易与场内交易相比，在公开公司财务方面不那么严格，她是一种非组织性的市场。场外交易的特点是：    能为一些不能上市的，但有发展前途的中小企业筹措资金；    为投资者提供了很有吸引力的投资对象；    提高了中小企业的社会信誉；    手续简便。场外交易通常在证券公司之间或证券公司与顾客之间进行，或者是由承担场外市场注册股票经纪性生意的证券公司通过与上市股票同样的买卖机能的承办和预约工作，进行注册股票的买卖。场外交易市场股票的买卖价格由买卖双方协商决定。相对地，场外交易的优点是买卖双方可以洽谈特别交易条件，不需依照集中市场的标准合约交易，例如买卖一年以上的外汇远期（集中市场不提供外汇远期交易）。但场外交易的缺点则是市场资讯较不公开，且无证券交易所保障履约，到期履约风险大。 此外，还有一种店头交易，她是场外交易的一种类型。店头交易亦称“柜台交易”，是指证券公司之间、证券公司与顾客之间在证券交易所外某一固定场所进行的股票交易。其所交易的对象包括注册股票与不上市的股票。</t>
  </si>
  <si>
    <t xml:space="preserve">如果中日战争爆发，你会为我们的祖国做些什么？ </t>
  </si>
  <si>
    <t>上面各位讲的很感人,不过这还不够,除了奉献自己的生命外,我们最重要的是让我们的下一代努力学习科学知识,做科学家、做军事家、做企业家，为我们的祖国造出领先世界的坚船利炮、战鹰飞弹，培养更多具有雄才伟略的指挥官，创造更多的物质财富，让我们的祖国在战争中永远立于不败之地！我们这一代能为祖国奉献的可能只有我们的躯体，但我们的下一代不能像我们一样．</t>
  </si>
  <si>
    <t xml:space="preserve">大唐怎样学技能？本人刚玩梦幻的才15级请大唐高手指点一下学技能的 </t>
  </si>
  <si>
    <t xml:space="preserve">    1.你想到20做师门的话先把回师门的技能学到30（少费些魔和血）。      2.想疯狂组队升级的话，建议先把横扫千军，为官之道和反间之技多学些。（横扫千军和反间可以稍微级高点学，比如：25~35这个时侯就该学了，反间可以用来让它们自相残杀，省点力气，比如：牛头马面这些怪就有点威力了，这个技能会很管用，横扫前军用来抓鬼用）。    3.40以后就猛升级了，同时也猛练技能！要做游戏的强者要3点前提：1.钱2.实力（也就靠技能，帮派等……）3.装备，60以后追求极品装备！          本人就说到这里，以后你就多交高手朋友，也要靠你慢慢领悟！希望你做个游戏的强者，如有问题，继续提问！（多谢采我的答案！！！）       </t>
  </si>
  <si>
    <t xml:space="preserve">齐达内周末上得了不?周中没上好像是有点老伤,周末可以上了吧? </t>
  </si>
  <si>
    <t>还是不能上场，齐祖真是身心交瘁，面对皇马近期窘况，实在无力回天。让他好好休息一下吧，那怕是一小段时间，毕竟我们还是期待齐祖在赛场上能有更长时间的表演。</t>
  </si>
  <si>
    <t xml:space="preserve">什么时候改版?这个版本里面游戏载图,点都不好耍,而且又要点卡,还 </t>
  </si>
  <si>
    <t>估计是改不了了，韩F里面金币的东西到这全收费。天成赚钱赚迷了，他才不会改版。没办法，我们喜欢跑跑，但不喜欢天成</t>
  </si>
  <si>
    <t xml:space="preserve">无线耳机是使用系统声卡输出音频吗?因为发射器是使用USB接口,有 </t>
  </si>
  <si>
    <t>你好：——★声卡的作用是将计算机的数字信号，转换为有源音箱需要的模拟信号、并达到标准输出电平的装置；而无线耳机的信号不通过声卡，直接调制为特定频率的无线信号（调频信号），再由接收装置解调出音频信号、放大后送到听筒发声的。【答案是：无线耳机的工作，不使用系统声卡输出的。】</t>
  </si>
  <si>
    <t xml:space="preserve">练什么武术可以治病？我的一个要好的朋友得了失眠病，医了十几年，都 </t>
  </si>
  <si>
    <t>失眠属于神经衰弱的一种。神经衰弱一般宜采用放松功和强壮功来协助医治。神经衰弱，是神经症中最常见的一种，多见于青壮年，起病一般比较缓慢。 神经衰弱病人的症状是多种多佯的，但大致可以区分为两类症状，一种是偏于兴奋的，病人容易激动，心烦，急躁，精神不集中，睡眠不深，容易惊醒，出汗较多，自觉心悸、头胀痛。另一种是偏于虚弱的，病人精神萎靡，容易疲劳，记忆力减退，夜晚多梦，白天昏昏沉沉，酸软无力。但大多数病人，往往这两类症状都有一些。病人总感到周身都不舒适，自认为病情很重，但到检查，全身各个部分又没有什么异常发现。 原来，这种病的发生与忧伤、紧张、思虑过度等精神因素密切有关，中医认为是由于喜、怒，忧、思、悲、恐、惊这七种情绪过度变化，引起脏腑功能失调。西医则认为是属于大脑机能失调性疾病。因此，善于调节大脑机能的气功疗法，对神经衰弱患者是最为适宜的。 这是因为，练功要做到松静自然，在肢体和精神放松的基础上，使意识进入似睡非睡、似醒非醒的入静状态，这使大脑皮层的功能获得主动性的休息调整，从而缓解和消除大脑的紧张状态，起到治疗神经衰弱的良好作用。气功入静后，在主观上也感到心情舒畅，进入到良好的情绪状态，这对于消除神经衰弱常常伴有的负性情绪，也具有重要作用。除此以外，通过长期的气功锻炼，还能收到修心养性的效果，这对于预防神经衰弱的复发尤为重要。许多病人经过较长的气功锻炼后，症状逐渐减轻，睡眠改善，食欲好转，体质增强，说明气功治疗神经衰弱是切实可行的。在练习静功的同时，如果能同时选择一种动功，如太极拳、八段锦，五禽戏等，实行动静结合，则效果更要好些。 神经衰弱一般宜采用放松功和强壮功。如果胃肠症状明显，也可以练习内养功，由于神经衰弱患者精神不易集中，往往急躁，最初练习时不易入静，而一时未见明显效果，又容易失去信心，以致不能继续坚持练功。所以树立对气功疗法的信念，下定决心，持之以恒，是十分重要的，只要度过初练的一两周，体会到松静的舒适，症状也开始减轻，以后就容易坚持了。</t>
  </si>
  <si>
    <t xml:space="preserve">谁有晚霞中的红蜻蜓这首歌的日语歌词?谁有晚霞中的红蜻蜓这首歌的日 </t>
  </si>
  <si>
    <t xml:space="preserve">赤とんぼ 1 夕??け小の赤とんぼ 负われて见たのはいつの日か 2 山のはたけも桑の?gを こかごにつんだはまぼろしか 3 夕??け小??けの赤とんぼ とまっているよ竿のさき 歌词大意 红蜻蜓 晚霞中的红蜻蜓呀，请你告诉我， 童年时代遇到你，那是哪一天。 提起小篮来到山上，桑树绿如荫， 采到桑果放进小篮，难道是梦影。 晚霞中的红蜻蜓呀，你在哪里呦， 停歇在那竹竿尖上，是那红蜻蜓。 单词音义 1.夕??(ゆうやけ) [名] 晚霞 2.??(やけ) [名] 霞，火烧云 3.赤蜻蛉(あかとんぼ) [名] 红蜻蜓 4.负う(おう) [他五] 背，担负，蒙受 5.いつ [代] 何时，什么时候 6.畑(はたけ) [名] 旱田，旱地 7.桑(くわ) [名] 桑树，桑叶 8.?g(み) [名] 果实 9.笼(かご) [名] 筐，篮 10.摘む(つむ) [他五] 摘，采 11.幻(まぼろし) [名] 虚幻，幻想，幻影 12.止まる(とまる) [自五] 停止，停住，停留 13.竿(さお) [名] 竹竿，竿子 14.先(さき) [名] 端，末梢；前头，最前部 歌词语法 1. 助词『の』 『の』是领格助词，接在体言、副词及其他助词后面，表示所属。相当于汉语的“的”字或不译 。 *技术の现代化。/科学技术的现代化。 *すこしの违い。/小小的差别。 山田さんへの手纸。/给山田的一封信。 2.形式体言『の』 『の』是纯粹的形式体言，接在用言连体形后，用『のだ』『のです』的形式表示强调事物，说明理由等意思。 どこへ行くのですか。/到哪儿去？ お腹が痛いです。/肚子痛。 会议なのです。/在开会。 3.补助动词『いる』 『いる』作为补助词接在动词连用形+接续助词『て』后，构成进行式。表示动作或行为正在进行或状态的持续。相当于汉语的“正在”。 *雨が降っている。/正在下雨。 *?ふが开いている。/窗户开着。 *赤とんぼ竿のさきに止まっている。/红蜻蜓听在竹竿顶上。 *あの人は小说を読んでいる。/他正在看小说。 歌曲背景 词作者三木露风是诗人。1889年出生在兵库县龙野市。三木先生从小就爱好文学。小学、中学的作文从来都是优秀。所以经常向杂志、报纸投稿诗歌和诽句作品。歌词中的赤とんぼとまっているよ竿の先』是龙野小学高年纪时写的。这首歌作为童谣，十分受欢迎。每天傍晚5时正，在龙野市就响起了『赤とんぼ』的音乐旋律。 三木的诗词都是山田耕笮给谱的曲。山田先生是大正、昭和时期的作曲家、指挥家。1908年毕业于东京音乐学校，在柏林留学10年。后把精力用在歌剧、管弦乐作品的创作上。 学习要点 这是一首bE调3/4拍子的抒情性歌曲。充满爱心和富有想象力的歌词，简朴深刻，颇有新意。练唱时注意乐句中连线，并用深情的中速演唱。 日语学习要点是助词『の』和形式体言『の』的区别以及补助动词『いる』的用法。 下载地址：  </t>
  </si>
  <si>
    <t xml:space="preserve">怎么追她··她是在我写作课上见到的，第一次见她的时候，觉得好普通 </t>
  </si>
  <si>
    <t>主动找机会跟她搭讪，若发现对方不反感，而且也跟你聊得愉快，下课后就等她一起走，送她回家啊之类的</t>
  </si>
  <si>
    <t xml:space="preserve">门面转让的权利在屋主手上还是租者手上?我这门面装修过,但屋主说他 </t>
  </si>
  <si>
    <t>若在合同期内，按租赁合同约定的执行，如果没有租赁合同，双方协商解决。无论何种情况租者转让门面的时间不得超过你本人租赁门面的时间，租期届满应将门面归还屋主或者和屋主协商续签租赁合同。</t>
  </si>
  <si>
    <t xml:space="preserve">现代社会是“万恶淫为首”，还是“万恶钱为首”？请畅所欲言！ </t>
  </si>
  <si>
    <t>世界上本无所谓善，本无所谓恶，有的只是人们的价值观念。从逻辑上来讲，钱是一种物质，淫是一种现象，可以说是世界上的自然存在。而人的精神，思想却是有善恶之分的（当然，这种说法也是建立在一定的价值观念之上的。）因此，这个问题的实质是问人类是因为“钱”还是“淫”犯的错多（严重）。对于这个转化之后的问题，我们可以回答是“钱”。可是，有人会那弗洛伊德的“范性论”反驳说人的一切行为的本质都是源自于“性”，既然所有的行为都来自于性，那么所有之“恶”也都来自于“淫”，自然是“万恶淫为首”了。可是，如此，那么人所有的善也都是因为“性”啊。所以，最终的结论还是“无善无恶”。这个并不是玄理。</t>
  </si>
  <si>
    <t xml:space="preserve">魔兽世界我应该怎么选择？？火、冰、奥。我现在的装备情况：T6头、 </t>
  </si>
  <si>
    <t>作为冰法来讲命中有点高了，绝对溢出了。。。。现阶段150都足够了，铸融能量指环其实可以换掉了，项链最好自由魔法。下FB冰法就足够了，增加急速和暴击就可以了,还有T6穿的有点多了，4件足够了.毕竟现在冰法还是主流，无论FB还是ZC还是JJC都足够了。估计WLK也快要出了吧。。。。冰法练级也很好，有钱的话就双天赋。</t>
  </si>
  <si>
    <t xml:space="preserve">阑尾炎手术全麻医生，您好。请问做阑尾炎手术时选择全麻好呢？还是局 </t>
  </si>
  <si>
    <t>您好，作为麻醉医生，我理解您的心情。阑尾炎手术的麻醉主要是硬膜外麻醉和全身麻醉两种。而这两种对人体都不会有什么后遗症。在我国，首选硬膜外麻醉，通俗的讲就是从背上放根导管进入体内然后只麻醉腹部以下的部位。只要没有凝血障碍、腰椎畸形、局部感染、病人不配合等问题就可以做。术中人是清醒的（也可以用点药进入睡眠），术后恢复也快。作为硬膜外大国，中国的麻醉医生都很拿手。通常我们在病人不适合做硬膜外麻醉，或者病人及外科医生要求的情况下才用全身麻醉。用全身麻醉也没有问题。好处在于什么都不管睡一觉手术就结束了，缺点费用高些。当然，我们常说“只有小手术，没有小麻醉”，所以对我们麻醉医生而言，选择什么麻醉不重要，更重要的是保障您的安全。不管是您还是替其他人咨询，祝一切顺利！有问题可以继续问我，谢谢。</t>
  </si>
  <si>
    <t xml:space="preserve">开酒店赚钱还是开餐厅赚钱? </t>
  </si>
  <si>
    <t>只要有特色，来钱都快。不一定非要与众不同，只要有创新就可以。</t>
  </si>
  <si>
    <t xml:space="preserve">人耳一般所能听到的声波频率范围的最高值的多少赫兹？ </t>
  </si>
  <si>
    <t>人耳的听觉系统对声波“可感知”的频率范围，因各人的身体情况、环境影响、甚至是族群关系等不同而并不是完全一样或相同的，但是人类的听觉范围，从声波的20Hz----20kHz（20000Hz）为可感知的频率段，低于这个频率段的叫次声波、高于这个频率范围的就是叫超声波了。正常情况下，如果一个人的听觉没有受到过任何损害，实际可以听到的声音的频率约从“低端”的35Hz开始，到“高端”的14kHz左右，最高的一般有可能达到16kHz。</t>
  </si>
  <si>
    <t xml:space="preserve">治疗尿潜血,什么药比较见效? </t>
  </si>
  <si>
    <t>尿潜血只是一个症状，不是一种疾病。首先要找到引起尿潜血的原因为何种疾病，然后再对症治疗，那样才会使尿潜血表现消失！建议医院做详细检查确定疾病</t>
  </si>
  <si>
    <t xml:space="preserve">急急急！！！！！！！！！！！老公出去聚会刚回来，喝多了语无伦次， </t>
  </si>
  <si>
    <t>多喝温水！实在吐不出来，帮他用手抠一下，虽然瞬间难受，完事就好了</t>
  </si>
  <si>
    <t xml:space="preserve">DNA分布于杨树根分生区细胞的染色体和线粒体DNA分布于杨树根分? </t>
  </si>
  <si>
    <t>DNA在植物细胞内的载体是染色体、线粒体和叶绿体。就题论题。这道题中说的是杨树根分生区细胞，根细胞内没有叶绿体这种细胞器，所以DNA分布于杨树根分生区细胞的染色体和线粒体中。在细胞膜以内、细胞核以外的部分，叫做细胞质。细胞质由主要包括细胞质基质和细胞器。在细胞质基质中含有水、无机盐离子、脂质、糖类、氨基酸和核苷酸等，还有很多种酶。细胞质基质是活细胞进行新陈代谢的主要场所，细胞质基质为新陈代谢的进行提供所需要的物质和一定的环境条件。细胞器就不用多说了。上面提到了在细胞质基质中有核苷酸，但那大多是核糖核苷酸，即RNA。有的细胞细胞质基质中确实有DNA，比如细菌这类原核生物，DNA除了存在于其拟核内还存在于质粒（质粒是小型环状DNA分子）。在这里杨树根分生区细胞是没有质体的，也就是说DNA除了染色体和线粒体外没有其他载体。</t>
  </si>
  <si>
    <t xml:space="preserve">苦恼的事　　　我很苦恼！我和我老婆刚结婚３个月．处朋友的时候，我 </t>
  </si>
  <si>
    <t xml:space="preserve">     可能她知道你有"前科"所以她折磨你一下罢了.有机会应该去咨询一下咨询师做的时间应该长些.不能太频繁.一周两到三次就行.</t>
  </si>
  <si>
    <t xml:space="preserve">为什么手机电池不耐用？ </t>
  </si>
  <si>
    <t>手机电池不耐用你可以试试用充电辅助软件金山电池医生来帮你省电，不仅省电，还能延长电池寿命。 金山电池医生提供了一键省电优化功能，通过调整系统软件设置，关闭后台多余进程的方式，提高手机的待机时间。用户可以根据需要选择普通省电模式和超强省电模式，在使用时间和功能之间达到最佳平衡。金山电池医生通过对充电过程的优化，来达到延长电池使用寿命的效果。当手机电量低于20%以后，启动金山电池医生，然后接上充电器就可以了。软件会按照快速充电、循环充电以及涓流充电的顺序完成充电过程，在完成充电后会发出提示音并弹出提示信息。按照我的方法操作解决问题，不行再问我。</t>
  </si>
  <si>
    <t xml:space="preserve">腰肌筋膜炎的如何治疗？求方法 </t>
  </si>
  <si>
    <t>筋膜炎是指因寒冷，潮湿、慢性劳损而使肌筋膜及肌组织发生水肿、渗出及纤维性变，而出现的一系列临床症状。发病原因主要因为：筋膜炎是指肌肉和筋膜的无菌性炎症反应，当机体受到风寒侵袭、疲劳、外伤或睡眠位置不当等外界不良因素刺激时，可以诱发肌肉筋膜炎的的急性发作，肩颈腰部的肌肉、韧带、关节囊的急性或慢性的损伤、劳损等是本病的基本病因。就目前来看的治疗方法，多选择中医内外药思华堂的筋膜膏配合休息、锻炼进行医治，从而达到痊愈。手术虽然能够快速起到一定作用，但是高昂的手术费用，伴随着一些风险，外加疾病的多出病变，是否能达到根治的效果也不得而知。外用膏药筋膜膏，是传统的黑膏药，无副作用，采用传统中药炼制而成，药效强劲，功效全面，通过外敷作用于表面，进而直达病灶，修复筋膜组织，改善血液的微循环，消除筋膜炎引起的各种症状，为患者迅速缓解酸痛。筋膜炎痊愈之后还需多多注意，避免长期的低头作业，避免腰背受寒，尽量减少冲击性较大的活动，如跳跃等，尽量穿舒适鞋子。最后祝愿您早日康复。</t>
  </si>
  <si>
    <t xml:space="preserve">解锁的问题手机丢了装备锁解不了不是在官网上有个管理电话号码的那个 </t>
  </si>
  <si>
    <t>你是不是手机丢失了就去&lt;&lt;管理电话号码&gt;&gt;增加手机号码?如果是这样的话,增加不了手机号码的,还要原来的手机号码确认的,建议你去&lt;&lt;玩家自助服务&gt;&gt;→申请解除电话密保→填写相关的信息→再发传真...如果信息全部正确的话,8天后就可以解除电话密保了,还有不懂的地方就打电话给17.要么如果你还知道你的手机卡的用户密码的话就去移动公司或连通公司把手机卡办回来就可以了!</t>
  </si>
  <si>
    <t xml:space="preserve">请帮我发一下《至少走的比你早》的合唱版本歌词或者mp3下载地址请 </t>
  </si>
  <si>
    <t>至少走得比你早 - 陆毅/卢巧音 此张专辑第1首歌词:（卢）你没有想过我会说分手 也许太习惯我在你左右 虽然离开你有很多理由 可看见你这样惊讶也足够 （陆）你没有想过我会说分手 除非以为我什么都忍受 就算你这时候努力挽留 不过是你不能接受我先走 我想得比你多 陪你一起更寂寞 （卢）我性格比你强 怎样做你的绵羊 我年纪比你小 不信快乐找不到 （合）抬起头开了口 最后我比你骄傲 （卢）从此不坐你的牢 想不到你的好 （陆）记得和你的争吵 想到老可到老 可是和你做不到 （卢）如果你爱得比我少 （合）至少我走得比你早 （卢）如果你爱得比我少 （合）至少我走得比你早 （陆）我想得比你多 陪你一起更寂寞 （卢）我性格比你强 怎能做你的绵羊 我年纪比你小 不信快乐找不到 （合）抬起头开了口 最后我比你骄傲 （卢）从此不坐你的牢 想不到你的好 （陆）记得和你的争吵 想到老可到老 可是和你做不到 （卢）如果你爱得比我少 （合）幸好我走得（还早）比你早 （卢） 轰轰烈烈地开口（陆） 轰轰烈烈地开口 （合）最后我比你骄傲 （卢）从此不坐你的牢 想不到你的好 （陆）记得和你的争吵 想到老可到老 可是和你做不到  (卢)如果你爱得比我少 (合)至少我走得比你早</t>
  </si>
  <si>
    <t xml:space="preserve">法道组合好还是法站组合好？最近为了打发时间，又开始玩传奇了。我以 </t>
  </si>
  <si>
    <t>法战很郁闷的。我们最大的法战，装备是星王逆火王者竞技，英雄是+9套配狂雷+神威手1和2-8的勋章。上次他和我聊天说起合击，3级可以下主号1000多血。但是昨天看他们2大行会的几个大号对掐，看他一次法战合击只下了300多点血。无语吧。还有一次我上小号36的小战士去雷2捡点垃圾装备卖钱跑蜈蚣洞任务用，看见一个法战在打金杖，看他50+47的法战打起来还没我47+39的道法和46+32的法道打金杖轻松。要玩的话还是法道和道战吧，有大把时间自己手动练级选择道法也可以哦。最郁闷的是战道、战法。没钱的战战也很郁闷，最多只能欺负比自己级别低的多的。昨天有个战道一级合击的打我47+39道法，我边走边改用灭天+火墙和遍组模式打他，他烈火+野蛮我我围着天庭里柱子走，没几下他的道宝宝就100多血了，估计没大药，也没发合击很奇怪哦。能出3合的法战也可以，至少很酷。随便玩玩不想大投资的就选法道和道战，道法备选。</t>
  </si>
  <si>
    <t xml:space="preserve">预产期9月的姐妹们，你们还在上班吗我的YCQ是9月19日，现在还 </t>
  </si>
  <si>
    <t>我的预产期是9月11号的，也还在工作岗位上坚持着。不过因为和老公是一个单位的，每天上下班都是他开车，感觉不是很辛苦。我是二胎，老大2岁3个月，男孩，正是淘气的时候，平时送幼儿园，晚上回家后，老公做饭，我陪儿子玩，总是感觉很累。我们这里天气热的厉害，白天都在36度左右，夜里也有27度，虽然开空调，但是还是觉得天气热的心烦。晚上大约也要去厕所2次左右，一个姿势睡久了感觉浑身疼，而且手脚很容易发麻，睡眠质量不是很好。胎动还是很多，还有1个多月了，苦日子快熬出来了。</t>
  </si>
  <si>
    <t xml:space="preserve">“维京人”的身份是 </t>
  </si>
  <si>
    <t>海盗</t>
  </si>
  <si>
    <t xml:space="preserve">圣诞节为什么是圣诞老人而不是圣诞美女呢 </t>
  </si>
  <si>
    <t xml:space="preserve">关于圣诞老人的故事起源很早。约在公元四世纪，罗马天主教徒中有一个叫尼古拉的主教写了许多经典著作，从而闻名于世。死后，他被推崇为圣人。在北欧的一些国家里，每年12月6日他死的那一天都要举行纪念活动。关于圣尼古拉的故事是各种各样的，流传很广，荷兰移民带着其中一个到了美国。他们相信每年圣诞节这个圣人都要骑着一匹白马挨家挨户地拜访，给那些驯良温顺的儿童留下许多礼物。住在附近的其他美国人非常欣赏这个故事，决定把圣尼古拉“安排”在他们自己的圣诞庆祝活动中。 在荷兰人的想象中，圣尼古拉是一个严肃认真，威风凛凛的人，他给人惩罚，也送人礼物。到了1812年，一个叫做克莱蒙特·莫尔的美国人为他的孩子写了一首圣诞诗《圣尼古拉的来访》，从而塑造了一个崭新的圣诞老人的形象。在这首诗中，莫尔把圣尼古拉描绘成一个快乐的小老头儿，驾着一架八匹白鹿拉的雪橇一家一家地驰走。雪橇在每一家门前停下来，这个小老头儿把圣诞礼物由烟囱放进这家人家的壁炉里。这首诗后来登在纽约一家报纸上，很快就流行美国，从而产生了美国儿童至今还坚信不疑的圣诞老人。 另一个叫做托马斯·莱斯特的艺术家在塑造圣诞老人的形象方面也起了很大作用。莱斯特从1860年起就为一家周刊画圣诞老人像，这些画像是凭他对童年时期在德国所认识的一个慈祥的老人的记忆而画的。在他的画笔下，圣诞老人是一个胖乎乎的，笑容可掬的老人，红红的鼻子，白胡子，穿着一身带着白毛领子的红衣服，扎着黑腰带，在一百年后的今天，这同样形象的圣诞老人在美国各地还到处可见。 </t>
  </si>
  <si>
    <t xml:space="preserve">请问在徐州,办理了委托卖房公证,受托人需要哪些材料将房子过户给他? </t>
  </si>
  <si>
    <t xml:space="preserve"> 请问在徐州,办理了委托卖房公证,受托人需要哪些材料将房子过户给他人?先找公证处问要哪些材料，在找房产交易所要哪些材料</t>
  </si>
  <si>
    <t xml:space="preserve">一个关于转服的问题，转过服的朋友帮忙解答一下我是魔兽世界/二区（ </t>
  </si>
  <si>
    <t>可以转，准备3张点卡就行了我是7区的，我可以负责告诉你，埃克索图斯，什么都满足要求没有任何排队现象但如果你是网通用户，注意7区是电信，别因网络不顺而烦恼，晚上下FB人多的时候用个代理比较好</t>
  </si>
  <si>
    <t xml:space="preserve">电脑高手进我刚配的电脑玩飚车有点点卡,但是玩不了CS,郁闷,主要 </t>
  </si>
  <si>
    <t>你去飚车论坛那里看看有集成显卡的驱动</t>
  </si>
  <si>
    <t xml:space="preserve">谁有血战办公室的攻略?我想打通,却怎么也不了关. </t>
  </si>
  <si>
    <t>你一直往左跑打死人后，每到一个门前进去瞧瞧，再一直往左跑，跑到另一个门前进去瞧瞧，如果跑到头就打人，这样跑到第15扇门，打败3个老头就算赢了。这是第一关的，第二关跟我打的一模一样，（只不过擂主强了一点）。</t>
  </si>
  <si>
    <t xml:space="preserve">宝宝手型五个月宝宝总是手背朝前，手心朝后是怎么回事 </t>
  </si>
  <si>
    <t>你好，这种情况需要特别注意两方面，一是如果这种情况从出生到现在一直都有，那就需要注意出生的时候有没有缺氧。二是这种情况是近期出现的，可以考虑佝偻病导致的手足搐搦。另外如果是孩子平常姿势学习不正确，也会导致这种情况。</t>
  </si>
  <si>
    <t xml:space="preserve">我感觉也是现在是不让玩家玩，是让玩家走。玩家太多了，多清除点玩家 </t>
  </si>
  <si>
    <t>没事反正激战也公测了~奇迹世界也快了~</t>
  </si>
  <si>
    <t xml:space="preserve">求助!谁能帮帮我啊!最进由于学习需要,我想买手提电脑不知道什么牌 </t>
  </si>
  <si>
    <t>完全看你的需求了暂时把你当是不是发烧友来看待吧迅持技术以为当今主流 而普通的迅持即可满足日常应用的需求不必盲目跟风 购买迅持三代 毕竟其价格还维持在一个比较高的水平而Intel在明年年初又酝酿着新核心的迅持四代依我看 迅持二代是比较合适的机型 目前的主流CPU是CM360 主频1.4G和PM740主频1.73G至于内存 在微软继续推迟vista操作系统问世时间之后 大可不必为此长期打算 所以512的内存和128的显存就游刃有余了当然作为迅持二代产品的招品牌之一 ——双通道的内存两条256的内存比起单条512更显其带宽和价格优势（当然条子不能是焊上去的） 推荐购买 等需要1G时再买 价格就降到可以接受的程度了至于笔记本的报价 我想中关村应该是最为权威的三星的笔记本价格可以在上面查 另外：网上面的基本上都是商家报价 他不会把自己的低价报出来的也就是说很有不小的价格回旋余地</t>
  </si>
  <si>
    <t xml:space="preserve">心血管疾病与心理问题,请专家指点,急急急急急急.本人身体状况:1 </t>
  </si>
  <si>
    <t>一般的年轻人有偶发室早是正常的.如果没有什麽症状的话不需要治疗.如果症状明显可以口服药物治疗.心肌炎的诊断不是明确.你可以到三甲医院内科看一看.同时最近一段时间剧烈饮酒.饮浓茶.睡眠欠佳都可以引起心律失常</t>
  </si>
  <si>
    <t xml:space="preserve">我女儿在幼儿园做事总爱在最后，有事也不向老师说，她说不好意思我女 </t>
  </si>
  <si>
    <t>有些孩子是这样的，比较爱面子，小小的孩子就知道不好意思。我想，你要做的是鼓励孩子大胆的说话，不要怕错，再就是在孩子有了进步之后，要及时表扬。这样，过一段时间，就会好的。</t>
  </si>
  <si>
    <t xml:space="preserve">如果作弊并被证实，会受到什么处罚 </t>
  </si>
  <si>
    <t>比较轻了，最多封ID或者是扣分，不过我们能不能从源头上面制止呢？</t>
  </si>
  <si>
    <t xml:space="preserve">孩子想在珠江路找个辅导班，有推荐的吗 </t>
  </si>
  <si>
    <t>珠江路的精锐教育听说不错，我同事家的孩子在精锐上了两门辅导课，英语和数学，这次期中考试比以前进步了很多分，学习也比以前认真了很多，学习态度端正了许多。精锐教育在一对一课外辅导这块做的还是蛮好的，他们一对一教育是以学生为中心，由专业教育工作者依据对学生的综合测评，量身定制定向辅导计划，采用辅导教师“一对一”的教学方式授课，课后助教全程陪读答疑，教学管理师和心理教师全程管理、全方位的贴心服务满足和促进学生多元化智能的发展的一种课外辅导体系。不论您的孩子处于什么年级、成绩如何，都能为您的孩子提供量身订做的优质服务充分弥补课堂教育的不足，获得卓越效果。珠江路的精锐教育靠近地铁口，有时间的话可以去了解下。</t>
  </si>
  <si>
    <t xml:space="preserve">网上买东西请问:旗舰店一般是什么意思。...是不是意思这店面做很? </t>
  </si>
  <si>
    <t xml:space="preserve">“是不是这店面做很大的意思”这个解释不对或者说不准确，看看下面的解释你就明白了：说旗舰店首先要搞清楚“旗舰”的含义。旗舰是一些国家的海军舰队司令、编队司令所驻的军舰，因舰上挂有司令旗，故叫“旗舰”。 顾名思义，旗舰店是企业在营销过程中设在某地最高级别的品牌形象展示店，一般来讲就是所处地段极佳、客流极强、销售极好之样板店，是代表某品牌或某大类商品的专卖店或专业店。例如阿玛尼旗舰店就属于品牌专卖店，而茂昌眼镜公司旗舰店就属于品牌专业店。 旗舰店是竞争加剧的市场经济时代的产物，对促进连锁经营、树立品牌形象均大有益处，而且也是企业拓展市场份额的有效手段。 那么作为旗舰店的管理者，又该如何经营管理好旗舰店呢？ 首先，也是最重要的，就是员工的素质和形象，其与旗舰店甚至该品牌的形象密切相关。 以茂昌旗舰店为例，对员工的要求并不是一味要年轻漂亮，公司更看重的是他们的综合素质。因为眼镜的销售不同于一般商品买卖，还包括验光、视力检查等诸多方面。茂昌的营业员、验光师都经过专门的培训，从事专业多年，且精通磨片、割边、修理等眼镜加工的各个环节，具有丰富的实践经验。而且，30岁至45岁这个年龄段的营业员、验光师，都有一定的阅历和营销经验，对于顾客的心理能够更好把握，从而在导购时能对潜在顾客提出较为准确的建议，从而使他们变成现实顾客。 员工服务水平的高低，对企业形象和顾客满意度的作用不可小视。有调查显示，42％的消费者表示售货员态度对其挑选商品影响非常大。因此，要做好旗舰店，营业员的微笑、主动、诚恳、热情、感恩，甚至接受挑战等，都是不可或缺的因素。他们必须意识到自己就是旗舰店的员工，必须清楚肩负的使命和个人形象的重要性，要让员工明白他们之所以有高于他人的可观收入，也是借助于旗舰店这一载体的优势。 旗舰店的购物环境，也必须具有特色并与其地位相匹配。为了打造时尚和个性化的品牌形象，旗舰店应该营造出充满人文情怀的购物环境，并在装修、规模、风格等方面都能十分强烈地吸引人们的视线，让顾客在不知不觉中感到自己在这里领略了美、享受了美，使其在不知不觉中感受着品牌文化，进而体验一种全新的生活理念。 旗舰店不仅仅是一个概念、一个品牌、一种哲学、一套生活方式，旗舰店也应该是形象的旗舰店，用来更好地展示企业品牌形象；还应该是销售的旗舰店，要有好的销售业绩；更应该是管理的旗舰店，可以高效地管理商店（其中包括对员工的管理）。总之，旗舰店是企业顺应商业发展需要和参与市场竞争的必然产物，是品牌竞争的有力手段，对企业本身有重大意义，对行业发展也能起到绝佳的示范作用。 </t>
  </si>
  <si>
    <t xml:space="preserve">推荐一平胆,我最稳的心水送给大家!西韦而VS中央陆军1 </t>
  </si>
  <si>
    <t>支持你的说法，我也是买单１</t>
  </si>
  <si>
    <t xml:space="preserve">儿子两岁十个月不会认数字，是不是笨呀孩子两岁一个月开始说话，从一 </t>
  </si>
  <si>
    <t>一个一个的教,如果教2,就给他手里拿一个2的模具,吃桔子时给他两瓣(类似这样),另外我觉得没事时给他一枝笔(要安全地),一张大纸,或是写字板什么的,要让孩子在上面多涂鸦,数字和汉字在孩子眼里就是图画和符号,注意不要太急,有时孩子左半脑好使,有时又是右半脑,每个孩子都有特长,如果实在学不会就教别的,不要单另教,容易让孩子抵触,数字与汉字都要溶与日常生活,最重要的是让孩子学得愉快!有成就感!</t>
  </si>
  <si>
    <t xml:space="preserve">谁知道中关村和长椿街附近有没有稻香村？？受朋友之托，没办法本人对 </t>
  </si>
  <si>
    <t>中关村附近的就数西直门了，西直门内有家稻香村，长椿街附近没有，只有坐车到安定门外了，安定门外桥有一家个人觉得最好的稻香村！</t>
  </si>
  <si>
    <t xml:space="preserve">请教一下000936后市怎么操作？日本地震对纺织影响又会如何？ </t>
  </si>
  <si>
    <t>受到市场关注,走势强于指数；该股近期的主力成本为8.80元，股价在成本区上方运行，可保持部分仓位；股价处于上涨趋势，支撑位7.34元，中线持股为主；本股票大方向依然乐观</t>
  </si>
  <si>
    <t xml:space="preserve">积分怎么突然少了刚才不知道怎么回事我的积分莫名其妙突然少了？我只 </t>
  </si>
  <si>
    <t>额，可能有点不靠谱，但是有时候也会发生系统混乱的问题</t>
  </si>
  <si>
    <t xml:space="preserve">懂法宝的老大进来我法宝是千莲媚刚买来时候,是宝器,每增长一级加1 </t>
  </si>
  <si>
    <t>法宝归元后属性成长是不会变的.</t>
  </si>
  <si>
    <t xml:space="preserve">外挂使用着请进~为什么大家就不能~不用外挂呢?大家一起公平竞争不 </t>
  </si>
  <si>
    <t xml:space="preserve">这怎么能是扯淡呢你的素质也高不到哪去，就是小国人的眼光和看法所谓“个人自扫门前雪，休管他人瓦上霜”你是把你自己管好了，但是人家用挂级别高了，没准儿，你也就用了你想一直当个垃圾人儿？大家都没这么窝囊吧！当然我不是纯心批评你，但是你起码要提醒你周围的人不要用外挂，楼主能发表这些言论真的是难能可贵的！我支持~~~~~~~~~~~~~~~一百个支持，同时我保证提醒周围的人不用外挂，响应大多数人的号召，我在27区  天煞女   大家监督啊 </t>
  </si>
  <si>
    <t xml:space="preserve">ShStatEXE是哪个程序的启动项?我用优化大师查到ShSta </t>
  </si>
  <si>
    <t xml:space="preserve">shstat - shstat.exe - 进程信息进程文件： shstat 或者 shstat.exe进程名称： McAfee VirusScan Shstat  描述：shstat.exe是McAfee反病毒相关程序。出品者： Network Associates, Inc.属于：McAfee VirusScan系统进程： 否后台程序： 是使用网络： 否硬件相关： 否常见错误： 未知N/A 内存使用： 未知N/A   安全等级 (0-5): 0间谍软件： 否 广告软件： 否 木马: 否 </t>
  </si>
  <si>
    <t xml:space="preserve">李鸿章之死 </t>
  </si>
  <si>
    <t>“吾敬李鸿章之才，吾惜李鸿章之识，吾悲李鸿章之遇”。　　 　　 —— 梁启超：《李鸿章传》　　 光绪二十六年（1900年）7月，广州。　　 李鸿章走出竹轿，准备登船。这一年，李鸿章已经77岁。清廷这月又授了他直隶总督兼北洋大臣。几年的外官生涯，他本更清癯了，只这段北电频频，连续催着北上，今日看不只眼袋耷了下来，颊上的老人斑也更深浓了些。　　 入夏的广州，说不出的闷热难受，未到晌午，珠江岸边的蒙蒙水气就带了暑色。李鸿章北上的船早已备好，正靠在码头上。　　为防岸边水滑，下人们早放了竹阶。　　 “中堂，一路保重！”　　 “中堂此去，两宫一定回銮！”　　 “中堂······”大小官员们在他身后说着。　　 “多谢诸位。”李鸿章回转身来，隔了些距离，脸孔是看不清了，只凭着身形来辨个大概。谁说人不老，外官几年，视物是愈不清了。如今北京城，还不知是个什么模样，洋人不知会怎样开口。两宫回銮，说时容易，做时难啊。　　 送别声渐渐静了。　　 “总督大人，下官前来送行！哦，下官该死！是中堂大人！”忽然有个人风风火火的，行了礼。　　 定睛看那身形，李鸿章识得是南海知县裴景福，想是不知何故迟了。　　 “也怪不得你，就是这几日得的中堂。”李鸿章道，显是不愿多耽搁了。　　 “中堂，下官斗胆！有一问，不知可问不可问。”裴景福忙道。　　 李鸿章一楞，颔首同意。　　 “中堂，不知有何良策使洋人让些于我？”　　 “这个，”李鸿章微一迟疑，眉头一紧，花白的小胡须也跟着一动，“不能预料！李鸿章惟有竭力磋磨，展缓年分，尚不知做得到否？”李鸿章看了看裴景福，裴景福站得不太远，眉目益发看不清。江风微吹，李鸿章忽然有些伤感，此次离粤，不知几时能再回来，七十七，活得比孔夫子长了。“我尚有几年呢？”他慨然道，“做一日和尚撞一日钟，钟不鸣，和尚亦死矣！”　　　　 半个月后，上海。　　 李鸿章在寓所看着各国电文，经方陪着他。水路毕竟是快，轮船早几日就到了上海，李鸿章倒愿它多耽搁些日子，北京城到底怎样，洋人到底怎样，谁还没个准谱，沉住气多等等，总有好，没有坏。人老了，下得船来，身体便有几分不适。在寓所歇着也有几天了。当然，不适是真，但也没有十分，迁延一下，观望一下，看看到底京城事态也是真。　　 “父亲觉得上海如何？”经方问。　　 “还是江南好啊，不似广州大热，也不似京城大冷，离着家乡也近。”李鸿章道。　　 闲扯了几局风物，经方又道：“听说太后又来电要我们速速北上？” 　　 李鸿章呷了一口碧螺春，不答。　　 “父亲身体不适，北上不如在沪将息。”经方又道。　　 李鸿章看出今天儿子有话要说，他放下茶杯，看着经方。　　 “父亲，我看就不要再北上了，我们到沪为止方是良策。”经方道，“以免又成为替罪羊。当年马关为前车之鉴······” 　　 “北上是要北上的，残局总要收拾。”李鸿章随手抽出了一本书，无心的翻看着。　　 书中掉落一页诗稿，经方忙捡了递给李鸿章。 　　 “遍交海内知名士，去访京师有道人。”这不正是当年进京会试，在小舟上誊了的诗稿。　　 李鸿章拿了？点着了那几页纸。火苗翻卷着，迅速吞噬了纸上的墨字：“遍交海内知名士，去访京师有道人”，年轻时候的字是那么丰劲有力。李鸿章握纸的手有些灼痛，他把手一放，纸灰如黑蝴蝶般在空中飞舞，如同昔年梦里的京师。　　 “不用说了，明日启程北上。”李鸿章缓缓说道，　　 　　 光绪二十六年（1901年）9月7日，李鸿章代表大清国与11国签订了中国近代史上著名的不平等条约《辛丑条约》。　　 签字回来后，李鸿章在再一次大口吐血。血很黑。　　 医生来诊断过了。等经方和医生一道出了院子，李鸿章在榻上写着奏折：“臣等伏查近数十年内，每有一次构衅，必多一次吃亏。上年事变之来尤为仓促，创深痛巨，薄海惊心。今议和已成，大局稍定，仍希朝廷坚持定见，外修和好，内图富强，或可渐有转机。” 　　“必多一次吃亏”！盯着这六个字，李鸿章喟叹了一声。自觉连叹息都带着血腥气。数天不进饮食了，不觉得饥渴，也坐不起来，莫非真是大限已到？李鸿章心中一沉，顿了顿笔，“臣久经患难，今当垂暮，复遭此变，忧郁成疾，已乖常度。” “外修和好，内图富强”！说来易，做来难。自己的一生致力的愿望，如今写出来却只觉得下笔无力，渺渺茫茫。　　　　 一个月后，俄国公使？来到贤良寺。　　 “这是《道胜银行协定》，”？晃了晃手中的纸道。“恳清中堂大人签字。”　　 “家父缠绵病塌，恐不妥当。请公使改日再来。”经方斟酌着道。　　 “我要当面拜会中堂。”俄国公使径直走进里屋，经方拦不住他，只好跟着进去。　　 站在李鸿章的床头，俄国公使说着俄占中国东北的好处。李鸿章把眼睛闭上，不想再多说一个字。无非是要签字。签字，签字！一签字，就是血流成河，白银万两。但也不能争辩。与洋人争辩了一生，周旋了一生。争辩是不用了，但还要周旋。不能得罪洋人。他们正巴不得能“寻衅”。 　　 “大人现在气力不济，无力议事，烦请公使改日再来！”经方转头对俄国公使？说，眼睛血红，语气却和平。　　 俄国公使？一楞，看了看李鸿章的情形，转身往外走。李家大乱，自然也无人顾得送他。忽然，他转过身道：“中堂走了以后，绝不与中国为难！”　　 “中堂！俄国人说了，中堂走了以后，绝不与中国为难！” 仿佛听见有人在哭叫。　　 “俄国人说的，也是能当真的？”有了一点气力，李鸿章睁开眼睛，他想说。　　 “ 中堂不能就这么走了！两宫不久就能抵京了！” 　　 “未了之事，我辈可了，请中堂放心！”是有人在哭叫。　　 “你辈之中有谁可了，经方吗？”李鸿章觉得自己在问，眼睛却无力再睁着了。　　 好在两宫不久就能抵京了。　　 恍惚间，俾斯麦略带了同情的蓝眼睛又在炯炯地看他。　　 那个和他年龄相仿的俾斯麦。　　 “我欧人以能敌异种者为功。自残同种以保一姓，欧人所不贵也。”　　 “苟为大臣，以至诚忧国，度未有不能格君心者，惟与妇人孺子共事，则无如何矣。”　　 终于可以直抒当时默然时胸臆。　　 俾斯麦，青史记住普鲁士战胜丹麦，普鲁士战胜奥地利，普鲁士战胜法国，普鲁士统一成霸业，青史评你是铁血宰相，你取得了伟大的成就，回顾以往也应很自傲。青史却会如何记我评我！《马关条约》、《中俄秘约》、《辛丑条约》，签字，签字！可是，俾斯麦，若我当得是你的德国，又是另一种说法。你说我过于低估了自己，告诉我一个政治家应该有充分的自信。我李鸿章幼怀兼济之志，一世大臣，官至中堂，何曾不至诚忧国，岂是不谙纵横捭阖之道，岂是失计亲豺虎，乃是中国有若弱羊，国国皆豺虎，图食弱羊，弱羊如何于豺虎之间纵横捭阖！　　 惟与妇人孺子共事，则无如何矣！　　　　只是当时，唯有默然。　　 “我来正当秋雨节。”平生千万诗书在腹中，而今记得的，却是这幼年时读过的韩愈的诗。　　 1901年11月7日，李鸿章走完了他78岁的人生历程，没有人听见他离去时的叹息。 　　 李鸿章死讯传到大清国皇太后慈禧的时候，她正在回銮路上，黄河岸边的辉县。和也议了，款也赔了，毕竟要回北京城了，这就是好。李鸿章说得不错，“每有一次构衅，必多一次吃亏。”可是洋人总是等着寻衅，如何处处躲得过！是该再好好奖赏一下李鸿章，洋人只认得他，下次，下次的下次，不还要靠他吗？可是，李鸿章却死了，“太后及帝哭失声”，他们说大清国犹如“梁倾栋折，骤失倚侍”。他们哭大清失去了惟一能够与洋人周旋的人。　　只是周旋。　　 此时，洋务已经过去40年，戊戌变法过去了3年。而中国大地，残阳正如血。　　 李鸿章有子三：嗣子经方；嫡子经述袭一等侯爵；庶子经迈。　　李鸿章后归葬合肥，晋封一等侯，谥文忠，有《李文忠公全集》传世。谥号，是中国君主政治时代的朝廷对死后的帝王、诸侯、重臣的一个终生评语。“文”谥号，是经纬天地的褒扬；“忠”谥号，是一生品德高尚的褒扬。　　 古今中外对他的一生亦自有评说。　　 梁启超说：“一时言富强者知有兵事，不知有民政；知有外交，不知有内治；知有朝廷，不知有国民；知有洋务，不知有国务。”　　德国人说：他长期主持外交政策，是中国现代化的先驱者。　　日本人说：李鸿章知西来大势，识外国文明，想效法自强，有卓越的眼光和敏捷的手腕。　　 美国人说：以文人来说，他是卓越的；以军人来说，他在重要的战役中为国家作了有价值的贡献；以从政来说，他为这个地球上最古老、人口最多的国家的人民提供了公认的优良设施；以一个外交家来说，他的成就使他成为外交史上名列前茅的人。　　 这些，李鸿章都听不到，他无法同意也无法争辩。他成了一只历史的标本，注定在当时的秋雨之时。</t>
  </si>
  <si>
    <t xml:space="preserve">夏天用凉水洗澡到底好不好？ </t>
  </si>
  <si>
    <t>俗话说：“要想身体好，每天冷水澡”。很多人洗过冷水澡之后都觉得神情气爽，甚至一年四季坚持洗。那么，洗冷水澡到底好不好呢？ 对于大部分人来说，如果洗冷水澡的方法正确，是有利于健康的。这是因为，刚开始洗的一两分钟，会使皮肤表皮收缩，血液流向内脏，但两三分钟后，身体适应了这种温度，血液会重新分配，回流到皮肤表皮，整个过程就像给血管做“体操”一样，不仅可以增强抵抗力，还会增强血管弹性、预防动脉硬化。其次，用冷水洗澡，神经系统明显受到刺激，导致心跳加快、呼吸加深、血流加速，既能促进新陈代谢，还会使皮肤变得柔软、有弹性。此外，洗冷水澡还有助于增强消化功能，对慢性胃炎、胃下垂、便秘等病症有一定的辅助治疗作用。 不过，为了最大限度地“享受”洗冷水澡的好处，应采取、合理的方法，具体来说有以下几点：从夏天开始，一直坚持下去，循序渐进；每次洗冷水澡前先做做“热身”运动：用手揉搓皮肤数分钟，感觉发红、发热为止；洗澡时，先往四肢部位“浇”水，数分钟后再冲胸、背部，让身体有个逐渐适应的过程；水温不要过低，以5℃—25℃为宜，时间也不宜过久，10—15分钟左右即可，最长别超过半小时。另外需要注意，剧烈运动后不要洗冷水澡，因为这时体表的毛细血管扩张，如果突然“遭遇”冷水，会增加心脏负担，引发心慌、气短、头晕等不适；在洗澡过程中，如果出现皮肤持续变白、头昏等症状，要立即停止，以免发生意外。 冷水澡并非人人适宜，以下人群在洗冷水澡时就应该“悠”着点：婴幼儿及60岁以上的老人最好不要洗，女性在经期、孕期不要洗，平时水温也要避免过低；因长期持续加班或生病而导致免疫力较差的人，细菌和病毒容易趁虚而入，引起感冒、咽喉炎等疾病；对冷水敏感者也不宜洗，否则会起疹子；高血压患者洗冷水澡，会使血压升高，甚至导致脑血管出血、中风、昏迷等；心脏病患者洗冷水澡，会加重心脏负担，诱发心绞痛、急性心肌梗死甚至猝死；风湿病、坐骨神经痛患者受冷水刺激会加重局部疼痛，也不宜洗冷水澡。</t>
  </si>
  <si>
    <t xml:space="preserve">请问大哥们：50ETF基金买进后能在第二天随时赎回吗，操作是否和? </t>
  </si>
  <si>
    <t xml:space="preserve">    上证50ETF的赎回一般不对中小投资者开放，申购、赎回的前提是资金50万以上，且要在交易所和TA系统中拥有双帐户，对普通投资者来讲是不可能实现的。而且赎回后得到的不是现金而是50只股票也称一篮子股票，这对今后的卖出也是有相当难度的，且有的股可能数量较少，那你承担的手续费也是承担不起的。     所以对中小投资者来讲，并不存在申购和赎回，而是把它当成基金一样进行买卖，方法和手续费跟普通的封闭式基金一样。</t>
  </si>
  <si>
    <t xml:space="preserve">求个做电子书的软件我想找个制作电子书的工具．是那种能制作出专门看 </t>
  </si>
  <si>
    <t xml:space="preserve">制作电子书的也很多，而且制作不同格式的电子书所选择的软件也不同。 火速链接：谁是个中高手?九大电子书制作工具横评 现在我们用网文快捕来做第一本电子书： 软件名称：网文快捕(CyberArticle) 软件版本：V4.01 软件大小：5367K 授权方式：破解版 下载地址1：  下载地址2：ftp://ftpanonymous:arongsoft@159 ... /CyberArticle@4.rar 网文快捕是一款非常优秀的国产共享软件，用它可以很方便地保存和管理网页，同时还是一个非常实用的电子书制作工具。运行CyberArticle.exe后，点击工具栏上的"文件"-"导入"-"从文件夹导入"(或按Ctrl+Alt+F)，选择制作电子书材料所在的文件夹， 从这里可以看到，电子书支持很多类型的文档，txt,html,flash，甚至程序源代码文件等，但我们现在只是用最基本的txt文本做材料。点击下一步可以选择需要导入哪些文件，再点下一步导入完成。 在左边的资源管理器窗口里可以看到文件列表的目录树，你可以调整一下它们的文件名和排列顺序，然后在右边的窗口里可以预览文本内容，也可以切换到"编辑"或"源码"选项对文本进行编辑。 最后，点击"文件"-"制作电子书"-"制作电子书(*.EXE格式)…"或"制作电子书(*.CHM格式)…"，分别制作exe和chm格式的电子书，设置好一些选项后，点击"制作"，很快地，一本电子书就做好了，简单而快速。 三.制作更精美的电子书： 上面用网文快捕做电子书虽然很方便也很快(同时可以制作出exe和chm两种格式的电子书)，但是这样的电子书不是特别精美，而且功能也不强。 这时我们可以用eBook Edit Pro、eBook workshop、eBook Pack Express等专业电子书制作软件来制作更漂亮的电子书。推荐用国产的eBook workshop(e书工场): 软件名称：e书工场 软件版本：V1.4 软件大小：1785K 授权方式：注册版 下载地址：  ... &amp;pn=0&amp;.html 注册码：Name:ASWordCode：719FBF71-353B4344－B70CB1A9 用e书工场可以制作出界面非常漂亮，功能很强大的exe格式电子书来。下载安装后打开e书工场， 首先将选择要制作电子书的文件目录，然后在"目录"里将需要的文件添加进来，注意一定要把文件添加到中间的列表框中来，可以直接点击"从文件夹创建"或将文件一个一个拖过去。然后可以调整它们的顺序，最上面的是电子书的首页(就是一打开电子书首先看到的那一页)。 然后可以在其它选项卡中设置"闪屏"、"界面"、"图标"、"工具栏"等，e书工场提供了非常强大的定制功能，可以打造一个很有个性的界面和功能。 最好点击"保存"，将工程保存好后，点击"编译"，就可以编译出exe格式的电子书了。 注：e书工场有个很大的不足之处，就是导入的文本不能自动换行，导致做出的电子书阅读极不方便。所以最好不要直接导入文本，而是应该先转换成网页，再制作。这样不仅可以避免这个问题，还能做出更好看的电子书来。 四. 更上一层楼制作更好的电子书 这部分要求你要稍微了解一点网页制作方面的知识。 其实电子书就是将很多网页打包成一个可执行文件(txt文本也可看成是最简单的一种网页形式)，所以我们只要将材料先做成一些网页，然后再用e书工场等软件将其制作成电子书。 我们可以用软景HTML制造机来帮我们快速制作网页： 软件名称：软景HTML制造机 软件版本：V3.0 软件大小：1966 KB 授权方式：免费版 下载地址：  ... own/HtmlBuilder.exe 它的功能就是能将文本批量转换成网页，这些网页是带索引文件、"上一页"、"下一页"链接的HTML文件群。下载并安装软件后运行主程序， 先点击"添加"，导入要转换的文本。接着选择分篇的方法(就是选择如何分割文本的问题，该问题有些复杂，请参看软件自带的帮助文件，上面说明得比较清楚)然后选一个网页模板，最后点击"开始"就可以输出网页了。(如何将文本和图片一起输入为网页亦参看软件帮助文件) 输入的许多网页中，有一个文件名为 m的网页是目录索引页，做电子书时可以将该页面做为"首页"。另外，你可以用Frontpage、Dreamwaver等网页制作工具对这些网页进行加工和修改。完成后即可按上面介绍的步骤来制作电子书了。 上面提到的几款软件因为是中文界面，加上操作也比较简单，就不再多介绍了。自己慢慢使用，很容易上手的。至此，我们已经学会如何制作自己的电子书了，如果还想继续学习电子书制作技术以及获取更多的电子书资源，可以登录各大电子书网站，如比较有名的几个： 书吧  E书时空  我爱book </t>
  </si>
  <si>
    <t xml:space="preserve">脑梗死患者怎样食冬虫夏草？前年检查出来的，现在感觉脑子是空的，感 </t>
  </si>
  <si>
    <t>冬虫夏草属于中药，可能对免疫系统有调节作用，对脑血管病没有治疗价值。</t>
  </si>
  <si>
    <t xml:space="preserve">地理问题梯田是什么作用形成的喜马拉雅山呢 </t>
  </si>
  <si>
    <t xml:space="preserve">【成因】 元阳哈尼族梯田之所以如此壮丽和独特，首先是大自然特殊结构所造成的。元阳位于云南省南部，而云南省地形分布的特点是西北高、南部低，从滇西北的中甸、丽江经大理、楚雄到到滇南的思茅、版纳、红河、文山，海拔渐渐下降，形成了滇西北高海拔地区常年无夏的寒温带、寒带气候类型和滇南低海拔地区全年无冬的亚热带、热带气候类型。从滇西北到滇南，随着海拔下降，立体气候越来越显著，降雨量也越来越大。全省降雨量最大的就是红河南岸哈尼族聚居地区，降雨量竟达到年均1397.6mm，相应的稻作农耕越来越密集，旱地耕作越来越减少。这就使从滇西北的怒江、澜沧江、长江水系到滇南江河水系流域，梯田稻作文化越来越发达，并最终在红河南岸哀牢山南段哈尼族地区形成全省、全国最集中、最发达的梯田稻作区的地理构成环境。 其次，哀牢山特定的地形、气候等自然条件也决定了元阳哈尼梯田必然形成为最壮丽、独特的奇观。元阳的地貌特征是山高谷深，沟壑纵横，多为切割中山地类型，即县内众山在亿万年中被红河、藤条江水系深度切割，中部突起，两侧低下，鸟瞰全境，山地连绵，层峦叠嶂，地形呈“V”形发育，高下之间，壮观异常。境内最低海拔为144米，最高海拔为2939.6米，海拔高差2795.6米。县内气候多属亚热带季风类型，但因地形复杂差悬殊，立体气候突出。河坝区年均温度25度，最高气温42度，高山区年均温度11.6度，两区温差达13.4度。在由河坝经下半山、上半山到高山区的行程中，要经历热带、温带、寒带的变化，正所谓“一山分四季，十里不同天”。河坝峡谷因其酷热干旱素称“干热河谷区”，高山区因低温降雨量大称为“阴湿高寒区”。河坝区蒸发量大，高山区云雾密度大、降雨丰富。境内以红河、藤条江两大干流为主的水系共有支流29条，总长700余公里，水资源总量为26.9亿立方米，地表为20.81亿立方米，地下水6.09亿立方米，可利用1.47亿立方米，这些江河就是元阳所有水源的总源头。低纬度干热河谷区常年出现的高温使江河之水大量蒸发（如南沙地区最大蒸发量1995年竟达2306.5mm)。巨量水蒸汽随着热气团层层上升，在高山“阴湿高寒区”受到冷气团的冷却和压迫，形成元阳年均雾期180天和年均降雨量1397.6mm的状况，这也是为什么元阳上半山地区终年大雾笼罩，降雨极其丰富，云海格处神奇壮丽的原因。 全县有63958.4公顷森林，其中东西观音山有18167.6公顷原始森林，分布各山各岭的原始和次生林森林尚有45790.8公顷，这些森林构成了巨大的天然绿色水库，它们涵养的巨量水份在高山上形成了无数条小溪、清泉、瀑布和龙潭，提供了全县所有梯田、旱地用水和全部人畜用水。可谓“山有多高，水有多高”。 元阳县共居一山的七个民族大致说来是按海拔高低分层而居的，海拔144米到600米的河坝区，多为傣族居住；600米到1000米的峡谷区，多为壮族居住；1000米到1400米的下半山区，多为彝族居住；1400米到2000米的上半山，多为哈尼族居住；2000米以上的高山区，多为苗、瑶族居住；汉族多居住在城镇和公路沿线。哈尼族居住的上半山，气候温和，雨量充沛，年均气温在15度左右，全年日照1670小时，非常适宜水稻生长，故哈尼族先民自隋唐之际进入此地区就已开垦梯田种植水稻，在此1200多年间，哈尼族倾注了数十代人的心力，发挥了惊人的智慧和勇毅垦殖梯田。同时，哈尼族等民族还发挥了巨大的天才各创造力，在大山上挖筑了成百上千条水沟干渠，已建成骨干沟渠4653条，其中，灌溉面积达50亩以上的有662条。条条沟渠如银色的腰带，将座座大山紧紧缠绕，大大小小沟箐中流下的山水被悉数截入沟内，这样就解决了梯田稻作的命脉——水利问题。哈尼族以数十代人毕生心力，垦殖了成千上万梯田，将沟水分渠引入田中进行灌溉，因山水四季长流，梯田中可长年饱水，保证了稻谷的发育生长和丰收。哈尼族垦殖梯田的想象力令人惊绝，其随山势地形变化，因地制宜，坡缓地大则开垦大田，坡陡地小则开垦小田，甚至沟边坎下石隙之中，无不奋力开田，因而梯田大者有数亩、小者仅有簸箕大，往往一坡就有成千上万亩。这一景观构成了千奇百态变幻莫测的天地艺术大交响乐，成为举世瞩目的梯田奇观。 </t>
  </si>
  <si>
    <t xml:space="preserve">结婚的日子是算登记的那一天还是请酒的那一天？ </t>
  </si>
  <si>
    <t>民间说法是办意仪式的那一天，因为那天才有事实。但现在也无所谓了，我愿意把结婚证上的日期当做结婚纪念日，但别人都以为结婚仪式那天是纪念日，看你怎么理解了。</t>
  </si>
  <si>
    <t xml:space="preserve">哪里可以定制高档鳄鱼皮具~高档礼品~！ </t>
  </si>
  <si>
    <t>貌似SSJD上启的就可以定制~而且SSJD的鳄鱼皮具质量都不错~~在淘宝卖的挺火的~！</t>
  </si>
  <si>
    <t xml:space="preserve">不该爱他！我爱上了我的上司,一个有家的男人,他非常优秀。确切的说 </t>
  </si>
  <si>
    <t>其实你该考虑自己是不是该找个男朋友了!你的上司终归是个有家庭的人,你知道他是个正人君子那么你更应该知道你们不会有结果!你也是个聪慧贤德的女人,那么你就该考虑这个感情你只能够埋在心里!虽然他明白你对他的爱,但他还是什么都不能为你做,为你付出,因为他是有家庭的人!你们之间也不能算是暧昧!因为毕竟你没有对他明说你爱他,而他也没有捅破这层纸!把这段爱放进自己的心里!从新寻找属于自己的幸福吧!暗恋是最纯真的!不要把最纯真的这份爱破坏掉吧!开始自己新的生活!知道自己忘不了他就把他放进自己心灵最深处吧!</t>
  </si>
  <si>
    <t xml:space="preserve">我和老公想取个很情侣化的网名，他叫冷雨，请大家帮我，我该叫什么呢? </t>
  </si>
  <si>
    <t>你叫“暖风”很合适。</t>
  </si>
  <si>
    <t xml:space="preserve">四道化学题，高二的，求过程步骤谢谢你啦！写下过程吧。等你写的好了 </t>
  </si>
  <si>
    <t>1；铁粉与氧气反应生成三氧化二铁，自己去算，2；不能存在Cu2+，Ag+，金属活动顺序表，排在氢后面的不行，碳酸氢根离子，OH-，会与Al3+生成沉淀的，硝酸根离子不行，氧化性太强，只有Mg2+，H+，硫酸根离子可以3；先加氢氧化钠，沉淀，再过滤，用硫酸溶解，再加铁粉，离子方程式自己去写。4，既然有NO2放出，那么反应后生成的盐只为Fe(NO3)3 ，</t>
  </si>
  <si>
    <t xml:space="preserve">你们饿吗？我怀孕25周了，每天也不觉得饿，饭量也不大，每天三顿饭 </t>
  </si>
  <si>
    <t>每人不一样.看情况啊.</t>
  </si>
  <si>
    <t xml:space="preserve">为什么我的麦!安装好了对方却听不见我的声音?我的麦已经安装好了! </t>
  </si>
  <si>
    <t>很简单。有时候系统会出错，你重装系统就行了，我上次就是这种情况！</t>
  </si>
  <si>
    <t xml:space="preserve">做梦，高人来帮我解梦。今天下午累得不行了玩了会电脑，然后睡觉，然 </t>
  </si>
  <si>
    <t>周公解梦 之 梦见龙梦见龙代表你身边有人会升官发财，而你获得他人的信任。梦见乘龙入水有贵位。梦见龙眠水中求事通。梦见龙当门者大吉昌。梦见龙死亡主失贵位。梦见乘龙上山所求遂。梦见龙入井中官被辱。梦见龙飞有官位大贵。梦见乘龙上市主贵位。梦见龙蛇入门主得财。梦见龙蛇入灶有官至。梦见妇人见龙生贵子。梦见龙蛇杀人主大凶。梦见蛇化龙行贵人助。周公解梦 之 梦见念经梦见念经，吉兆，预示着自己非常有佛缘。希望您多看看佛书。珍惜佛缘！祝你一切都好！</t>
  </si>
  <si>
    <t xml:space="preserve">小学奥数实验小学举行数学竞赛,把成绩排名后,前5名的平均分比前3 </t>
  </si>
  <si>
    <t>设前三名的平均分为x，则前五名的平均分为x-1,前七名的平均分为x-3第四名和第五名的总得分=前五名的得分-前三名的得分=5*（x-1）-3*x=2x-5同理第六和第七名的得分=前七名的得分-前五名的得分=7*（x-3）-5*(x-1)=2x-16二者的差为11</t>
  </si>
  <si>
    <t xml:space="preserve">如果卖自己的器官的话会犯法吗? </t>
  </si>
  <si>
    <t xml:space="preserve"> 对于私售人体器官，这种行为不仅有违道德，且于法不容。我国的民法、刑法中虽然没有禁止人体器官买卖的明确规定，但按照国际法通用原则，买卖人体器官是绝对不允许的。世界上一些发达国家为了禁止人体器官买卖，已立法加以限制。买卖人体器官如果不被禁止，必然会有人从中渔利，从而导致严重的社会问题，甚至会产生犯罪。人体的器官和人的生命具有同等重要的法律意义，因而出卖自己的器官和伤害人的生命一样是违法的。目前在我国，人体器官只能协议捐赠，不能买卖。 </t>
  </si>
  <si>
    <t>公布电信1骗子车队</t>
  </si>
  <si>
    <t>红旗的垃圾本来就多,排名第一又怎么样,可是都是些垃圾,车队战也没有看见他们拿什么名次.队长更垃圾,刷记录都要枪手.</t>
  </si>
  <si>
    <t xml:space="preserve">斥候带来的情报怎么看？我派斥候去侦查咋找不到情报？ </t>
  </si>
  <si>
    <t>可能是别人的斥候比你多 所以看不到</t>
  </si>
  <si>
    <t xml:space="preserve">选择题1.玻璃杯掉在水泥地上比掉在草地上容易打碎，只是因为掉在水 </t>
  </si>
  <si>
    <t>第2个对。1.F*t=m（v2-v1）,玻璃杯掉在草地上时缓冲或作用时间长，即t比较大，所以掉在草地上的冲量小于掉在水泥地上，则掉在水泥地上易碎。动量改变是一样的，因为玻璃杯在空中掉下的过程中受力是一样的。3.合外力对物体冲量不为零则合外力一定使物体的动量变化，但动能不一定变化，比如合外力仅改变了物体的速度方向，没有改变大小。4.弹簧振子经过速度为零，势能最大的点时，动能和动量都为零。</t>
  </si>
  <si>
    <t xml:space="preserve">股票中多空是什么？ </t>
  </si>
  <si>
    <t xml:space="preserve">看多”的意思是：某某股票被看好，市场预测它上涨，投资者愿意购入。反之，“看空”的意思是：某某股票被看贬，市场预测它下跌，投资者愿意抛售。 </t>
  </si>
  <si>
    <t xml:space="preserve">请教什么时候可以查配号？如果中签怎样购买？什么时候开始上市交易？ </t>
  </si>
  <si>
    <t>一般3天就可以查配号了，如果中签在上市第一天就可以卖出或者持有，在相关网站就有公布上市日期。</t>
  </si>
  <si>
    <t xml:space="preserve">无形资产研发过程中发生的业务招待、汽车耗费可以资本化吗？在研发过? </t>
  </si>
  <si>
    <t>无形资产在研制过程中，一般是直接入当期损益的比如管理费用、营业费用、财务费用只有申请费（专利、商标）、购买费可以入无形资产不过你要非要入，问题也不大他的意思是说，如果开始样机试制，甚至是开始销售时候做的样品，可以进行资本化，所以一般是计入当期损益的，很少资本化</t>
  </si>
  <si>
    <t xml:space="preserve">平板电脑里，有没有什么性价比比较好的呢？ </t>
  </si>
  <si>
    <t>推荐E人E本，很好用，性价比比较高，和市面上一些平板电脑相比，它也是目前比较成熟的平板电脑之一。E人E本的商务功能很强，正好符合你不想要太娱乐的需求。E人E本是一款不错的商务型手写平板电脑，用的是Android2.1开源的操作系统平台，可以用WIFI、3G、有线等三种上网方式，选择比较自由；原笔迹手写功能是其最大的特色，支持记事本、邮件等核心商务应用。除此之外，office办公、电子地图、股市行情查询、个人理财等多种商务功能也不在话下。电子书方面，E人E本不仅内置了1000多本图书，而且提供万余种书报杂志在线下载，对我们这些喜欢免费下载的人来说就是再好不过的啦。我个人喜欢的是他的电池续航能力很强，能用将近十个小时呢，这样每天使用时就没有后顾之忧了。当然，除了商务应用之外，娱乐游戏之类的也是没问题的，E本网上商城有很多的应用可以下载。另外，Android系统中传统的九点图像密码和指纹识别密码双重加密，也可以让信息更加的安全，如果你想用平板电脑来办公的话，那么E人E本还是很适合你的。</t>
  </si>
  <si>
    <t xml:space="preserve">无名的旅人能用就职保证书刷声望么多少才可以刷啊 </t>
  </si>
  <si>
    <t>（1）可以刷！只有有职业的人物才可以积累声望，没有职业的游民也有这个声望，因为无名的旅人的声望值是0，根本不用积累，所以连游民都会有的（2）但是。。。。。。。如果你从无名的旅人开始刷声望，也就是声望值从0开始就用保证书刷声望，可以烧到的声望值=（转职前）的声望值+（转职后）的声望值=（转职前）声望值的1。5倍，最大的就是前进一个声望4/4的进度。至于转职保证书突破的声望上限，不是每一个阶段都是一样的。有3/4也有4/4，甚至1/2的。 从呢喃到月影 月影到春风者一段声望基数太小了，只能刷到3/4，甚至1/2，而风云以后，声望基数变大了，就可以刷到4/4了。 比如风云（转前）+月影（转后）的就可以冲上4/4。 而月影（转前）+呢喃（转后）只能上3/4了。 你旅人就用保证书，刷到的可能只有1/2。</t>
  </si>
  <si>
    <t xml:space="preserve">里昂就是前几天的沙特阿！想赢赢不了操德雷那个黑巴，号称巴神，浪费 </t>
  </si>
  <si>
    <t>足球就是个游戏，楼主心态好点哦</t>
  </si>
  <si>
    <t xml:space="preserve">作为高端MPV，和畅的动力如何？请高手指点。在网上了解了一些和畅 </t>
  </si>
  <si>
    <t>楼上的回答很给力呀，说到根本了。我小小补充一下，和畅采用的确实是2.0TCI涡轮增压发动机，这种发动机最大的特点就是提高发动机进气量，从而提高功率和扭矩，让车子更有劲。据测算，一台发动机装上涡轮增压器后，最大功率可增加40%甚至更高。和畅的发动机排量为2.0L，意味着能达到普通发动机2.8L的排量，但是油耗却比2.0L的高不了多少。虽说买得起和畅的都不差钱，但是节能减排也是一种责任呀，别克GL8等高端MPV也都用涡轮增压发动机。另外，和畅配有6MT变速箱，算是目前国内在销商务车里很先进的，新款马自达8才4档变速，大众途安5档变速。</t>
  </si>
  <si>
    <t xml:space="preserve">哪个亲知道陕西广播电台FM90.4是什么频道啊？ </t>
  </si>
  <si>
    <t>是交通广场吧新闻广播频率西安电台新闻广播频率AM810 FM90.4 知天下事 听801在线收听FM90.4 西安新闻广播西安电台新闻广播频率AM810 FM90.4 知天下事 听801</t>
  </si>
  <si>
    <t xml:space="preserve">我的睾丸疼痛是得了睾丸炎吗? </t>
  </si>
  <si>
    <t>答：丸痛多由于睾丸炎和损伤引起，睾丸损伤有明确的外伤史。睾丸炎除血行感染外，更常见的是细菌经尿道逆行至附睾和睾丸，造成附睾炎，睾丸炎，还可见于性生活后，棈鎍静脉曲张，前列腺炎，输尿管结石等。因此，希望您老公重视，尽早到医院就诊，明确诊断，然后选择合理的治疗。托起阴囊，避免性生活。答：男性朋友出现了睾丸疼痛后，比较好高度的重视，避免男性疾病的影响。睾丸疼痛是发炎了吗?男性患有了睾丸炎后，会由于炎症的影响，使男性朋友出现睾丸肿胀、疼痛。此外，还会导致男性朋友出现发热、畏寒 、恶心、呕吐等病症表现。　　出现了男性睾丸炎会引起男性睾丸疼痛外，其他的一些疾病也会导致男性睾丸疼痛。所以，出现了睾丸疼痛后，男性朋友一定不要盲目的进行治疗。导致男性睾丸疼痛的原因，还包括慢性前列腺炎引起的放射性疼痛、精囊炎引起的放射性疼痛。男性的睾丸损伤、睾丸扭转等情况，也会导致男性朋友出现睾丸疼痛。答：以引起睾丸疼痛的因素是比较多的，如睾丸炎、睾丸肿瘤、睾丸囊肿、睾丸鞘膜积液、附睾炎、棈鎍静脉曲张、精囊炎、前列腺炎等都可以引起睾丸疼痛的症状的。睾丸是男性的重要生殖腺体，睾丸有问题的话是会直接影响到以后的生育及性功能的。疾病 都是不断在发展的，建议您结合相应的检查明确诊断后针对性的进行治疗，尽早康复。</t>
  </si>
  <si>
    <t xml:space="preserve">公务员中的常识判断下列哪项行为属于行政处罚?选哪个,为什么?A市 </t>
  </si>
  <si>
    <t>　　根据解释：行政处罚也称“行政罚”，是指特定的行政主体对被认为违反行政法律规范的公民、法人和其他组织所给予的一种制裁。     一般来说，只要公民、法人或者其他组织实施了违反行政法律规范的行为，拥有行政处罚权的行政主体就应当对其实施行政处罚，以维护正常的社会公共秩序。故选项中我认为只有Ａ才是符合的选择ＢＣ的主体不合，Ｄ的征收滞纳金谈不上是行政处罚．</t>
  </si>
  <si>
    <t xml:space="preserve">lvpalermogm4015和4016型包的价格和原产地 </t>
  </si>
  <si>
    <t xml:space="preserve">不好意思，7310帮不上你忙..也许你可以好好利用下搜索  ..去yahoo，去google啊.7310..呵呵..当然。也希望你可以帮我 7310当然，看 </t>
  </si>
  <si>
    <t xml:space="preserve">怎么开通网上银行？我想开通网上银行，是不是所有的银行卡都可以开通 </t>
  </si>
  <si>
    <t>恩！！ 到营业厅去办理就可以了！现在农行的事50块！现在的网银安全性不错！办理了后他会给你个U盘！保证安全性的！！！</t>
  </si>
  <si>
    <t xml:space="preserve">为什么QQ会突然说要发送错误报告的？为什么我自从装了传美QQ后， </t>
  </si>
  <si>
    <t xml:space="preserve">在QQ中，每一个号码登录后的资料存储位置都是独立的(即存放在QQ安装目录下以QQ号码命名的文件夹下)。有时因为程序错误或版本升级过程中出现了一些问题而导致部分本地QQ账号数据受到损坏。而在登录此QQ号码时，QQ会首先读取本地的该账号数据，如果数据格式异常则会发生登录失败或者QQ错误退出的情况。解决方法是:在QQ安装目录下删除以该号码命名的文件夹，重新登录QQ。 </t>
  </si>
  <si>
    <t xml:space="preserve">封面的图片该去哪里找啊，可以直接百度吗大家好，我是新手，我想知道 </t>
  </si>
  <si>
    <t>百度确实很多~你可以去下吧、酷站、宜搜等网站去找找~那里很多的~还有矢量图~素材等~望采纳~详细</t>
  </si>
  <si>
    <t xml:space="preserve">以个人名义投保什么时候买最好?我想以个人名义投社保与医保,但不知 </t>
  </si>
  <si>
    <t>其实如果你的经济条件如果宽裕的话，你现在就可以缴交，因为退休金水平的高低与缴费年限和缴费数额直接挂钩，即缴费时间越长、缴费金额越多，养老金水平也越高。1.参保人员缴纳基本养老费至法定退休年龄为止，除了参保人员享受最低生活保障期间、领取失业保险期间等政策规定可以不缴纳养老保险费外，参保人员都应按规定缴纳养老保险费，到达法定正常退休年龄则按规定计发养老金；2.缴费年限包括视同缴费年限,缴费年限达到15年是办理退休按月享受养老待遇的基础; 看来你对社会养老保险缴费15年的问题的理解也不全面啊!! 虽然养老保险有15年,退休后就可以按月享受养老金待遇的说法,但办理退休手续仍然是按照国发(1978)104号文件规定,即退休年龄一般是男60岁,女工人50岁,特殊工种提前5年. 3.对“养老保险缴费满15年”情况的理解: “养老保险缴费满15年”这是办理退休并享受按月领取养老金待遇的必要条件之一（缴费不满15年的将一次性结算）。退休金水平的高低与缴费年限和缴费数额直接挂钩，即缴费时间越长、缴费金额越多，养老金水平也越高，差别主要在于个人帐户养老金部分，中断缴费的时间不计作缴费年限。试举例做比较：假设缴费基数每月为1000元（不考虑缴费基数调整和利息等因素），缴费年限30年计算的个人帐户养老金每月为：[1000元×11%×12（月）×30（年）]÷120=330元。如果缴费年限为15年，则计算的个人帐户养老金每月为165元。两者相差一半，如果考虑利息等因素，则差额更大。 4.知道现在的养老保险政策,就会大致清楚以后的待遇了.看看最新的养老保险政策会更清楚些:国务院2005年12月3日发布的&lt;&lt;国务院关于完善企业职工基本养老保险制度的决定&gt;&gt;（国发〔2005〕38号）文件规定:城镇各类企业职工、个体工商户和灵活就业人员都要参加企业职工基本养老保险。城镇个体工商户和灵活就业人员参加基本养老保险的缴费基数为当地上年度在岗职工平均工资，缴费比例为20％，其中8％记入个人账户，退休后按企业职工基本养老金计发办法计发基本养老金。改革基本养老金计发办法。为与做实个人账户相衔接，从2006年1月1日起，个人账户的规模统一由本人缴费工资的11％调整为8％，全部由个人缴费形成，单位缴费不再划入个人账户。同时，进一步完善鼓励职工参保缴费的激励约束机制，相应调整基本养老金计发办法。 《国务院关于建立统一的企业职工基本养老保险制度的决定》（国发〔1997〕26号）实施后参加工作、缴费年限（含视同缴费年限，下同）累计满15年的人员，退休后按月发给基本养老金。基本养老金由基础养老金和个人账户养老金组成。退休时的基础养老金月标准以当地上年度在岗职工月平均工资和本人指数化月平均缴费工资的平均值为基数，缴费每满1年发给1％。个人账户养老金月标准为个人账户储存额除以计发月数，计发月数根据职工退休时城镇人口平均预期寿命、本人退休年龄、利息等因素确定。 国发〔1997〕26号文件实施前参加工作，本决定实施后退休且缴费年限累计满15年的人员，在发给基础养老金和个人账户养老金的基础上，再发给过渡性养老金。各省、自治区、直辖市人民政府要按照待遇水平合理衔接、新老政策平稳过渡的原则，在认真测算的基础上，制订具体的过渡办法，并报劳动保障部、财政部备案。 本决定实施后到达退休年龄但缴费年限累计不满15年的人员，不发给基础养老金；个人账户储存额一次性支付给本人，终止基本养老保险关系。</t>
  </si>
  <si>
    <t xml:space="preserve">男朋友是司机,怕他患上司机的“职业病”(性功能障碍),应怎样预防? </t>
  </si>
  <si>
    <t>一般不会的，关键是平时让其一不要憋尿，二时间长了从车里出来活动活动。可避免得前列腺炎等泌尿系疾病。通过食补来调节性功能，自古有之，但至今尚不能为的研究所证实。　　我们姑且站在传统观点的基础上，从维持和调节性机能的角度，来看看食物在这方面的"作用"：　　1、优质蛋白质：含有参与生殖细胞构成的氨基酸(如精氨酸等)，主要来自鸡蛋、牛奶、鱼、瘦肉等食物；　　2、膳食胆固醇：在一定程度上参与了性激素的构成，主要来自动物内脏(如狗肾、牛鞭、鸡肝、羊肾等)和鸡蛋黄；　　3、膳食脂肪：在摄入上述富含胆固醇的食物的同时，也可伴随摄入大量的脂肪，其中含有的必需脂肪酸是精子生成所需的。长期素食者可能会影响性激素的转化，引起性欲下降，影响精子的生成。　　4、部分微量元素和矿物质，如铁、锌、钙等。严重缺锌，可导致性器官发育幼稚，精子数量减少，畸形率增加，性欲减退，甚至不育。牡蛎、动物内脏、瘦肉、牛奶等食物是锌的良好来源。　　5、部分维生素，如维生素A和维生素E等，二者都有延缓性功能衰退的作用，维生素E有利于精子的生成和提高精子的活动度。维生素A主要来自动物肝脏，以及胡萝卜、南瓜、甜薯和番茄等；维生素E主要来自蛋黄、豆类、芝麻、花生和植物油等。　　6、核酸：被认为有滋补阴精的作用，主要来自动物内脏、沙丁鱼、大马哈鱼、虾、蛤蜊、牡蛎，以及芦笋、坚果、麦胚、萝卜、甜菜等。　　对性功能健康者，吃好每日三餐即是最好的营养补充；对一些性功能减退或年事稍高者，不妨尝试每周吃一次动物肝脏，一次海产品，并适量食用些羊肉、鹿茸、海马等"壮阳生精"品，或许能收到满意的效果。</t>
  </si>
  <si>
    <t xml:space="preserve">恐怖的电话有一个传说:"在晚上12点整,打电话拨12个0,便会接 </t>
  </si>
  <si>
    <t xml:space="preserve">    ~~~“你好，这里是地狱~~你找哪个~？？”</t>
  </si>
  <si>
    <t xml:space="preserve">魔兽高手解答谢谢请问我武器战FB输出用ML好还是裂魂好 </t>
  </si>
  <si>
    <t>如果是外型党,就拿裂魂,如果要PVE实用,个人感觉战士还是MJ好一点,主要区别在3.0后长炳武器专精+5%的爆击,比剑专好多了.所以还是觉得武器战FB输出用ML好.</t>
  </si>
  <si>
    <t xml:space="preserve">小腹左侧总是感觉涨，有事感觉有鼓包，但是手使劲按就会放出屁，放屁 </t>
  </si>
  <si>
    <t>会不会是疝气？还是去医院看看吧在这里谁说的都不准啊</t>
  </si>
  <si>
    <t xml:space="preserve">吃糖分高的水果会增肥吗?本人减肥中,但是特别喜欢吃水果,象苹果\ </t>
  </si>
  <si>
    <t>据研究，菠萝、哈蜜瓜、木瓜、奇异果、香蕉、葡萄等水果的血糖指数较高，减肥族应避免摄取太多这类水果。而像苹果、猕猴桃、柠檬、李子、樱桃、柑橘类等血糖指数较低，是减肥族在搭配水果餐时的较佳选择。</t>
  </si>
  <si>
    <t xml:space="preserve">我是一个大学生，想投资理财，去又不知道那些好，请各位给点建议。我 </t>
  </si>
  <si>
    <t>您好，我个人认为你可以考虑买国债，安全性很高，还不收利息税。多注意听新闻，发行国债时新闻会告知公众，到银行就可以购买了。祝投资顺利，学业有成~</t>
  </si>
  <si>
    <t xml:space="preserve">陶瓷锅的裂缝我上个月买了一个陶瓷锅，平时用来煮饭。可是这两天发现 </t>
  </si>
  <si>
    <t>在买锅的时候肯定没有挑选带裂纹的，在用锅的时候使用不当占多一半的原因。1、在火上加热时先用文火，在锅体加热到将要烧开后改用武火。这样就能保证整体受热均匀，不会造成过多的热应力，也就不会产生应力裂纹。2、待食物煮熟后，不要着急把锅从火上端下来，即便是从火上端下来也要放到一个隔热支架或木板上来自然冷却，减少锅体因外部急冷产生应力造成应力裂纹。3、在锅体很热的状态，不能用温度较低的凉水刷锅或浸泡，这样同样会产生热应力造成应力裂纹。这些你都做到了吗？</t>
  </si>
  <si>
    <t xml:space="preserve">济南市民如何办护照请问在济南去哪里办护照，需要准备哪些材料，费用 </t>
  </si>
  <si>
    <t>到经二纬四和经三纬四之间市公安局外事处办理,照片到地方现照,身份证,户口本,照片25,办证200,两周取,不算麻烦,就是得排队.可能纬二路上的丽山大厦(省厅外事局)也能办理,费用应该都一样</t>
  </si>
  <si>
    <t xml:space="preserve">前苏联有没有以“东方红”命名的飞船？ </t>
  </si>
  <si>
    <t>没有</t>
  </si>
  <si>
    <t xml:space="preserve">我老是想见我男朋友以前的女朋友，他不让见，我该怎么办？我现在的男 </t>
  </si>
  <si>
    <t>别太跟自己较劲了,问问自己,你见到那个女孩想说什么?做什么?到底是什么目的?单纯的看看而已其实没有多大意义,只不过会把自己脑海中的印象变成一张与现实生活重合的脸,其他,不会有太大改变,纯属给自己添乱如果你过得很不开心,你可以改变自己努力的方向,相信自己,然后把自己的男朋友抓得死死的,让他觉得你太好了,什么时候都挑不出来不满意的地方.试想一下,你男朋友想找漂亮女生的时候,就发现,你很漂亮(不管外貌到底如何,特别自信的女孩都很漂亮);想表现一下男子气概的时候,发现你在他身边特给他面子;想自己带回的时候,想想你从来不会缠着人不撒手；就连他想重温一下有女生对他放电，你都能适时地去勾引他一下……这个时候，你让他去再找一个来他都不去~其实，只要你信任自己，好好爱他，你们就特幸福，你自己也特幸福，什么人你都不想见了 ：）试试啊</t>
  </si>
  <si>
    <t xml:space="preserve">求局域网上网管理软件：限制网速，分配带宽流量，只允许登陆指定网站? </t>
  </si>
  <si>
    <t>聚生网管软件上网行为很不错</t>
  </si>
  <si>
    <t xml:space="preserve">房屋拆迁到底谁受益了？在一人均月收入不足千元的小城镇，借助房屋拆 </t>
  </si>
  <si>
    <t>有一块土地，本来是农用地，每年产值一万块。现在这块土地要被征用，征用后年产值可达数十万乃至上百万。站在拆迁者的角度上，你一年的产值就一万，给你一年两三万块钱再乘以时间的补偿，你已经够占便宜了，凭什么要更多的？给你这么多你凭什么拒绝拆迁要做钉子户？对此等“刁民”不强拆怎么办？站在被拆迁的角度上，你征占我一块土地，每年产值上百万，我按照一年十来万要你补偿又有何不可，你还是赚的大头，你凭什么不同意，说我是钉子户要强拆？为什么我们就不能有一套明确的拆迁补偿制度？为什么我们的拆迁没有一个明确的补偿依据。某某的公信力缺失恐怕才是最大的问题吧。我们需要的是一个普遍使用的制度，这个才是最关键的</t>
  </si>
  <si>
    <t xml:space="preserve">"热的快"会爆炸吗?听说以前的不是太安全哪~~那东西用多久换新的? </t>
  </si>
  <si>
    <t xml:space="preserve">一般情况不会 热得快的电线很差劲 一般坏好像都是电线坏 电线受不了而着火啊 什么的所以用那东西最好不要离远了 遇到突发情况最好用灭火器 如果没有建议用棉被灭火 呵呵 </t>
  </si>
  <si>
    <t xml:space="preserve">会阴部有点胀的感觉24岁，手淫4年现在勃起无力，有时还没勃起就泄 </t>
  </si>
  <si>
    <t>你射精过于频繁,应该先休息几天,恢复后再开始新的射精.一般频率节奏保持在每周1-2次比较合适.药物就不要随便乱补了,多吃反而对健康不好</t>
  </si>
  <si>
    <t xml:space="preserve">如何办理深圳特区边境通行证?办的时候需要带什么证件吗 </t>
  </si>
  <si>
    <t>现在不用办理深圳特区边境通行证了,直接凭身份证就可以登机,现在登陆   可以预订特价国际机票,深圳350+50机场建设费!</t>
  </si>
  <si>
    <t xml:space="preserve">QBT和神盾估价58级2D1攻1魔神盾45级3血3攻1防都值几钱 </t>
  </si>
  <si>
    <t>两个宠都可以卖高,可以卖低.第一个宠神盾以什么来税服人们花多钱?.以2当..就抓住这个,虽然掉了一魔但不会影响太多精神,毕竟那是神盾.精神成长非常高的.正常价格在50W左右甚至连50W都不会去有人看.第2个宠QBT本来这宠血少防低...非常容易被人妙,你的还掉了3血1防但也一样,QBT是敏魔宠想卖高抓主什么?就是没掉敏魔!!.正常价格30W.但还是那句话,宠人死的,但是人是活的,你的这两个宠都可以卖高或者卖低.关键看你的运气和口才了.希望以上能对你有帮助!!</t>
  </si>
  <si>
    <t xml:space="preserve">你灵魂出窍过吗？有时遇到很特别的事，大脑会轰得一声，然后一片空白 </t>
  </si>
  <si>
    <t>有过，不可能是灵魂出窍吧？它出去这么几秒啥事都办不成。</t>
  </si>
  <si>
    <t xml:space="preserve">F1赛车的魅力在哪? </t>
  </si>
  <si>
    <t>刺激</t>
  </si>
  <si>
    <t xml:space="preserve">我要十个有趣的谜语。要别人没有出过的，至少是我还没听过的。数学的 </t>
  </si>
  <si>
    <t>1什么水，不是水，每个月，有一次？2什么光，听得见，却看不到发光？3什么马，不吃草，不会载人不会跑？4什么牛，不吃草，不会耕田不会叫？5上面一座山，下面一座山，中间夹着一片牛肉干（人体器官）6一棵小树两片叶，看来看去看不见（人体器官）7固（地名）8东躲（地名）9不便宜的稀饭（地名）10三个五，一个一，任意加减乘除等于2411这些大部分都是我自己想出来的，等你选中我再告诉你答案。有谁猜到可以在评论里告诉我答案。</t>
  </si>
  <si>
    <t xml:space="preserve">比亚迪F3的小车？4，5万的哪种好？ </t>
  </si>
  <si>
    <t>13款1.5L 手动 舒适型 就不错啊亲，如果我的回答对您有帮助，请赐个好评吧。谢谢！</t>
  </si>
  <si>
    <t xml:space="preserve">刚结完婚就怀孕了，但是其间老公喝了不少酒，会不会影响到到宝宝大家 </t>
  </si>
  <si>
    <t>zui 最主要是你啊，我觉得只要你没吃什么对宝宝不好的DD就OK</t>
  </si>
  <si>
    <t xml:space="preserve">中洲神秘门的坐标问题请教一下中洲神秘门的坐标？多谢各位学姐、学兄 </t>
  </si>
  <si>
    <t>中洲安全区旁边的桥附近的天下太平牌坊北，鼠标点到会有显示。</t>
  </si>
  <si>
    <t xml:space="preserve">germen是什么意思?是德国人的复数么? </t>
  </si>
  <si>
    <t>上面1楼的朋友答错了。germen的本来意思：KK: []DJ: []n.1. 细菌;病菌2. 幼芽3. 原始;根源German的复数为Germans,不可变为Germen。The ___________ are a hard-working people.A. Germen       B. Germans       C. Germany    D. German【题解】German是可数名词，表示“德国人”，其复数形式是Germans，而不是将man变为men。此外，Germany表示“德国”，与题意不相符，所以正确答案应该为B。</t>
  </si>
  <si>
    <t xml:space="preserve">异地恋情总感觉把握不住怎么办?总感觉女朋友做事神神秘秘的，和朋友 </t>
  </si>
  <si>
    <t>大哥，其实我和你一样！但是我后来想明白了这么一个道理，那就是如果她真的要和别人跑，我是挡不住的，既然在一起就快乐一点，如果真的跑了，算我自己没本事，不过我想如果2个人有感情基础，在3个月或者半年之内是不会跑的，所以你就不要多想了，你只要知道她是你女朋友，你是真心爱她就可以了！</t>
  </si>
  <si>
    <t xml:space="preserve">电脑课的老师不给我们上网.我上电脑课的时候!整堂课都是他说的.根 </t>
  </si>
  <si>
    <t>按F8进带网的安全模式HAHA</t>
  </si>
  <si>
    <t xml:space="preserve">雀巢咖啡是否有假货？昨天买了一瓶100ML瓶装的雀巢咖啡，13元 </t>
  </si>
  <si>
    <t>有可能哦,雀巢咖啡有假货,我看到过袋装的赝品雀巢咖啡.</t>
  </si>
  <si>
    <t xml:space="preserve">我是新手，想请教，国内有做保证金的机构吗？都有哪些？谢谢！ </t>
  </si>
  <si>
    <t>国内的代理机构基本是非法的</t>
  </si>
  <si>
    <t xml:space="preserve">系统安装不下去,与主板有没有关系在一台机子上,连续二次用ghos </t>
  </si>
  <si>
    <t>安装时出错  1、首先测试一下 光盘、光驱 是否正常。2、清洁电脑中的灰尘，清洁内存、显卡等设备金手指，重新安装内存等设备，在检查硬盘连线有没有问题。3、如果还是无法安装系统，则可能是硬件问题引起的故障。接着用替换法检查硬件故障，找到后更换硬件即可。4、如果是硬盘本身存在问题, 使用"chkdsk /r"来检查并修复磁盘错误。如果安装操作系统时出现故障，如死机、蓝屏、重启等导致无法安装系统，则应该是硬件有问题或硬件接触不良引起的。第1步：清洁电脑中的灰尘，清洁内存、显卡等设备金手指，重新安装内存等设备，在检查硬盘连线有没有问题，然后再重新安装操作系统，如果能够正常安装系统，则是接触不良引起的故障。第2步：如果还是无法安装系统，则可能是硬件问题引起的故障。接着用替换法检查硬件故障，找到后更换硬件即可。系统自带的磁盘修复方法（如果硬盘出现故障）：具体步骤如下（以Windows XP为例），在我的电脑中选中盘符后单击鼠标右键，在弹出的驱动器属性窗口中依次选择 “工具→开始检查”并选择“自动修复文件系统错误”和“扫描并恢复坏扇区”，然后点击开始，扫描时间会因磁盘容量及扫描选项的不同而有所差异。硬盘坏道将导致电脑系统文件损坏或丢失，电脑无法启动或死机。硬盘坏道可以采用NDD磁盘工具或Scandisk来修复。磁盘修复软件(网上搜索下载)：Drive Health v2.0.30 Final Hard.Disk.Sentinel.v1.05 HDD Health v2.1 Build 159 俄罗斯硬盘修复工具PC3000V14 效率源硬盘坏道检测 V1.5b 专业硬盘检测修复工具DDD-SI HDD Thermometer v1.3b</t>
  </si>
  <si>
    <t xml:space="preserve">物理电路设计图.安装一个能正转和反转的电风扇，现有一个直流电源， </t>
  </si>
  <si>
    <t>我认为这是没意义的. 因为扇叶的设计是正转时扇出风来, 反转时可能没有多少风.线路如图. 当双刀双向开关打向左. 在开关部位电流由左下向右上流去,当双刀双向开关打向右. 在开关部位电流由右下向左上流去. 两次电流方向相反.</t>
  </si>
  <si>
    <t xml:space="preserve">修改一个病句修改病句：为了避免今后不再发生类似的事故，我们应当严 </t>
  </si>
  <si>
    <t>为了避免今后再发生类似的事故，我们应当严格遵守交通规则。</t>
  </si>
  <si>
    <t xml:space="preserve">印尼产的香水也有正品吗打算在淘宝上败一瓶一枝花，详细问了店家，说 </t>
  </si>
  <si>
    <t>也有但是很少大多都是仿的但是仿的很细最好看一下批号</t>
  </si>
  <si>
    <t xml:space="preserve">这是什么动物？ </t>
  </si>
  <si>
    <t>淘气的猕猴！</t>
  </si>
  <si>
    <t xml:space="preserve">中国婚姻法中－婚后女方流产后多少天后男女可以离婚？男女在结婚后由 </t>
  </si>
  <si>
    <t>我国婚姻法 第三十四条  规定，女方在怀孕期间、分娩后一年内或中止妊娠后六个月内，男方不得提出离婚。女方提出离婚的，或人民法院认为确有必要受理男方离婚请求的，不在此限。所以从上述规定可以看出，如果现在男方起诉，法院不会受理的。女方起诉的话，可以受理。如果人民法院认为确有必要受理男方离婚请求的，可以受理，但实践中这样的例子很少。</t>
  </si>
  <si>
    <t xml:space="preserve">圣餐之间再哪呀 </t>
  </si>
  <si>
    <t>就是打完UD那里</t>
  </si>
  <si>
    <t xml:space="preserve">下次开测或内测什么时间开？多少天？ </t>
  </si>
  <si>
    <t>我就天天蹲官网等来着</t>
  </si>
  <si>
    <t xml:space="preserve">GM为什么我上线就被关无底坑了？后来游戏就进不进去了出来怎么老是? </t>
  </si>
  <si>
    <t>您好:    请您详细提供你所在的服务器名称以及角色名,并保持在线状态.我们将对您的帐号信息进行核实,确定您不是使用第三放辅助软件而被天罚,系统会自动为您解救.   感谢您的支持!</t>
  </si>
  <si>
    <t xml:space="preserve">下午单场心水推荐！！！！！大邱2.5大球江源2.5大球日本上盘昨 </t>
  </si>
  <si>
    <t>前天没见你全红啊！！！</t>
  </si>
  <si>
    <t xml:space="preserve">新生儿11天，左眼有很多眼屎，是什么原因？ </t>
  </si>
  <si>
    <t>病情分析：您好：考虑宝宝的情况可能是上火导致的眼屎多和流泪症状。 指导意见：您好：建议你用那种柔软的纱布沾湿了之后慢慢为孩子擦拭，然后抹点眼药膏或青霉素眼药水治疗，注意宝宝多喝水。祝宝宝健康快乐。</t>
  </si>
  <si>
    <t xml:space="preserve">喝酒有没有消毒作用? </t>
  </si>
  <si>
    <t>喝酒没有消毒作用.传统意义上的消毒就是杀灭细菌(有害的,有益的).只有75%浓度的酒精(医用酒精)才能溶解细菌的细胞壁从而杀死细菌.其它浓度的酒精反而能使细菌细胞壁(主要成分为蛋白质)凝固,达不到杀灭细菌的目的.</t>
  </si>
  <si>
    <t xml:space="preserve">大手进各种问题我是网通吨黄的要开110了我有一个92月亮轻腿+5 </t>
  </si>
  <si>
    <t>10套月亮装备现在论E卖，等开新等级，就该论W卖了，要能出手就现在，或者自己还有小号，留着给小号穿。战牧100级没压过点？升级只有30多万，真想象不到你的技能是怎么样的，一般战牧也是很费技能点的，要是只学双手技能和牧师状态技能，也要60多万，后面110级那就更不够用了，有时间多打技能点吧，别让号废了。</t>
  </si>
  <si>
    <t xml:space="preserve">申通快递一天50张以上的订单有什么优惠 </t>
  </si>
  <si>
    <t>这个优惠是看你合作的那个地方的申通了，你可以打电话咨询</t>
  </si>
  <si>
    <t xml:space="preserve">哪位好心的高手能给我指点一下？谢谢好心人！哪位好心的高手能给我指 </t>
  </si>
  <si>
    <t>恐怕是干眼症。虽然肉眼无法看出来，但事实上上的画面是一直在闪烁的。看显示器时，我们往往会长时间地盯着某一个点，很少眨眼，因此眼肌容易疲劳，眼黏膜发干，眼睛发红、发炎、疼痛。在电脑前不间断工作4小时后，几乎所有人的眼睛都会出现酸痛和类似沙眼的感觉。电脑工作者的工作环境密闭，环境中的湿度低，计算机不断散发热度，在干燥环境下，泪液层几秒钟就蒸发掉了，成为干眼症的重要诱因。缓解方法：1. 距显示器需要70厘米以上，放置位置应比双眼视线略低，并使眼球暴露于空气中的面积减小到最低。2. 把亮度调整到不使眼疲劳的程度。3. 在电脑前工作时，房间既不能太昏暗，也不能太明亮。理想的办公环境是——房间的亮度和屏幕的亮度相同。4. 因为要避免屏幕上显现出你的脸、灯光以及物体的影像(所有的光影会加倍地使眼睛疲劳)，所以，要避免室内的光线直接照射在屏幕上而产生干扰光线。光源最好来自电脑使用者的左边或右边。如果你戴眼镜，应该给自己配一副带有防反光加膜的镜片。5. 为了防止结膜发干，在使用电脑时滴一些与我们眼泪成分相同的眼药水。6. 眼睛疲劳时，用以淡红茶水煮过的湿巾敷几分钟眼睛，会很快消除充血和疲劳。当然，缩短上网时间也十分重要。7. 将黑豆500克，炒熟后待冷，磨成粉。核桃仁500克，炒微焦去衣，待冷后捣如泥。取以上两种食品各1匙，冲入煮沸过的牛奶1杯后加入蜂蜜1匙，早晨或早餐后服食。能增强眼内肌力，加强调节功能，改善眼疲劳的症状。8. 喝绿茶，菊花茶。菊花茶有明目清肝的作用，有些人就干脆把菊花和枸杞子一起泡茶喝，或是用蜂蜜和菊花茶一起冲泡，对于缓解眼睛疲劳也非常有效。（yuan_t)</t>
  </si>
  <si>
    <t xml:space="preserve">我想问一下，高考理科刚刚到400分，推荐一下在广东的3a学校，谢? </t>
  </si>
  <si>
    <t xml:space="preserve">广东工业大学商学院 华南师范大学（南海校区） 广东轻工职业技术学院 广东技术师范学院 广州番禺职业技术学院 深圳职业技术学院 广东财经职业技术学院 广东交通职业技术学院 广东航海高等专科学校 以上都是广东最好的大专了！！全是专科A线中最好的 分数都是要大概本科B线左右的 其它的别提了 ！！真的！！至于专B线的话 除了广州大学市政技术学院 广东铁路职业技术学院 好一点之外 其它都是低分的 不上线都能读的学校 多的是啊！！！ </t>
  </si>
  <si>
    <t xml:space="preserve">2011年十月搬家入住吉日夫出生于1972年（属鼠）阴历4月初2 </t>
  </si>
  <si>
    <t>夫：1972（壬子）年，属鼠，阴历4月初2晚上9点左右妻：1977（丁巳）年，属蛇，10月9日早上7点多儿子：2002（壬午）年，属马，4月27阳历2011年10月份除了下面的日子，没有你们可以举行“入宅仪式”（入住）的日子。 阳历2011年10月份你们搬家（入住）的最佳吉日：阳历2011年10月15日或10月20日。分析如下：1、阳历2011年10月15日，农历（阴历）九月十九（癸卯）日9：00～10：59或21：00～22：59：癸卯日是夫与儿子双方生肖的贵人；癸卯日的禄是夫生肖；癸卯日的贵人是妻生肖。“入宅仪式”时请生肖属鸡的亲朋好友暂时避开。2、阳历2011年10月20日，农历（阴历）九月二十四（戊申）日7：00～10：59或13：00～14：59：戊申日和夫生肖三合；戊申日的禄是妻生肖；戊申日和妻生肖六合。“入宅仪式”时请生肖属虎的亲朋好友暂时避开。阳历2011年10月份适宜你们可以搬家（入住），但对全家人助益不大（无助无害）的日子：阳历2011年10月22日，农历（阴历）九月二十六（庚戌）日15：00～16：59、9：00～12：59或23：00～23：59。“入宅仪式”时请生肖属龙的亲朋好友暂时避开。搬家的日子通常是指：举行“入宅仪式”的日子，最好在“入宅仪式”前把所有、家具就定位、床、书、衣服、等杂物（锅、碗…）整理好，封门（把门关好），等“入宅仪式”的吉日开门、上香祭祖、开火（点火）或放鞭炮…等，在当天入住。 “入宅仪式”指，在吉日时： 1、在吉日时，开新宅的门。 2、在吉日时，开新宅的门后，准备好祭祖的所有事宜（布桌与祭品）。 3、准备好祭祖的所有事宜（布桌与祭品）后，上香祭祖,是点香祭祀祖先。 4、点香祭祀祖先后，插好香后，香在燃烧时，就可以在空暇时开炉火和烹饪。“入宅仪式”没严格规定要开炉火和烹饪。 5、香火过二分之一，就可以烧纸钱。 6、烧纸钱后，香还在燃烧时，就可以放鞭炮了。“入宅仪式”没严格规定要放鞭炮。 7、“入宅仪式”礼成（完成）。 恭喜乔迁之喜，祝事事大吉。</t>
  </si>
  <si>
    <t xml:space="preserve">博客发表文章的编辑图标按钮没有文字也不可用了，怎么办？点击博客发 </t>
  </si>
  <si>
    <t xml:space="preserve">恩，没关系的，等网络证常了，速度快了就好使了。欢迎光临我的看看 </t>
  </si>
  <si>
    <t xml:space="preserve">北京人为什么爱吃炸酱面？炸酱面怎么做？北京人再穷，有一句口头禅： </t>
  </si>
  <si>
    <t xml:space="preserve">　　北方人以面食为主，如馒头、花卷、包子、饺子、馄钝、烙饼、面条 。但北京人一提到“面”，乃指的是面条。 　　面条寓意“长寿”，俗语“人生有三面”，即“洗三面”、“长寿面 ”、“接三面”。 　　婴儿降生后三日有洗三仪式，吃洗三面祝愿婴儿“长命百岁”；过生日时照例吃“长寿面”，谓之“挑寿”，寓意“福寿绵长”； 　　人死三日的初祭谓之“接三，以“接三面”招待来宾表示对死者的悼念之情悠悠不断。 　　日常中，北京人更喜欢吃面，而且还形成了固定的套路。 　　城内居民一般只吃抻面和手工切面。 　　抻面是将和好的白面在面案上用擀面杖擀成大片，右手用刀切条，左手往左边推滚，以便滚上干面，免于粘连，最后攒成一把，双手拎起抻长，截去两头连接处，马上放入沸水锅内； 　　切面是将和好的白面擀成薄片，洒上干面叠而切之，成为丝状。此外还有做宽形 “板儿条”的。煮好后各有不同的“浇头儿”，并据此分为以下几种： 　　炸酱面：常见的是猪肉丁炸酱。纯是以半肥瘦猪肉丁加葱、姜、蒜等在油锅炸炒，加黄稀酱，盖上锅盖小火咕嘟１０分钟。这时，肉丁被黄酱 咕嘟透了，肉皮红亮，香味四讲究的则是里脊丁炸酱三鲜（虾仁、里脊、 玉兰片）炸酱等，还有木樨（鸡蛋）炸酱、炸豆腐丁酱、烧茄子丁酱等素品，油而不腻。 　　老北京人吃炸酱面，冷天讲究吃热的，谓之“锅儿挑”（ 完全不过水），热天吃过水面，但汤要篦尽。根据季节佐以各种时鲜小菜 ，谓之“全面码儿”。 　　初春，用掐头去尾的豆芽菜（称掐菜）、只有两片子叶的小水萝卜缨，并浇上过年剩下的腊八醋。 　　春深，在酱里放上鲜花椒蕊儿，称花椒酱，面码儿则是青蒜、香椿芽、掐菜、青豆嘴、小水萝卜缨 和丝（条）。 　　初夏则以新蒜、焯过的鲜豌豆、黄瓜丝、扁豆丝、韭菜段等为面码儿。 　　麻酱面：即芝麻酱面，是老北京人夏天的便饭。面条煮好从锅里捞出 放入冷水中泡凉，浇上芝麻酱（放盐，以水调好）、花椒油（用香油炸好的花椒油趁热放入酱油内）、米醋，再放上腌胡萝卜丝、青蒜、小水萝卜 丝、掐菜、香椿芽等。吃起来有如扒糕、凉粉的风味。 　　卤面：俗称“打卤面”。民间办红、白喜事，如果用“炒菜面”招待 亲友，一律用打卤面。打卤通常是以煮猪肉的汤或以羊肉煸锅，放香味。 也有不勾芡的，汤内加鹿角菜，成为清汤的浇汁，称“氽儿卤”。    炸酱面 　　制作炸酱面需要准备六必居的黄酱、天园酱园的甜面酱、去皮的五花肉丁，肉要肥一些为好，这样容易煸出油来，味道会更香。 　　首先将两种酱混合。黄酱和甜面酱的比例是2：1，一般是一袋黄酱搭配半袋甜面酱就可以了。单用黄酱太咸，而搭配上甜面酱，味道就十全十美了。　　然后在烧热的锅中放油，油热之后用中火煸炒五花肉丁，等到猪油出来，加一点点料酒去腥，再加入少许酱油，肉丁变色后盛出。锅内留着煸肉的猪油。接着把混合后的黄酱和甜面酱，倒入锅中，用中火将酱炒一下，因为甜面酱容易扒锅，因此把酱倒入锅中后要不停的搅拌。等到酱出香味了，倒入刚刚煸好的肉丁，姜末，少少加点水，转小火，慢慢地熬，酱和肉丁水乳交融，那才好吃，不用再加盐和糖，酱有自己的咸甜味，咕嘟个4、5分钟就好了，离火时加入葱白末，葱末不要过早加入，否则就焦了，利用余温将葱白焖熟。酱就可以出锅了。 　　接下来要准备一些菜码，老北京的传统炸酱面里黄瓜、豆芽、心里美萝卜以及黄豆是必不可少的，但是现如今，只要将您喜欢吃的放一些就可以了，黄瓜、生菜什么的要切成丝，而豆芽、黄豆、青豆什么的要在开水里过一下断生。 　　接下来就要煮面了，炸酱面当然最好是手擀面，煮面的水要多放，等到水开后要在沸水中放一些盐，这样面条在煮的时候不会粘连在一起，面不要煮的太烂，点3次水就差不多了，最后将煮好的面条盛入事先准备好的凉开水中，冲掉面糊，这样才会爽滑好吃。 　　面煮好了，盛上一大碗，放入各种菜码，拌上几勺香喷喷的炸酱，喜欢吃醋的倒上一些醋，再来上一头大蒜，哈哈，想来人生得意莫过于大吃大喝纵情此刻了。 </t>
  </si>
  <si>
    <t xml:space="preserve">关于对外G态度的极大转变曾经：打倒外G，支持MLY，见挂就杀！做 </t>
  </si>
  <si>
    <t>垃圾公司永遠是垃圾公司，我建議所有玩家放??這??垃圾遊?颉９俜浇o出的所有客服??和?髡嬗肋h都是?拙Q!!?直就是在耍玩家！！預祝魔力游公司早日倒閉~謝謝~！！！！！</t>
  </si>
  <si>
    <t xml:space="preserve">力体猛打王挂王用什么兵器好短兵.长兵还是重兵.... </t>
  </si>
  <si>
    <t>朋友,你好!我是七星的94级的力猛,叫霸气X足!首先,要明确要挂哪里王,如果挂益州以下的王(不含益州)就用长兵,因为长兵攻击高,攻速也有6,几下连刺就搞定一个王,还有长兵拿小盾有一定防御;如果挂益州以上的王(含益州)就用短兵好,因为第一那些开始需要属性防,而大盾属性防比较好,例如长立盾和大团盾,第二拿大盾防御高,第三短兵攻速高,通常挂那些王一般都吃神速丹或你自己本身会神速法,那样一招青冈,不但可以杀王,又可以清兵!如果你的属性防和防御比较好的话,可以选择用长兵,不过最好会乱舞,因为乱舞有4次攻击作用,清兵超级好,可以说三国清兵最好的技能!以上都是个人意见,有什么不好之处,请多多指教!</t>
  </si>
  <si>
    <t xml:space="preserve">感冒吃什么药好得快点？似乎感冒了而且声音变了头晕晕的还有点头疼流 </t>
  </si>
  <si>
    <t xml:space="preserve">防“七饮” 1、葱白饮：大葱白100克，切碎煎汤，趁热饮。 2、姜茶饮：生姜10片，茶叶7克，煎汤，趁热饮。 3、姜枣饮：生姜5片，大枣10枚，煎汤，趁热饮。 4、萝卜饮：萝卜适量，切片煎汤，加食醋少许，趁热饮。 5、三辣饮：大蒜、葱白、生姜各适量，煎汤，趁热饮。 6、桔皮饮：鲜桔皮50克，糖适量，开水冲泡代茶饮。 7、菊花饮：菊花6克，开水冲泡代茶饮。 以下是一些缓解方法 对于感冒虽然我们不能制服它，但我们还是有预防和缓解症状的办法，在又一个感冒多发季来临之时，一些对付感冒的方法，你都可以试试。 冬季感冒治疗七法 热水泡脚 每晚用较热的水(温度以热到不能忍受为止)泡脚15分钟，要注意泡脚时水量要没过脚面，泡后双脚要发红，才可预防感冒。 生吃大葱 生吃大葱时，可将油烧热浇在切细的葱丝上，再与豆腐等凉拌吃，不仅可口，而且可以预防感冒。 盐水漱口 每日早晚、餐后用淡盐水漱口，以清除口腔病菌。在流感流行的时候更应注意盐水漱口，此时，仰头含漱使盐水充分冲洗咽部效果更佳。 健康警钟： 感冒期间饮食误区——感冒期间应吃些滋补食物以增强抵抗力，对付病毒，这是非常错误的观念。 冷水浴面 每天洗脸时要用冷水，用手掬一捧水洗鼻孔，即用鼻孔轻轻吸入少许水(注意勿吸入过深以免呛着)再擤出，反复多次。 按摩鼻沟 两手对搓，掌心热后按摩迎香穴(位于鼻沟内、横平鼻外缘中点)十余次，可以预防感冒及在感冒后减轻鼻塞症状。 鼻子插葱 感冒后鼻子不通气怎么办呢？可以睡觉时在两个鼻孔内各塞进一鲜葱条，3小时后取出，通常一次可愈。倘若不行，可于次日再塞一次。值得提醒的是：首先，葱条要选择粗一点，细了，一是药力小；二是容易吸入鼻腔深部，不易取出；其次，若患者的鼻腔接触鲜葱过敏，可在葱条的外面包上一层薄薄的药棉。 白酒擦身 用铜钱、硬币等光滑硬物蘸白酒，轻刮前后胸、曲池及下肢曲窝处，直至皮肤发红发热，然后喝一碗热姜糖水，约15分钟后便大汗淋漓。汗后周身轻松舒适，此时注意免受风寒，感冒很快痊愈。 可乐煮姜 鲜姜20至30克，去皮切碎，放入一大瓶可口可乐中，用铝锅煮开，稍凉后趁热喝下，防治流感效果良好。 呼吸蒸汽 初发感冒时，在杯中倒入开水，对着热气做深呼吸，直到杯中水凉为止，每日数次，可减轻鼻塞症状。 热风吹面 感冒初起时，可用电吹风对着太阳穴吹3至5分钟热风，每日数次，可减少症状，加速痊愈。 蒜泥蜂蜜 将等份的蒜泥与蜂蜜混匀后，用白开水送服，每次一汤匙，每天4至6次，对治疗流感有佳效。 香油拌蛋 将一两香油加热后打入一鲜鸡蛋，再冲进沸水搅匀，然后趁热喝下，早晚各服一次，2至3天便可治好感冒愈后的咳嗽。 </t>
  </si>
  <si>
    <t xml:space="preserve">推荐几个实用的妖人后腰要更新后的，谢谢各位 </t>
  </si>
  <si>
    <t xml:space="preserve"> 你们说的基本都是大牌 我给你推荐下！帕纳辛纳克斯 的西芒 ！1988年的 1288能力！速度没的说 潜力巨大</t>
  </si>
  <si>
    <t xml:space="preserve">exciting和excited的问题原题：Isuddenlyh </t>
  </si>
  <si>
    <t>我觉得这里： the excited/exciting shouts from peopleexcited的确是修饰shouts但是-ed含被动意味，这句侧重于I 。感到excited的人是I。所以说是修饰人。只是个人见解，如有高手发现错误请帮我纠正下。</t>
  </si>
  <si>
    <t xml:space="preserve">后卫的假动作怎么用不出来```````游戏里说按D,S就可以了可 </t>
  </si>
  <si>
    <t>DS技能是在上篮和投人才球的时候出的,按键是先按D和篮筐的方向,出现上篮或身体前倾然后按S,不用加逗号,关键是按D和S的间隔很断,大约0.05秒,总之几乎是同时按的.</t>
  </si>
  <si>
    <t xml:space="preserve">神舟63601分数哪里来？七万多分要多长时间和精力？1。新浪客服 </t>
  </si>
  <si>
    <t>我也一直怀疑这个问题，我觉得神舟肯定有很多个电脑，很多个IP，所以没有人可以找到证据举报他！！！大家谈谈看法吧！</t>
  </si>
  <si>
    <t xml:space="preserve">如何达到速瘦怎样在一个月里减肥十斤 </t>
  </si>
  <si>
    <t xml:space="preserve">1.餐会让你体重失调：太早吃减肥餐会导致身体功能失调，反而无法成功地减肥。均衡的饮食，特别是增加蔬菜、水果、五谷杂粮的摄取，才能够帮助成长 中的青少年获得长高长大的营养素。 　　2.运动才能减肥：只有利用运动才能消耗过多的热量，同时也有助于雕塑身体的健康曲线。 　　3.少吃零食、只吃正餐：零食的热量非常高，小小一袋饼干、巧克力、薯条，就比一碗饭和一片土司的热量高出许多。不吃零食、三餐正常，才能让身体吸收足够的热量，又不会发胖。 瘦腿：  　要练就迷人美腿，以下三种收紧大腿的简单练习，相信可以帮到你。健身专家表示，女性的臀部特别容易积存脂肪，以下练习则可收紧和调节大腿及臀部的线条。每一动作分两组，每组重复十五次，每星期练习三至四次。 　　主攻动作：  　　1.侧向拉腿 　　双脚分立与肩齐，脚趾向前，双膝微曲，双手置于腰间。右脚维持不动，左膝屈曲，身体靠向左边，须确保左膝没有超越脚跟位置。保持动作两秒，然后以左脚发力，回复起始位置。转做右脚，重复以上动作。  　　2.臀部伸展 　　仰卧地上，右脚屈曲，脚掌地，右膝屈曲成九十度角，左脚向上直伸，脚板向天。右脚贯力，慢慢把臀部和下背尽量提离地面。然后背部慢慢地，让下背刚刚离地，但不要贴地面。保持动作两秒，再次提高，继而回复起始姿势。转做左脚，重复以上动作。  　　3.侧卧摆腿 靠左侧卧，双腿直伸，以左臂支撑头部，以右手地支撑上身。左脚维持不动，把右脚提高约六寸。接右脚慢慢向前摆，摆得愈远愈好，动作维持一秒，然后向后摆，维持动作一秒。重复动作十五次，再转做右边。 瘦身：　水果在减肥时起决定作用。我的选择是早餐吃苹果，午餐吃香蕉，晚餐吃西瓜。水果的吃法同样重要。西瓜千万不要抱着半个，拿个大勺大吃特吃。要把西瓜切成小薄片，提醒自己只能吃两片。桃子要去皮，然后用刀把桃肉切成小块放进碗里，用牙签一小块一小块的吃。荔枝、芒果这样高糖的水果，可以把它们做成冰激凌，作法是：先把荔枝去皮去核，芒果剥肉放入饭盒，在填满三分之二的空间后倒入低脂酸奶，冷冻两小时后就可以尽享美味了，当然一次的量不要太多。 　　晚餐后，实施家庭运动计划：站立，双手交叉反转举过头顶，双臂紧贴双耳，双脚脚跟离地正常呼吸，这种姿势最好保持十五到二十分钟后立刻去刷牙，以杜绝由于自己意志薄弱而再吃其他东西。还有就是坐在沙发里看电视，一定要挺直腰，身体要端正。在看电视的空隙可以做做操：臀部的三分之二坐在沙发里，然后分别提起绷直的左腿右腿。这个动作要坚持三到五分钟，一晚上做八到十回，对于减少大腿的赘肉有不错的效果。 　　练瑜珈也不错，每个星期练三至四次。每个星期六的早晨做一次清肠操，练习时要空腹喝一大瓶温盐水。如果你实在懒的话，可以每个月清次肠，就是挑个休息日只喝水不吃饭，有利于排肠毒。 　　辛苦地走过夏季，身材有了变化的你并不代表大功告成了，你还要在秋季巩固、冬季坚持。 </t>
  </si>
  <si>
    <t xml:space="preserve">考前报专科志愿能报本科吗分数超了本科好几十分但考前报了专科，还能 </t>
  </si>
  <si>
    <t>不能报本科志愿填报后不能更改.</t>
  </si>
  <si>
    <t xml:space="preserve">人对台风走向准确预测能提前几天? </t>
  </si>
  <si>
    <t>楼主，预测是不能讲准确的，根据现在的气象水平也大概不能很准确的知道台风的动象，只能做为参考，有时准有时不准，台风的路径应该是有弧线，有很不规则的线够成，然后气象的路径看去是较整齐的，所以这也不能说是准确预测了。</t>
  </si>
  <si>
    <t xml:space="preserve">各种体育项目都有哪些别称例：跳水——空中芭蕾体操——（）举重—— </t>
  </si>
  <si>
    <t>体操——极限运动 举重——（ ） 矮子运动游泳——（ ） 青蛙表演足球——（ ） 放手一搏</t>
  </si>
  <si>
    <t xml:space="preserve">谁能给我个账号？内测的！谁能给我个账号？内测的！谁能给我个账号？? </t>
  </si>
  <si>
    <t>每天10点回答问题,所有问题全部正确.就为闯关成功.可以获得注册码.等待不如行动快来参加吧</t>
  </si>
  <si>
    <t xml:space="preserve">CPU的散热风扇不转了我把电脑注销以后,开机时风扇正常转动,在快 </t>
  </si>
  <si>
    <t>实在不行.就换个接到电源接口的那种CPU风扇.我以前的就是.那绝对不会出一些莫名其妙的问题了.</t>
  </si>
  <si>
    <t xml:space="preserve">麻烦请教下专家现在我想在朗逸和三厢世嘉中选择一个，我的实际情况是? </t>
  </si>
  <si>
    <t>三厢世嘉.时尚，经济，耐用。</t>
  </si>
  <si>
    <t xml:space="preserve">在校大学生结婚谁开未婚证明? </t>
  </si>
  <si>
    <t>未婚证明任何单位或个人都无权来开。你要是在校生就应该去学校的户籍部开户口证明。然后带上自己的户口证明和身份证去当地的民政局领取结婚证 这样就好了。希望我的建议对你有用。 不懂在问。</t>
  </si>
  <si>
    <t xml:space="preserve">深圳最受欢迎的电视节目有哪些？深圳的观众最喜欢看的电视节目有哪些 </t>
  </si>
  <si>
    <t>以前《超级情感对对碰》戴军主持还好看一些后来戴军走了我就一期都没看过，不过听说这档节目取消了我现在说不出什么好看，听说深圳卫视要“大跃进”我还有些兴趣，只是一转到那个频道，看到主持人李佳还是那么能抢话，还是那么“小情感”，笑得大哭得更大的时候就一点信心没有了，一点心情没有了，马上换台！！！！新闻节目没特色，电视剧没特色，社科节目每特色总之没特色..............连老家的人都说：“你们深圳卫视真没意思..............”关注你的帖子以后，我看了《魔力宝宝》还算可以至少还有一些亮点，但是声势不够大</t>
  </si>
  <si>
    <t xml:space="preserve">看了“主力高开大阴线是想干什么？”接着问，开盘即涨停是什么意思？ </t>
  </si>
  <si>
    <t>通常情况下，底部拉涨停是开始上攻的冲锋号。有佯攻的，一个涨停后再深幅回落（通常会回落到起点），吸足筹码再上行；有真攻的，连拉几个涨停板，横盘几日，再拉几个涨停板的；而600235周五的走势我个人认为是机构在出货。理由：一是业绩不好，今年业绩肯定不如去年；而是11月份连续担保两份贷款，而且还都是短期的；三是周五的涨停成交量太大。8000万的流通盘周五就换手了1000余万，其中还有一手是上午11点16分，727万手的大卖单，完全不是散户所为。有此看，主力的目的就是想出货。近几日许多个股都有大卖单的现象，我个人觉得有主力想从个股中出局，腾出钱来炒权证或基金。</t>
  </si>
  <si>
    <t xml:space="preserve">什么是光缆 </t>
  </si>
  <si>
    <t>由光纤维组成的缆线，通常称为光缆。如目前有线电视节目传播的基本上均是由光缆传导的。</t>
  </si>
  <si>
    <t xml:space="preserve">我把手机里边的游戏删除了，可是界面上仍然显示那！点击提示无效包，? </t>
  </si>
  <si>
    <t>你好，E680彻底删除游戏方法；　　1、先在手机菜单里长点游戏的图标不放,就会出来卸载的选项了,选择后会把该图标卸掉。但这并不是彻底删除 。　　2、彻底删除，在大容量模式下联接电脑,显示所有文件和文件夹，在电脑的工具--文件夹选项--查看--选，显示所有文件和文件夹。在手机盘的隐藏文件夹 .preload里把对应游戏文件全部删掉(大小10M左右)。现在游戏就彻底删除了.　　</t>
  </si>
  <si>
    <t xml:space="preserve">各位同仁帮忙点评一下我的基金组合:交银成长1W,易策略2号2W, </t>
  </si>
  <si>
    <t>别着急，积少成多，别瞎折腾就行。耐心等待!长期持有!明年收获!后年更多!</t>
  </si>
  <si>
    <t xml:space="preserve">青春期长痘痘怎么办 </t>
  </si>
  <si>
    <t>病情分析： 避免使用粉底,化妆品,有的人想以粉底来掩饰,这样反而造成反效果.保持心情愉快,睡眠充足,避免肝火上升,造成荷尔蒙失调.另外,养成每日早起排便的习惯,多运动,作息正常,或是多喝优酪乳来改变肠道的易菌生态.饮食尽量清淡,多喝水,多吃蔬菜和水果,少油,少甜,少刺激,避免食用过多含有色素及人工香料的食物,以及含有咖啡因的食品如；浓茶,咖啡,可可,巧克力等也易激发油脂及内分泌不平衡,形成更严重的青春痘.指导意见： 你好,没事不要用手去碰你的脸,因为手上不但容易携带细菌,还会因东西的触碰而刺激产生不必要的青春痘.更不要用手挤压痘痘,以免引起化脓发炎,脓疮破溃后形成疤痕和色素沉着,影响美观.未经消毒的皮肤和手指器械,不专业的手法,不正确的判断痘痘的程度.很容易在挤压痘痘的时候伤及真皮层,留下的凹洞（永久性的）和色斑是终身消除不去的遗憾</t>
  </si>
  <si>
    <t xml:space="preserve">二极管在接收无线电波的电路中有什么用？ </t>
  </si>
  <si>
    <t>二极管属于半导体，它由N型半导体与P型半导体构成，它们相交的界面上形成PN结。二极管的主要特点就是单向导电。　从二极管的作用上分类可分为：整流二极管、降压二极管、稳压二极管、开关二极管、检波二极管、变容二极管。从你的问题来看，二极管的主要作用是检波。</t>
  </si>
  <si>
    <t xml:space="preserve">08年中考考了532分能上繁昌一中吗????/ </t>
  </si>
  <si>
    <t>今年的录取分数线可能参照去年的</t>
  </si>
  <si>
    <t xml:space="preserve">弥漫性大B细胞淋巴瘤对老年人最佳治疗方法左腹股沟区可见多发低回声 </t>
  </si>
  <si>
    <t>病理诊断“（左侧腹股沟）考虑为弥漫性大B细胞淋巴瘤，非生发中心来源。”，“考虑”这两个字不是随便写的，说明做出这个诊断的病理医生并没有十足的确诊把握。因此，有必要借出原病理切片，请外院其他病理专家再阅片会诊以进一步确诊。“免疫组化染色显示: CD3(T细胞+)，CD20(+),Bc1-2(+),Bc1-6（+），Cd10(-),Cd30(-),Cyclin D1（-），Ki-67(+75%),MUM-1(+). ”，这些都是支持诊断结论的检测指标，没有独立的意义。弥漫性大B细胞淋巴瘤的治疗以化疗为主，舍此并无其它更为有效的方法，即使是老年病人。生物疗法尚无明确而确实的证据证明其有效性，基本上处于实验研究阶段，不建议作为主要疗法采用。“中医光能脉冲综合疗法”所谓的“疗效很好”估计是中医师的宣传用语，不建议采取中医药疗法，不靠谱，甚至有可能弊大于利。</t>
  </si>
  <si>
    <t xml:space="preserve">晚上做梦是不是等于没有睡觉/ </t>
  </si>
  <si>
    <t xml:space="preserve">    不是。做梦是一种潜意识的反映。    首先，做梦有三大好处：1、解除疲劳，休整身体。2、整理信息，带来顿悟。3、调节心理。如果没有梦，那么大大小小的欲望就会让我们无法安睡了。即使我们有时在梦中感到不安焦虑，也一样可以让做梦和睡眠两不误。    其次，每个人人每天都会做梦，你记住的梦一般都是处在浅睡期的梦。    再次，有的梦能够反映你的健康情况，以及生理需求。</t>
  </si>
  <si>
    <t xml:space="preserve">播放器怎么没有声音我的电脑使用千千静听播放任何文件都没有声音，用 </t>
  </si>
  <si>
    <t>运行千千静听，右键点播放器上面的千千静听，选音量控制，看是否勾选了静音点它去掉。</t>
  </si>
  <si>
    <t xml:space="preserve">台湾从什么时候开始受大陆管辖？台湾从什么时候成为中国的领土？元朝 </t>
  </si>
  <si>
    <t>唐朝时由于气候的变化,北方变冷,经济南移,台湾就由福建人占了</t>
  </si>
  <si>
    <t xml:space="preserve">请各位专业人士看看这是什么字体非常感谢！ </t>
  </si>
  <si>
    <t>Arial Black</t>
  </si>
  <si>
    <t xml:space="preserve">玉鸟牺牲了我很喜欢鸟，但是这一天我看见母鸟没有了只见毛和血，第3 </t>
  </si>
  <si>
    <t xml:space="preserve">    您太大意了，晚间是要把鸟提回室内的，难道夜里没有听到猫叫吗？最大的可能是被猫吃了。周围有黄鼠狼吗，它们也会光顾的，还有蛇也会的，这些都是小鸟们的杀手呵！</t>
  </si>
  <si>
    <t xml:space="preserve">夏天到了，大家普遍光脚穿凉鞋，凉鞋印是时尚吗？不知我是否表达清楚 </t>
  </si>
  <si>
    <t xml:space="preserve">    时尚与否不是讨论的关键,怎么避免恐怕才是问题的所在!!至少从你的提问可以这么理解!    有人穿袜子配凉鞋很好看,那就算时尚;有人光脚穿凉鞋再露出一点涂了艳丽甲油的脚指甲也很风情,那也是时尚!就算有黑白分明的鞋印其实也很可爱呀,那是真实!!    所以,所谓时尚不过是仁者见仁,智者见智啦!!自己怎么舒服怎么好啦!!!    </t>
  </si>
  <si>
    <t xml:space="preserve">请教怎么样制作漂亮的头图皓妈，您好你的背景图和头图是怎么做的呢， </t>
  </si>
  <si>
    <t>你好.我用的是PS制作的.头图是本身一张照片.背景做了纹理处理.添加文字和人项.背景这个玻璃滤镜.如果喜欢的话可以直接点右键存下就可以用到你的博客上去了.</t>
  </si>
  <si>
    <t xml:space="preserve">10.65买了1000股，现在能持有吗是继续持有还是割肉减仓 </t>
  </si>
  <si>
    <t>请把股票代码写清楚。</t>
  </si>
  <si>
    <t xml:space="preserve">信用卡申请分期付款，合算不？ </t>
  </si>
  <si>
    <t>当然比取现划算。其它的话就看你分期的目的了，如果是还款不方便的话，还是分期的好；如果有钱，还是不分期的好。</t>
  </si>
  <si>
    <t xml:space="preserve">请问1983年阴历3月21日是阳历的几月几号 </t>
  </si>
  <si>
    <t>1983年阴历3月21日阳历是5月3日</t>
  </si>
  <si>
    <t xml:space="preserve">求大伙帮忙啊，这到底是个什么东东？！我猜不出来！！求助！！（游戏? </t>
  </si>
  <si>
    <t>必须是＂权利的游戏＂啊，希望能帮你权利的游戏这个是权力的游戏</t>
  </si>
  <si>
    <t xml:space="preserve">如何安装钓鱼手杠，请问有谁知道如何安装钓鱼手竿。。。请问有谁知道 </t>
  </si>
  <si>
    <t>亲，给你推荐个链接http://hi.baidu.com/%B2%E8%CE%B6%D3%CC%B8%CA/blog/item/9fe651fab990cd6c024f560b.html 最简单实用                            ________我是活雷锋，为人民服务！ 亲的好评是我前进的动力！</t>
  </si>
  <si>
    <t xml:space="preserve">问一下，八阵图该怎么修炼？怎么练轻松？怎么得经验多？ </t>
  </si>
  <si>
    <t>接了任务就去无名找那个老头 我忘记叫什么了 反正不好杀 那个任务是一个人可以做的 我不带2倍 平均1次5万+的经验吧 给你自身等级的白蓝金装备</t>
  </si>
  <si>
    <t xml:space="preserve">创世西游好玩么 </t>
  </si>
  <si>
    <t>画面够好，装备够炫，服装很多，看起来很养眼，3D的画面，可以做很多WX的动作哈哈……我最喜欢里面的双系技能了，一个职业两种玩法，非常好。</t>
  </si>
  <si>
    <t xml:space="preserve">电脑高人们，请教问题。我的电脑内存是512的，为什么关机的速度特? </t>
  </si>
  <si>
    <t>要快速关机，请到我的共享资料中下载使用“超级快关机”软件，你一定很喜欢的。我的共享资料地址： 祝你开心。</t>
  </si>
  <si>
    <t xml:space="preserve">上海哪有古玩交易市场?我是个古玩珠宝爱好者，来上海不久，不知道上 </t>
  </si>
  <si>
    <t>我上一期课程在博聚收藏特训营那里学习了书画和红木，感觉收获很大，虽然自己以前没啥专业经验，但老师们都不仅很有知识，而且对市场还特别了解，后来慢慢地我不仅能看出个质量高低，而且自己也学会一些初步的投资，还打算这期开班了再去学学呢。</t>
  </si>
  <si>
    <t xml:space="preserve">1、现在坦克上的热像仪都有那些型号？2、哪国坦克上的热像仪先进？? </t>
  </si>
  <si>
    <t>1有很多啊，我只能列出几种：泰利斯公司的“凯瑟琳”（Catherine）热像仪系统，俄罗斯的“暴风雪E”热像仪，中国外贸的T59热像仪，还有美国的第二代凝视焦平面热成像仪。2接第一问，法国、美国比较先进。道理很简单，苏联和俄罗斯的坦克都是用法国的热像仪进行改造的，如2008年法国泰利斯公司获得一份中继订单，为印度陆军的俄T-90S主战坦克的射击控制系统提供320套“凯瑟琳”(Catherine)热像仪系统。据称，此次是为1000辆T-90S主战坦克中的320装备该系统，剩下的680辆坦克将在后续合同中继续装备该系统。“凯瑟琳”热像仪集成了Beltech公司的长波红外探测器和IG 46炮手瞄准具。美国就更不用说了，M1A2早就用上了凝视焦平面热成像仪。总而言之，在国际上，美国、法国、以色列是这方面的先行者，其它国家包括俄罗斯均处下游水平。 近几年来，中国的红外成像技术得到突飞猛进的发展，与西方的差距正在逐步缩小，有些设备的先进性也可同西方同步，相信中国和西方的差距会进一步缩小，尤其在新技术的应用方面更可以独树一帜。3最典型的例子是海湾战争中著名的东73之战，1991年2月26日下午4时许，美第2装甲骑兵团在位于“东73”纵坐标线上突入了伊第12装甲师和共和国卫队塔瓦卡尔那机械化师的接合部，但一度在人数和火力上明显处于劣势。然而，装备有热成像仪的美军透过沙暴很容易就发现了伊军的装甲车辆，并获得了先敌开火的有利地位。经过4个小时的战斗，美第2装甲骑兵团摧毁了伊军29辆坦克和24辆装甲输送车，俘获伊军官兵1300多人。</t>
  </si>
  <si>
    <t xml:space="preserve">缺铁性贫血吃什么？缺铁性贫血吃什么可以补呢？ </t>
  </si>
  <si>
    <t>补铁，平时生活中多吃一些补铁的食物和服用一些补血铁剂就行了。我记得我贫血那时候吃的是铁之缘片，是我老公买来送给我的。吃了差不多两个疗程之后就好了，效果挺好的，到现在也没在出现过贫血情况。可以在网上购买，挺方便的！</t>
  </si>
  <si>
    <t xml:space="preserve">赶快回答,求描述气球膨胀状态的函数r(V)=(3V/4π)^1/? </t>
  </si>
  <si>
    <t>r(V)=[3V/(4pi)]^(1/3)=[3/(4pi)]^(1/3)*V^(1/3)r'(V)=[3/(4pi)]^(1/3)*(1/3)V^(1/3-1)=[1/(36pi)]^(1/3)*V^(-2/3)=1/[(36pi)^(1/3)*V^(2/3)]=1/(36piV^2)^(1/3)</t>
  </si>
  <si>
    <t xml:space="preserve">北非？北非有多少个国家？ </t>
  </si>
  <si>
    <t xml:space="preserve">北非　　Northern Africa　　北非即非洲大陆北部地区，习惯上为撒哈拉沙漠以北广大区域。面积837万平方千米。人口1.5亿(1991)，70％以上为阿拉伯人。阿拉伯文化与伊斯兰教为北非重要人文特征。有时将埃及、苏丹、利比亚称东北非，多属撒哈拉沙漠；将突尼斯、阿尔及利亚、摩洛哥称西北非或马格里布，阿特拉斯山脉斜贯北部。矿藏有石油、磷酸盐、天然气等。农产品有棉花、阿拉伯树胶、栓皮、油橄榄、无花果、椰枣等。产骆驼。包括下列国家和地区： 　　阿尔及利亚　　埃及　　利比亚　　突尼斯　　西撒哈拉　　摩洛哥（包括休达Ceuta－摩洛哥北部海港城市；梅利利亚Melilla－摩洛哥东北部港口城市，1497年起被西班牙占领）。 　　加那利群岛（西班牙属） 　　亚速尔群岛（葡萄牙属） </t>
  </si>
  <si>
    <t xml:space="preserve">山楂的功效？ </t>
  </si>
  <si>
    <t>【营养功效】山楂能防治心血管疾病，具有扩张血管、增加冠脉血流量、改善心脏活力、兴奋中枢神经系统、降低血压和胆固醇、软化血管及利尿和镇静作用。山楂酸还有强心作用，对老年性心脏病也有益处。它能开胃消食，特别对消肉食积滞作用更好。很多助消化的药中都采用了山楂。现在的成年人小时候大概都吃过山楂丸吧。山楂有活血化淤的功效，有助于解除局部淤血状态，对跌打损伤有辅助疗效。另外，山楂对子宫有收缩作用，在孕妇临产时有催生之效。并能促进产后子宫复原。山楂所含的黄酮类和维生素C、胡萝卜素等物质能阻断并减少自由基的生成，能增强机体的免疫力，有防衰老、抗癌的作用。山楂中有平喘化痰、抑制细菌、治疗腹痛腹泻的成分</t>
  </si>
  <si>
    <t xml:space="preserve">秘书，请问，怎么开通粉丝订阅平台呀？ </t>
  </si>
  <si>
    <t>现在不是所有认证用户都有的，估计是测试版，过段时间再看看吧只有一部分用户有，现在不是所有人都有的</t>
  </si>
  <si>
    <t xml:space="preserve">卢湾哪里可以学化妆？ </t>
  </si>
  <si>
    <t>我觉得找一家实实在在教你技术的学校最重要，让你交的每一分钱都能学回一分技术。推荐你去上海佳悦化妆学校，很不错的学校，认真做实事的学校。你值得信赖。</t>
  </si>
  <si>
    <t xml:space="preserve">求救!急上个月月经结束的三天后就发生了关系!这样会怀孕吗?月经到 </t>
  </si>
  <si>
    <t>所以你是不会怀孕的！等上几天肯定是有月经的！放心！</t>
  </si>
  <si>
    <t xml:space="preserve">请问删除微博？[围观][围观][围观][围观][围观][围观][? </t>
  </si>
  <si>
    <t>每条微博的页面右上角都有一个删除按键的，你点击那个进行删除就可以了，如果对您有帮助，给我的答案一个好评哦，亲，谢谢（请进入应用“微问”里查看自己提出的问题并给出好评）在单条微博右上方的有个“X”    可以删除</t>
  </si>
  <si>
    <t xml:space="preserve">关于随机变量及其分布的题目4已知某种疾病的发病率为千分之一，一社 </t>
  </si>
  <si>
    <t>(C 5000 2)*(1/1000)^2*(999/1000)^4998+(C 5000 3)*(1/1000)^3*(999/1000)^4997</t>
  </si>
  <si>
    <t xml:space="preserve">西安曼托假体隆胸手术需要多少钱？ </t>
  </si>
  <si>
    <t>曼托假体隆胸手术需要多少钱与以下因素相关：一：假体隆胸手术的类型及大小;做曼托假体隆胸的时候首先要做的就是要与患者充分交流后酌夺手术切口及假体植入的条理。假体隆胸切口可选择：腋窝切口;胸部下皱襞切口;乳晕四周切口;假体可植入胸大肌或乳腺后。曼托假体隆胸手术前标定手术分袂规模：上界到锁骨下区;下界到胸部下皱襞，内侧到胸骨外缘，外侧到胸部腋前线。手术要进行麻醉，全麻肋间神经滞碍+小面积浸润麻，然后经腋窝切口、经胸部下皱襞切口和经乳晕切口。二：曼托假体隆胸的优点也是决定手术的价格的主要因素曼托假体隆胸强调胸部下缘的凸度，而上缘设计成斜坡形，囊内充有高黏附性硅凝胶，具有记忆功能，永不变形。并且这种设计充分考虑到了胸部由于重力及年龄增长而导致的轻度下垂，使新胸部的形态更加顺乎人体生理曲线，从而达到更为自然逼真的美学效果。由于曼托假体的型号种类以及整形医院的不同，价格会有所长差异。1、曼托隆胸价格和假体种类有关。随着隆胸整形技术的不断进步，目前曼托假体主要有光面凝胶，毛面凝胶，等等系统类型，满足不同人们的需求，每种不同类型的曼托假体价格会有所差异，爱美者可以根据自己的实际需要选择适合的隆胸假体。2、曼托隆胸价格和选择的医院医生有关。由于专业的整形医院有着更为完备的手术设备和配套的护理措施，最大程度的保证隆胸手术的安全有效的完成，而专业的隆胸医生则有着丰富的临床经验和现代审美，做出来的隆胸效果更为自然有型，价格自然会更贵一些。曼托假体材料的价格与很多方面的因素是有关系的，像1、假体的大小，不同大小的假体的价格是不一样的。2、不同的医院在假体的售价上也是不一样的。3、不同的地区在售价上也是不一样的。</t>
  </si>
  <si>
    <t xml:space="preserve">word表格里，如何设置背景颜色？我的主菜单里只有字体颜色工具， </t>
  </si>
  <si>
    <t>选择表格→格式→边框和底纹→底纹→填充（选择所需颜色），确定即可。</t>
  </si>
  <si>
    <t xml:space="preserve">做医生要不要物理好啊？ </t>
  </si>
  <si>
    <t>这个是需要的 但是不是强制性的。  点击好评，是对我最大的鼓励！祝你事事顺利。</t>
  </si>
  <si>
    <t xml:space="preserve">28服怎么还进不去啊！GM解决一下啊 </t>
  </si>
  <si>
    <t>28咋个回事！要求官方一定要给个明确的答复！！！！！到底怎么回事！！！</t>
  </si>
  <si>
    <t>7岁孩子病后体温总是在35.4</t>
  </si>
  <si>
    <t>比较正常吧。这应该是生病之后的一种短暂现象。但是若是持续的话，那么还是去看看。一般来说，小孩的体温是较高的。</t>
  </si>
  <si>
    <t xml:space="preserve">上海世博会门票元旦节价格调整为170元？是真的吗？ </t>
  </si>
  <si>
    <t xml:space="preserve">据说是按规则是这样的，不过你可以在一些地方买到，135元的价格，可能是由于进货时间不同，还有库存。我最近在上海的一家旅游网购买了25张，价格为135元，你看看他们那里还有没有了。世博会门票购买平台： </t>
  </si>
  <si>
    <t xml:space="preserve">得了普通感冒用不用抗生素啊？ </t>
  </si>
  <si>
    <t>目前滥用抗生素：一是伤风感冒时无论有无细菌感染都大量使用抗生素；二是住院病人一律用抗生素，杀鸡用牛刀；三是一些抗生素如喹诺酮类用得太多，人为导致患者耐药性不断增加。现在有些家长，孩子一感冒就用抗生素，而且要用贵的，其实好药用得不好反而适得其反。比如大量高级抗生素的使用会引起肠道菌种紊乱，过多杀死体内好的细菌等。</t>
  </si>
  <si>
    <t xml:space="preserve">买了房,交了全款,都两年了不给过户,怎么办? </t>
  </si>
  <si>
    <t>什么原因？只有将不能过户的原因详细阐述之后大家才好帮助你分析</t>
  </si>
  <si>
    <t xml:space="preserve">战士拉怪问题~~~战士3个以上的怪没拉住愿战士吗？？？？有人说战 </t>
  </si>
  <si>
    <t xml:space="preserve">    比如拉三个怪,一般,小副本,战士上去,三破拉住一个,然后嘲讽第二个怪,上破甲,转向第三个怪,惩戒痛击,破甲,然后分别对后来的两个怪破甲,然后三个怪一起轮流,挨个破甲.一般就能拉住了.法师暴,怪也不太会朝法师去.战士的任务拉BOSS是一个,更重要的是一个原则:以自身换取怪对团队造成的最小损失.    战士拉怪靠的就是仇恨,善于控制仇恨就能拉好三个,或更多的怪.对一个怪的仇恨过量的也没用,比如,一个怪你用2破的仇恨就足够拉到怪死去也不会让输出或治疗OT,那就没必要用三破.把多余的仇恨放到第二,第三个怪上去.    判断一个战士是否优秀,不在于,他是不是把某一个怪拉好了,而是他是不是减轻了其他职业的压力.当然,你不拉好BOSS根本谈不上减轻其他职业的压力.</t>
  </si>
  <si>
    <t xml:space="preserve">如何清理白色兔毛皮草一件白色卡兔毛皮草,只穿了两次就显脏了,送干 </t>
  </si>
  <si>
    <t xml:space="preserve">1.毛衣洗涤剂2.喷壶3.白色毛巾2条4.吹风机洗涤剂用喷壶往大衣上适量喷，然后用干白毛巾沾干净。用4吹干。以上方法只适合局部清洁。贵重物推荐干洗。毛织物大面积洗涤最害怕缩水变形。以上答案希望您满意。 </t>
  </si>
  <si>
    <t xml:space="preserve">卫星的用了什么原理？？？？(急用）卫星的用了什么原理，为什么能起 </t>
  </si>
  <si>
    <t>　　发射卫星，就得依靠大推力火箭，让卫星的速度达到第一宇宙速度(逃勉速度)，就是7.9公里/秒，卫星就能绕地球转而不会掉到地面上。　　在宇宙中拍卫星的照片，就是将照相机带到太空中。我国于2008年4月发射“天链1号”中继卫星，通过“天链一号”卫星，就能清晰地看到了神舟7号航天员舱内的活动图像，也清晰地听到了天地的话音，实现了天地之间双向数据传输，获得了航天员的生理参数，获得了飞船的运行状态参数。神舟7号在飞行到第31圈时释放了搭载的伴随卫星。伴随卫星被释放后，以缓慢速度逐渐远离飞船，并在距飞船1公里范围内对飞船进行摄像和照相，约40分钟后，存储图片将通过测控网传到北京飞行控制中心。</t>
  </si>
  <si>
    <t xml:space="preserve">胆汁淤积症怎么办?怀孕34周,身上痒得厉害,看到有人说是胆汁淤积 </t>
  </si>
  <si>
    <t xml:space="preserve">　　胆汁淤积症是妊娠特发性疾病，一般南方人比较少发病北方人多见，没有特别有效的治疗方法，只能严密监测胎儿的情况。 </t>
  </si>
  <si>
    <t xml:space="preserve">我有个问题，急急！！我看中一个20元的寄售商品，我充值了20元为 </t>
  </si>
  <si>
    <t xml:space="preserve">尊敬的客户:     您好！5173回复客服01很高兴为您服务！     请您仔细查看您的用户名中可用余额是否与物品单价一致。                                              </t>
  </si>
  <si>
    <t xml:space="preserve">删除系统我的机子装了双系统，想删除其中一个，多可以采用哪些方法， </t>
  </si>
  <si>
    <t>如果不在同一分区，可以直接格式化不要的系统分区如果不在同一分区，但需要保留被删除系统分区下文件可以先备份后格式化该分区如果不在同分区，右键点我的电脑，选属性，在高级里点启动故障恢复，选里面的设置，再选编辑即可编辑boot.ini文件，把不要的系统启动文字删除后点保存。重启电脑后进入系统，将不要的系统文件夹windows删除即可</t>
  </si>
  <si>
    <t xml:space="preserve">怎么样才能去口臭我每天都要刷牙的可是每次过了一会儿又会有口臭了, </t>
  </si>
  <si>
    <t>楼上答的都对，这里有一种快速帮你忙的方法，不防试试。每日三餐饭后补充3个VB，3个VC，3个纤维素，多喝水！疏菜水果多吃，如香蕉，苹果，梨，柑桔，等。另外用丽齿健含氟牙膏，漱口水，口腔清新喷雾剂，相信一定可以给你不一样的KISS！</t>
  </si>
  <si>
    <t xml:space="preserve">抢板?????????抢板跟道具有关系吗,有的时候都抢不到没有穿 </t>
  </si>
  <si>
    <t>有一定关系，单不是全有关系，还要看你的网速是否卡，如果卡，你也抢不过没穿加技能衣服的。当然个人的技术还是有一定关系的，多抢篮板积累更多的经验</t>
  </si>
  <si>
    <t xml:space="preserve">110变电所主变低电压继电器有什么作用?请扩展开来介绍下谢谢高手 </t>
  </si>
  <si>
    <t>低电压是和过电流保护配合，形成低电压启动的过电流保护。过电流保护的动作电流要躲开最大负荷电流，而最大负荷电流在计算时，还要考虑并联运行的变压器突然断开一台时的过负荷，以及电动机自启动引起的过电流等因素，所以动作电流值很大，以至于在变压器副边短路时，保护的灵敏度可能不够，在这种情况下，应考虑装设带低电压启动的过电流保护。采用带低电压启动时，保护的动作电流可以按照变压器的额定电流来整定，这就降低了动作电流，提高了保护的灵敏度。一、电流继电器的整定计算。电流继电器的动作电流应按躲过变压器的额定电流整定。Iop＝（KrelIN）/（Krna）Krel－可靠系数，取1.2；Kr－返回系数，取0.85~0.95；IN－变压器的额定电流。二、低电压启动元件的动作电压整定计算低电压启动元件的整定计算应考虑以下情况：1、按躲过正常运行时可能出现的最低电压整定Uop＝Umin/（KrelKrnv）Umin－正常运行时可能出现的最低电压，一般取Umin＝0.9UN（UN为额定相电压或额定线电压）；Krel－可靠系数，取1.1~1.2；Kr－返回系数，取1.05~1.25；nv－电压互感器变比。2、按躲过电动机自启动时的电压整定当低电压继电器由变压器低压侧电压互感器供电时：Uop＝（0.5~0.6）UN/nv当低电压继电器由变压器高压侧电压互感器供电时：Uop＝0.7UN/nv3、灵敏系数校验电流继电器的灵敏系数校验与不带低电压闭锁的过电流保护相同。低电压继电器的灵敏系数按下式校验：Ksen＝Uop/（ x/nv） x－计算运行方式下，灵敏系数校验点发生金属性相间短路时，保护安装处的最高残压。要求Ksen≥1.3（近后备）或1.2（远后备）</t>
  </si>
  <si>
    <t xml:space="preserve">今年五一怎么放假啊如题。 </t>
  </si>
  <si>
    <t>今年五一，4月29日至5月1日放假3天。</t>
  </si>
  <si>
    <t xml:space="preserve">山东哪个医院治银屑病效果好一些呢 </t>
  </si>
  <si>
    <t>治疗银屑病不管是去哪个医院治疗，建议是去大型正规专业治疗银屑病的医院，不管是技术设备还是医护人员的知识都是比那些综合医院更权威，治疗起来也是更加有保障的，切记盲目的用药，盲目使用药物不但治不好银屑病，反而还会加重病情，增加治疗的难度。治疗银屑病效果好的医院必备一：拥有银屑病治疗专业设备及技术  银屑病治疗最好的医院必备二：治疗银屑病专家  银屑病治疗最好的医院必备三：用事实说话，有康复案例。一家好的医院一定要有相关医疗设备，医技要有精湛的技术，银屑病的治疗只有对症，才能取得良好的效果，好的医院要具备一定的口碑，不管是大医院还是小医院，一定要是去过的病人好评的医院。同样，医院的环境卫生和技术都影响着治疗的效果。在此提醒广大银屑病患者，治疗银屑病之前，一定要先找准一定的病因，这样才能对症治疗，让治疗起到事半功倍的效果，既可以少花冤枉钱，又可以快速治愈疾病。</t>
  </si>
  <si>
    <t xml:space="preserve">手机电池的电量变化太快1、看着还有好几格,一打电话就突然减少或关 </t>
  </si>
  <si>
    <t>可能是你的电池使用时间太长了，你可以采用下面的发法来解决。首先你把手机电池的点彻底用完，然后在充足，想这样反复几次就可以把你的手机电池的使用寿命延长一些。实际上这是通过充放电的原理来实现的。</t>
  </si>
  <si>
    <t xml:space="preserve">买笔记本电脑的问题买笔记本电脑通过查看电脑的什么程序可以看出电脑 </t>
  </si>
  <si>
    <t>建议你用一个鲁大师软件，电脑内的硬件厂家及出厂时间都有！</t>
  </si>
  <si>
    <t xml:space="preserve">祖尔的双剑哪个BOSS掉?最后和出的双手剑是什么属性???两把单 </t>
  </si>
  <si>
    <t>保护者迦萨斯  精良  主手  44 - 83伤害 速度 1.90  （每秒伤害33.4）  需要等级45  使用： 将迦萨斯和桑萨斯组合成为神剑苏萨斯。  击中时可能： 吸收55到85点伤害，持续20秒。  祖尔法拉克的大酋长 0.4%掉落  反击者桑萨斯  精良  唯一  单手 剑  34 - 65伤害 速度 1.70  （每秒伤害29.1）  需要等级 44  装备： 使你招架攻击的几率提高1%。  祖尔法拉克督军出，掉率0.49%  保护者迦萨斯、反击者桑萨斯 2把剑如果能凑在一起，就可以合成为紫色双手剑 鞭笞者苏萨斯（50级）  鞭笞者苏萨斯  拾取后绑定  唯一  双手剑  108－163伤害 速度2.60  （52.1伤害每秒）  需要等级50  击中可能：以苏萨斯之怒冲击目标。降低目标15点力量，对目标造成90到210点暗影伤害并且在接下来的15秒内造成125点伤害。  这么难找你一分也不给，哎....</t>
  </si>
  <si>
    <t xml:space="preserve">出租固定资产租赁的分录某公司签订固定资产租赁合同，出租固定资产机 </t>
  </si>
  <si>
    <t>1、每月收到租金时借：银行存款等 1000贷：其他业务收入 10002、每月计提出租机器折旧费时借：其他业务支出贷：累计折旧3、提取租金收入税金时借：其他业务支出 55贷：应交税金--营业税 50（1000*5%）贷：应交税金--城建税 3.5（50*7%）贷：其他应交款--教育费附加 1.5（50*3%）4、月末结转其他业务收入借：其他业务收入 1000贷：本年利润 10005、月末结转其他业务支出借：本年利润贷：其他业务支出</t>
  </si>
  <si>
    <t xml:space="preserve">我要再找一个能用8年质量的钱包！求推荐！！ </t>
  </si>
  <si>
    <t>hilly，coach，这两个我都用了好多年都不坏，前者很便宜，牛皮。后者价格也ok，也快五年了，一点不坏。不过钱包最好三四年换一个哦，这样财运会比较好。另外别买红色的哦，会破财。</t>
  </si>
  <si>
    <t xml:space="preserve">我的天堂2版本是混沌的年代但现在的标本是战乱的魅影我的这个标本玩? </t>
  </si>
  <si>
    <t>没有问题的~现在是压力测试~很难进的~要等到9月8号会有新的补丁出来~到时你更新一下就可以进了~没有影响的</t>
  </si>
  <si>
    <t xml:space="preserve">黑格尔、康德是谁 </t>
  </si>
  <si>
    <t>黑格尔(1770—1831),19世纪著名的德国古典哲学家、辩证法大师、知识渊博的学者。伊曼努尔·康德(1724-1804)是启蒙运动时期德意志著名的思想家。</t>
  </si>
  <si>
    <t xml:space="preserve">各位高手请教关于niky广告的一个问题近niky广告关于詹姆斯的 </t>
  </si>
  <si>
    <t xml:space="preserve">应该是这个吧！The Go Team Power Is On   </t>
  </si>
  <si>
    <t xml:space="preserve">感谢“我心依然”的精确回答！我心依然请进你的确对富士相机很精通， </t>
  </si>
  <si>
    <t>楼主好！    谢谢楼主厚爱。你的那个提问，我也是看过的了，没有提出回答，是我觉得一楼已经给出了正确的回答，要是我回答的话，我也会给你一个地址，让你下载使用说明书的.......看来楼主是不喜欢看使用手册的了。</t>
  </si>
  <si>
    <t xml:space="preserve">请问为什么怀孕后不可以吃凉的东西? </t>
  </si>
  <si>
    <t>谁说不能啊,我怀孕的时候没有在意,什么都吃,冰激凌,冰的西瓜都吃过,生下的宝宝很健康,只是产后注意点就好了</t>
  </si>
  <si>
    <t xml:space="preserve">联想题~~林俊杰原丰田汪峰2字说出详解才算对哦~~ </t>
  </si>
  <si>
    <t>子弹1、林俊杰歌名《子弹列车》2、原子弹3、丰田子弹头4、汪峰--《爱是一颗幸福的子弹》</t>
  </si>
  <si>
    <t xml:space="preserve">向高手请教了我刚刚从方堡本地西里的那剑鸵鸟身上偷了搓羽毛，可是什 </t>
  </si>
  <si>
    <t>剑鸵鸟身上偷的羽毛鉴定后就叫“剑鸵鸟的羽毛”，没有最高的，都是攻-2敏捷+5，刀鸡身上偷的“刀鸡的羽毛”是攻-5敏捷+5的</t>
  </si>
  <si>
    <t xml:space="preserve">我好喜欢张学友,怎么办? </t>
  </si>
  <si>
    <t>买他的正版唱片，但不是想嫁给他，喜欢一个人没有错，多听他的歌，但歌曲不是情话，因为他对每个人都唱得深情款款，可以喜欢，但不是爱上他。</t>
  </si>
  <si>
    <t xml:space="preserve">知了咬人吗？伤口怎么处理？ </t>
  </si>
  <si>
    <t>知了没有牙，只有一根吸针，不会咬人，只是身上有小刺可能会扎伤人，无需特殊处理，局部可用碘伏消毒。</t>
  </si>
  <si>
    <t xml:space="preserve">关于当量什么是当量,等于什么? </t>
  </si>
  <si>
    <t xml:space="preserve">  当量单位已经不用了，某物质的当量计算必须与其参加化学反应后的具体变化情况来计算。  例如：对一价氯离子的计算应该是：  如2毫克当量/升（Cl离子）= 2×35=70毫克/升</t>
  </si>
  <si>
    <t xml:space="preserve">今天老总跟财务部上业务流程的课，提到如何进行收款的监管？我司有两 </t>
  </si>
  <si>
    <t>1、首先，要加强管理，业务、采购部门是第一关。代订仓库、代管仓库分别指定专人负责。2、凡是发生的采购代订货物，由专管人员开具入库单，一联交保管登记数量帐，一联交财务入账。出库时，根据货物发出的内容数量，由专管人员开局出库单，一联交保管登记出库数量，一联交财务部门入账。3、凡是发生的代管材料，处理程序同上。4、定期进行盘点，发现问题，及时解决，做到帐实相符。以上仅供参考，还需要结合自己单位的实际情况来定。</t>
  </si>
  <si>
    <t xml:space="preserve">药学初级职称我现在已经是中药师了，不过是在药店进的，盖得是医药技 </t>
  </si>
  <si>
    <t>你这个‘中药师’的初级职称，在药店，药厂，医院等，均能通用，不要再考试晋升！</t>
  </si>
  <si>
    <t xml:space="preserve">诺顿、eTrust、Mcafee谁更好？如题，如果是从防火墙+杀 </t>
  </si>
  <si>
    <t>McAfee,Symantec(诺顿)和趋势是世界三大,评测中McAfee和Norton基本差不多,防火墙来讲Norton应该优秀点!</t>
  </si>
  <si>
    <t xml:space="preserve">我今年19岁了，才168，还能长高吗？怎么增高呢？我父母均160? </t>
  </si>
  <si>
    <t>这个不好说。因人而异，有的人24、5岁了还可能长，但有的人14、5岁就不长了。这和骨骼发育有关。如果一个人的骨骺闭和了，那无论他多大，再长个的可能也就没有了。有的人骨骺闭和晚，可以通过运动刺激骨骼生长，可以再长高一点点。所以，你可以去正规医院做一个骨龄片，让医生看看你的骨骺是否已经闭合。如果没有闭和，那恭喜你，抓紧时间锻炼，还有些希望。如果已经闭和，就不要太奢望了，不过也要多运动，不论身体高矮，保持身体健康才是最重要的！</t>
  </si>
  <si>
    <t xml:space="preserve">凤姐夫伯爵已经亲口答应要娶凤姐，大家祝贺他吧！ </t>
  </si>
  <si>
    <t>生个…小寂…吧！…</t>
  </si>
  <si>
    <t xml:space="preserve">我三年前绣过眉，现在觉的有点细不太好看，想重新种眉毛，原来绣上的? </t>
  </si>
  <si>
    <t>原来绣上的眉毛如果颜色不深，可以不用洗，如果颜色深建议还是洗掉。种眉也是可以的，取枕后的毛发，种植的在眉毛的部位，成活以后就是自身的毛发了，但是要定时修剪。</t>
  </si>
  <si>
    <t xml:space="preserve">关于魔兽电影远古传说3的问题这个电影的片尾曲是身摸名字呀就 </t>
  </si>
  <si>
    <t xml:space="preserve">  好久没回答问题了``终于碰到一个我知道答案的``  不容易啊``难啊```````  我不知道你说的哪个片尾曲   下面的这个是 远古传说3里从头到尾所有的`  你自己找找看吧`` 歌曲名 歌手 功能 1 Sadness and Sorrow 火影忍者   2 月光爱人 Tales3   3 Up Is Down Tales3   4 Strong and strike Tales3   5 Saw Soundtrack Final Theme Tales3   6 MGS2 Main Theme Tales3   7 LegendoftheSnake OC ReMix Tales3   8 Last Showdown Tales3   9 In Search of the Grail Tales3   10 I Don’t Think Now Is The Best Time Tales3   11 End of All Hope Tales3   12 Comradeship Tales3   13 Barbarian Horde Tales3   14 At Wit's End Tales3   15 Another Brick In Hadrian`s Wall Tales3   16 Across The Stars Tales3   17 Naruto Main Theme 火影忍者   18 End of All Hope Nightwish   19 Ghost Love Score Nightwish  或者进这个 去 试听一下 就知道你要的是哪个了``    </t>
  </si>
  <si>
    <t xml:space="preserve">总算逮到机会了好久不见UU们我想死你们了 </t>
  </si>
  <si>
    <t>好久不见你,让人甚是牵挂!今日见面机会难得.把酒为你压惊壮胆.同时也庆贺你抓住了时机!</t>
  </si>
  <si>
    <t xml:space="preserve">重庆市哪些软下疳医院比较好？ </t>
  </si>
  <si>
    <t>患者你好，軟下疳是由杜克雷嗜血杆菌感染引起，主要发生于生殖器部位多个痛性溃疡，多伴有腹股沟淋巴化脓性病变的一种性传播疾病。本病由悻茭传染，临床上男性多于女性患者。是常见的性病之一。軟下疳可反复发作，对病人的健康和心理影响较大；还可通过胎盘及产道感染重生儿，导致重生儿先天性感染。逐日完善的医疗技术，高超的医疗设备，使得攻克軟下疳的难题也不在话下。现目前比较正规的专科医院和大型的三甲医院都可以治疗好尖锐湿疣，所以患者要根据自己的情况，挑选一家最适合自己的医院进行治疗。祝你早日康复！</t>
  </si>
  <si>
    <t>2次方程，只要答案k^2x^2+(2k</t>
  </si>
  <si>
    <t>答案是:k≤1/4且k≠0</t>
  </si>
  <si>
    <t xml:space="preserve">水果店运来12箱同样的苹果，共有360千克。每箱苹果有多少千克？ </t>
  </si>
  <si>
    <t>每箱苹果有30千克.</t>
  </si>
  <si>
    <t xml:space="preserve">房子和男朋友哪个比较重要?我女友的妈妈一定要我买了新房才同意她和 </t>
  </si>
  <si>
    <t>你的情况和我当年类似，所不同的是我女友（当时的老婆）的父母没有问我要房子，只是不赞同我们相处。实际上我心里明白，她父母是怕她将来跟我受苦，我老婆人长得很漂亮，找个条件好的人家太容易了。而我当时我刚刚毕业，一无所有，买部手机都困难。但是我女友还是毅然跟了我。领取结婚证的时候，我心里发誓，我要让她开心一辈子，让她成为世上最幸福的女人。结婚后，我们过得很清苦，住得是最便宜的租房，但很快乐。我老婆一直鼓励着我拼搏。经过四五的的打拼，我成功了，我们拥有了高档住宅和宝马车，还有我效益不错的公司。我现在对她们父母也很好，但是她们对我总是有些拘束。我和我婆的感情越来越好，虽然我现在比较有钱了，但我从来没背叛过她，我们还有了一岁的宝宝，老婆经常说：我没看错你。所以，我建议你把实际情况摆在女友面前，让她选择，至于她父母，你可以不管他们。如果你女友真心爱你，过于看重金钱，且有点眼光的话，她应该是知道怎么做的。</t>
  </si>
  <si>
    <t xml:space="preserve">这个是什么花吖！☞求解☜ </t>
  </si>
  <si>
    <t>玫瑰、月季、蔷薇当中的一种这棵是月季。。</t>
  </si>
  <si>
    <t xml:space="preserve">如何进行个人认证申请？ </t>
  </si>
  <si>
    <t>参考新浪个人V说明</t>
  </si>
  <si>
    <t xml:space="preserve">我能找到女友吗？真有点担心了。原来自以为自己一个男人，怎么也能找 </t>
  </si>
  <si>
    <t>看来你的条件确实不错,那你为什么没有女朋友呢,你有没有想过,你是不是不够幽默?是不是不够绅士?是不是不够有爱心?爱心不是给同龄人的,是给老人和小孩的!还有就是你的心态如何呢?有没有足够的亲和力?你的条件是很好,那你是不是可以用平等的心态去对待每一个人呢?</t>
  </si>
  <si>
    <t xml:space="preserve">怎么样在最短的时间里面提高自己的等级？ </t>
  </si>
  <si>
    <t xml:space="preserve">鸵鸟的眼睛比脑袋大；海星至今还没演化出脑袋。  跳蚤可以跳过比它们３５０倍身长的距离，相当于一个人跳过一个美式足球场。  一只被摘掉头的蟑螂可以存活９天，９天后死亡的原因则是过度饥饿?  长颈鹿没办法咳嗽  </t>
  </si>
  <si>
    <t xml:space="preserve">我的内裤总是有脏东西我是一个12岁的男孩，这些天我的内裤总是穿几 </t>
  </si>
  <si>
    <t xml:space="preserve">    这和手淫没关系，别害怕！另外，手淫也不是什么邪恶的事，每个正常男人都做过，只要你别太频繁就行。    正常人的尿道和肛门经常有些分泌物的，印在短裤上也是经常的，尤其是晚上兴奋或手淫后的分泌物更多。    你的短裤几天换一次啊，要讲卫生，应该每天换，自己简单洗条短裤用不上两分钟的。如果你每天换内裤后还是很多分泌物或是更多了，就要赶紧告诉家长，带你去看看医生。</t>
  </si>
  <si>
    <t xml:space="preserve">最近有木有什么好吃的零食介绍。。。 </t>
  </si>
  <si>
    <t>鱿鱼丝,牛肉干,蚕豆,辣鸡爪,蜜饯</t>
  </si>
  <si>
    <t xml:space="preserve">谁帮帮忙啊，装备一个也没有了我139级了，前些天装备一个也没有了 </t>
  </si>
  <si>
    <t xml:space="preserve">您可以到机战客服工作区： </t>
  </si>
  <si>
    <t xml:space="preserve">从没看到的奇观现象我刚看到地图上有个树林上面有个牛角(黄个的牛角 </t>
  </si>
  <si>
    <t>...是有巡逻精英....可以用英雄去挑战...</t>
  </si>
  <si>
    <t xml:space="preserve">学中国象棋难还是国际象棋难？ </t>
  </si>
  <si>
    <t>建议学中国象棋。</t>
  </si>
  <si>
    <t xml:space="preserve">电容的容量大小，容量值越大的电容，它的电流是超前还是滞后？？ </t>
  </si>
  <si>
    <t>电流超前，电压滞后。</t>
  </si>
  <si>
    <t xml:space="preserve">伊拉克不是有几十万军队吗?怎么美两天就杀过去了 </t>
  </si>
  <si>
    <t>用美伊战争与俄格战争相比较，美国的战略战术和战斗力比俄罗斯差很远。第一，美国是5个国家打伊拉克，俄罗斯是一个集团军的部分兵力打格鲁吉亚。第二，美国在打伊拉克前对伊拉克进行了12年的制裁和封锁，格俄交战时美国对格军进行了6天培训，全副美式装备。第三，美国打伊拉克作了3年以上战争准备，对伊拉克发动有准备的突然袭击。俄军是在毫无准备的情况下伧促应战。第四，美军攻占伊拉克的一个城市只有一个师的驻军攻了十多天才攻下来，俄军只用4天的时间就打得格军缴械投降。第五，美国在进攻伊拉克城市的十余天里阵亡330余人，俄军取得全面胜利只阵亡52人。第六，美军在花重金买通伊军总参谋长解散共和国卫队后战争并没结束，到目前为止，美军已阵亡4180余人，损失直升机60余架，开销战争费用6800余亿美元。俄军一战就将格军彻底打残，再无反抗能力，仅损失了4架老旧战机，阵亡52人和10000人左右4天的战争费用，总战损不超过三亿美元。</t>
  </si>
  <si>
    <t xml:space="preserve">求电影恐怖，搞笑的 </t>
  </si>
  <si>
    <t>强力推荐《当幸福来敲门》.《怒火救援》</t>
  </si>
  <si>
    <t xml:space="preserve">为什么我已经设置好了路由器还是上不了网呢我按照说明书上的都设置好 </t>
  </si>
  <si>
    <t>DNS服务器不填是不能上网的,但是可以上 (要看你家的宽带是什么了)去问,不过稍麻烦一点。</t>
  </si>
  <si>
    <t xml:space="preserve">我新买个iphone4s，，AppStore里下载东西为什么都是? </t>
  </si>
  <si>
    <t>不知道你是买的行货还是  。。。   可以再设置里选通用，再到多语言环境  选择简体中文     微问团 Q群 110377670</t>
  </si>
  <si>
    <t xml:space="preserve">电脑太慢我是奔腾4的处理器和256的内纯.刚开始的时候一切正常, </t>
  </si>
  <si>
    <t>根据你说的情况，很明显是你清理风扇后，没有将风扇安装好或者是CPU上面的硅胶散热性能已不好，导致CPU在工作中散热不好，温度过高。而电脑会强制CPU降低速度，以防止CPU烧毁.你可以重新安装一下风扇，而且最好在CPU上涂一层均匀的硅胶（切记不要太多）。你可以试试看。呵呵。</t>
  </si>
  <si>
    <t xml:space="preserve">大家帮我算下这只宠是几档的,我自己算不出来~RT,多谢哦.这个想 </t>
  </si>
  <si>
    <t>可以告诉你为什么～因为这个是用重生组件改出来的，实验型的改造史来母一共分3种（重生，优化，抗咒。）这3种里面优化和抗咒的可以用暗月特殊系里实验型改造算。因为优化和抗咒的是比原来普通的史来母多了修正或者抵抗的数值，而重生的没有抵抗和修正的增加只是总档数比普通史来母多了10挡。而计算器里普通史来母和实验型的改造史来母都是105D～所以用这个算重生组件改出来的根本就不准。算不出来才是正确的！能算出来的一般都是2-0D的～基本也都被人拿去卖了，不懂得这个问题得当然以为自己买了一个很好得！实际上.....</t>
  </si>
  <si>
    <t xml:space="preserve">心情很糟糕 </t>
  </si>
  <si>
    <t>心情糟糕时，多想想喜欢你的幽友，也可缓解你糟糕心情！</t>
  </si>
  <si>
    <t xml:space="preserve">14场晒反思单,,,,,,,,,,,,,,在这里有高手吗?你能晒 </t>
  </si>
  <si>
    <t>图片照的很清晰。。何不14场全部买3然后补防。。那就中了</t>
  </si>
  <si>
    <t xml:space="preserve">女伯爵可以掉所有符文吗? </t>
  </si>
  <si>
    <t>女伯爵最高28# 但你如果把时间发在那里等你出了28# 那真的是N久的事了.附文最实在的就是RR.没其他捷径.除非RP爆发掉了31#</t>
  </si>
  <si>
    <t xml:space="preserve">霉菌性阴道炎治疗期间来例假的一些反应因为私处痒，3月3日去医院做 </t>
  </si>
  <si>
    <t>见到“雷妹妹”的提问，我回忆，我还是第一个诊断你为霉菌性阴道炎的，可当时说得不够详细。现在查出霉菌，诊断基本明确了，我看了治疗也比较恰当。月经来了，外用药可暂时停止，口服药照常应用。金刚藤是中药，没有什么副作用；惟“氟唑康”有恶心，呕吐反应，你又在一天内服用正常剂量的一倍，所以反应较重，但还未中毒，你可以放心。氟唑康，今明两天停服，后天照常，金刚藤常规服用，月经结束后，再恢复外用药的应用。祝你早日康复！</t>
  </si>
  <si>
    <t xml:space="preserve">号被卡N天了GM你是怎么搞的`我的游戏号一上就提示不知名的错误, </t>
  </si>
  <si>
    <t>他们的服务器出问题了.确实是在处理了,只不过不知道需要多少时间罢了.</t>
  </si>
  <si>
    <t xml:space="preserve">工伤级别鉴定与赔偿我的左手大拇指被冲床压成粉碎性骨折，请问能鉴定 </t>
  </si>
  <si>
    <t>我先让你知道什么是非曲直伤残等级鉴定：伤残等级鉴定，是劳动鉴定委员会在劳动能力鉴定技术小组认为工伤职工丧失劳动能力，需要评残的基础上，依据《职工工伤和职业病致残程度鉴定》，对因工负伤或患职业病的职工伤残后丧失劳动能力的程度和依赖护理的程度作出的判别和评定。一共有10个级别。一级至四级的为全部丧失劳动能力；五级至六级为大部分丧失劳动能力；七级至十级为部分丧失劳动能力。 劳动能力鉴定程序如下： 由工伤职工所在单位填写《劳动鉴定申请表》，申请劳动鉴定。特殊情况下，职工可直接申请；职工对劳动鉴定委员会作出的鉴定结论不服的，可以向当地劳动鉴定委员会办公室申请复查，对复查结论不服的，可以向上一级劳动鉴定委员会申请重新鉴定。职工在工伤医疗期间治愈或者伤情处于相对稳定状态，或者医疗期满仍不能工作的，应当进行劳动能力鉴定，评定伤残等级并定期复查伤残状况。 《企业职工工伤试行办法》第五十五条规定：工伤职工及其亲属，在申报工伤和处理工伤保险待遇时与用人单位发生争议的，按照劳动争议处理的有关规定办理。因此，如果企业不给申请工伤，甲可以直接申请。另外，甲还可以就与单位的工伤争议按照劳动争议的有关规定，依据《劳动法》，申请调解、仲裁或者提起诉讼，保证自己的合法权利。 你的可以定为9级，如果是工伤，一次性伤残补助金为8个月的本人工资，一次性工伤医疗补助金和伤残就业补助金由当地省人民政府决定！</t>
  </si>
  <si>
    <t xml:space="preserve">为什么鸣人狂用影分身之术,查克拉还这么多? </t>
  </si>
  <si>
    <t>本身體内有九尾可能使他???了點吧``不過要注意的是九尾的查克拉是橘紅色的，鳴人平?r都再不用紅色查克拉的情?r下多次影分身，所以只能説明鳴人真的???了``不能說完全因?九尾的</t>
  </si>
  <si>
    <t xml:space="preserve">关于宝贝经常撒谎的问题我的宝贝快八岁了男孩子，有一次我和我的邻居 </t>
  </si>
  <si>
    <t>不知道你对孩子撒谎除了生气之外还采取了什么措施，如果你只是生气的话，我想是不解决问题的，你的孩子已经八岁了，应该是懂事了，对于他的这种行为，我认为打不是办法，我建议你可以采取“以牙还牙”的办法试试看。比如说：你可以在他需要你帮助或者向你请求某件事情的时候，你对他撒一次慌，结果可能让他失去一个心爱的礼物或者是参加某项活动的机会，他肯定会心里非常的不舒服，这个时候，你可以借机教育他撒谎给人带来的痛苦，让他亲身感受一下，我想这比你生气或者训他更好一些，试试看吧！祝你成功！</t>
  </si>
  <si>
    <t xml:space="preserve">菜鸟提问发光二极管的发光原理是什么？ </t>
  </si>
  <si>
    <t>　　 　　以上网页讲得很清楚，有插图，转贴比较困难，可打开后下载。</t>
  </si>
  <si>
    <t xml:space="preserve">翻译Whethersuchsenseoffairnessstem </t>
  </si>
  <si>
    <t>解析：had 在定语从句that the species had 35 years ago作谓语动词，其宾语是前面的ancestor。that是关系代词指代ancestor。译文：这种公平感是否源于35年前该物种拥有同一个祖先，这仍然是一个悬而未决的问题。</t>
  </si>
  <si>
    <t xml:space="preserve">彪车能不能用手柄玩?? </t>
  </si>
  <si>
    <t>当然可以了啊。。我就用手柄玩，手柄比键盘快很多，但是还是照MOMO有一定的距离。。手柄的好处是去那都能那着，MOMO太重了。我抱着MOMO走不上是分钟就能给累够戗</t>
  </si>
  <si>
    <t xml:space="preserve">我出售的ID为什么被停止出售了啊我就纳闷了 </t>
  </si>
  <si>
    <t xml:space="preserve">尊敬的客户:     您好！5173客户服务052为您服务！如果您的物品已经停止出售，麻烦您重新登陆5173网站发布您的出售信息，我们客服会尽快审核您的信息，通过审核就会帮您上架。您也可以登陆5173网站，进入“我的5173”“我所出售的商品信息”查看您的发布单的交易状态。感谢您对5173的支持!!!                                                                                                                                                            </t>
  </si>
  <si>
    <t xml:space="preserve">谁能帮我姐姐看看用什么化妆品。。谢谢。。我姐姐28岁，生完孩子刚 </t>
  </si>
  <si>
    <t xml:space="preserve">欧莱雅  试试啊其实玉兰油也有适合每个年龄段用的 </t>
  </si>
  <si>
    <t xml:space="preserve">小孩应该多大断奶我儿子一岁一个月了，还在吃母乳，断奶后应该给他吃 </t>
  </si>
  <si>
    <t>断奶对婴儿来说是一个非常重要的时期，是婴儿中的一大转折。断奶不仅仅是食物品种、喂养方式的改变，更重要的是断奶对宝宝的心理发育有重要影响。这就是为什么心理学家将此过程称为第二次母婴分离。婴儿在吸吮乳汁的同时不断地与母亲进行感情交流，获得母爱，这对婴儿身心发育具有重要影响。如果断奶方法不得当，不但婴儿心理上难以适应，还会给婴儿的身体健康带来负面的影响。在奶头上涂辣椒、墨汁、红药水、紫药水或黄莲水的断奶方法，是不可取的，会给婴儿心理上带来极大伤害。婴儿也会因此而哭闹、恐惧、不安、或以吸吮手帕、被头及母亲的衣物来获得安慰，甚至形成日后难以纠正的儿童异常行为。 首先，在心理上，父母要把断奶看成是自然过程。当婴儿对母乳以外的食物味道感兴趣的时候，应该用适当的语言诱导和强化，使婴儿受到鼓励和表扬，感到愉快，使婴儿在心理上把断奶当作一个自然过程。同时，家里的其他亲人应有意识的多与婴儿接触，如：带宝宝去公园，接触大自然，开阔眼界，跟宝宝一起做游戏，使宝宝感到身边的人都爱他，都跟他玩，使他高兴，有安全感、信任感。 其次，断奶应该在婴儿1-2岁间完成。先从减少白天喂母乳次数开始，逐渐过度到夜间，可用牛乳或配方奶逐渐取代母乳，最迟2岁应彻底断母乳。但仍需每天给1-2次牛奶。这期间，婴儿从蹒跚学步到自由行走、玩耍，婴儿的活动范围逐渐扩大，兴趣逐渐增加，与母亲的接触时间逐渐减少。有利于断奶。 再次，断奶时，不要让婴儿看到或触摸母亲的乳头。当宝宝看到其他宝宝吃母奶时，要告诉宝宝“你长大了，小宝宝吃妈妈奶，你不吃了”。母亲在断奶期间不应回避，应多和宝宝在一起玩他感兴趣的游戏，转移宝宝的注意力，尤其是在宝宝哭闹时，父母及家里的亲人一定要帮助安抚宝宝，给宝宝更多的关爱，千万不能急噪，更不能训斥宝宝。在断奶期间，不应母婴分离，这样会给宝宝带来心理上的痛苦。另外，一旦断了奶，就不要让婴儿再吃母乳。 你的孩子不吃其他食物可能就是没断奶的原因，因为他还在想着吃母乳呢，等你给他断奶后，他就会吃其他食物了。</t>
  </si>
  <si>
    <t xml:space="preserve">什么牌子的牙胶好？入水牙胶和普通牙胶有何区别？哪种好？宝宝快5个? </t>
  </si>
  <si>
    <t>把红萝卜削成手指状，宝宝最爱啃了，不要买牙胶</t>
  </si>
  <si>
    <t xml:space="preserve">口腔有异味怎么回事？口腔异味怎么回事？我的口腔味较严重，我自己好 </t>
  </si>
  <si>
    <t>不管是何种原因引起，最后造成口臭的根源，多数是由于唾液分泌不足。您说用过的杯子上留下很重的唾液氧化味道，说明您的唾液是比较粘稠的，这也是唾液分泌不足的症状。    这种情况，推荐您使用齿黄金就可以了，更多其治疗原理，可直接登录“我爱牙齿网”进行详细的了解。    效果行不行，通常使用1～2周就能见效了，也不需要很久。    您可以用了2周后，再来问问您女儿感觉有没改善～    声明：如果不好的产品，我是不会轻易推荐的，希望此回复能帮到您。</t>
  </si>
  <si>
    <t>耶稣是哪一国人？</t>
  </si>
  <si>
    <t>答案: 天国</t>
  </si>
  <si>
    <t xml:space="preserve">真正的好朋友是怎样的？怎样从普通朋友变成好友？我是个十六岁的男生 </t>
  </si>
  <si>
    <t>我对朋友的理解就是，我们并不是无话不谈，但我们一遇到难题就会相互倾诉，相互鼓励，找不到话题时那一个安静的瞬间也不觉得尴尬。朋友并不需要天天粘在一起，也不需要把自己和他的另外的朋友比较，一个人的好朋友可以有多个，他们在不同的方面影响你，虽然看上去他可能和舍友打得比你火热，但这不代表你的地位比他们低，也许只是在他心目中你是他另一方面的最好的朋友。还有就是要真诚，你们或许不能经常一起出门，但婉拒他时一定要真诚，让他明白自己在你心目中的分量，你只是迫不得已拒绝他的：）高二了，你也长大了，肯定要单独出去上大学，所以，这点请先和家人沟通好，让他们给你一个独立自主的空间，要不然等到大学就太迟了有时候你们会遇到一些小矛盾，但请不要记仇，想想这些矛盾在五年之后还会对你有什么影响，如果真的影响很大，那你再记仇也不迟，呵呵，我所能说的就是这些，希望对你有帮助！</t>
  </si>
  <si>
    <t xml:space="preserve">鱼刺卡在喉咙吃醋后能吃糖吗 </t>
  </si>
  <si>
    <t>不能吃糖。去医院找医生如果刺的部位不是很深、可以肉眼看到的话用镊子夹住取出即可。也可以采取含服维生素c片1至2片并慢慢咽下的方法。如果卡鲠在食道上那就要用食道镜；卡鲠进胃部则需要借助胃镜；一旦鱼刺刺穿食道和心脏周围血管那就得急诊手术、甚至需要开膛豁肚才能取出。若满意 谢谢加好评</t>
  </si>
  <si>
    <t xml:space="preserve">数列填空题，求解1.等比数列前n项和Sn=2·(1/3)^n+k </t>
  </si>
  <si>
    <t>1.a1=S1=2/3+k,n&gt;1时an=Sn-S&lt;n-1&gt;=2*(1/3)^n-2*(1/3)^(n-1)=-4*(1/3)^n,公比=1/3=a2/a1=(-4/9)/(2/3+k),∴2/3+k=-4/3,k=-2.2.a1,a3,a4是等比数列{bn}的连续三项,&lt;==&gt;(a1+2d)^2=a1(a1+3d),其中d是公差，&lt;==&gt;a1d+4d^2=0,&lt;==&gt;d=0,或a1=-4d.d=0时公比q=1;a1=-4d时，q=a3/a1=(-2d)/(-4d)=1/2.</t>
  </si>
  <si>
    <t xml:space="preserve">我的机子下载不起魔兽怎么吧?点下载网站就打不开~~~~~~ </t>
  </si>
  <si>
    <t>简单，如果是DVD机子就非常好办，只花10块钱就搞定了，买张光盘，要是不是的话就20块买4张的光碟。</t>
  </si>
  <si>
    <t xml:space="preserve">为什么itunes打开的界面只有铃声界面，没有其他的选项栏！我想? </t>
  </si>
  <si>
    <t>你的iPhone 就没被iTunes 识别，请照下面的步骤排查： iPhone 连接电脑后，如果电脑没有提示音，换USB口、换别人正常使用的数据线试试； 如果电脑有提示音： 右键点击 计算机（或者 我的电脑）－管理－设备管理器－通用串行总线控制器</t>
  </si>
  <si>
    <t xml:space="preserve">阴毛性功能！有人说阴毛黄就是肾虚，阴毛黑性功能就VERYGOOD </t>
  </si>
  <si>
    <t>不是吧！！！那外国人还没有黑的呢，照你的说法，他们都是阳痿了！不要相信别人的说法，真有搞不明白的问题，还是要去请教医生是比较科学的。</t>
  </si>
  <si>
    <t xml:space="preserve">妖精姐姐升级高手进!我现在50几了觉得升级好慢有什么好办法吗?最 </t>
  </si>
  <si>
    <t>1-9级：9级之前只有剧毒蛊这一种攻击技能，所以多找土系怪练，万化城外有下面几种土系怪，1级翠蚨；2级幼纹蝎；4级幼针嘴奇足；5级闪电幼貂；6级弓手残骨；乌游蛇，再做做任务，很快就可以升到7级了！！不要忘记了3级回程做任务哦！！做完之后可以得到一个幼凶狼宠物蛋或者是幼纹蝎宠物蛋，还可以学会治疗宠物和复活宠物的技能！以后就有宠物伴你升级了！到了7级又有一个宠物任务可以接，然后就可以自己捕捉自己喜爱的宠物了！然后到断桥村练级吧，这里的土系怪有7级高原龙轾；8级穿山貂；9级穿山貂王。9-19级：到了9级做完修真就可以学习铁岩蛊这个攻击技能，也可以变身妖狐进行近身物理攻击了，这个看加点及装备的选择了！先去狼图腾谷吧，在这里打10级长蛮喽罗；11级闪鳞王蛇，闪鳞蛇。13级可以到古风口，在这里打13级狼妖长弓手，刻毒之刺；15级地鬼斥候；16级闪电貂。17级可以到临水镇了，这里土怪有17级赤虎妖，闪电貂王；18级草原狼蛛；19级草原狼蛛王。注意10级，15级，17级各有一个宠物任务！！19-29级：在临水镇那里可以一直练到20级或21级。然后可以去组龙了，西门那里我记的有个22级虚之土精的平魔任务，可以刷点声望。也可以杀23的厚土龙蛭，再做做任务，就可以到25了，然后可以去碧涛林去杀26的复生土精，在这升到29怪变色吧。。后面没有什么好的土怪了。。29-39级：29可以去静湖居了，这里是法师杀石头的天堂，我估计土性的石头杀起来也应该很爽的。。这里有31石吼卫士，齿蛮参将；32石吼勇士，在这里杀石头可以杀到34或35。然后去幽兰谷杀35的石吼之王吧，还是石头~~！！汗！！39-49级：在幽兰杀到38怪变色就可以来渔村了。。。这里有39的两种墓碑，慢慢杀吧。。旁边有木怪，小心点。。杀到40去疾风部落吧，这里有41的变种豺；45的近卫狼。。近卫狼不是很密集，杀到45可以去落日镇了，这里应该是妖精的天堂，卫兵那里有几种土怪的平魔任务，出去就是大片的怪，尽情的刷吧。。。这里有46长蛮神射手，长蛮战士；47豹隐刀狼，远征地鬼战士，可以一直刷到50级怪变色。。。49-59级：到了50可以到七杀谷悬崖上面的一个角里练，那里有个50土蛇，52刀狼，还有个金蜈蚣，虽然只有3个怪，但是刷新很快，一个人练没问题。这里可以练到52。如果没有位置也可以去塔箭山庄那里有51的妖牛狙击手。53级可以去万劫城，那里有几个小岛，每个岛上都有几个53土蛇，可以升到56，然后可以去万蛇岛，那里有54和56的土蛇，不过木怪多，还有蛇王，不想去可以去獠牙，外面有58博命囚徒和60囚徒首领。59-69级：在獠牙可以练到60，然后可以到云梦，这里有61老鼠62土殇怨灵。到了66可以去杀66土殇怨灵首领，可以升到69级。。69-79级：到了69可以到迷失村外面杀71的老鼠，杀到74吧。。。这个老鼠是木攻击，可以穿木装。。然后去丛林遗迹了，里面有76的老鼠，可以升到79级。。还是木攻击。。79-89级：79是土怪真空期，丛林遗迹里面好象有更高级的土老鼠，忘了。。。然后就是83的魔矿守卫了，他在焚心之地的东边一点。。。可以杀到86，然后去苍茫草原吧。。那里有88的石像守卫，可以升到91。。90-100级：90后面外面好象没有什么土怪了。。。仙魔场景里有，我还不太熟悉。。。不想到仙魔场景里杀，可以刷副本到100级，也可以杀杀其他属性的怪，基本上元神也该用不完了，技能都修满吧。。。ZB</t>
  </si>
  <si>
    <t xml:space="preserve">我女儿的手老有冻疮，今年的冬天又来了，怎么才能防止她没有冻疮 </t>
  </si>
  <si>
    <t xml:space="preserve">霜打过的茄子棵和麦苗（多少均可），放在盆里烧水，洗烫患处，每天1—2次，连3—4天。鲜生姜外搽过去生过冻疮处，一日2—3次，可预防。 </t>
  </si>
  <si>
    <t xml:space="preserve">意甲冷门桑普多利亚，西甲冷门瓦伦，附R9实买单 </t>
  </si>
  <si>
    <t>桑普没有问题</t>
  </si>
  <si>
    <t xml:space="preserve">600015华夏银行如何操作成本价12.35元. </t>
  </si>
  <si>
    <t xml:space="preserve">600015 华夏银行 震荡已破，后市向上，稳健参与 </t>
  </si>
  <si>
    <t xml:space="preserve">沈阳市为什么营养不良还能得脂肪肝 </t>
  </si>
  <si>
    <t>你好！营养不良性脂肪肝营养不良缺乏蛋白质如加西卡病是引起脂肪肝的重要原因，多见于摄食不足或消化障碍，不能合成载脂蛋白，以致甘油三酯积存肝内，形成脂肪肝。脂肪肝病人在饮食中可以多吃豆腐、腐竹等豆制品，瘦肉、鱼、虾、脱脂奶等。如有其它问题可点击咨询。一般来说营养成分摄取不足，导致体内不能正常合成载脂蛋白，所以就导致脂肪肝的形成。脂肪肝并不一定都是由于营养过剩，营养不足也会导致，所以我们在平时的生活当中搭配合理饮食。</t>
  </si>
  <si>
    <t xml:space="preserve">31周了．为何宝宝白天胎动少，晚上胎动多且有劲31周了，为何宝宝 </t>
  </si>
  <si>
    <t>胎儿最活跃的时间是每天的晚上6点--10点,所以不用担心,你的宝宝非常正常,平时多留意胎动情况,定期做产前检查,期待小生命的降临吧.</t>
  </si>
  <si>
    <t xml:space="preserve">什么时候换澳元我明年1月10号要去澳洲念书，今年12月份要先用澳 </t>
  </si>
  <si>
    <t>不是不想帮你，而是你没有选择，12月份要交学费，估计也就是一个月左右，现在澳元又处在上升中，你也只能接受现在的情况了。12月份不知美国是否会加息，如果加息，或许短期可以提振一下美元。我想你可以等到那个时候。</t>
  </si>
  <si>
    <t xml:space="preserve">２２级席林神使在哪升级快呀？请哥哥姐姐指教呀！ </t>
  </si>
  <si>
    <t>我是打魅魔一直打到25级……然后打豺狼军官打到30级……（全程只用普顶装备，吃普魔蛋）接着就可以大大方方去克塔吸经验啦：）如果有认识的好朋友愿意带你，20转了就可以去克塔吸经验了，不过30之前比单练慢（我这种装备也比单练慢……）席琳如果资金不是十分充裕的话武器不用换，只把衣服换成米一套就可以了：）</t>
  </si>
  <si>
    <t xml:space="preserve">台湾，有什么好玩的呢？ </t>
  </si>
  <si>
    <t>去台北吃小吃</t>
  </si>
  <si>
    <t xml:space="preserve">一岁多宝宝入睡困难　　我的宝宝个18月，入睡总喜欢扒着，翻来复去 </t>
  </si>
  <si>
    <t>　　小儿入睡困难常使家长十分,这与小儿自幼未养成良好的睡眠习惯有关。如家长抱着婴儿边拍、边摇、边走地催其入睡是一种很不好的习惯,小儿往往在妈妈怀里睡得很熟,放在小床上就睁开眼睛哭闹。与父母同床睡,吸吮着母亲的乳头或橡皮乳头,边哺乳边入睡更有造成婴儿窒息的危险,也是使幼儿形成睡前一定要吸吮手指、毛巾或被角方能入睡这种坏习惯的主要原因。　　为保证孩子有充分的睡眠,首先,要为小儿安排一个光线柔和、空气清新、温度(22.C-24℃)湿度(60%-65%)适宜、安静温馨、避免各种声光色强剌激的卧室,还应为孩子准备一个舒适暖和有围栏的小床。床垫不可太软,被褥清洁柔软,厚薄随季节增减,冬季可给小儿睡睡袋,以免身躯四肢外露受凉。其次,重视从小培养小儿良好的睡眠习惯也十分重要,如从小培养小儿独睡自己的小床,当其有睡意时,轻轻将小儿放在小床上,任其自然入睡。另外,培养孩子有规律的睡眠习惯是促使小儿容易入睡的好办法,每天固定时间让孩子上床睡觉,睡前停止游玩活动,做好一切准备工作,孩子睡在自己小床上,盖好被子后,父母可在床旁陪伴片刻,轻轻唱个儿歌或讲个小故事,然后可以离开,让小儿自行入睡,床上不应放任何玩具、图画书或能使小儿兴奋的东西,以避免影响小儿入睡。每天坚持如此做,就能帮助小儿逐渐养成良好的入睡习惯。　　小儿偶有入睡困难,在床上翻来覆去,辗转不安,或哭闹不息,不肯睡下,则首先要认真仔细查清原因,如有无发热、鼻塞、呼气不畅或腹部不适等患病情况,是否衣服过紧、被子太厚太重、卧室空气混浊、肚子饿了或吃得过饱、尿布湿了、要排尿等等,也可能白天活动过度兴奋,如看恐怖电视、听鬼怪故事,精神紧张,或白天受老师、家长责备惩罚,心情抑郁、焦虑、思想压力大,都能诱发睡眠障碍。查清了入睡困难的原因后就应针对原因加以矫正,有病要加以治疗,要尽量避免白天,尤其是晚饭后激烈活动、过度兴奋,晚饭后应安排轻松宁静的活动,如画画、做手工、玩积木等,晚饭及临睡前不宜吃得太饱。父母自己也不应过分焦虑紧张,要心平气和地耐心对待孩子的睡眠障碍,切勿急躁粗暴,既要严格正确地给孩子立规矩,又要使他愉快地克服不良睡眠习惯。</t>
  </si>
  <si>
    <t xml:space="preserve">1人，实在讲一切的动物，在六道里面舍身受生，总不出这四种缘——报? </t>
  </si>
  <si>
    <t>有时候不是你不想欠债就不欠的，不想结怨就不结的。美好的愿望，残酷的现实。很难实现啊!!!</t>
  </si>
  <si>
    <t xml:space="preserve">VFP下载解压后不知道怎么安装了，解压出了好多文件和文件夹，不知? </t>
  </si>
  <si>
    <t>里面有没有setup.exe文件。如果有双击这个。否则直接双击里面vfp...exe。说明这是个免安装软件。</t>
  </si>
  <si>
    <t xml:space="preserve">AAaBBb的染色体组、等位基因、同源染色体的判断AAaBBb它 </t>
  </si>
  <si>
    <t xml:space="preserve">AAaBBb它有几个染色体组 3它含有等位基因吗？有是否含有同源染色体？有AAa互为同源染色体BBb互为同源染色体等位基因在同源染色体的相同位置上 </t>
  </si>
  <si>
    <t xml:space="preserve">生物和动物有什么区别？什么东西是生物，什么东西是动物？谢谢！ </t>
  </si>
  <si>
    <t>并非光合作用就是植物，在非洲有种蟋意就会光合作用含羞草会动有些植物是寄生的，所以不会光合作用生物包括动植物微生物，昆虫，病毒细菌真菌动物包括原生动物 腔肠 扁形 线形 节枝 软体 和鸟类，爬行，哺乳两栖还有细菌有的是靠化学能生存，比如硫细菌生活在海底火山</t>
  </si>
  <si>
    <t xml:space="preserve">这是什么花草？只长叶，且生长很慢，会开花吗？ </t>
  </si>
  <si>
    <t>看着像碧玉又名豆瓣绿</t>
  </si>
  <si>
    <t xml:space="preserve">我的小lr70了，s2刚齐！武器都是战场刷的！想在堆点耐力！（f? </t>
  </si>
  <si>
    <t>你有正义章吗?可以换紫宝石:天蓝宝石 找人帮你切.或者拍卖买蓝色宝石:艾露恩之星 找人帮你切.我建议最好全上敏捷的宝石.</t>
  </si>
  <si>
    <t xml:space="preserve">我要金莎靓图越新越好 </t>
  </si>
  <si>
    <t>最新的</t>
  </si>
  <si>
    <t xml:space="preserve">网一刘备[假装]·东海没别的意思，麻烦你跟我讲一下你用双鞭如何实? </t>
  </si>
  <si>
    <t xml:space="preserve">网一CC霸气飘柔切术了得，可以从双戟的无双中切掉2次，依然没有被判定-------------------顺便说下，这[假装]·东海可是网一名骗，楼主运气不错啊 </t>
  </si>
  <si>
    <t xml:space="preserve">为何有的女人渴望一夫多妻制?有位女士的帖子广为流传,想必幽友们都 </t>
  </si>
  <si>
    <t>她想得挺美  当正房夫人老了  会让你小妾年轻？？ 何况你想集体生活就要对家庭有贡献才行！你不想出去赚钱 还不想操持家务  干脆别当老婆了  当老妈吧！</t>
  </si>
  <si>
    <t xml:space="preserve">中秋觉得要干什么好 </t>
  </si>
  <si>
    <t>吃吃月饼看看电影。</t>
  </si>
  <si>
    <t xml:space="preserve">怎么得骑士勋章。 </t>
  </si>
  <si>
    <t>升到5级 然后@5位好友</t>
  </si>
  <si>
    <t xml:space="preserve">关于支付宝我从支付会员登入登不上，要从淘宝会员登入才可以登入支付 </t>
  </si>
  <si>
    <t>可能是因为你当初没有注册支付宝会员，需要从支付宝 首页注册，那是支付宝会员。你现在用的是淘宝网帐户用户名及密码。淘宝会员用户是可以登陆支付宝的。</t>
  </si>
  <si>
    <t xml:space="preserve">令人匪夷所思的明星怪癖。大S平时看起来光鲜亮丽、温柔恬美，却有在 </t>
  </si>
  <si>
    <t>人不可貌相！（我明白了）</t>
  </si>
  <si>
    <t xml:space="preserve">人物怎么有属性啊? </t>
  </si>
  <si>
    <t>...问的是什么属性呢？是不是“火、毒、水”等属性啊..那些是先要去金香玉那购买属性原石，购买成功后去银蛟龙那进行赋予属性就可以拉~·</t>
  </si>
  <si>
    <t>这个配置要多少钱？电脑型号技嘉G41MT</t>
  </si>
  <si>
    <t>初步估算，你这个新机器的话也就2000左右吧</t>
  </si>
  <si>
    <t xml:space="preserve">操作基金的3个深刻?1、大盘还能再跌多少？2、现在割肉理由是什么 </t>
  </si>
  <si>
    <t>1.大盤?要跌多少我也不知道呀?2.我死也不割肉3.想長期持有但也害怕越套越深所以每天都很?难?一段?r間的??p?能承受,最怕是一直一停地??p呀!</t>
  </si>
  <si>
    <t xml:space="preserve">6个月的宝宝舌苔根厚又黄，其他方面都好，有什好办法？ </t>
  </si>
  <si>
    <t>可以每天给宝宝嘴里抹一点香油,坚持天天抹,然后每天要多喝水</t>
  </si>
  <si>
    <t xml:space="preserve">古代的鲜卑族,氐族,羌族,匈奴,羯族,现在各指哪个族?鲜卑有白部? </t>
  </si>
  <si>
    <t xml:space="preserve"> 古代的鲜卑族,氐族,羌族,匈奴,羯族,现在各指哪个族?   古代的鲜卑族,氐族,羌族,匈奴,羯族,现在各指哪个族?鲜卑有白部鲜卑,白面黄须,是白种人?  中华民族，回答完毕。</t>
  </si>
  <si>
    <t xml:space="preserve">怎样使QQ日志中的漂浮flash整篇显示？我试过但只有文章开头部? </t>
  </si>
  <si>
    <t>查看一下说明</t>
  </si>
  <si>
    <t xml:space="preserve">调皮老师600723，000593后市怎样操作后市怎样操作! </t>
  </si>
  <si>
    <t>600723 不太看好.000593 下跌中,可能要止损操作.</t>
  </si>
  <si>
    <t xml:space="preserve">打漂浮水母姆姆拉出了个徽章，有什么用？属性是随机+90水属性伤害 </t>
  </si>
  <si>
    <t>是增加你用水系魔法时的伤害~就是说你用水系魔法(如冰箭术)时有机率+90伤害~我试过机率很大的!</t>
  </si>
  <si>
    <t xml:space="preserve">开什么门市店最容易投入小,风险小,不求赚大钱,只要能养家糊口就行 </t>
  </si>
  <si>
    <t>朋友您好，您现在有这咱想法很棒！当然您要开门面肯定多少得一些资金，您觉得了？我现在就是在网络上代理像沃尔码那样的大型超市,兼职,全职都可以,轻松办公享受财富自由。感兴趣不妨探讨一下如何!呵呵交个朋友也行.</t>
  </si>
  <si>
    <t xml:space="preserve">这期奖金肯定不低,9场肯定上万了!威廉希尔03芬　兰VS德　国6 </t>
  </si>
  <si>
    <t>乌拉圭看似平赔高，怎么感觉都是1，瑞典就是3，德国这个买10稳过</t>
  </si>
  <si>
    <t xml:space="preserve">我被盗号了？我在贫脊进的战歌战场，中途在被个盗贼捅的时候游戏错误 </t>
  </si>
  <si>
    <t>战场退出游戏  战场结束后 炉石自动用掉 回到进战场的地方！如果战场死亡后灵魂状态下离开游戏  回来应该在进战场地方最近的墓地！   你看看和你一样不！</t>
  </si>
  <si>
    <t xml:space="preserve">农行网最近怎么了?网站相当慢.不应该是人多挤的呀 </t>
  </si>
  <si>
    <t>具说是总行在维护。什么时候好，95599说不清楚。</t>
  </si>
  <si>
    <t xml:space="preserve">想出去耍，有哪儿好推荐么？？ </t>
  </si>
  <si>
    <t>海南三亚，云南丽江，张家界，西藏。希望能帮到你，麻烦给“有用”"全国旅游景点排名： No.1、丽江 No.2、三亚 No.3、黄山 No.4、九寨沟 No.5、桂林山水 No.6、鼓浪屿 No.7、长城 No.8、张家界 如果对您有帮助，请点击“对我有用”为我加分，谢谢亲哈~"</t>
  </si>
  <si>
    <t xml:space="preserve">怀孕三个月,感冒,咳嗽,应吃什么药,有什么影响?怀孕三个月咳嗽, </t>
  </si>
  <si>
    <t xml:space="preserve">    1、一般感冒如果突然受凉感冒了症状较轻，如流鼻涕，打喷嚏，喉咙痒一般不会对胎儿影象不大，不必服药，多喝开水，注意保暖，休息几天就会好。但是必要时，也要对症治疗，如鼻塞厉害，局部可用麻黄素、鼻通等药液滴鼻；咽痛不适，可以用冷盐水漱口或含薄荷润喉片；中药可用板兰根冲剂等（最好在医生指导下服用）。如果患的是重感冒或疾病向呼吸道发展，侵及喉部、气管或肺部，出现咳嗽、胸闷、发热不退等现象，应及时治疗。2、流行感冒流行感冒不同于一般感冒，全身症状比较严重，如有起病急、高烧、高寒、半有全身肌肉和关节疼痛、极度疲乏和虚弱、头痛较明显等症状。妊娠早期，由于胎儿的各个器官尚未发育完整，病毒可通过胎盘而影响到胎儿器官的发育。如果在胎儿心血管系统形成时期感染，可导致先天心脏病；感冒带来的高烧和病毒产生的毒素，还会刺激子宫收缩，引起流产或早产。所以如果孕妇患感冒，一定药及时去接受专业医生的治疗。如果高烧达到39摄氏度以上，切持续3天以上，医生会分两种情况来处理；如果处在排卵以后两周内，用药可能会对胎儿没有影响。如果处在排卵期两周以上，这时期胎儿的中枢神经已经开始发育，高烧39摄氏度如持续3天以上，或高烧40摄氏度持续天以上，则肯定会对胎儿造成影响，医生会建议你终止妊娠。一般肠虫清好象没有什么影响。  </t>
  </si>
  <si>
    <t xml:space="preserve">kimi2007年到底是不是要到法拉利去阿决定了没啊 </t>
  </si>
  <si>
    <t>现在来谈2007年KIMI会不会去法拉利为时还早。KIMI和麦克拉伦的合同是签到2006年底，所以我们现在需要关注的主要是剩余的几场比赛和今年车队和车手总冠军的归属。至于2007年KIMI会不会转会去法拉利，那我们只能视目以待。不过本人认为KIMI还是在麦克拉伦比较好。就像李兵在土耳其大奖赛上说的KIMI和银箭赛车是绝配，最好的车手配最快的赛车，那就是无敌。</t>
  </si>
  <si>
    <t xml:space="preserve">植发真的有效吗？懂植发的朋友求指点！ </t>
  </si>
  <si>
    <t>有效，植发也叫做自体毛发移植，是通过高精密器械从后枕部提取毛囊组织，然后按照头发生长的方向艺术化地移植到脱发部位，当毛囊成活之后就会长出正常的头发，由于后枕部的毛囊不会受到雄性受体影响，所以移植后的毛囊依然保持原有毛囊的特性，所以移植后的毛囊不会坏死，不再掉落。当然有效，植发手术是一项历史悠久、技术比较成熟、效果非常稳定的一项外科手术有效，植发手术中需要从人体后枕部提取出健康的毛囊，然后种植到脱发区域中，移植后的毛囊可以正常生发，效果就达到了。</t>
  </si>
  <si>
    <t xml:space="preserve">系统自带的微软输入法怎样调成繁体的 </t>
  </si>
  <si>
    <t>微软输入法    注意下面的小红色方块内的小箭头</t>
  </si>
  <si>
    <t xml:space="preserve">怀孕妇如何把老公射在避孕套里的精子，放到自己的身体里去 </t>
  </si>
  <si>
    <t>趁热打铁，把套子也放进去，垫高臀部，睡着一夜后就能怀孕。万一没有，就不要再用套子了，过正常夫妻生活，心诚则灵就能使自己怀孕。</t>
  </si>
  <si>
    <t xml:space="preserve">有谁知道日剧&lt;花样少年少女&gt;的开头和结尾歌曲还有我好喜欢里面的女 </t>
  </si>
  <si>
    <t>&lt;イケナイ太阳&gt;是这个吧.是orange range唱的.我就比较喜欢男主角小栗旬，我在＜名侦探柯南＞真人版是第一次见他，挺帅．至于女主角，的确是比台版的女主角好得多．原著的女主角是校草，日版的比台版的更贴近原著．日版的女主角的确挺可爱的．</t>
  </si>
  <si>
    <t xml:space="preserve">求助老婆下面有种味道！做爱时阴茎上沾有的阴道分泌的白色液体为什么 </t>
  </si>
  <si>
    <t>健康男女正常的分泌物都有一定的腥味，两个人的分泌物经过性生活的搅和再参和了一点点空气形成许多小泡沫，就显得白色，气味也混合了，生成了一种既不是你原来的气味也不是她原来的气味的新气味了。只要无恶臭气味。应该是正常的。仅供参考</t>
  </si>
  <si>
    <t xml:space="preserve">请问在机械设备表面用静电喷塑和一般的油漆有什么区别啊?各自有什么 </t>
  </si>
  <si>
    <t xml:space="preserve">    喷塑是通过静电吸附的原理，把塑料粉末吸附在工件表面，然后加热，使塑料粉末融化并牢固附着于工件表面。    和油漆最大的区别是，涂层是一层塑料。而不是油漆涂料。因此具有塑料的优点，如耐摩，防水，耐腐蚀，颜色牢固。而且喷塑可以通过选择不同的料粉，达到不同的表面效果，如光面，亚光面，小麻点，小皱纹，皮革纹等等。</t>
  </si>
  <si>
    <t xml:space="preserve">关于上市公司总股本的问题上市公司总股本是以什么为标准来定的？如果 </t>
  </si>
  <si>
    <t>上市公司总股本是以什么为标准来定的？答：这个是有一套财务标准的如果遇到再融资，定向增发，配股送股等问题，会不会扩大上市公司总股本？答：当然如果总股本不变，那就会扩大流通股吗？答：以前  总股本=非流通股+流通股（包括A,B,H等股本，下同）    现在  总股本=被锁定的股本+流通股    以后  总股本=流通股这个公式你一看就懂了吧，流通股扩大，总股本一定扩大的，除非减掉其他的股本，在股改的时候就有这种情况，不过以后基本不会发生了</t>
  </si>
  <si>
    <t xml:space="preserve">我天哪为什么电脑的AT列表右上角那个删除不见了？ </t>
  </si>
  <si>
    <t>比如小袋鼠DS-9868发光键盘.很多网友买了该键盘后反应这款键盘不能如网上所显示的那样按键发光.此时只要按一下Scroll Lock键.键盘的灯光就会亮起来了.再按一下就是关闭.</t>
  </si>
  <si>
    <t xml:space="preserve">这样的合同是否有效我和我的公司的劳动合同是公司打印的，内容也是公 </t>
  </si>
  <si>
    <t>你有权利起诉该公司。因为：1、合同是双方的，公司应当给你一份。2、合同上，你在首页和尾页都有签名，而中间部分还有6页，也应当让你签名，公司没有告知，这6页就是证明。3、你可以认为公司“偷梁换柱”，公司可以举证反驳，估计他们拿不出证据。4、法律规定，格式合同如果有争议，应当向着制作该合同的一方作不利的解释。你属于有利的一方。你会胜诉。</t>
  </si>
  <si>
    <t xml:space="preserve">任务问题，请赐教3条主线任务都做都有黄金拿么？另怎么才能做到支线 </t>
  </si>
  <si>
    <t>60以上没有支线3条主线一共5件一个3件剩下2个各1件</t>
  </si>
  <si>
    <t xml:space="preserve">雅力士、威驰、羚羊、马21.雅力士的后备箱空间很小很小吗？有的时 </t>
  </si>
  <si>
    <t>雅力士的后备箱的确不大，但通常在超市里购来的物品应该能装下，你可以打开其后备箱看一下，是否能满足你装货需要。我的雅力士，除后备箱可以放置物品，后座上、下都能放置。雅力士是丰田的一款精品小车，在国外销量很大，但在国内尚未被更多的人接受，除了许多人不接受其略高的价格外，主要是人们还不晓得它是“小模样”，大载员空间，当然，也与许多朋友不喜欢“小车”有关。今年前三个月，雅力士的销量为3928辆，这个销量对于一款精品小车来说显然不算热销。近期，这款车打出特价，除了清些库存之外，更主要的是欲扩大一些影响，让更多的人了解这款车。还有就是4S人员解释的：在国家目录上注册的是“广汽丰田”，而雅力士的合格证、车后汉字标识都是“广州丰田”，这样，以前生产的车需要在6月份之前上牌完毕。厂家投巨资上生产线并生产雅力士并非易事，加之国内不断鼓励1.6以下排量小车，雅力士又有一定的销量，厂家绝不会轻易停产，随着雅力士认知度和性价比的逐步提高，这款小车会卖的更好。但是，4S店人员也已经明确，现在和将来的雅力士只有1.6的，而1.3的已经不生产。雅力士与威驰的确有许多相似之处，但雅力士的动力和油耗表现好于威驰。你提到的几款车中，羚羊不是这个档次的车，因此，不必考虑。马2是很好的新款运动型小车，此前的定位和定价均低于雅力士，但雅力士如果在保证质量不降的情况下实行目前的价格，那么，雅力士的性价比上就有明显的优势。一面是一个介绍雅力士的网页，你可查阅一下： 补充：特价车已经基本销完，现在价格又恢复，并且比以前的优惠要少。但是，车仍然是好车。</t>
  </si>
  <si>
    <t xml:space="preserve">苏州一日游路线，坐火车到苏州 </t>
  </si>
  <si>
    <t>狮子林----拙政园-----苏州园林</t>
  </si>
  <si>
    <t xml:space="preserve">转服问题网通转哪个服好我是网通新手服的请问转哪个服好有人接收最好 </t>
  </si>
  <si>
    <t>去20F吧，很多大盟在收新手号刷血盟分，给D装备估计是没问题的。但能给的估计都是战盟，所以小心可能会被杀就是了</t>
  </si>
  <si>
    <t xml:space="preserve">如何对男朋友多关心一些？让他不必因为我们之间的事情搞的自己很累？ </t>
  </si>
  <si>
    <t xml:space="preserve">多多沟通啊 试着心平气和地聊聊天 看看能不能缓解下 如果一直这样吵吵 有感情也要吵得没了呀 </t>
  </si>
  <si>
    <t xml:space="preserve">新手?W照相第一次玩相?C??買哪一種?畏? </t>
  </si>
  <si>
    <t>　　看你自己的定位。如果仅是日常拍摄一些人物、旅游类照片，买个消费级的卡片机足够了，体积小巧、便于携带、操作方便，一般2000左右就够了。比如：佳能IXUS 230(或240)这一类就很合适。　　如果对摄影有一定爱好，以后要不断进取，且经济上比较宽裕，就应该买单电(即微单)或单反机。体积较大(特别是后者)、价格较高、使用比较复杂，连镜头的套机一般在万元至几万。</t>
  </si>
  <si>
    <t xml:space="preserve">请问广汉机关工勤编制和事业编制的津补贴标准是一样的吗？ </t>
  </si>
  <si>
    <t>四川广汉吗！不一样，有差别</t>
  </si>
  <si>
    <t xml:space="preserve">老家里苍蝇好多，烦的要死，我看别人挂外面有苍蝇笼子的，有没有什么? </t>
  </si>
  <si>
    <t>应该喷物杀虫济。</t>
  </si>
  <si>
    <t xml:space="preserve">如何锻炼个好身材 </t>
  </si>
  <si>
    <t>至少要半年吧，有条件去健身房找个私人教练教你练，自己练效果不太好，还有就是营养要跟上，健身百分之九十都是靠营养，没营养锻炼了也不长肉，可能还会越练越瘦。</t>
  </si>
  <si>
    <t xml:space="preserve">滑雪时怎么刹车？ </t>
  </si>
  <si>
    <t>两腿分开、双脚呈“内八字”、脚内侧向外用力。1.以直滑降姿势滑行。　　2.力量放脚跟，将雪板后端向外推出，逐渐用力，直到雪板速度停止。3.身体跟着雪板的推出而弯低(包括膝盖)。4.膝盖没有向内夹起来的动作！　大脚趾连出来的掌肉部压住雪鞋，脚跟向外推出</t>
  </si>
  <si>
    <t xml:space="preserve">六扇门《武林外传》中提到的历史上有这个机构吗？ </t>
  </si>
  <si>
    <t>六扇门指的是衙门。 古代衙门为显示威严、气派，多开六扇门。后遂以六扇门代指官府、衙门。 六扇门被用为衙门代称的原因如下所述… … 衙门以门为名，在这个建筑群里，各式各样的门户当然就具有头等重要的意义。不过最重要的是中轴线上的大门、仪门、宅门。 ●六扇门的由来 整个衙门外墙唯一的出入口就是位于中轴线正南方位的大门。这个大门也叫「头门」，它并不是一个简单的门洞，而是一座有屋顶的建筑物。这种屋宇式大门是中国建筑的一大特点，它的形制受到、礼制的严格限制，无论多大的州县，大门都只能是三开间（建筑物正面的开间，两根柱子之间的横向空间为一间）。每间各安两扇黑漆门扇，总共有六扇门，所以州县衙门也往往俗称「六扇门」。俗谚「衙门六扇开，有理无钱莫进来」，俗称衙门的差役、书吏之类的工作人员为「六扇门里的勾当」。 为了突出大门的重要性，大门前面有照壁，两侧有「八字墙」，门口有的还放置一对呲牙咧嘴的石头狮子。也有的州县把门屋升高为两层或三层的门楼，兼为全城报时的鼓楼或谯楼。谯字原义同瞧字，有了望的意思。 ●东进西出的规矩 进了大门，沿着中轴线上砖铺的甬道，绕过屏墙，就到了第二道大门「仪门」。仪门内是集中政务功能的大堂院落，所以仪门也是重要的门户。据说仪门原来写作「?」门，?门原皇帝宫廷里的侧门，明朝时以官府衙署要比宫殿降等的缘故，因此用宫殿侧门的名称来称呼办公区域的正门。以后讹为「仪门」，又追加解释，认为是进入此门应该仪表堂堂，故称仪门。仪门也是三开间，一般进深仅一架。六扇门扇通常是紧闭的，只有在上官来到或州县官的长辈来临，才会打开，州县官在此迎送。 仪门平时关闭，要进出大堂院落就要走仪门两侧特开的便门。便门往往只是一个简单的门洞，也称「脚门」、「角门」。明代小说《醒世恒言》提到「大凡衙门，有个东进西出的规矩」，一般东便门进、西便门出，正和我们现在靠右行走的规则相同。 ●开后门从何来 地方州县官的住所就在衙门中轴线的最北端，免费居住在此是他们的权利，但更是一项严格的义务。他们所住的宅院称之为「内衙」，或称「正衙」、「私衙」、「中衙」、「后宅」、「后衙」、「私宅」等等。内衙的出入口就是衙门建筑群中轴线最北端的「宅门」。 宅门是整个衙门建筑群中戒备最为森严的门户之一。宅门总是终日上锁紧闭的，宅门的钥匙往往由州县官亲自保管。衙门里的衙役、书吏伺候官员只到宅门的门口为限，宅门内自有官员随身带来的私人仆役服侍，不到万不得已的情况，衙门的衙役书吏绝对不得进入内衙。 宅门也是屋宇式的大门，开间依旧限制在三开间以下。门屋内设门房，由官员的亲信长随把守。宅门东侧门扇上挖有望孔，门扇上设一个转桶，半个桶露门外、半个桶在门内。有客来访、或有信件、公文递到，把守大门的皂隶到宅门外打一下梆子，把来客的名片或公文、信件之类的东西放入转桶。宅门内的门房从望孔看清来人，转动转桶，把外面那一半转到里面来，取出东西呈送给官员。 衙门的内部院落门增减无所谓，可是大门之外在外墙上另开门洞就是不被允许的，尤其是不得在内衙的宅门外另开小门，直通衙门外面。考核时专门有此一项违法的项目，叫做「另开便门」。如清代的《六部成语批注．吏部》专有此条：「另开便门，外省官员在其衙署旁边另作小门，放其私人出入作弊。」可见另开小门是和作弊相连的，我们今天习称的「开后门」或许就是源自于此。</t>
  </si>
  <si>
    <t xml:space="preserve">猫见到老鼠就跑，是怎么回事？ </t>
  </si>
  <si>
    <t>答案有2个一个是猫跑去抓老鼠了另一个是这只猫有“恐鼠诊”</t>
  </si>
  <si>
    <t xml:space="preserve">因为胃出血，失血过多，吃什么可以补血 </t>
  </si>
  <si>
    <t>火龙果的功效   火龙果的枝条和花朵因渗透压极低而具备的独特的黏液中，含有大量的药效显著的营养性物质和治疗性物质。火龙果有预防便秘、促进眼睛、增加骨质密度、帮助细胞膜形成、    预防贫血       和抗神经炎、口角炎、降低胆固醇、皮肤美白防黑斑的功效外，还具有解除重金属中毒、抗自由基、防老年病变、瘦身、防大肠癌等功效。而较新的研究结果显示，火龙果和枝的汁对肿瘤的生长，病毒及免疫反映抑止等病症上表现出了积极作用。有预防贫血功能但好像不能补血补血的水果水果：龙眼、荔枝、胡桃、甘蔗、枣， 蔬菜：黑木耳、紫菜、发菜、荠菜、黑芝麻、莲藕粉等 推荐几样家常的补血食物： 黑豆：我国古时向来认为吃豆有益，多数书上会介绍黑豆可以让人头发变黑，其实黑豆也可以生血。黑豆的吃法随各人喜好，如果是在产后，建议用黑豆煮乌骨鸡。 发菜：发菜的颜色很黑，不好看，但发菜内所含的铁质较高，用发菜煮汤做菜，可以补血。 胡萝卜：胡萝卜含有很高的维生素B、C，同时又含有一种特别的营养素－胡萝卜素，胡萝卜素对补血极有益，用胡萝卜煮汤，是很好的补血汤饮。不过许多人不爱吃胡萝卜，我个人的做法是把胡萝卜榨汁，加入蜂蜜当饮料喝。 面筋：这是种民间食品。一般的素食馆、卤味摊都有供应，面筋的铁质含量相当丰富。而补血必须先补铁。 菠菜：这是最常见的蔬菜。也是有名的补血食物，菠菜内含有丰富的铁质胡萝卜素，所以菠菜可以算是补血蔬菜中的重要食物。如果不爱吃胡萝卜，那就多吃点蔬菜吧。 金针菜：金针菜含铁数量最大，比大家熟悉的菠菜高了20倍，铁质含量丰富，同时金针菜还含有丰富的维生素A、B1、C、蛋白质、脂肪及秋水仙醉碱等营养素。 龙眼肉：龙眼肉就是桂圆肉，任何一家超市都有售。龙眼肉除了含丰富的铁质外还含有维生素A、B和葡萄糖、蔗糖等。补血的同时还能治疗健忘、心悸、神经衰弱和失眠症。龙眼汤、龙眼胶、龙眼酒之类也是很好的补血食物。 萝卜干：萝卜干本来就是有益的蔬菜，它所含的维生素B极为丰富，铁质含量很高。所以它是最不起眼最便宜但却是最好的养生食物，它的铁质含量除了金针菜之外超过一切食物。 需要注意的是：贫血者最好不要喝茶，多喝茶只会使贫血症状加重。因为食物中的铁，是以3价胶状氢氧化铁形式进入消化道的。经胃液的作用，高价铁转变为低价铁，才能被吸收。可是茶中含有鞣酸，饮后易形成不溶性鞣酸铁，从而阻碍了铁的吸收。其次，牛奶及一些中和胃酸的药物会阻碍铁质的吸收，所以尽量不要和含铁的食物一起食用。</t>
  </si>
  <si>
    <t xml:space="preserve">仙妮蕾德是一种保健品，降血压血脂，健身强体，我用过后想再买，不知? </t>
  </si>
  <si>
    <t>好像在慈溪市郊的西北方向有仙妮蕾德专卖店，我骑车路过有印象。</t>
  </si>
  <si>
    <t xml:space="preserve">谁知道大连哪家心理医生比较好？ </t>
  </si>
  <si>
    <t>联合心理和黄鹤都是大连比较有名的心理咨询,但我觉得还是联合好一点,而且收费也比较合理.你也可以考虑考虑七院的心理治疗,只是我了解不多,不能给你见解.</t>
  </si>
  <si>
    <t xml:space="preserve">肛门便秘出血是怎么回事？性别：女　　年龄：21　　病史：　　病情 </t>
  </si>
  <si>
    <t>您好: 根据您的描述,考虑可能是有痔疮,但是最好还是去医院诊断,平时多注意饮食1,增加含纤维高的食物.高纤维素(纤维素产品,纤维素资讯)饮食可使大多数患者的症状缓解或消失,有类似括约肌切开和肛门扩张的效果.　　2,“食不厌粗”.粗加工的食品,含有较多的营养素和食物纤维,适合便秘或痔疮患者食用,有利于大便通畅.　　3,纠正不良饮食习惯.长期饮酒不但对肝脏有损害,而且也可促进痔疮的形成,痔疮患者应戒酒,同时避免辛辣刺激性的食物.　　4,治疗原发病.对患有全身性慢性疾病的患者,注意营养素的补充和治疗,可以减少痔疮的发生.</t>
  </si>
  <si>
    <t xml:space="preserve">有哪些运动是中等强度的有痒运动 </t>
  </si>
  <si>
    <t>长跑，跳绳，。 什么是有氧运动？ 生命在于运动，这已经成为常识。有一个好的身体是享受生活的最基本条件，相信没有人会对此提出异议的。医生也总是劝导人们进行体育运动来提高身体素质。但同时，人们也总是问医生：“什么运动才好？”、“运动多少才够？”。面对这最常见的疑问，美国空军运动研究室医学博士库珀（Dr Kenneth H.Cooper)经多年的研究、探索，创造了闻名世界的“有氧运动法”及其运动处方。其一经闻世，立即风靡全球。它是得到全世界最多人认同、实行的运动健身方法。 库珀认为，健康的标准并不是通常认为的肌肉发达、外表强壮，只有心、肺功能健康才是真正的健康。因为要维持身体内多得惊人的细胞的营养供应及功能正常，就要求为它们提供足够的氧气和营养物质。而这就必需要有健康的心、肺功能才能使得全身各组织、器官保持在良好的功能状态，并需要有一定的功能储备（耐力）。 有氧运动就是指长时间进行运动（耐力运动），使得心（血液循环系统）、肺（呼吸系统）得到充分的有效刺激，提高心、肺功能。从而让全身各组织、器官得到良好的氧气和营养供应，维持最佳的功能状况。 所以，有氧运动是指长时间的（大于15分钟，最好是30－60分钟）的：慢跑、游泳、骑自行车、步行、原地跑、有氧健身操等。 而静力训练、举重或健身器械、短跑等运动称之为无氧运动。尽管它们能够增强人的肌肉及爆发力，但由于它们不能有效地刺激心、肺功能，其健身效果不如有氧运动</t>
  </si>
  <si>
    <t xml:space="preserve">发蒋勤勤图片谢谢 </t>
  </si>
  <si>
    <t>look</t>
  </si>
  <si>
    <t xml:space="preserve">一喝水小便就多，是肾不好吗我一喝水，小便就很频繁，但没有什么疼痛 </t>
  </si>
  <si>
    <t>小便多是因为身体的代谢速度加快了，只要每天不超过10次都不要紧。不要担心，有些人紧张也会老是想去厕所哦！</t>
  </si>
  <si>
    <t xml:space="preserve">烫伤水泡 </t>
  </si>
  <si>
    <t>可能真的是发炎了，你可以用生理盐水消消毒，擦一些消炎的药然后包扎起来，一定不要碰水，可能会好一点，如果不行的话去看医生吧，他们才是最专业的啊。</t>
  </si>
  <si>
    <t xml:space="preserve">孕前喝孕妇奶粉好吗？我准备9月份怀孕，从7月份开始喝孕妇奶粉，喝 </t>
  </si>
  <si>
    <t>我有此疑问，可是在孕前检查的时候我就问医生了，但是医生说不要，吃叶酸就可以了。所以后来我就没有再喝，不知道胎儿会不会很大，但是我人的确是立马胖了好多啊</t>
  </si>
  <si>
    <t xml:space="preserve">发展期的白癜风患者应该怎么治疗？ </t>
  </si>
  <si>
    <t xml:space="preserve">治疗白癜风首先要先确诊，再制定治疗方案，然后再进行治疗。不同的病情，治疗方式也是不一样的。无论治疗什么病，都需要先查找缺失致病因素，针对性进行治疗。如果患者没有在正规的专业治疗白癜风的科研机构进行系统的病因检测，就盲目用药物治疗的话，不但治不好病，还会产生抗药性，久而久之会对药物产生依赖性，最终导致迁延不愈。建议患者最好寻找专业，正规，权威的医院，积极配合医生的治疗。祝早日康复！治疗白癜风的关键是检查出病因对症治疗，检测黑色素缺失诱因后，根据患者病情，进行分类、分型、分期，制定适合的诊疗方案，最终使白斑局部以及全身有害的因素下调，恢复正常皮肤颜色,病情得到长期缓解。白癜风是一种难治性疾病，要想彻底治愈，必须从根源入手，祛除发病诱因，愈后才不会复发，建议到国家正规的专业治疗白癜风的科研机构，针对自己的病情去治疗，不要盲目的治疗，以免延误病情，使白斑进一步扩散，祝你早日康复！ </t>
  </si>
  <si>
    <t xml:space="preserve">计算机知识问答问题26(1分)在windows环境中，若要将当前 </t>
  </si>
  <si>
    <t>（25题呢）acbbdda33a(如果单选问题有误）多选是除去acdabadb41bc42acabdaccb</t>
  </si>
  <si>
    <t xml:space="preserve">大学英语四六级真那么重要吗?我们学校的毕业证和四六级不挂钩,已经 </t>
  </si>
  <si>
    <t>目前来看，找工作和学校都有淡化四六级的趋势。但是在一段时间内，这种局面还不会显著改善，所谓积重难反。工作单位他们没有别的刚好的渠道更快的知道你各方面的能力，那么证书是重要的一环，所以四六级证书和其他证书都是会起一定的作用的</t>
  </si>
  <si>
    <t xml:space="preserve">疑难集锦！！！1、thekeytosolvingtheprobl </t>
  </si>
  <si>
    <t>1、是。此外还有get down to，answer to，a guide to，introduction to等的to都作介词2、省略句，before it（is）answered3、表示过去的过去，用过去完成词4、前句虚拟（他本应该的……），后句表实际情况，不虚拟。5、should，表示应该，根据语境，快7点了，JACK应该在任何时候都（等候）在这里（而他现在没来）6、quite不修饰比较级，需要用 a lot ,even much still 等来形容，题中 quite 用来修饰 a lot类似的：Thank you very much。不能说thank you very 。可以说thank you much 。 此处 very修饰much7、填a，This is an island twice as large as that one。8、as a fall in death表示和死亡率一样</t>
  </si>
  <si>
    <t xml:space="preserve">新浪有2007版吗好几家游戏平台都有了侠义道2007重装出击了， </t>
  </si>
  <si>
    <t>重装的是XYD2吧，好像26号公测，新浪好像没有</t>
  </si>
  <si>
    <t xml:space="preserve">盗版的XP需要激活,能激活吗?盗版的XP自动更新到SP2,显示需 </t>
  </si>
  <si>
    <t xml:space="preserve">可以用XP激活程序。下载地址： </t>
  </si>
  <si>
    <t xml:space="preserve">电脑高手救救我我电脑刚买来时，被我哥哥拿个很烂的电脑换了（烂的网 </t>
  </si>
  <si>
    <t>1．当黑屏没有图像显示时（不过目前市面上的显示器在主机没有信号送来时，屏幕上会显示器"没有信号线连接"），首先检查主机电源是否插接良好，电源的风扇是否转动？主机面板上电源指示灯、硬盘指示灯是闪否亮？因为若主机电源不工作或主板没有供电时，显示器在没有接收到信号时，当然就不会有图像显示的。2．再检查显示器的电源是否插接良好？如果您的显示器的电源开关是轻触开关时，当你给显示器加电时，应该会听到轻微的"辟啪"声，这时可判断显示器的开关电源电路良好。再显示器的电源开关是否已经开启？显示器的电源指示灯是否亮？当用手靠近显示器屏幕并慢慢移动是否有"咝咝"的声音，同时手上的汗毛有被吸起的感觉，这在检查显示器高压电路是否正常工作了。3．如果确定显示器已经加电了，且有高压产生时，继续检查显示器的数据线接头与显卡的信号输出接口是否接触良好？是否有松动？再拔下插头检查一下，D型接口中是否有弯曲或断针或者有大量污垢。这是许多用户经常遇到的问题，在连接D型插口时，用力不均匀，或忘记拧紧接口的固定螺丝，使接口松动造成接触不良，或因安装时方法不当或用力过大，使D型接口内有断针或弯针，以致造成接触不良。注意：显示器的的数据线插头的15针可能有缺针，如4,9，11针，这时正常的，千万不要人为的用其他金属丝来补充这些缺针位，以免造成其他故障。再多说一点吧：1,2，3针为红，绿，蓝三枪信号输入，如果哪根针接触不好时，屏幕就会有缺少相应的颜色。如果第12,15针有问题时，主机就不能发现相应的显示器，但这不影响使用。如果第13,14针有问题，显示器就会出现黑屏，显示器的指示灯在开机一会儿后由绿色变为橙色。也就出现了上述的黑屏之一。4．打开机箱检查显示器卡安装是否正确？与主板插槽是否接触良好？显卡或插槽是否因使用时间太长而积尘太多，以至造成接触不良？显卡上的芯片是否有烧焦、开裂的痕迹。当因显卡原因导致黑屏时，计算机开机自检时即有一短四长的"嘀嘀"声提示。安装显示卡时，要用手握住显示卡上半部分，均匀用力插入卡槽中，使显卡的固定螺丝口与主机箱的螺丝口吻合。未插正时不要强行固定，造成显卡扭曲。如果确认安装正确时，可以取下显卡用酒精棉球擦拭一下插脚的金手指或者换一个插槽（只能对于PCI显卡）安装。如果还不行，只能换一块好的显卡一试下。如果还不行，在确定显卡完好时，还要考虑显卡与主板的兼容性。最好查一下相关的资料或问一下网友。5．检查其他的板卡（包括声卡、解压卡、视频捕捉卡）与主板的插槽接触是否良好？注意检查硬盘的数据线与硬盘的电源线接法是否正确？更换其他板卡的插槽，清洗插脚。这一点许多人往往容易忽视。一般认为，计算机黑屏是显示器和显卡问题，与其他设备无关。实际上，因为声卡等设备的安装不正确，导致系统初使化难以完成，特别是硬盘的数据线与硬盘电源线插错，容易造成无显示的故障。6．检查内存条与主板的接触是否良好？把内存条重新插拔一次或者换个插槽试试，或者更换新的内存条。如果内存条出现问题，计算机在启动时，会有连续急促的"嘀嘀"声。提示音会因为主板不同而不同。7．检查CPU与主板上的CPU座接触是否良好？因搬动或其他因素，使CPU与SLOT1插口或SOCKE370插座接触不良。最好用手按一按CPU或取下CPU再重新安装一次。8．检查CPU外频，倍频，内存的频率等的跳线或CMOS中的设置是否正确。对照主板说明书，逐一检查相关跳线，顺序为"CPU外频跳线-CPU倍频跳线-内存频率跳线"。9．检查CPU的电压是否设置恰当。设置CPU电压跳线时要小心，一定要与CPU的工作电压相符。八和九这两步对于一些组装机或喜欢超频的用户在出现黑屏时要仔细检查。10．检查CMOS参数设置是否正确。如果您的电脑装有两个显卡，你在CMOS里设置的是第一个初始化PCI显卡，而你的唯一的显示器接在AGP显卡上，当然显示器是不会亮的。11．检查主机和显示器所要求的工作环境是否符合？工作电压是否正常，环境温度是不是过高等。除了按上述步骤进行检查外，还可以根据计算机的工作状况来快速定位，如在开启主机电源后，可听见"嘀"的一声表示计算机自检完成，如果此时硬盘指示灯不停地闪烁，则应在第二步至第四步检查。12．如果显示器在计算机启动过程中有内容显示，只是在加载WIN98的画面后出现黑屏时，这就只是WIN98系统软件方面的问题了，上述的检查方法是基于显示器本身无电气故障，即开启主机电源后显示器的电源指示灯由绿变黄但显示器黑屏没有图像显示。如果使用上述步骤显示器仍然无显示，应请专业人员维修</t>
  </si>
  <si>
    <t xml:space="preserve">超凡蜘蛛侠和蜘蛛侠123有什么关系？？？ </t>
  </si>
  <si>
    <t>我与很多人一样喜欢蜘蛛侠，因为他与大多数年轻人年纪相仿，也有着年轻人的困扰和烦恼，也曾顶撞过长辈，也曾迷茫堕落过...山姆·雷米执导的《蜘蛛侠123》让大多数影迷与影片中的蜘蛛侠彼特一起成长，克服心中困惑，让自己变得越来越成熟。  “力量越大，你的责任也就越大......”  “不管我们面对什么处境，不管我们的内心多么矛盾，我们总有选择，我的朋友哈利就做出了选择，他选择做一个善良的人，我们是什么样的人，取决于我们选择做什么样的人......”  昨晚我看了《超凡蜘蛛侠》抢先版，首先这部影片由马克·韦布执导，除了新的BOSS蜥蜴人，新的特技效果之外，蜘蛛侠对于侠义精神的感悟略显表面，特技效果更显突出，这部影片毫无疑问是一部商业片......  对于《超凡蜘蛛侠》和曾经的《蜘蛛侠123》的影片褒贬不一，只能说《蜘蛛侠123》更容易走进观众内心。</t>
  </si>
  <si>
    <t xml:space="preserve">小规模纳税人税务处理我公司为小规模纳税人，现在开出销售发票，但没 </t>
  </si>
  <si>
    <t>1、小规模纳税人按照销售收入缴纳3%的增值税，再按照增值税额为基数计算缴纳附加税。2、企业采购商品，如果暂时未取得购货发票，可以“暂估入账”，待取得发票之后，红字冲回，按发票金额重新入账。3、如果根本就没有发票，建议去你们当地税务所代开发票。</t>
  </si>
  <si>
    <t xml:space="preserve">声卡问题请问机器重装系统后,没声音.怎么装声卡或者说声卡是不是已 </t>
  </si>
  <si>
    <t>是因为重装系统丢失声卡的。你买电脑的时候应该赠送给你有驱动的光盘。 不知道你的是不是独立声卡，但现在一般都是集成的，所以你只要把主板的驱动盘放进去然后按照提示安装，也可以在控制面板→填加新硬件→按照提示安装。 如果你没有驱动盘，就可以在网上下载一个匹配的来安装。 具体操作不明白可以发消息给我</t>
  </si>
  <si>
    <t xml:space="preserve">我现在面临文理分科的问题，请问学文学理对将来上大学选专业以及就业? </t>
  </si>
  <si>
    <t>想学英语专业就应该学文!</t>
  </si>
  <si>
    <t xml:space="preserve">有什么好看的小说？最好文字优美点的。 </t>
  </si>
  <si>
    <t xml:space="preserve">《何所冬暖》 主角：席郗辰，简安桀 文案：你微微笑着，不同我说什么话，而我觉得，为了这个，我已等待得久了。 　　　　 西之留言：想写一个你在桥上看风景， 看风景的人在楼上看你这样一种想得而得不到的感情吧，就是一个人会在背后关注你，在意你，但是你不知道，而且还带着点排斥，厌恶。 《何所夏凉》 文案：爱你，娶你，幸福延续。 　　 主角：席郗辰，简安桀 《岂言不相思》 文案：在这个世界上，我最好的命运将得自于你的手中————这就是我的诺言。 主角：阮静，赵启言 　　 《今夕何朝》 文案：分手后两年，两年后的夏天。 相遇，邂逅，纠缠。一场别扭的爱情，一场失而复得。 　　 主角：洛臻，莫珩 《大约是爱》 内容简介： 一开始或许是逢场作戏， 　　 可是随着纠缠的不断深入， 　　 不论是不甘亦或不屑， 　　 真真假假模糊了视线。 　　 问世间情为何物， 　　 那些经历过的喜怒哀乐， 　　 大约是爱。 　　 十九岁的校园女孩周是清纯可人，张扬任性，年近三十的公司总裁卫卿英俊潇洒，风流倜傥。当她遇见他，他迷上她，她却并没有屈服于他的金钱权势，而是避之不及。假做真时真亦假，渐渐地，日久生情，不由自主！但两人之间却面临着许多差距：家世和年龄…… 　　 而这时，另一少年的介入又让争吵不断的他们再生波澜…… 《最初的爱，最后的爱》 （原名《我心依旧》） 内容简介： 什么叫放纵？ 　　 我渴望重遇你，眼神渴望抚摸你，声音渴望企及你， 最初的爱渴望走进最后的梦里。 　　 世界上有两种人， 一种是被背叛的，一种是背叛的。 　　 男人永远不懂，女人说分手是为了挽留，所以，他们都认为自己是前一种。 　　 每个人有两次， 最初的爱用来伤害，最后的爱用来成熟，N年后回首，为仍然相信爱情的人们，记录的爱情纪念物。 《因为爱情》 因为爱情，所以爱情 ——这个世上，没有无缘无故的爱，也没有无缘无故的恨。 ——直到再次相遇的那一天，楼绿乔觉得，这无缘无故的恨是不是因为当年爱惨了他。 ——如果当年她没有认识他，该有多好。是的，如果一切能重头来过的话，她宁愿从来都没有认识过他。 有生之年，狭路相逢。 ——如果没有遇见你，我将会是在哪里？ ——再也没有这样的人，陪我度过最初最美的时光，秦慕天觉得，此刻他煎熬在地狱的两端。 ——是他的原因，造成了现在这个局面，让她离开了他身边，如今的一切都是他造成的，他活该。 年轻的时候是如此如此不顾一切的爱着一个人，可是最后，他给她的只是背叛而已。所以这辈子，楼绿乔是不想再看见他的。 可命运却真的让他们相遇了。他却依旧表现的情深款款，仿佛当年的事情从未发生过一般，仿佛他们从未结婚，也从来没有离过婚。 一再的出现在她身边，亦触动了她已经深埋的伤---- 那么，好吧，秦慕天。她曾经有多痛，也会让他有多痛！ 《良辰讵可待》 苏良辰，她携有情郎即将择日待嫁。 　　 凌亦风，他成为传媒大亨衣锦荣归。 　　 五年前校内一对人见人羡的爱侣，五年后再见却处处感觉命运的讽刺与挑弄。 　　 原以为一切早是定局。只是当两人再度一次次偶遇时，记忆的翻涌无力可挡。 　　 也许只是命运的捉弄，他们分离，他们相逢，他们再次相爱。还有那掩盖在幸福下的——生与死的堑沟…… “我不但不会放手，而且，最好要牵一辈子。” 　　——凌亦风 　　 “我不准你离开我。别忘了，你答应过我，一定会争取白头到老的。” 　　——苏良辰 《爱你，是我做过最好的事》 内容简介： 世界上有两种可以称之为浪漫的情感：一种叫相濡以沫，另一种叫相忘于江湖。我们要做是争取和最爱的人相濡以沫，和次爱的人相忘于江湖。 本书文字轻浅笔触，刻画爱情字字见血的犀利，听文字精灵笙离温柔的倾诉。 《良言写意》 主角：厉择良，沈写意 　　 文案： 在亿万人之中，他只会对她一个人这样笑， 　　 也只会对她才有怒不可遏的表情。 　　 这么多的东西都是她独享的。 　　 如今他眉目间的青涩已经退去， 　　 可是那颗爱她的心却越来越坚不可摧。 内容简介： 彼时，他是她的阿衍，她是他的写意。他是她十年来的追寻，她是他十年来的温暖。 　　 然而，一场突如其来的变故，让他们的爱情与命运来了次大洗牌。 　　 策划了一场失忆、重逢的大戏，她浴火后的归来，为的只是向他展开一场天衣无缝的报复。而精明如他，竟毫不踯躅，一步步走进了她的陷阱。 　　 午夜梦回、帘幕低垂间的呢喃呓语、浓情蜜意，几可乱真。她不知道是自己太入戏，还是根本就不想从戏里出来…… 　　 当一切水落石出，她方才知道，他是用怎样的爱与坚守在等着她回来：他爱她，爱得如此刻骨铭心，甚至可以为了她放弃所有，毁灭自己，只要她想。 《一个人的欢喜与忧伤》（原名《时擦》） 　　 他是这样一个男孩，苍白，不合群，有些阴郁，可是才气十足。 　　 十年前的宋佳南，面目清秀，性情温和。 　　 在他之前，她以为爱情与她，千里之遥，他之后，她渐渐相信，爱情与她，早已擦肩而过。 内容简介： —个人，—首歌，—个信仰，一段爱情，也可以是—辈子。人生，究竟有多少个十年可以守候在爱情无望的彼岸。冗长的岁月，爱情慢慢不再是依靠，而变成了—种信仰，这个信仰的名字就叫做苏立。惊鸿—瞥便惦念成一道心魔的苍白阴郁的少年，在十年光阴的彼端终又与她相逢。这时光中她独自恋爱，—个人欢喜着，忧愁着，幻想着，卑微着，全然与他无关。然而这—切却支撑着她走过自己的万水千山。转过身她忽然发现，旧时的盛夏光年里，年少的他们早已和时光擦肩而过。而她的暗恋，是在黑夜里孤独绽放的花朵，开在年华最漫长的相思中。 《寂静流年遍开花》 内容简介： 我一直觉得外科医生的脾气又臭又坏，可是这个家伙，又烦又聒噪，性格跟温吞的白开水似的，波澜不惊。 其实那时候，我就应该知道，看似平静的人，往往有异于常人的坚持和骄傲。 　　 --------- 　　 其实就是一个宅女，看上一个好脾气的普外医生，不断的提升战斗力跟周围的人PK和反PK，独占后才知道，原来那个医生傻傻的待在那里好久了。 　　 内容标签： 都市情缘 　　 主角：喻夕，顾宗琪 </t>
  </si>
  <si>
    <t xml:space="preserve">最近好多网站都在搞有奖活动？谁都知道哪些活动送的奖品好！ </t>
  </si>
  <si>
    <t>刚看到一个送LG LGW53/54显示器活动，这个活动比较好玩，很草根，互动性很强，只要推荐你身边的草根“慧智明星”就能获大奖，百度里面搜慧智明星就可以找到！</t>
  </si>
  <si>
    <t xml:space="preserve">上班时开车出事故有工伤厂里怎么赔赏 </t>
  </si>
  <si>
    <t>这个说的比较笼统，如果伤不重，可以与单位协商解决，如果伤得很重，且与单位无法沟通的，应当先进行工伤认定，然后再去做劳动能力鉴定，根据工伤鉴定结果确定赔偿登记后确定具体赔偿内容。如果您觉得上述回复对您有用，请帮忙好评哦，亲</t>
  </si>
  <si>
    <t xml:space="preserve">为何今年的棉花价格这么低？我公司现在有大量的优质棉花? </t>
  </si>
  <si>
    <t xml:space="preserve">为何今年的棉花价格这么低？我公司现在有大量的优质棉花? 主要原因就是今年在世界范围内棉花普遍丰收。 </t>
  </si>
  <si>
    <t xml:space="preserve">您的帐号存在异常，目前无法进行登录，怎么办？？ </t>
  </si>
  <si>
    <t>可能是WEIBO發覺你的?ぬ?在?地登?了，所以?榱四愕?ぬ?安全不給登?~~過段?r間再上后加??一下密碼??度。</t>
  </si>
  <si>
    <t xml:space="preserve">急求作文一篇题目最好的奖赏非常紧急请速速回复，谢谢！！！！！ </t>
  </si>
  <si>
    <t>2007年广东省满分作文( 最好的奖赏)(8)最好的奖赏   窗处，有风吹过，一朵花开得正艳。                                ——题记   在花的季节里，花样年华的我在花盘里埋下了一颗种子，是花的种子。   早上，我早早起床，给这一粒还没有发芽的种子浇水。绿色的花洒慢慢倾斜着，清澈透明的水从花洒鼻子里酒出来，滴落在希望的土壤中。土壤贪婪地吮吸着这甘甜的水，也许在给种子供养分吧。    晚上，我偶尔也会为种子浇水，而且每天都来到花盘边，把我的希望传递到蓝天。过了几天，种子探出了头，娇嫩的小芽生长出两片叶子，像英文字母中的“r”，在我看来，是一个新生的生命。我对这新生命呵护备至，因为我还盼望着小芽开花。同样的做法，我给予了阳光、水和空气，还承载着我的期待和爱心。小芽一天天地生长，虽然不可以是参天大树，但也是一棵坚忍不拔的花苗。翠绿的叶子，坚硬的茎，还有扎实的根，都是有赖于我的照顾。……N天，有桃红色的花蕾挂在花苗上，我微笑了。我想，我的付出没有白费。蓝天下，清风拂过花蕾，它开了，是一朵开得正艳的花。花瓣鲜红而耀眼，在绿色的叶子衬托下越发美丽诱人。还有一种不可抵挡的清香。我摘下它，在旋转，当风来临时，它的花瓣也在飞舞，“是给我的奖励吗？”我对着湛蓝的天空呐喊，然后，是青春爽朗的回声。    在这过程中，结出的花不是我最好的奖励，最好的奖励是上帝和父母赐予我的一双手。因为正是我用自己的双手，通过自己的劳动培养出了千娇百媚的鲜花！    现在的我，也许平凡，正如鲁迅先生说过，地上本没路，路是我们自己走出来的。我要用自己的双手去创造， 自己的脚去开创另一条路。在我人生的路途中，我用双手不断付出，一直在努力奋斗，用我的汗水换取我的价值。也许有挫折，但只要我学会坚强，就会看到挫折之后的美丽。    心灵在飘动，我正用我的双手去开创明天，回忆是昨天，成功在于明天。我要为明天的成功而努力飞翔，我要飞，要飞得很高很远。感谢赐予我双手的父母，这是给我最好的奖赏。2007年广东省中考满分作文( 最好的奖赏)(7)最好的奖励    曾经，一位智者问过我这么一个问题：“小麻雀，你是一个聪明活泼的孩子，那么你认为世界上最好的奖赏是舒适？”“哈哈！当然是自由自在、无忧无虑的生活啦！这就是命运赐予我最好的奖赏了！对吗？”我回答说。“错！当然不是啦！”“那是什么呢？”“你自己想想吧！”    于是，我怀着一种好奇的心态，进行了我的解答和寻找……那天，我忽然问：“妈妈，你能告诉我最好的奖赏是什么吗？”妈妈听了，很耐心地说：“孩子，你是聪明的，要学会亲自实践，那么你就会知道的，妈妈说给你听就没意义的，你懂吗？”    于是，我心中的好奇和疑问更回激烈了，为什么呢？究竟世界上最好的奖赏是什么呢？我又问哥哥；“哥哥，你能告诉我世上最好的奖赏是什么吗？”哥哥说：“妹妹，其实哥哥也不知道啊！不过我知道是靠自己亲身实践才能领悟到的，加油吧！”    好景不长，随着年龄的增长，我们一家要分开了，大哥说要遨游整个天空，探索大地的奥秘，二哥说要飞向知识的海洋，而我，唉！手无断铁的我只好整天呆在家里，不敢走出外面的世界，此时的我，感到万分的恐惧，于是，我振作起来，走向了我的梦想中……    此时，孤单的我来到了一座黑暗的大山下，哇！太可怕 ，顿时，我又退回了脚步，可是，我可以这样逃避吗？不行，我不可以这样，我要学会独立，学会坚强，我要振作，即刻，我猛地飞翔起来，可是力不从心，我跌倒，翅膀也受伤了，腿也模糊了，可是我并没有放弃，从新站起来，发尽全身的力量冲了出去，结果成功了……    后来，兄弟们也都回来了，妈妈也回来了，可是我却感到莫名其妙，妈妈说：“孩子，你胜利了，现在，我告诉你：世界上最好的奖赏就是战胜自己，你确实做到了，妈妈很开心，这就是对你的考验！”    哦！我终于明白了。当我再次遇见那位智者的时候：“孩子，你的确是一位坚强而聪明的孩子，是对你最好的奖赏。”2007年广东省中考满分作文( 最好的奖赏)(6)最好的奖励   轻轻地翻一本厚而发黄的词典，夹在书里的一朵蒲公英映入眼帘，于是，回忆便像洪水般涌上心头，而我，开始拼凑记忆的碎片。    许多年前的我还是一个小学生，因为我的朗诵是最好的，所以老师让我担当一场舞台剧的主角，我高高兴兴地回家把这个消息告诉了母亲，母亲夸我：“我的女儿是最棒的！”而我也暗下决心，决不让母亲失望。    接到台词后，我每天练台词不亦乐科，母亲主动跟我说要陪我练习。好几天过去了，我的台词几乎倒背如流，每当排练时，由于我的紧张情绪挥之不去，在台上我连一句话也说不出。老师对我说：“我认为你能做工得更好，正好我们需要一位在台下朗诵告白的人，我认为你一定能胜任。”我怀着满腹委屈，一言不发，尽管老师已经说得很委婉，可我还是伤心欲绝。    回到家我一言不发，母亲似乎已觉察出什么来，没有主动邀我背台词，而是说：“宝贝，我们一起到花园散散步好吗？”我点头。    来到花园，面对着姹紫嫣红的花朵，我的心情不以名状。我和母亲在长椅上坐了下来。    母亲说：“这儿的花，哪一种最不惹人注目？”我的回答是蒲公英。母亲又说：“那我们把最不惹人注目的蒲公英全拔掉好吗？”便动手摘了一朵。我马上制止好，说；“可我喜欢蒲公英。”母亲马上感概道：“连最不惹人注目的蒲公英也有人喜欢，你不正是旁述，只要真正努力过，那便是实现了自己的价值。”我投入母亲的怀里哭了许久。    到了真正表演的那天，老师递给我两朵蒲公英，说：“是你母亲要我交给你的。”我用手掌小心翼翼地托着这两朵蒲公英，一直到比赛结束，我知道，是这两朵蒲公英一直陪我到最后，这是母亲给我最好的奖励。    时至今天，我正值花季，在成长的路上，母亲仍然对我不离不弃。我知道，我的青春开满蒲公英。</t>
  </si>
  <si>
    <t xml:space="preserve">请教清泉老师明天600747，600210，000572明天如何? </t>
  </si>
  <si>
    <t xml:space="preserve">可以继续持有待高，等待反弹 </t>
  </si>
  <si>
    <t xml:space="preserve">装修是自己做好还是找装修公司？ </t>
  </si>
  <si>
    <t>各有所好处，如果自己装修，自己装修省钱，需要找工具，麻烦一些，装修公司质量肯定要好些，专业公司嘛，但价格要看你能否承受起。</t>
  </si>
  <si>
    <t>想买一块瑞士机械表，奢华但是低调点，有好的推荐么？预算在5</t>
  </si>
  <si>
    <t>按照你说的需要的话，还是推荐瑞士的名表真力时，英文名叫Zenith，它的手表配备自己研发的EI Primero 计时码表机芯，据说是全球最精确，最高振频的自动计时机芯，每小时36,000转，将时间精确到1/10秒，动能储值超过50小时。奢华而且还蛮低调的，新出的指挥官系列比较符合你的价位。</t>
  </si>
  <si>
    <t xml:space="preserve">女孩们的心思很难琢磨我们现在已经订婚了，有时候老是会为了点小事发 </t>
  </si>
  <si>
    <t>结婚前的焦虑吧，多倾听，多沟通，会好的。</t>
  </si>
  <si>
    <t>我的33法师该怎样练？我是7f的，防御</t>
  </si>
  <si>
    <t>怎么练要看你怎么加点了智力18的话,就去象牙塔6\7层打喝慎重的话很省力~!魅法的话还是建议6猎人在偶瑞吧,虽然人多了点,但是相对其他地方来说经验还是蛮多的.实在不行就去奇岩地监了,杀莱肯.到40就招胖子打钱吧,没装备的话49以后都难升级~!</t>
  </si>
  <si>
    <t xml:space="preserve">天堂透视镜的网站怎么没有了？我今天看网站，天堂透视镜怎么没有了？ </t>
  </si>
  <si>
    <t>呵呵,虽然他们改了域名但是用原来的 还能进去的.至于今天进不去的原因的是:他们今天服务器要搬家,所以网站暂时停止运行,明天就搬好了,应该可以进了.</t>
  </si>
  <si>
    <t xml:space="preserve">大家真的觉得2008北京奥运会吉祥物好看么？我的第一印象：造型复 </t>
  </si>
  <si>
    <t>我觉得很好造型可爱能够反映出中国特色，中国的传统文化，是中国的东西。通过对吉祥物的认识，可以让外国人和我们现在的年轻人更多的了解中国的传统文化和真正的了解我们这个古老而又伟大的民族。这是全世界的体育盛会，我们所希望的是让全世界了解我们中国，毕竟有太多的人不了解我们。至于说色彩和造型，已经过中国最好的专家们的设计，这方面我们无话可说。除了造型，我们更应该看他们是不是能反映我们民族的特色。因为，2008年奥运会在中国召开。</t>
  </si>
  <si>
    <t xml:space="preserve">白癜风有什么特征吗?深圳治白癜风多少钱 </t>
  </si>
  <si>
    <t>白癜风患者的症状一般有如下表现:局部皮肤呈乳白色，边缘色素常有加深，全身任何部位均可发生，但以头、面、颈、四肢等部位最为常见，或许与暴露于光线有一定关系。白斑常对称或单侧分布，甚至呈带状沿神经分布。早期白癜风在脱色部位除了色素脱失呈现白色外，患者多无察觉。白斑斑内光滑、无萎缩，也没有脱屑现象。白癜风早期白斑多为指甲至钱币大，近圆形、椭圆形或不规则形，也有起病时为点状减色斑，境界多明显;有的边缘绕以色素带，初期大部分白癜风患者白斑面积较小，有极少数患者初期发病就很快，迅速演变为泛发性白癜风，白斑面积扩至全身。指甲至钱币大，近圆形、椭圆形或不规则形，也有起病时为点状减色斑，境界多明显，有的边缘绕以色素带。在少数情况下白斑中混有毛囊性点状色素增值，后则可增多、扩大并相互融合成岛屿状，白斑处除色素脱失外，患处没有萎缩或脱屑变化，白斑上毛发可失去色素以至完全变白，亦有毛发历久不变者。建议及时到正规的白癜风医院检查、就诊。</t>
  </si>
  <si>
    <t xml:space="preserve">房间隔缺损手术二孔型房间隔缺损41mm（中央型），房水平左向右分 </t>
  </si>
  <si>
    <t>你好，你的房间隔缺损较大，需要开胸手术，正中侧胸都可以，目前技术比较成熟，但因为你有肺动脉高压，需要进一步评估其程度。有必要的话还需要后续药物治疗</t>
  </si>
  <si>
    <t xml:space="preserve">苹果好还是HTC好买手机……想知道哪种牌子的比较好用^ </t>
  </si>
  <si>
    <t>苹果的硬件是没有说的，HTC的综合性比例要好一点的，性价比更高一点。看你怎么选择了，毕竟钱是你的口袋里</t>
  </si>
  <si>
    <t xml:space="preserve">请师父看看出生地:湖北英山女出生公历:1987年2月3日1时15 </t>
  </si>
  <si>
    <t>已经发到你的邮箱了</t>
  </si>
  <si>
    <t xml:space="preserve">给未准一年的JMM打气，不要怀疑自己！最近几天我用各种方法确认自 </t>
  </si>
  <si>
    <t>太好了,恭喜你了呀,你真是一个幸运的准妈妈呀,你的真情感动了我,谢谢你.你的宝宝一定会很健康的.但是现在你就不要再锻炼了,那样对胚胎不好的.真为你高兴.好好保重自己.</t>
  </si>
  <si>
    <t xml:space="preserve">请问当你烦恼的时候最想做什么的呢?最近由于工作不顺心,被老板批评 </t>
  </si>
  <si>
    <t>找个知心朋友或者上网找个可以倾诉的陌生人谈谈把烦恼说出来 如果窝心里 会把自己烦的老出错的 身体也会被拖稀稀了 烦恼发泄过了 就会舒畅多了</t>
  </si>
  <si>
    <t xml:space="preserve">我很迷茫我的老婆比我小十岁，我现在三十七了，在前几天才发现她背着 </t>
  </si>
  <si>
    <t>按lz所说的话“问她的时候说没有，查出来又说要你相信她”。这样反常的举动和心虚的表现很明显的可以反映出他们之间肯定有一些不正常的关系。（是不正常，不是不正当）奉劝lz多留个心眼，看看她手机里的内容，既然她要你查短信内容，你也可以私下里去查一查，即使是正常的男女关系，你也应当有知情权。这样知己知彼总比蒙在鼓里要好。</t>
  </si>
  <si>
    <t xml:space="preserve">佛家说,四大皆空是什么意思? </t>
  </si>
  <si>
    <t xml:space="preserve">在佛法的概念中，四大代表了组成世界的四种性质的物质分类，也就是地水火风代表了物质的坚硬、湿润、温暖、流动这四种性质。 而这四种性质是由于各种因素的聚合而表现出来的，并没有某一个“坚硬、湿润、温暖、流动”可以从物质中提取出来，这被称作空，因此说四大皆空。 </t>
  </si>
  <si>
    <t xml:space="preserve">和老公做爱真烦，为甚么和天天幻想和其他人我和老公谈恋爱7年了，他 </t>
  </si>
  <si>
    <t>只要快乐，我行我素。</t>
  </si>
  <si>
    <t xml:space="preserve">呛声查理和肉贩阿珠的故事？最近他们好像名声挺显赫。 </t>
  </si>
  <si>
    <t>　　呵呵，阿扁最近比较臭……</t>
  </si>
  <si>
    <t xml:space="preserve">热刺最近状态好的惊人会拿下切尔西吗 </t>
  </si>
  <si>
    <t>伦敦德比,当然是有可能了,不过切尔西还想保留夺冠悬念,胜利是唯一选择,热刺本赛级疯狂投入却颗粒无收,当然也想多干掉点强队,证明自己的实力,不过热刺锋线还是过于单调,中场硬度不够,我起码还是看好车子客场不败的</t>
  </si>
  <si>
    <t xml:space="preserve">请问茶鸡蛋怎末做？简单点的！ </t>
  </si>
  <si>
    <t>自从看到消息说茶叶和鸡蛋在一起吃不好.我就不放茶叶了.我做茶叶蛋很简单.凉水和鸡蛋一起下锅.水开打小火.十分钟后,我拿一个大漏勺把鸡蛋盛起,用锅铲敲碎蛋壳.再放回原来的那锅开水里面.(省事且节约煤气).放一包超市里买的卤鸡蛋料.老抽,盐.我妈教我一个窍门.我用的是沙锅,凉的慢.放完调料,煮十分钟关火.完全凉透后,再次开火.开水就关火.再放凉.如是3次,用余温把味道渗透到鸡蛋里.这样煮的鸡蛋连蛋黄都有卤料的香味,特别好吃.</t>
  </si>
  <si>
    <t xml:space="preserve">请问我的角色名怎么不能修改我想改我的角色名。但是系统提示说，此角 </t>
  </si>
  <si>
    <t xml:space="preserve">   你还差GM一个银宝宝就可以了。</t>
  </si>
  <si>
    <t xml:space="preserve">是帅哥就进来很帅很酷的男人在自己喜欢的女人面前还会摆酷嘛？为什么 </t>
  </si>
  <si>
    <t>帅哥会为他喜欢的女人展现自己最好最养眼的一面，[酷]但不傲不俗；如果是不喜欢的女人，那根本没必要只要很随意就行</t>
  </si>
  <si>
    <t xml:space="preserve">化学请帮我将等质量的锌，铁，镁各m克，分别放入足量的稀硫酸中，充 </t>
  </si>
  <si>
    <t>将等质量的锌，铁，镁各m克，分别放入足量的稀硫酸中，充分反应后，放出的氢气 （ ）A.都是m克 B.锌产生的氢气多为2m/65克C.镁产生的氢气多为2m/24克 D.铁产生的氢气多为56m/2克根据等质量的等价态的金属与酸反应，金属的原子量越小，生成的氢气越多的原则，在锌铁镁三种金属中镁的原子量最小，所以镁生成氢气最多。因此，答案： C 。</t>
  </si>
  <si>
    <t xml:space="preserve">fifaonline2怎么转换联赛新手提问，请高人赐教：一个赛季 </t>
  </si>
  <si>
    <t>没办法吧球队带到其他联赛，只能转换球队，不用道具情况下最多带走3人。经理等级1~10 1人，11~40 2人，41以上3人！</t>
  </si>
  <si>
    <t xml:space="preserve">军用的防弹衣能否抵住100米内的步枪子弹？ </t>
  </si>
  <si>
    <t>你提的距离太远了,已经超过轻型微冲的最佳打击距离了(轻型武器射程只有200米),现代战场不是离你很远打你,就是在你跟前打你,所以防护能力很重要.各国的历史战场伤亡统计数据表明,造成士兵伤亡的主要战场因素中,破片杀伤和枪弹击中躯干(包括头部)杀伤占总比例的78%.所以防弹衣的主要任务就是抵御破片杀伤和枪弹穿透.防弹衣一般由复合纤维材料(如蜘蛛蛋白纤维,超细玻璃纤维等)和刚性衬板(一般为合金冷轧薄钢板)组成,根据重量,防护级别和防护面积分成不同级别(例如美国防弹衣分为I,IIA,II,IIIA,III若干级别).防弹衣还按照用途分为警用和军用两类,前者防弹能力略低但轻便,造价低,易于大量配备,后者制作精细,防护力强,但只列装部队.各国防弹衣性能各不相同,但普遍高于北约标准,基本数据如下:警用级别:---重量小于等于10KG(一般没那么重的)---躯干防护面积(不包括头部)大于70%---抵御20米以外80mm以下轻型炮火或手雷等武器的破片,钢珠杀伤,---抵御50米以外9mm手枪或100米以外7.26mm步枪弹丸射击.军用级别:---重量低于10KG(世界知名防弹衣都在3-5KG)---躯干防护面积(不包括头部)大于70%,对后颈,肩膀有延伸保护,---抵御20米以外常规炮火,手雷,炸弹等武器破片及钢珠杀伤,---抵御10米以外9mm手枪或50米以外7.26mm自动步枪弹丸射击---抵御100米以外20mm以下枪弹,榴弹或狙击弹丸射击.---具有一定的反反器材弹药的能力.我国曾出口美国的某型号防弹衣可以在两米地方抵御9毫米手枪射击,50米处85式射击50发无一射穿,好于一同测试的美国同级别产品.美国曾发生过将5277件低级别野战防护背心当防弹衣发给士兵,最后不得不全部召回的闹剧,足见防弹装具重要性.这样回答不知是否能令你满意?</t>
  </si>
  <si>
    <t xml:space="preserve">8个月未长牙我儿子现在8个半月了但是到现在还没长出牙。有人说这可 </t>
  </si>
  <si>
    <t>我在网上查过资料，12个月以内孩子没有长牙属于个别现象，如果超过了12个月还没有长牙，就需要到医院做一下检查。近视是可以遗传的，你没有近世吧？如果你不是近视，你儿子的遗传几率就是6成，如果是女儿，遗传几率就是3成，如果你也是近世，你儿子的遗传几率太大了，不过也没有关系，现在孩子还小，只要大人看管得当，也可以避免的，3岁以后，孩子看电视、电脑、书的时候一定要给定一个规矩，看电视电脑的距离时间长短，看书的姿势，如果不按要求就不给看。</t>
  </si>
  <si>
    <t xml:space="preserve">数学甲、乙两队今天挖一条长620米的长渠，甲队挖的3/4与乙队挖 </t>
  </si>
  <si>
    <t>方法很多,用一个直观的.可设甲队挖x米,那么乙队就是 (620-x)米,列方程(3/4)x=(4/5)*(620-x)解这个方程得 x=320米,就是甲队挖320米,乙队挖620-320=300米.320-300=20甲队比乙队多挖20米.</t>
  </si>
  <si>
    <t xml:space="preserve">如果我的分数没有达到第一志愿的分数,而且也不够C类区的分数,调济? </t>
  </si>
  <si>
    <t>非常难呀。</t>
  </si>
  <si>
    <t>电信1区</t>
  </si>
  <si>
    <t>全部都在更新</t>
  </si>
  <si>
    <t xml:space="preserve">怎么登陆所谓的体验服体验服是哪个服怎么登陆啊 </t>
  </si>
  <si>
    <t>备份客户端，下载官网体验服补丁包更新，选择system目录下的L2.exe打开，用自己的帐号登陆，选择“体验服务器”（不是自己原来的服务器），然后进入后创建角色就可以开始体验了~祝游戏愉快~</t>
  </si>
  <si>
    <t xml:space="preserve">调皮请看看谢谢您好请问，武钢股份，支撑位？压力位？后市如何，怎样 </t>
  </si>
  <si>
    <t>600005 武钢股份六十日均线支撑位是7.84  ?Q手不高,?で笮轮С?留在周一低?H7.90之上,可以?撼值却闲谢?</t>
  </si>
  <si>
    <t xml:space="preserve">拉肚子时会拉血是什么原因呢 </t>
  </si>
  <si>
    <t>如果血在大便当中，则要引起注意，立即就医。如果在大便的外面，那应该是痔疮，割掉就行了！</t>
  </si>
  <si>
    <t xml:space="preserve">你认为有哪些对账方法? </t>
  </si>
  <si>
    <t>?~方法, 賬賬,賬證,賬表,賬賬.</t>
  </si>
  <si>
    <t xml:space="preserve">询问军号的吹法和窍门，还有一共有几种军号表达？和怎样吹出？ </t>
  </si>
  <si>
    <t xml:space="preserve"> 出操号  紧急集合号  熄灯号  开饭号  上课号  下课号  午睡号  午起号  晚点名  休息号  集合号  防空号    解除警报号  冲锋号 这些只有1.3.5三个音组成.只要心里有旋律就可以吹出.比小号演奏容易多了.普通人只要练习1周就基本可以了.这号没有按键,与少先队使用的完全一样!且降b调的最多.    </t>
  </si>
  <si>
    <t xml:space="preserve">乙肝病毒十月一日我去医院检查乙肝两对半，第一项和第五项是阳性，其 </t>
  </si>
  <si>
    <t>是得了乙肛！</t>
  </si>
  <si>
    <t xml:space="preserve">关于社区服务中心的问题急!只知道社区服务中心是街道下属的事业单位 </t>
  </si>
  <si>
    <t xml:space="preserve">一、社区服务中心的具体职能：1、掌握社区居民的需要和社区资源。2、做好信息的收集管理工作，及时准确地为社区居民提供信息服务。3、社区信息实行统一管理，方便社区居民查询。4、设立服务热线，工作人员服务态度和蔼可亲，热情周到。5、认真做好救助电话的记录，回执等工作。6、抓好社区服务网点的管理工作。7、定期向街道办事处汇报社区服务工作。8、定期对从事社区服务的人员进行培训，不断提高他们的服务意识和敬业精神。二、工资待遇：不尽一样。有的地方全部是编制内人员，而有的地方一半是编制内人员，政府财政负责工资待遇；另一半是编制外人员（即聘用或临时人员）自收自支。三、《居委会组织法》明确规定：社区居委会是居民自治组织，居委会工作人员全部是依法选举产生，每届任期三年。而社区服务中心目前在法律上和政府序列上还没有明确规定。显然，社区服务中心和社区居委会不是一码事。四、社区居委会的工资待遇实际叫“生活补贴”，就全国而言，也是比较低！一般在400元——1000元左右。   如果你愿意采纳我的解答的话，请不要忘了点击“采纳答案”。 </t>
  </si>
  <si>
    <t xml:space="preserve">电视剧《女人一辈子》的主题曲是什么？ </t>
  </si>
  <si>
    <t>&lt;女人一辈子&gt;主题曲 主题曲也叫&lt;&lt;女人一辈子&gt;&gt; 哼唱的是歌手喃妮！ 试听下载: &lt;女人一辈子&gt;片尾曲&lt;&lt;梦里的红头巾&gt;&gt;  演唱:钱平试听下载: 梦里有块红头巾，她温暖着 温暖着我的心，遮着霜雪 遮着沙尘，裹着我对爱的一往情深，命运的狂风卷起乌云，吹失了那块红头巾，我的心从此无家可归，四处流浪就像 就像天边的云，啊 梦里的红头巾，啊 我的命运之神，你飘向了何方 带走我的灵魂，生生死死我要把你找寻，啊 梦里的红头巾，啊 我的生命之根，你快飘回来吧 抚慰我的伤痕，一生一世永不离分</t>
  </si>
  <si>
    <t xml:space="preserve">做爱阴道不湿怎么办？和男朋友做爱阴道不湿。虽然很激动，感觉很好， </t>
  </si>
  <si>
    <t>我曾经看过一篇报道，女性肾虚的会造成下体分泌物失调。所以你最好能去医院看一看，因为女性肾虚的比例也挺大的，特别是处在高压力，作息时间不能正常进行和长时间处于空调下的女性。</t>
  </si>
  <si>
    <t xml:space="preserve">平仓，和止损各代表什么意思呀～！ </t>
  </si>
  <si>
    <t>平仓是卖掉手中的货币。止损：好比你在美圆兑日圆109时，卖出美圆买入日圆，接着日圆就跌到110了，这是你就应该果断买入日圆，将日圆的成本摊低到109.50，这种行为就叫止损，目的是当判断方向出现差错时，用手中留存的资金在更低的价位买进以摊低成本，降低风险</t>
  </si>
  <si>
    <t xml:space="preserve">word2007字符底纹可以是过渡色吗?比方说上深下浅 </t>
  </si>
  <si>
    <t>好像不能，哪位高手知道可以吗?</t>
  </si>
  <si>
    <t xml:space="preserve">电脑启动不出,启动出了，又常会死机我的电脑，在开机时常“都”的一 </t>
  </si>
  <si>
    <t>看看CPU风扇是否在转 看看显卡风扇是否在转 看看电源风扇是否在转 都转就是CPU或者主板.内存的问题 到电脑城查上PCI检验卡检查一下 该换的换!如果 嘟 是一声的话 那应该是检内存的声音 表示内存正常 被检到了啊!看这情况有点象主板上的电容爆了 这个东西很难说!</t>
  </si>
  <si>
    <t xml:space="preserve">尖锐湿疣一般有哪几种类型？ </t>
  </si>
  <si>
    <t>激光治疗只是人为的将表面看的见的疣体清除，并不能清除体内的病毒．治病要治根，你可以用疣克搭档消疣丸（纯中药）可以真正清除体内病毒，这样才能算彻底治疗，激光都会留下疤痕，平时注意不要并发感染就行了</t>
  </si>
  <si>
    <t xml:space="preserve">盗号者可能会采用那些方法盗号？光标加入的方法现在还可靠吗？ </t>
  </si>
  <si>
    <t xml:space="preserve">最主要还是要有自我保护意识，保证自己电脑的安全。光标输入是一种方法，但是遇到一些比较高级的木马可能就无效了。有朋友用密保卡还是被盗的。这种木马原理：你看到的登陆的页面，其实并不是真正游戏登陆的页面，而是木马生成的一个镜像。你再怎么输入正确的密码和密保卡数字都无法登陆到游戏的。但你输入的号码却已经被木马记录了。 （登入一次密保卡要输入3个坐标上的号，大概只要1周基本上 你的密保卡上的数就全知道了）建议你去开通一下帐号安全中心里面的：安全锁功能，就是在你登陆游戏之前，要先去官网安全中心上解锁，在解锁的时候你可以设置5分钟，10分钟，15分钟后自动锁定或者是手动锁定。（还可以通过手机锁定，不过那个要收费1元一条消费，一般是没有设置过安全锁功能的同志，被盗后的补救。）在你的帐号锁定后，就算你用正确的密码和密保也无法登陆你的帐号的。（可能会比较麻烦一些，但我觉得是比较好的一种方式。） </t>
  </si>
  <si>
    <t xml:space="preserve">爱问精彩回答用户是怎样定义的 </t>
  </si>
  <si>
    <t>你好，爱问“推荐问题”是针对提问的，对于回答并没有推荐为精彩回答的功能.如果你是提问者，你觉得某个回答很精彩，那么你把该回答采纳为“最佳答案”就可以了. 编辑根据问题的浏览量即人气,问题本事是否有趣是否值得推荐,以及每个分类应该只出一个人气问题上首页的原则吧... 首页问题由爱问编辑设置，问题的主要是比较实用的，或是现在社会比较热点的话题，或是比较有意义的问题，编辑经过筛选选择性的把这些问题放置在首页。首页的问题以及精彩回答等都是不定期更新的搜索了一下，就复制过来给你了．．</t>
  </si>
  <si>
    <t xml:space="preserve">开机时正常。但是过了十几分钟以后就黑频了。再开机又可以。请教高手? </t>
  </si>
  <si>
    <t>如果你不想每次开机都这样,给你一个建议,现在天气比较热.人都受不了更何况是计算机落.建议一,你把主机箱半边裸机.建议二.摆台电风扇帮助散热.就不出现这个问题了.或者有条件的话你就开空调列.或者干脆把显卡给换了.换一款风扇大点的显卡</t>
  </si>
  <si>
    <t xml:space="preserve">想投保21岁男孩，想上健康和意外险。请问有没有好的险种推荐。 </t>
  </si>
  <si>
    <t>21岁 出来工作没有？ 如果还是学生 那么先考虑一份意外险如果是出来工作了 可以考虑意外险+住院医疗险 消费型的如果条件可以 可是适当考虑大病险</t>
  </si>
  <si>
    <t xml:space="preserve">UD商店的道具在UD商店里面,一开始就有个道具,能把别的土地变成 </t>
  </si>
  <si>
    <t xml:space="preserve">会慢慢消失   能造东西 造不了的话不是哪个族都不能到不死家TR了吗  </t>
  </si>
  <si>
    <t xml:space="preserve">善意提醒：热刺vs维拉主队不败本场热刺不适宜做胆，同一盘口下英超 </t>
  </si>
  <si>
    <t xml:space="preserve">楼主说的不是初盘吧  初盘澳门 94半球92 本赛季英超是第一次开出来 o(∩_∩)o </t>
  </si>
  <si>
    <t xml:space="preserve">有谁吃过完美的营养餐,效果如何? </t>
  </si>
  <si>
    <t>我男朋友吃过，这个产品好像主要可以帮助你调节肠胃的。因为我男友本来人很瘦，肠胃不好，不宜吸收。后来别人推荐，他就吃了。效果满明显的，基本上吃一星期，就能感觉肠胃有好的变化，胃口比以前好了，每天排泻也很正常。所以我觉得这款产品还是蛮好的，满有效的。价钱也不是很贵。150元一桶800克，另有20克装30小包的是125元。</t>
  </si>
  <si>
    <t xml:space="preserve">我想克服手淫的习惯我今年快30了，还没找到老婆，最近这两年，特别 </t>
  </si>
  <si>
    <t>多做大运动量的活动，比如睡觉前做俯卧撑，累了之后就睡觉，这样坚持一段时间之后不手淫，就好了。因为你手淫太频繁了</t>
  </si>
  <si>
    <t xml:space="preserve">不知道白带很多怎么办?那个帮我拉, </t>
  </si>
  <si>
    <t>您好，如果是在排卵期，白带多一些是很正常的，如果平时白带也很多，那么就要引起重视了，您的情况有可能是妇科炎症，建议您在月经干净后三到五天到正规医院检查一下，以对症治疗，平时注意卫生，预防感染。注意外生殖器的卫生清洁。月经期绝对不能性交。内裤要柔软、棉质，通风透气性能良好，要每天换洗，每天用温水清洗外阴，清洗外阴的盆和毛巾要用沸水消毒，换洗的内裤要放在阳光下晒干。祝健康！</t>
  </si>
  <si>
    <t xml:space="preserve">怎么从国外转钱回来？？？大量这次比较多，不是什么很干净的钱但也不 </t>
  </si>
  <si>
    <t>在国内开个多币种存折帐户，问清楚你的开户行的SWIFT CODE ，把它与你的户名、帐号告诉你境外的汇款者即可收到钱，当然你也可以选择速汇金业务或西联汇款的方式，但我还是觉得第一种方法是最好的，因为钱是直接进你的存折的。</t>
  </si>
  <si>
    <t xml:space="preserve">请教开店问题请教开过名店朋友一个问题，在一个开区了一年左右，商指 </t>
  </si>
  <si>
    <t>那不1定呀!你想呀你买的都是低级的宝宝.想赚钱那不好说的你想呀你买的宝宝1只买到6000到8000左右把还要交那个钱,这个钱,你说能赚到钱吗?还1天赚到300W.我看困难呀!</t>
  </si>
  <si>
    <t xml:space="preserve">PCB基板材料有哪几类？ </t>
  </si>
  <si>
    <t>覆铜箔板的分类方法有多种。一般按板的增强不同，可划分为：纸基、玻璃纤维布基、复合基(CEM系列)、积层多层板基和特殊材料基(陶瓷、金属芯基等)五大类。随着电子技术的发展和不断进步，对印制板PCB基板材料不断提出新要求，从而，促进覆铜箔板标准的不断发展。　　一般印制板用PCB基板材料可分为两大类：刚性PCB基板材料和柔性PCB基板材料。一般刚性PCB基板材料的重要品种是覆铜板。它是用增强材料(Reinforeing Material)，浸以树脂胶黏剂，通过烘干、裁剪、叠合成坯料，然后覆上铜箔，用钢板作为模具，在热压机中经高温高压成形加工而制成的。一般的多层板用的半固化片，则是覆铜板在制作过程中的半成品(多为玻璃布浸以树脂，经干燥加工而成)。　　覆铜箔板的分类方法有多种。一般按板的增强材料不同，可划分为：纸基、玻璃纤维布基、复合基(CEM系列)、积层多层板基和特殊材料基(陶瓷、金属芯基等)五大类。若按板所采用的树脂胶黏剂不同进行分类，常见的纸基CCI。有：酚醛树脂(XPc、XxxPC、FR一1、FR一2等)、环氧树脂(FE一3)、聚酯树脂等各种类型。常见的玻璃纤维布基CCL有环氧树脂(FR一4、FR一5)，它是目前最广泛使用的玻璃纤维布基类型。另外还有其他特殊性树脂(以玻璃纤维布、聚基酰胺纤维、无纺布等为增加材料)：双马来酰亚胺改性三嗪树脂(BT)、聚酰亚胺树脂(PI)、二亚苯基醚树脂(PPO)、马来酸酐亚胺——苯乙烯树脂(MS)、聚氰酸酯树脂、聚烯烃树脂等。　　按CCL的阻燃性能分类，可分为阻燃型(UL94一VO、UL94一V1级)和非阻燃型(UL94一HB级)两类板。近一二年，随着对环保问题更加重视，在阻燃型CCL中又分出一种新型不含溴类物的CCL品种，可称为“绿色型阻燃cCL”。随着电子产品技术的高速发展，对cCL有更高的性能要求。因此，从CCL的性能分类，又分为一般性能CCL、低介电常数CCL、高耐热性的CCL(一般板的L在150℃以上)、低热膨胀系数的CCL(一般用于封装PCB基板上)等类型。　　随着电子技术的发展和不断进步，对印制板PCB基板材料不断提出新要求，从而，促进覆铜箔板标准的不断发展。目前，PCB基板材料的主要标准如下。　　①国家标准  目前，我国有关PCB基板材料的国家标准有GB／T4721—4722  1992及GB 4723—4725—1992，中国台湾地区的覆铜箔板标准为CNS标准，是以日本JIs标准为蓝本制定的，于1983年发布。　　②其他国家标准  主要标准有：日本的JIS标准，美国的ASTM、NEMA、MIL、IPc、ANSI、UL标准，英国的Bs标准，德国的DIN、VDE标准，法国的NFC、UTE标准，加拿大的CSA标准，澳大利亚的AS标准，前苏联的FOCT标准，国际的IEC标准等，详见表：　　各国标准名称汇总标准简称－－标准名称－－制定标准的部门　　JIS－－日本工业标准－－(财)日本规格协会　　ASTM－－美国材料实验室学会标准－－American Society fof Testi’ng and Materials 　　NEMA－－美国电气制造协会标准－－Nafiomll Electrical Manufactures A~ociation-　　MH－－美国军用标准－－Department of Defense Military Specific tions and Standards　　IPC－－美国电路互连与封装协会标准－－The Institrue for Interoonnecting and packing EIectronics Circuits　　ANSl－－美国国家标准协会标准－－American National Standard Institute</t>
  </si>
  <si>
    <t xml:space="preserve">救公主问题请问现在救一次公主要多少元宝啊，全部拿灵符打，还有我是 </t>
  </si>
  <si>
    <t>320左右。有点困难。新区经验给的少</t>
  </si>
  <si>
    <t xml:space="preserve">抓布卡在那里抓`?谢谢给一下地图 </t>
  </si>
  <si>
    <t>雪拉威森高塔１４层【１２４．１３０】</t>
  </si>
  <si>
    <t xml:space="preserve">代扣个人社保费社保费缴款书上交过后如何做帐(凭证怎么记)之前也计 </t>
  </si>
  <si>
    <t>1、单位负担部分提取借：管理费用--劳动保险费贷：其他应付款--社保2、个人负担部分，在发工资时代扣借：应付工资贷：其他应付款--社保贷：现金3、上缴时借：其他应付款--社保（单位+个人）贷：银行存款2009-02-13 11:39 补充问题那我可不可以不设其他应收款啊 ？ 因为每个月都是按时缴费的 再说我单位以前用的科目是管理费用-统筹金，这样可以吗？ 如果不采取提取方式，可以根据社保费缴款书直接计入“管理费用--统筹金”科目。但是，个人负担的部分在发工资时要代扣，计入“其他应收款”科目。</t>
  </si>
  <si>
    <t xml:space="preserve">化学碳的单质具有两种类型的晶体? </t>
  </si>
  <si>
    <t>1,原子晶体，例如金刚石；2分子晶体，例如石墨。个人观点，不足之处恳请指正。望进步！==============================================刚刚查了资料，确实如鸟之诗朋友所说，石墨是过渡性晶体。感谢他对我解答的指正，望楼主采纳他的解答。</t>
  </si>
  <si>
    <t xml:space="preserve">急死我,怎么能把出售游戏帐号取消不卖呢？因好多原因，我现在后悔卖? </t>
  </si>
  <si>
    <t xml:space="preserve">尊敬的客户:    您好！5173客户服务027很高兴为您服务！请您登陆5173，进入我的5173，选择我的信息，找到“查看处理”，您就可以撤消您的定单了。如果您有疑问，请您登陆5173用户名,“进入我的5173”,选择左边任务栏中的“我要咨询投诉”,在线提交您的 问题,工作人员在1个工作日内在线答复您，您可以在“咨询投诉管理”中查看回复结果,并对我们的服务进行评价。感谢您对5173的支持!!!                                                  </t>
  </si>
  <si>
    <t xml:space="preserve">英文翻译我在一家公司上班,公司做服装的,我是一名设计师.现在我公 </t>
  </si>
  <si>
    <t>就是：Top Sales 啦</t>
  </si>
  <si>
    <t xml:space="preserve">VS2010在敏捷开发中是如何支持多屏幕显示的？ </t>
  </si>
  <si>
    <t>在VS 2010中使用Windows Presentation Foundation (WPF)重新打造了IDE。得益于WPF的强大功能，把VS2010中的多个窗口布置在不同的屏幕上。比如我们可以将代码编辑器放置在主显示器中，将输出窗口，类图窗口，代码定义窗口等等提供辅助信息的窗口放置在副显示器中，这样我们就可以在主窗口中编辑代码，同时有需要的时候，可以及时地从辅助窗口中得到一些有用的辅助信息。</t>
  </si>
  <si>
    <t xml:space="preserve">诺基亚的3250多少钱如题 </t>
  </si>
  <si>
    <t>国庆 上海购买19993250已经停产了 估计价格不会在有浮动</t>
  </si>
  <si>
    <t xml:space="preserve">一般汽油在油箱里能存放多久？ </t>
  </si>
  <si>
    <t>汽油没有保质期，不会坏。它极易挥发，一定要密封保存。但我们做不到绝对密封，它总会挥发到空气中，所以会越来越少，具体时间看你的密封程度。</t>
  </si>
  <si>
    <t xml:space="preserve">你的偶像你采访和认识那么多明星你比较喜欢谁呢 </t>
  </si>
  <si>
    <t>今天看到你在节目里的留言，奖品终于 也发给你了，不知道你开不开心，希望你喜欢那个相机。也代表节目组谢谢你支持节目。</t>
  </si>
  <si>
    <t xml:space="preserve">左腿外侧明显感觉冷，是坐骨神经疼吗？怎样治疗有效？不针灸有什么好? </t>
  </si>
  <si>
    <t xml:space="preserve">雌激素水平低，或是减肥，过度，受寒，冬季多出现治疗：饮食增加热量，注射营养神经的药:维生素B1和维生素B12，保暖，超短波治疗，每次20分钟，按以上治疗很多患者已经缓解病情。 </t>
  </si>
  <si>
    <t xml:space="preserve">口角炎怎么办小时候就经常有口角炎，不治也能恢复，现在都30了，还 </t>
  </si>
  <si>
    <t>用筷子一只把煮米饭时烧开的米泡沫挑起，趁热往两侧咀角糜烂处烫，每侧2-3次，2-3天即愈，为民间一验方，你不防一试。</t>
  </si>
  <si>
    <t xml:space="preserve">如何利用选股软件选股？？有没有相关的视频教程啊？ </t>
  </si>
  <si>
    <t>他要有能力选中股的话，那他还费老大的劲儿卖什么软件呢？是做公益慈善事业吗？那他那软件是免费还是收费呢？你买“秃子卖的生发灵”吗？</t>
  </si>
  <si>
    <t xml:space="preserve">标志在低速加油时噪声大且蹋板抖动很大请问是什么问题呢？ </t>
  </si>
  <si>
    <t>发动机转速突然增加产生共振</t>
  </si>
  <si>
    <t xml:space="preserve">邮件横书的，为什么对方收到邮件时成竖着的段落了，为什么 </t>
  </si>
  <si>
    <t>对方把邮件设置成了竖着的</t>
  </si>
  <si>
    <t xml:space="preserve">传奇世界里隐藏武器,急急急急急,传奇世界里有一部分是隐藏属性的装 </t>
  </si>
  <si>
    <t>隐藏属性的装备也就是装备下有问号的属性，称为神秘装备，带在身上就可以显示属性，但是有些神秘装备带上去就不能取下，需要喝解除神水或者让装备掉持久才能弄掉。原来是说淑女剑，是和君子剑是一对的，君子剑男用，淑女剑女用，和龙凤婚服等一样都是结婚时的特殊刀具，没什么实际用途，属性为？？？？自己拿着也看不见。样子很象血饮，好象有隐藏3点攻击，拿着好玩的。和神秘装备不一样，也不会取不下来。神秘装备自身的显示的名字就是神秘戒指，神秘头盔</t>
  </si>
  <si>
    <t xml:space="preserve">现在谈恋爱的在婚前都保持处男处女之身的还有多少？ </t>
  </si>
  <si>
    <t>大多都是吧,特别我们女孩自己一定要有自尊心,首先自己要尊重自己,才能得到别的尊重.我的观点是,不结婚绝不会.</t>
  </si>
  <si>
    <t xml:space="preserve">武功的最高境界是什么?有高人指出:武功的最高境界是三无，无招式， </t>
  </si>
  <si>
    <t>一发功股市飘红，牛市啊！一收功股市跌停，熊市啊！</t>
  </si>
  <si>
    <t xml:space="preserve">恋人相处，女人能体谅男人多少？女人应如何调试自己？恋爱很久了，总 </t>
  </si>
  <si>
    <t>真的理解你的心情，的确你很不容易。但没办法因为你选择了他，你爱，就要接受他的一切，甚至他的冷默。但希望你弄清楚，他是真的忙到没时间理你，还是另有原因。是不是时间久了，早已没有了曾经的暖昧和在乎呢！剩下的就是最珍贵的亲情了！当然我知道这样说你会不开心，也许不认同，但这一点你真的应该搞清楚。男人多半事业为重，因为事业是他的面子，他的天，他一辈子孜孜不倦的追求，如果彼此相爱就尊重他，理解他吧。想他的时候表达出来，他心里有数的，就像半夜时他累了，躺在床上会想你，偶尔会把这种想念说出来。稍有诚俯的男人是不会经常说想你，爱你类似的话的。但他心里有你，这比任何言语都重要！女人是感性的，你不开心就会告诉他，但男人不同，即使他想你，也会很少表达的。他的工作顺利与否也不会告诉你太多，那是因为他不想你为他担心，但在他的内心深处有一个永远属于你的位置，你要试着理解他。想想他所承担的各方面压力，你对他的理解多么重要啊！祝你幸福！</t>
  </si>
  <si>
    <t xml:space="preserve">厦门到成都怎么走啊？？有事要从厦门去成都，但是机票太贵了又没有直 </t>
  </si>
  <si>
    <t>坐火车，可以在武昌转车 K224/1 厦门-武昌，15:20开，第二天14:19到，硬座150元 T246/7 武昌-成都，17:16开，第二天10:51到，硬座170元</t>
  </si>
  <si>
    <t xml:space="preserve">发动机汽缸排列形式主要有哪几种 </t>
  </si>
  <si>
    <t>直列、V形排列、W排列、水平对卧</t>
  </si>
  <si>
    <t xml:space="preserve">现在怎么玩魔力啊？我平时都是在网吧里面玩魔力，自从魔力周2升到5 </t>
  </si>
  <si>
    <t>很简单，用电脑玩~</t>
  </si>
  <si>
    <t xml:space="preserve">问个宠的价钱！９３级４Ｄ掉２血２攻带树海的神盾值多少钱？时长金牛 </t>
  </si>
  <si>
    <t>太多了 虽然不掉防敏魔 但是掉了2学 满树海的话也就200到250W之间了</t>
  </si>
  <si>
    <t xml:space="preserve">如何取消手机各种包月服务（联通up新势力） </t>
  </si>
  <si>
    <t xml:space="preserve">你好，联通up新势力用户可以发送00000到5133，退定全网短信服务。但是发短信是收费的。如果发送114则是查询。 而以上方法只能退定全网业务，无法退定省内业务，所以必须继续下一步操作——拨打中国联通10010免费客户服务电话进行省内业务的人工退订。 你也可以直接拨打10010全部退订. </t>
  </si>
  <si>
    <t xml:space="preserve">入睡前老是想上厕所怎么办睡觉前两个小时不喝水都没用，就是躺下的时 </t>
  </si>
  <si>
    <t>作为排泄功能的上厕所，可能对于你来讲已经成了一种释放心理压力的一种形势了！这对你有很好的作用啊，为什么对它耿耿于怀？去过之后，如果就能安然入睡，那是多幸福的一件事啊，为一件幸福的事搞点仪式，值得的！也可能是另一种情况，你担心夜间入睡之后被小便憋醒，或是你以前因这事（比如尿床）受到过很严厉的处罚，它在你的潜意识中不断地提醒你要避免这种情况出现，所以也得搞点形式啊！其实不管是什么原因，只要这种形式对你睡眠有利就好！</t>
  </si>
  <si>
    <t xml:space="preserve">301分文史类能进广西什么好的大学？急！我是2010年高考学生学 </t>
  </si>
  <si>
    <t>能进广西什么好的大专？恒桂林幼儿园</t>
  </si>
  <si>
    <t xml:space="preserve">给个具体的答案蓝板能力90的Ｃ能否秒中高板 </t>
  </si>
  <si>
    <t>板能力那么高  只要你够胆  早点按就行  关键看位置真的抢起来 你还看什么秒不秒啊 卡好位置 稳稳的拿  只会秒板 很盲目的 就像秒分一样中高板 可以秒了回答完毕...</t>
  </si>
  <si>
    <t xml:space="preserve">我已开通装备锁为什么一所装备就提示未开通装备锁啊 </t>
  </si>
  <si>
    <t>我也有同样的问题！希望GM解决下！登陆密保说你已开通！进游戏锁不了！打电话说你没开通！取消也不行！在申请绑定吧？网页却提示说你已经开通！？</t>
  </si>
  <si>
    <t xml:space="preserve">如果做爱之时不小心射在里面了，马上吃悦可婷有效吗？套套不小心破了 </t>
  </si>
  <si>
    <t>要看一下你是不是安全期，如果是月经前七天和月经后七天的话，正常来讲还是有效的。如果是月经后十天和月经前十天的话，我建议最好就是吃紧急避孕药了。</t>
  </si>
  <si>
    <t xml:space="preserve">51新炫舞现在有游戏币送汽车的活动？如题 </t>
  </si>
  <si>
    <t xml:space="preserve">是有这个活动的。每个玩家每天可以有2次机会买号码，1000个游戏币就可以买一次，如果中了 就送汽车 呵呵，详细你可以去51的官网看看： </t>
  </si>
  <si>
    <t xml:space="preserve">诛仙2任务头上的血条怎么显示出来？ </t>
  </si>
  <si>
    <t>诛仙2,任务头上的血条显示.在界面右下角系统-系统设置-界面设置-显示设置-气血显示\真气显示..很简单的</t>
  </si>
  <si>
    <t xml:space="preserve">财付通充值失败了? </t>
  </si>
  <si>
    <t>就是你没有用口令卡啊</t>
  </si>
  <si>
    <t xml:space="preserve">工程款扣除质保金后多付了可行,等于质保金没有扣到位工程款扣除质保 </t>
  </si>
  <si>
    <t>如果合同中明确约定了质保金，可以要求对方补足</t>
  </si>
  <si>
    <t xml:space="preserve">为什么页码改不掉我有份word文件前五页要页码，后六页不要页码。 </t>
  </si>
  <si>
    <t>不必分为二次打印，只要使用插入一个分隔符（连续）的方法即可解决问题。我上传一个Word文档，如您说的共有11页，前面的5页有页码，6—11页没有页码，具体方法请看Word里的内容。</t>
  </si>
  <si>
    <t xml:space="preserve">月白老师:大盘今天是否会接着调整?? </t>
  </si>
  <si>
    <t>调整在所难免。由于咋日调整过急，今日如果低开在30点左右，估计调整到位，即:1870点左右。操作上，静观其变，不要盲动，看清动向，再做决策。</t>
  </si>
  <si>
    <t xml:space="preserve">战士天赋问题ZC,JJC用什么,练级用什么,FB用什么 </t>
  </si>
  <si>
    <t>战场 JJC 自然 是武器好 但是建议不+强化致死 和无尽怒气 把其他天赋点+到狂暴里 受到致命 就伤害提升 和回血的那个天赋点 JJC只要有治疗还有人 打你 基本上就是战场绞肉机 练级 前期建议是狂暴 因为打怪快 不容易死 武器前期练级 命中低的话很容易打1个怪就顶 补血后期60+的时候可以改武器 那时候剧本靠 压制打FB 自然是防护 原因是仇恨要比其他系稳定 而且明显抗打 我曾经遇见过1个战士同样的装备 一开始是武器 拉怪一般 到不能说拉不住 就是血掉的太快 但是改了下防护 就明显好多了</t>
  </si>
  <si>
    <t xml:space="preserve">请大家帮我出个注意（男生进）我现在读初中，在我们班上有一个男生， </t>
  </si>
  <si>
    <t>这是青春期的一种反应，他比较强烈。你要跟它说明白这些，要他自己抑制，每个男生变化到男人都会经历一些心理和生理的改变，他突出一点。他跟你玩也能说明，他跟你关系好或是你的jj比较成熟。</t>
  </si>
  <si>
    <t xml:space="preserve">佛门弟子应该怎样理解“酒肉穿肠过,佛祖心中留” </t>
  </si>
  <si>
    <t>酒肉不是简单的“穿肠过”。当还有酒肉意时，穿肠即破戒，即使吃面做的“鱼”豆腐做的“鸡”还是破戒，甚至闻有“香”味即破戒，何待穿肠；心无挂碍时，何来酒肉，岂有穿肠。此时方才“佛祖心中留”。如果慢无修行，徒倡“酒肉穿肠过,佛祖心中留”者，将是地狱中人而已。</t>
  </si>
  <si>
    <t xml:space="preserve">肠道回位十多天,不排便?......我一亲戚半年前因外伤造成肠破 </t>
  </si>
  <si>
    <t>根据你说的情况你这位亲戚术后排气说明肠道已通但是后来出现不解大便及鼻饲食物反流很可能术后继发出现了肠梗阻或肠粘连建议查腹透确诊不清楚伴有什么其他症状没?比如腹胀腹痛等现在治疗肠道不通的办法    一是胃肠减压(胃管接负压引流器)禁食,营养通过静脉给    二是灌肠(开塞露是其中一种,也可用肥皂水)如果长时间无效,可以考虑再次手术(当然要检查清楚,和大夫沟通了解,慎重决定)以上仅为建议</t>
  </si>
  <si>
    <t xml:space="preserve">这种犯罪该怎么处理求个指点犯罪分子是施放木马高手。所犯的不是贪图 </t>
  </si>
  <si>
    <t>把它送到动物园里，在转盘车上，转它个半个月。不准下车。不间断的转。一直到吐为止。就用不着去找警察叔叔啦。哈哈哈。</t>
  </si>
  <si>
    <t xml:space="preserve">电脑摄像头怎么安装我想在电脑安装摄像头不知道怎么安 </t>
  </si>
  <si>
    <t>即插即用</t>
  </si>
  <si>
    <t xml:space="preserve">广州文明歌这首歌在那里有得下载？“广州文明歌”这首歌在那里有得下 </t>
  </si>
  <si>
    <t>朋友你好：我已经把下载好的《广州文明歌》发到您的邮箱，已经杀毒，请放心。如果您要亲自下载，也可以，很简单。请按我说的分两步去做，保证你成功，因为我刚下载了。是带有视频的男女生合唱，前面一女生指挥，前排女生，后排男生，好听好看。首先打开以下网址： 打开以后，网页视频自动播放，这时，鼠标指向视频，右键单击，就会在视频上方出现“下载”字样（带有迅雷标志的）。然后，启动你的迅雷（如果你的电脑没安迅雷，要事先安装迅雷），迅雷启动后，鼠标指向刚才视频上方出现的“下载”，如果下载字样消失了，指向视频右键单击就会出现，指向“下载”，左键单击，迅雷就开始下载了。可以多试几遍，一定能下。我已经把下载好的《广州文明歌》发到您的邮箱，已经杀毒，请放心。</t>
  </si>
  <si>
    <t xml:space="preserve">考研几月份考？考研是几月份考啊~ </t>
  </si>
  <si>
    <t xml:space="preserve">考研初试时间03年之前原则上是每年春节前两周的周六周日，包括过年很晚的96年(2月18日除夕)和99年(2月15日除夕)，所以网上到处都充斥着这种说法。 由于03年起很多高校寒假都封校(因为非典)，所以这一原则有所变动，比如07年2月17日除夕，而初试时间是1月20、21日！而由于甲流的影响，10年初试定为1月10日、11日两天(2月13日除夕，相差一月有余！)。 13年2月9日除夕，所以我预测初试应该是1月12、13日两天。官方要9月中旬才能公布初试时间。 </t>
  </si>
  <si>
    <t xml:space="preserve">四川的夹沙肉怎么做？哪个高手知道四串的夹沙肉怎么做？就是那种肉里 </t>
  </si>
  <si>
    <t>使用原料：猪肥膘肉500克。 洗沙75克、玫瑰25克、糯米100克。红糖50克、猪油50克、白糖25克。 烹调方法：猪肉刮洗干净，入锅煮至刚熟捞出晾冷，用刀切成长约8厘米、宽4.5厘米、厚0.7厘米的片（16片），再将肉片逢中片一刀，使成皮相连的两张薄片。锅内放红糖炒化，加洗沙、猪油炒匀，加玫瑰捣匀。然后将馅塞于肉片夹层中，压成扁形，逐片摆于蒸碗中成圆形。糯米淘洗后用清水浸泡半小时，用净布包好，上笼蒸20分钟，取出用清水浸一次，再入笼蒸至把软，取出加红糖、猪油拌匀，放于摆好肉片的蒸碗中，上笼蒸火巴（约2小时），取出扣于盘中，撒上白糖即成。</t>
  </si>
  <si>
    <t xml:space="preserve">想在市区里按揭购买一套小户型新房，购买后出租，用出租的租金交按揭? </t>
  </si>
  <si>
    <t>这也是一种投资方式,但由于现在房价偏高而租价则不高,租价往往低于按揭贷款月供很多,日后房价上涨的空间有多大?现在还很难说,所以在目前高房价的情况下,做这种投资有可能得不偿失.请慎重考虑.</t>
  </si>
  <si>
    <t xml:space="preserve">重庆哪个医院做产检检查是比较好的呢？ </t>
  </si>
  <si>
    <t>你好，我建议你还是选择一家比较正规的医院进行检查吧！那样我们也是比较有保障一点的哦！我推荐你去一家比较正规的产检检查医院吧！那样我们也是有很大的好处的哦！你知道重庆的石桥铺彩电中心吗？你还是可以去看看吧！我还是建议你还是到正规的医院看看吧！相信也只有正规的医院那是比较好一点的。</t>
  </si>
  <si>
    <t xml:space="preserve">人工喂养的孩子一天吃五遍奶，这五次喂奶时间如何分配科学呢？是把2? </t>
  </si>
  <si>
    <t>因人而议的。要是吃5次，早上9点起来吃一回，中午一点睡觉吃一次，五点或六点吃一次到晚上九点吃一次，夜里吃一次到第二天早上早晨了。要是四次就去掉夜里的我家小孩子就是这样的。一般夜里的都不吃的</t>
  </si>
  <si>
    <t xml:space="preserve">老公属龙我属蛇儿子属马,2008年8月9月适合我们搬家的吉日我老 </t>
  </si>
  <si>
    <t>夫: 属龙,妻: 属蛇,儿子：属马。阳历2008年8月17日～9月份适宜你们搬家的日子：阳历2008年9月5日，农历是八月初六（戊申）日。分析如下：1、戊申日和夫生肖三合。2、戊申日和妻生肖六合。“入宅仪式”时请生肖属虎的亲朋好友占时避开。“入宅仪式”指入宅当天新居上香祭祖、新居开门时。要安装阳台的玻璃窗,请问2008年8月或9月哪天适合？尽早在搬入前把玻璃窗安装好，不需择日。恭喜乔迁之喜，祝事事大吉。</t>
  </si>
  <si>
    <t xml:space="preserve">关于小米粥煮稀饭的问题小米粥要怎么煮才会有营养？是和普通的大米一 </t>
  </si>
  <si>
    <t xml:space="preserve">小米粥含有多种维生素、氨基酸、脂肪和碳水化合物，营养价值较高，每100克小米含蛋白质9.7克、脂肪3.5克，都不低于稻、麦。一般粮食中不含有的胡萝卜素，而小米每100克含量达0.12毫克，维生素b1的含量位居所有粮食之首。小米含糖也很高，每百克含糖72.8克，产热量比大米高许多。 如果与大米、枸杞、红枣一起煮食，对于各种人群来说，可以说是很理想的滋补品。基本适宜各种人群食用。 </t>
  </si>
  <si>
    <t xml:space="preserve">黑塔之匙是什么？刚才上战网，一个女巫扔出一个钥匙形状的东西，那时 </t>
  </si>
  <si>
    <t>初期游戏设想是为了作为ACT1 女博爵任务的场地"黑暗之塔"的开门的物品，但后期修改为直接进入，于是钥匙就失去作用,也不会在正常游戏中出现。但把他保留在了游戏之中，没有删除，现在没什么用途。</t>
  </si>
  <si>
    <t xml:space="preserve">人们为什么出国？ </t>
  </si>
  <si>
    <t>因为能提高自己，可以知道什么叫做天外有天，使自己更加努力，而且还能开阔眼界丰富知识，使自己的生活更加充实！不过出去前必须明确目标，而不要盲目的出国，不然会得不偿失！</t>
  </si>
  <si>
    <t xml:space="preserve">数学某公司经过5年产值是原来的4.5倍，问平均每年比上年增长百分 </t>
  </si>
  <si>
    <t>设平均每年比上年增长X4.5=（1+X）^5lg4.5=5*lg(1+X)0.6532/5=lg(1+X)lg(1+X)=0.1306(1+X)=1.35096x=35.096%</t>
  </si>
  <si>
    <t xml:space="preserve">怀孕后体内的HCG值在何时达到高峰？又在哪个月降低呢？之后一直维 </t>
  </si>
  <si>
    <t>我帮你查了一下,怀孕40左右HCG值达到高峰,14周降至10.</t>
  </si>
  <si>
    <t xml:space="preserve">猎人宠物的问题我的宠物不知道怎么回事,技能栏不能显示技能了(如低 </t>
  </si>
  <si>
    <t>你可以点击人物技能(那本小书的图标),跳出小框后,下边有个宠物技能选项卡,可以拉出技能重新放到宠物技能拦的</t>
  </si>
  <si>
    <t xml:space="preserve">数学把三个完全相同的小直圆柱（每个小直圆柱的高为5厘米）平成一个 </t>
  </si>
  <si>
    <t>分析：把三个完全相同的小直圆柱（每个小直圆柱的高为5厘米）平成一个大直圆柱，这个大直圆柱的表面积比原来每个小直圆柱的表面积多188.4平方厘米。实际增加的是2个小直圆柱的侧面积。根据：侧面积=底面周长×高。所以：圆柱的底面周长=188.4÷（5+5）=18.84（厘米）圆柱的底面半径=18.84÷2÷3.14=3（厘米）每个小圆柱的表面积=18.84×5+3.14×3×3×2=150.72（平方厘米）</t>
  </si>
  <si>
    <t xml:space="preserve">请你评价一下刘德华！他很老道，各个年龄段的人都有喜欢听他的歌的人 </t>
  </si>
  <si>
    <t xml:space="preserve"> 刘德华之所以如此成功 是因为他知道怎样去做人 怎样去为人。 刘德华做人很积极 乐观，从不轻言放弃。  刘德华做人很勤分。  刘德华做人很谦虚 待人真诚友善。   刘德华做人很本分 做人很实在。   刘德华很孝顺，很细心。  刘德华懂得怎样去做人 懂得怎样能把人做好 所以他这些年来几乎已经把一个优秀男人该做的事 都做了 让人无可挑剔。刘德华简直是太完美了，他是我一辈子努力的目标。  </t>
  </si>
  <si>
    <t xml:space="preserve">个人觉得十月中下旬是一轮新的大底，然后可以满仓等待新高，大家觉得? </t>
  </si>
  <si>
    <t>你说的时间至少还要后推一个星期。</t>
  </si>
  <si>
    <t xml:space="preserve">关于轻微狐臭的问题遗传原因，我略微有些狐臭。平时只要不剧烈运动出 </t>
  </si>
  <si>
    <t>如果是遗传原因，不易根治，建议，平时勤进行清洁，做完稍剧烈的运动后，及时进行腋部清洗，最简便的方法是购买一瓶香体露（含有持久抑汗配方的那种），出门前或沐浴后，薄涂一层，可协助抑汗，还可当香水使用，尽量穿纯棉质地的衣服，可有效帮助吸汗，减少体味。千万不要穿化纤的啊，只能适得其反！</t>
  </si>
  <si>
    <t xml:space="preserve">宝来汽车安全气囊我的宝来车买了一年多，主驾驶安全气囊出故障，汽修 </t>
  </si>
  <si>
    <t>如果本来的保修单上写明了一年，那么自然超过一年就不在保修范围内了建议还是赶紧去修，免得耽误使用</t>
  </si>
  <si>
    <t xml:space="preserve">刚成立了公司，老板说不向国税申报所得税了，至少是他们不要我们不交? </t>
  </si>
  <si>
    <t>这要看你们是什么公司，如果是个人独资企业或合伙企业性质的公司，那自然不需要向国税申报缴纳所得税的，因为这种公司是缴纳个人所得税，不是缴纳企业所得税的。另外，如果你们符合减免税的条件，那也可以不缴纳所得税，但必须进行纳税申报，不管是否有税，都必须进行纳税申报，没有就进行○申报。如果不按期进行纳税申报，税务机关会处罚2000元以下，情节严重的处罚2000元到10000元。如果说要税务机关一点都不知道你这公司，除非你不办理营业执照、没有经营地点或经营地点非常隐蔽，否则都会知道的。国税、地税、工商会定期交换信息的</t>
  </si>
  <si>
    <t xml:space="preserve">宝宝总是撞头,是什么原因??我的宝宝一周岁了,他见到什么东西,如 </t>
  </si>
  <si>
    <t>听起来很像缺钙，但我家宝宝也一岁多了才出牙，可是也不缺钙啊，所以你应该带宝宝去医院查一下才能知道，问一下医生这样比较安心。</t>
  </si>
  <si>
    <t xml:space="preserve">人为什么而活有时很难想象是什么动力让我们活在这世上 </t>
  </si>
  <si>
    <t>为共产主义的远大理想</t>
  </si>
  <si>
    <t xml:space="preserve">股折拆板需要多少费用 </t>
  </si>
  <si>
    <t>您没有说明是骨折病人在恢复痊愈后“拆除”体内固定的钢板还是体外固定的石膏板；如果是拆除体内固定的钢板，那是要做外科手术的，其费用除了比当初做钢板固定手术少了个材料费外和住院费因为天数可以较少而费用比先前少些外，其它都是差不多的；如果是拆除体外固定的石膏板（固定模），那只要挂个外科的门诊号就可以很快的处理完毕的，不用住院，费用因为各地方、各医院和不同部位的收费标准不同，并不是一样的，一般的估计有几十元到一百多元就可以了，如果是拆了石膏仍需要住院的，那就“不是一回事”了。</t>
  </si>
  <si>
    <t xml:space="preserve">请问调皮姐杭萧钢构明天出货可以吗成本价7.06谢谢同上 </t>
  </si>
  <si>
    <t>600477 杭萧钢构今天站不上 10.60 需考量?p仓.**下次请把代码与股票名称都写在标题内,方便调皮?ふ易柿?因为个股都需先確认代码的动作,谢谢合作！(千万不要缩?p代码.不要缩?p股票名称)**你再不转往 [向调皮捣蛋止赢保护提问] 的方式来提问,(在调皮主页右边有专门按键可以使用) 現在的提问以过多,调皮可能?]时间回此处找提问而回答哦!</t>
  </si>
  <si>
    <t xml:space="preserve">怎么拿齐五卷啊高手：怎么才能拿齐五卷啊？有必过的秘籍吗？请指教！ </t>
  </si>
  <si>
    <t>不好说的，我帮你怎么样。</t>
  </si>
  <si>
    <t xml:space="preserve">怎么在别的博客里发表不了博文我在新华网里"我朋友的博客里'发文章 </t>
  </si>
  <si>
    <t>在别人的博客里不能发文章，只能回复和留言。</t>
  </si>
  <si>
    <t xml:space="preserve">请问广东佛山市小米维修点在哪里？2S需要维修！！ </t>
  </si>
  <si>
    <t>广州百司达通讯科技有限公司佛山分公司电话：0757-82621062/0757-82621063地址：佛山市禅城区亲仁路22号17座首层P1号佛山市南海区晨云移动电话维修部电话：0757-85921616地址：佛山市南海区大沥镇黄岐南湖路中南海晖园61号商铺佛山市顺德区华艺达通讯设备有限公司电话：0757-22366888地址：佛山市顺德区大良新基一路105号  如果对你有帮助，请给有用哦，谢谢</t>
  </si>
  <si>
    <t xml:space="preserve">专管员给的纳税人代码有什么用去专管员那他给了我个纳税人代码15位 </t>
  </si>
  <si>
    <t>纳税人识别号，通常简称为“税号”。纳税人识别号就是税务登记证上的号，每个企业的识别号都是唯一的，相当于企业的“身份证”号。纳税人识别号,一律由15位码（字符型）组成，其中:企业、事业单位等组织机构纳税人，以国家技术监督局编制的9位码（其中区分主码位与校验位之间的“－”符省略不打印）并在其前面加挂6位行政区划码共15位码，作为其“纳税人识别号”；国家税务总局下达的纳税人代码为15位，其中：1—2位为省、市代码，3—6位为地区代码，7—8位为经济性质代码，9—10位行业代码，11—15位为各地自设的顺序码。 纳税人代码是按照一定规则产生，保证各地区乃至全国唯一，共15位，同一纳税实体，无论发生多少种应税行为，只分配唯一的纳税人代码。如某纳税实体，本身发生应税经营行为，同时又外出经营、代扣代缴税款并且是委托代征人，在发生所有这些业务时，都应该使用唯一的纳税人代码进行申报。</t>
  </si>
  <si>
    <t xml:space="preserve">企业年金制度是一项基本的社会制度吗 </t>
  </si>
  <si>
    <t>企业年金制度是一项基本的社会制度</t>
  </si>
  <si>
    <t xml:space="preserve">如何办理准生证我和我老公常住宜昌，我户口是宜昌的，但我老公户口在 </t>
  </si>
  <si>
    <t>去你住地的居委会 再到区一级的计划生育委员会</t>
  </si>
  <si>
    <t xml:space="preserve">000591桐君阁，资产置换对象是什么？后市如何研判？ </t>
  </si>
  <si>
    <t>000591桐君阁：公司新大股东似将65.15%全部股权转让给中国船舶重工集团。新的控股股东似将重庆重型铸锻厂置入上市公司，使其成为一家以生产铁路货车为主的制造企业，主业结构将发生彻底变化。从行业看受国家大力发展铁路建设，加快实施西部开发来看，且新型货车陆续推进，未来发展空间还十分有潜力，但该行业主要为政府采购，议价能力不强，毛利润较低在10%以下，增收不增利的行业。同时也该看到由于行业的特殊性，收益比较稳定，但对重铸厂来说，其产品在同业中竟争力不强，如不加强改善，提高公司的竟争力，在未来的时间有生存压力。因此，短期看该股尚未股股及有明确的重组预期，在股改前不会造成大幅下跌，建议继续持有参与股改，中期出局换股！！！</t>
  </si>
  <si>
    <t xml:space="preserve">想要快速将系统有效彻底地变得干净? </t>
  </si>
  <si>
    <t>用360安全卫士 windows清理助手 扫描清除插件最快自己动手删文件 改注册表 不太懂的话容易把系统搞坏</t>
  </si>
  <si>
    <t xml:space="preserve">在东莞哪里有的山庄好玩游山玩水 </t>
  </si>
  <si>
    <t>翠湖山庄，8路车到那里下，也可以自驾去</t>
  </si>
  <si>
    <t xml:space="preserve">请教：如何区分单音节？像bed，take等单词看教程说是单音节词 </t>
  </si>
  <si>
    <t>看来,你对音节的认识真的不够深.音节的核心是元音,元音可以单独构成音节,也可以与辅音字母一起构成音节.你说的bed，take都只有一个元音,take词尾的e并未发音,所以都是单音节词.注意,不要将元音和元音字母搞混.划分音节是按元音来划的,如果元音字母不发音,那就不能构成音了.如果有两个元音字母在一起,但只发一个元音,仍然算一个音节.I/ai/eat/i:t/ate/eit/take/teik/bed/bed/bread/bred/以上都是单音节词。</t>
  </si>
  <si>
    <t xml:space="preserve">为什么男人和女人看异性身体的感受不同？男人是喜欢女人的下面，对女 </t>
  </si>
  <si>
    <t>这就是爱男人的放荡女人的矜持</t>
  </si>
  <si>
    <t xml:space="preserve">格物尺在哪里啊？怎么才能弄到？如题。。在哪接千里追凶的任务？ </t>
  </si>
  <si>
    <t>系统双点刷新.如02.00/04.00........注意看系统喊话.任务出现前5分钟有提示.</t>
  </si>
  <si>
    <t xml:space="preserve">这个东西怎么用？ </t>
  </si>
  <si>
    <t>去单片机论坛看看，可能有你要的答案</t>
  </si>
  <si>
    <t xml:space="preserve">我的白带怎么会这样最近几个月为什么我的白带都是又黄又臭的,有时我 </t>
  </si>
  <si>
    <t>您好：一般阴道感染滴虫时白带黄臭，如有豆腐渣样的东西，同时感染霉菌。</t>
  </si>
  <si>
    <t xml:space="preserve">关于下载的问题谁知道怎么样可以把完美世界的游戏完整的下载下来啊？ </t>
  </si>
  <si>
    <t xml:space="preserve">简单明了的办法。  1 去官方网站去找下栽站点。  2 点击下栽站点会出现下一业 继续  那里有完美世界急速下栽器。点击就可以了。储存到你的 C 盘 和 D盘 都可以这个随便你的   3比如你储存到了C 盘 那你打开C 盘 里面有完美世界下栽器 双击打开就可以了 不要在动了  它有 ADSL 和 NT  下栽 这个吗你就不要多想了 不要动他。这个最快要 5 个小时才能下栽好 紧急不要动下栽器  4 五小时后下栽进度到了 100% 你就可以关掉下栽器 打开你的 C 盘里又出现了一个 图表 完美世界客户端  你点击就可以安装了   5 完成安装  6 进入游戏                        OK  </t>
  </si>
  <si>
    <t xml:space="preserve">找一部电影名字叫《犯罪心理》是一部美国的老电影，讲的是FBI破案 </t>
  </si>
  <si>
    <t xml:space="preserve">  这里找下，好像有</t>
  </si>
  <si>
    <t>新浪博彩平台是不是不让人发贴子了</t>
  </si>
  <si>
    <t>哈哈老哥,我对热刺这场博胆有异议.热刺多场比赛都是领先被扳平,他对博尔顿从成绩都不占优势,防1有必要.</t>
  </si>
  <si>
    <t xml:space="preserve">我买了工商银行个人网上银行的U盾后如何超作？我办理了工商银行个人 </t>
  </si>
  <si>
    <t xml:space="preserve">使用U盾有三个步骤：     　　第一步：安装驱动程序&gt;&gt;　　如果您是第一次在电脑上使用个人网上银行，请参照工行个人网上银行系统设置指南首先调整您的计算机设置，然后安装U盾驱动程序，不同品牌U盾的驱动程序只能用于本品牌。如果您希望用光盘安装，请运行U盾光盘，选择安装主页面的“系统升级”，系统会自动检测并提示您安装补丁。安装补丁后，请选择“驱动程序安装”，安装U盾驱动程序。      　　第二步：下载证书信息&gt;&gt; 　　申请U盾后，您可以委托我行网点柜员协助您下载个人证书信息到U盾体内，也可以登录工行个人网上银行，进入“客户服务－U盾管理－U盾自助下载”，完成证书信息下载。下载前请确认U盾已连接到电脑USB接口上。如果下载不成功，请到柜面办理。      　　第三步：开心使用U盾&gt;&gt; 　　您在登录个人网上银行之后，如需办理转账、汇款、缴费等对外支付业务，只要按系统提示将U盾插入电脑的USB接口，输入U盾密码，并经银行系统验证无误，即可完成支付业务。   </t>
  </si>
  <si>
    <t xml:space="preserve">梦见自己被高压电电死了好像是父母去买电视，电视出了问题造成大的短 </t>
  </si>
  <si>
    <t>表示你打算忘记一些不快的往事，并准备从失意中再站起来。不用害怕。如果梦境是快乐的，这是吉祥之梦，如果是悲伤、严肃的则是骨肉将有意外。   原版周公解梦:梦的解释:弗洛伊德曾谈到过这样一个梦例，梦见梦者所喜爱的死人是解析梦的一件很头痛的问题，因此常常不能很满意地加以解说。原因是梦者和此人之间存在着特别强烈的矛盾情感。常见的形式是，此人起初活着的，但突然却死了，然后在接着的梦境里又活起来，这使人混淆，不过我终于知道这种又生又死的改变正表示出梦者的冷漠，这个冷漠当然不是真实的，它不过是种想法而已；其功能不过在使梦者否认他那强烈以及矛盾的感情，即是说，这是矛盾情感在梦的表现。</t>
  </si>
  <si>
    <t xml:space="preserve">明基G1可以拍摄多大尺寸的照片？ </t>
  </si>
  <si>
    <t>可以根据需求拍摄六种尺寸，可以拍摄4320x2430高分辨率的照片。</t>
  </si>
  <si>
    <t xml:space="preserve">用日语读这些句子?我是个日语出学者这些句子用日语怎么读啊?用拼音 </t>
  </si>
  <si>
    <t>有意思。。呵呵。。考虑到语境以及日常对话的话，这样：你怎么能这样？ 普通　あなたはどうしてこんなにやったんですか。a na ta ha do u si te ko n na ni ya tta n de su ka愤怒 お前なにやってんだよ！o ma e na ni ya tte n da yo!你是谁？电话　どっちら??ですか.do tti ra sa ma de su ka当面　ちょっとすみません...あなたは誰でしょうかtyo tto su mi ma se n... a na ta ha da re de syo u ka放屁！朋友间开玩笑　嘘つき（嘘！）u so tu ki (u so!)吵架（男人） うそじゃねぇんだよ！u so jya ne xe nn da yo!这不关你的事！お前と関?Sないだろう！o ma e to ka n ke i na i da ro u!你为什么那样做？询问　どうしてそんなにしますか。do si te so n na ni si ma su ka.质问，意见　お前はどう考えてそんなことにやった？o ma e ha do u ka n ga e te so n na ko to ni ya tta?我马上到。上司，客户　今すぐ伺いますi ma su gu u ka ga i ma su朋友　今すぐ来るi ma su gu ku ru谢谢各位帮这个忙...期待，拜托　よろしくお?いしますyo ro si ku o ne ga i si ma su感谢（注意时态，最后的感谢要用ました）助けてくれてありがとうございますta su ke te ku re te a ri ga to u go za i ma su</t>
  </si>
  <si>
    <t xml:space="preserve">我在我的实况安装目录下的SETTINGS里设置好的东西，按确定后? </t>
  </si>
  <si>
    <t>你可以去 当当资源网 (网际快车下载) 好象这个网站游戏是蛮多的 只不过白天比较难连接！强烈建议你在用FTP下载择定下载时间 以获得最佳的下载速度 而且能够迅速连接建议在晚上11：00之后 早上8：00之前下载！当然 你也可以使用BT下载！建议去 BT之家   下载一个比较“火”的种子 然后用BitComet0.56进行下载 只不过我不能保证你的下载速度！另外 关于BT下载 你可以去了解一下大概是同时连接的人越多 下载速度越快！附一些游戏下载网站 你可以去以下网站看看： 51pk游戏下载魔宇网站</t>
  </si>
  <si>
    <t xml:space="preserve">关于冠军足球经理0506赛季的技术问题!我是刚玩足球经理的!感觉 </t>
  </si>
  <si>
    <t>你可以上 去下载训练包可以提高能力  要在赛季前就开始训练到开始赛季时就不会大批的受伤了  球员离开因为你的战绩不好或对你不满   上还有官方补丁和新手指南</t>
  </si>
  <si>
    <t xml:space="preserve">为什么皮肤会痒？为什么有时候皮肤会莫名其妙的痒？ </t>
  </si>
  <si>
    <t>我的皮肤也经常会痒，但那是因为一些外界因素引起而过敏，如吃了什么东西不和而导致皮肤过敏；或闻了一些刺激或太浓的味道也会过敏至皮肤骚痒。还有就是因季节的变化所至。如果是过敏，吃点过敏药很快就没事了。如果是因为其他的因素，那你自己看着办了，觉得如果擦些外用药就完事或者有没有必要去看外科医生，只有你自己才能根据现实的情况定夺。</t>
  </si>
  <si>
    <t xml:space="preserve">游泳最能减肥,但为什么鲸鱼还是那么肥?游泳最能减肥,它自出生就在 </t>
  </si>
  <si>
    <t>因为鲸鱼不是鱼</t>
  </si>
  <si>
    <t xml:space="preserve">请教清泉老师：000652、600678按你的博客操作,6003 </t>
  </si>
  <si>
    <t>600357 000560 看突破.000629 暂待高..</t>
  </si>
  <si>
    <t xml:space="preserve">急急急，，，我有银行卡也开通了网上银行。。如何把卡内的钱转到我5 </t>
  </si>
  <si>
    <t xml:space="preserve">尊敬的客户:    您好！5173客户服务002很高兴为您服务！    充值5173币步骤如下：      登录“我的5173”→我要冲值→填写充值5173币金额→选择支付方式 您有如下支付方式充值您的5173币： （1）“网上银行支付”--如果您开通了网上银行，您可以选择网上银行支付的方式充值您的5173币。 （2）“银行柜台汇款”--您可以通过银行柜台汇款，atm转帐，网上银行转帐的方式汇款至5173帐户。（3）选择送货上门服务，每笔订单额外支付20元的服务费（除帐号配送），或购买5173充值卡充值。           如需帮助或投诉，请与我们客服中心联系，客服中心服务热线：0579-83225173 。真诚感谢您一如既往地对我们工作的大力支持与帮助!   同时预祝您新年快乐!                                              </t>
  </si>
  <si>
    <t xml:space="preserve">月经期间有白带怎么办？我这几个月来月经第一天刚刚来都是黑色的，第 </t>
  </si>
  <si>
    <t>你说的经期有白带，如属实的话，这种情况不正常的，建议抓紧去妇科检查，明确再治疗。</t>
  </si>
  <si>
    <t xml:space="preserve">如何使QQ一直挂机? </t>
  </si>
  <si>
    <t>1、       这是也疯狂，大家都知道的，不多说了。挂机方式：要下载客户端软件。2、 豆豆挂机，一个号只能免费挂100小时，很容易挂上，但这几天上不了，也没说什么时候收费。挂机方式：要下载客户端软件。3、 zone挂机，目前免费中，挂的最多的地方。也很稳。挂机方式：网页上。不用下载客户端软件。4、 :8080/hangmachine/机器人挂机网站.挂机方式：网页上。不用下载客户端软件。5、 丢摩版QQ机挂机网，正在公测中，昨天挂了一个号，今天就进不了了，可能是网站才开始建，不太稳定。挂机方式：网页上。不用下载客户端软件。6、 QQ挂机王，新用户号可免费挂5天，不过很难挂上，不知是不是不免费了，曾挂上过一个号。挂机方式：网页上。不用下载客户端软件。7、 这是QQ天使，不用介绍了吧，大家都知道的。已开始收费了。不过新号还是可以免费挂一天，不过我试过几次，好像是二天。挂机方式：网页上。不用下载客户端软件。8、 给广大的网友提供了一个不需要开机既可以挂QQ时长的免费平台跟疯狂差不多，不过很容易挂上去,大家去试试9、 以上的挂机网站，我全部都挂过，目前就晓的这些了，如还有的请跟上。注意 ：挂机慎重，请申请密保。号被盗了别找我</t>
  </si>
  <si>
    <t xml:space="preserve">梦幻西游69 </t>
  </si>
  <si>
    <t>这要看你是什么门派的嘞！封系或者法系一般需要高防+特技?N帽子或者鞋子。攻系则需要有适合?N特技?N帽子或鞋子！封系法系：60J?N帽子很JP?N属性一般要加40初防，65以上魔法。如果要JP，只能再+特技！比如封系和法系上上之选?N特技--晶清决（解除所有队友异常状态，补充所有队员15%?N气血，消耗150愤怒）、慈航普度（复活所有队友并满血气，自己气血和魔法降低为上限?N5%，150愤怒）。这些特技?N帽子可以达到几千W梦幻币！其他普通?N特技你可以问问区里?N其他人！鞋子JP?N属性最少要+39防，26左右敏，如果是封系则需要更多?N敏！特技就不用说嘞，最贵?N可以达到几千W梦幻币！攻系：帽子和鞋子?N特技一般要求有：破血狂攻（攻击2次，80愤怒）、破碎无双（扣除对手大量?N气血和相应?N魔法）、弱点击破（破除对方防御力?N超强进攻）、野兽之力（加强人物10%?N伤害）。这些有特技鞋子或帽子国标属性可以有1000W~2000W左右，JP属性（封系或法系那里有讲）则要更高！另外还要看宝石?N钱。</t>
  </si>
  <si>
    <t xml:space="preserve">法师的职业任务和好的装备奖励任务有的推荐本人40级LM法师想知道 </t>
  </si>
  <si>
    <t>我觉得那个奥术水晶饰坠还不错~8智16法伤~应该在前期还不错了~在ASL接~</t>
  </si>
  <si>
    <t xml:space="preserve">中国邮票交易的市场价我现在有一张1949年的邮票，它现在价值是多 </t>
  </si>
  <si>
    <t>1949年华东邮政发行的面值为30元的邮票有:1949-5-1."山东二七建邮七周年纪念"全套11枚,其中30元的为蓝灰色(分有齿,无齿);1949-5-21."淮海战役胜利纪念"全套11枚,其中30元为蓝灰色(分有齿,无齿);1949-5-30."南京上海解放纪念"全套9枚,其中30元为灰黑色;1949-4."天津版邮运"全套11枚,其中30元为蓝灰色(分有齿,无齿);1949-7-1."上海版邮运"全套8枚,其中30元为蓝黑色。不知您这枚属其中哪一枚?因一枚不成套,邮市上只能以散票价格算,如果是真品，新票每枚15元左右,信销(盖戳)好品相,每枚5元左右。而且邮市上经营散票的这种不成套的解放区邮票还比较多，其中也掺杂着许多假票。</t>
  </si>
  <si>
    <t xml:space="preserve">关于着弹点的问题，CONFIG高手来大家都知道正常情况下一般枪都 </t>
  </si>
  <si>
    <t>一，把准心调小。1028x720二，别上三发齐射 12 和削声器 11。三，做为菜鸟，先蹲下。别动，定点打。四，射击要有节奏。慢射远处照头。快射近出照人。你的明白？</t>
  </si>
  <si>
    <t xml:space="preserve">来南宁玩了，求大神指点南宁哪里好玩的〜水上乐园那边已经玩过了〜 </t>
  </si>
  <si>
    <t>南宁十景：（真的很不好意思哦，里面有几个公园，因为南宁的公园真的很漂亮，很好玩，如果有女朋友，绝对是第一选择！）　　1.南湖公园,南宁十景之一　　2.人民公园,南宁十景之一的望仙怀古就在里面　　3.邕江两岸,南宁十景之一的邕江泛春就在这里　　4.市中心的步行街,万达广场,朝阳花园,中山美食街(晚上比较好玩)　　5.民族博物馆　　6.花花大世界,在南宁安吉站坐车,有专车到达　　7,大王滩水电站,在朝阳花园有专车到达　　8.扬美古镇,南宁十景之一的扬美古风所在地,在华强路198号坐车　　9.金花茶公园  位于金花茶路　　10.灵水  严格来说是位于武鸣了【如果帮到您了，请点击（“有用”）哦~】</t>
  </si>
  <si>
    <t xml:space="preserve">福州哪里有卖麦芽粉？ </t>
  </si>
  <si>
    <t>中药柜就有的买了。。。。</t>
  </si>
  <si>
    <t xml:space="preserve">高中化学点击 </t>
  </si>
  <si>
    <t>个上觉得你给的答案不对，应该是n+2-m每个CH它侧链上的单键可以连接一个羟基，所以就有n个，还有链的两端可以连两个，所以就是n+2个，如果端上多一个CH3，则可以少一个羟基，所以再-m，这样就得到答案了。</t>
  </si>
  <si>
    <t xml:space="preserve">失眠多梦，经常半夜醒来几次，入睡都需要一个小时多才能睡的着，怎么? </t>
  </si>
  <si>
    <t>睡眠或觉醒是正常的生理过程，但它不是人为能完全自主控制的活动，而是一个被动过程。它不像人体某些活动可按人的意志，说来就来，要止则止。失眠的人常常难以诱导自己进入睡眠而苦恼。其实早期的轻度失眠，经过自我调理的办法就常可得益 ：平常而自然的心态。出现失眠不必过分担心，越是紧张，越是强行入睡，结果适得其反。有些人对连续多天出现失眠更是紧张不安，认为这样下去大脑得不到休息，不是短寿，也会生病。这类担心所致的过分焦虑，对睡眠本身及其健康的危害更大。 </t>
  </si>
  <si>
    <t xml:space="preserve">孕后性生活老婆到今天已经生完孩子110天了，今天性生活时没有做避 </t>
  </si>
  <si>
    <t>通常讲哺乳期是不会怀孕的，但这并不可靠。与其现在着急，当时为什么不采取避孕措施呢？要说起来，可以服用紧急避孕药，但由于你老婆还在哺乳，可能会对孩子不好。你们自己看吧。</t>
  </si>
  <si>
    <t xml:space="preserve">三王会战是哪三王RT </t>
  </si>
  <si>
    <t>神圣罗马帝国皇帝巴巴罗萨（即德意志霍亨施陶芬王朝的皇帝腓特烈一世）英国金雀花王朝的狮心王（理查一世）法王腓力.奥古斯都（卡佩王朝腓力二世）</t>
  </si>
  <si>
    <t xml:space="preserve">怎样使老鸡老鸭肉变的嫩味道变得鲜美 </t>
  </si>
  <si>
    <t xml:space="preserve">怎样使老鸡老鸭肉变嫩    在煮老鸡、老鸭的时候，如果用猛火煮，煮出来依然肉硬，味道不好。教你一个方法可将肉炖得细腻可口：先将老鸡、老鸭用凉水和少许醋浸泡了个小时左右，再用微火慢炖，这样，炖出来的肉就会变得香嫩可口了。tmg食谱网    招上支招：如果在煮鸡、鸭的锅里再加入一些黄豆同煮，不仅会使肉变嫩、而且熟的很快，营养价值也高；如果放入几块生木瓜，木瓜中的木瓜醇素可分解鸡肉蛋白，也能缩短炖煮的时间。 </t>
  </si>
  <si>
    <t xml:space="preserve">奶奶的！昨天把饭钱都买了！今天赊帐买的！拼了！昨天饭钱都买了。。 </t>
  </si>
  <si>
    <t>AC和瓦伦今晚大热，难哦，至少有一个无法胜出。</t>
  </si>
  <si>
    <t xml:space="preserve">左边脸颊麻木、有点肿、痛，这是什么病？2月18日发病，先是左边脸 </t>
  </si>
  <si>
    <t>痛，麻是持续的还是阵发性？脸肿是自己感觉还是别人能看得出来？</t>
  </si>
  <si>
    <t xml:space="preserve">上半身胖，怎么减肥我的腿很细长，让人羡慕，但是腰以上就有点胖，特 </t>
  </si>
  <si>
    <t>一。 注意调整生活习惯，二。科学合理饮食结构，三。坚持不懈适量运动。具体说来，不要暴饮暴食。宜细嚼慢咽。忌辛辣油腻，清淡为好。多喝水，多吃脆平果青香焦，芹菜，冬瓜，黄瓜，罗卜，番茄，既助减肥，又益养颜，两全其美！</t>
  </si>
  <si>
    <t xml:space="preserve">请问在荷兰购物可以退税吗？有什么需要注意的地方？ </t>
  </si>
  <si>
    <t>作为一名外国游客，当你把你购买的物品带回家的时候，你有权索回购买物品时支付的税项。通过退税公司环球退款公司（Global Refund）索回你的税款。全球主要的零售商都提供这一项服务。如果是欧盟的居民，那么你就得不到退税服务。 　　增值税（VAT）占价格的19%，就是相当于购买价格的15.97%。你的退款等于购买价格的百分数减去行政管理的费用。在一天中，一家商店内，你所购买货物的数量（包括增值税）必须超过137欧元。 　　在购物后的三个月之内，在离境的时候必须让海关在你的环球退款支票上盖章。 　　1，在商店里 　　看到有“环球退税免费购物”（Global Refund Free Shopping）标志的商店里（全球有13多万家）索要你的退款发票。 　　 　　　　2，经海关时 　向海关官员出示你购买的物品，收据和护照，并让他们在你的退税支票上盖章。注意：在机场，请你在办理登记手续之前那你购买的物品去海关那里。 　　 　　　　3，领取你的退款 　　领取你的退款是有几个选择：在附近的现金退款出即刻领取现金；将退款直接贷寄你选择的的信用卡或银行账户；将一张银行支票寄到你选择的地址。而阿姆斯特丹史基浦机场出境大厅的免税购物区，所贩售的各类商品，其标价都是已经扣除购物加值税的，观光客不需要再办理退税的手续。</t>
  </si>
  <si>
    <t xml:space="preserve">个人投资的误区有哪些？ </t>
  </si>
  <si>
    <t xml:space="preserve">个人投资的四个“误区” 我国当前的个人投资者更多的只是埋头投资，而没有对风险、收益、资源、目标进行符合自身实际的综合规划与管理，因而无法获得稳定的资产收益。专家分析，通常情况下，个人投资者经常会遇到四个“误区”：　　一是承担了自己无力承担的风险。比如说50多岁的客户，重点应准备养老或看病，却把资产集中到收入类型上，例如投资等，造成投资过于冒险。二是过于规避本金损失的风险，投资于低风险资产，结果无法抗拒通货膨胀对自己资产的侵蚀。对年轻白领而言，在准备买房等重大支出的时候，把钱集中到债券上，随时准备变现这个方案并不适用。需要强调的是，风险承受能力绝不仅仅指客户的心理感受，更受预期目标、家庭责任的限制甚至推动。如果孩子要出国留学，谨慎的家长也可能不得不承担大一些的风险，以换取大一些的利润，否则孩子的梦想就因无财力支持而无法实现。第三个误区是很多投资者对保险有不恰当的认识，把保险作为主要投资工具，而忽视保障作用。如果缺少保障型险种的话，家庭收入创造者一旦出现伤病死亡，家庭经济就会崩溃，买房、留学等梦想就无从实现，贷款买的房子也可能被银行收回，可谓雪上加霜。第四个误区就是现在很多投资者追求时髦，在没有弄清楚新的理财产品之前就贸然进入。有的老人把信托产品当成债券来买，而信托有本金损失的风险，老人是无法承担这种风险的。它的收益率只是预测的，信托公司并不以自己的资产作为担保。　　总之，理性选择，科学组合，无疑是大众在任何情况下都需遵守的理财原则。　　负利率时代的到来，对于普通老百姓尤其是热衷于储蓄的人来说，它是一个不得不接受的事实；而在积极理财、投资意识强的人的眼中，它却意味着赚钱时代的到来。要想消除负利率及其可能产生的不利影响，实现利率的完全市场化是唯一的选择。当然，要完成这样一项改革，在我国目前错综复杂的政治经济环境中，还有很长的路要走。因此，我们必须积极地调整理财思路，通过行之有效的投资手段来抵御负利率。抵御负利率的手段有很多，如减少储蓄，多消费，甚至以理性的头脑和积极的心态进行投资（如股票、基金等），因为你的投资收益越大，抵御通货膨胀的能力也就越强。所以，负利率不可怕，可怕的是面对负利率却无动于衷！ </t>
  </si>
  <si>
    <t xml:space="preserve">74期R9已买,早买早省心！（图）周末死的残啊！就是不敢拿豪门做 </t>
  </si>
  <si>
    <t>波尔图可能有问题</t>
  </si>
  <si>
    <t xml:space="preserve">成都那家医院治疗过敏最好皮肤老过敏 </t>
  </si>
  <si>
    <t>成都市第二人民医院不错!专治皮肤病的!</t>
  </si>
  <si>
    <t xml:space="preserve">关于大脚的问题，紧急！目前大脚插件，每一运行时都会弹出一个提示框 </t>
  </si>
  <si>
    <t>选择电信服务器就没事了</t>
  </si>
  <si>
    <t xml:space="preserve">如果战争来临，国家即将灭亡，你会怎么做？不要说空话，大话，假话！? </t>
  </si>
  <si>
    <t>战争来临国家就面临灭亡吗？你是不是很希望这样？你让别人说实话好像让人感觉顺着你说就是实话，不顺着你说就是大话是吧？你说侵略者是友好的是屁话！你说战争来临国家即将灭亡是梦话！战争来临想当汉奸不杀你就太不像话！</t>
  </si>
  <si>
    <t>suggestsone</t>
  </si>
  <si>
    <t>似乎是与竞选有关的。竞选时假如某一参选党的受欢迎程度是比其他参选者都有绝对的优势，这情况便可以用“one-party race”来形容了。没有上文很难理解整句的意思。“....suggests one-party race ?”的翻译有可能是“.......似乎是一党独选的形势？”</t>
  </si>
  <si>
    <t xml:space="preserve">艾格的衣服质量好不好？几月份打折？适合中学生吗？ </t>
  </si>
  <si>
    <t>艾格的衣服很适合学生穿，尤其是样子乖巧的传出来很有气质。她家的粗尼大衣比较贵。裙子适中，款式也还可以。我个人认为比only那些要讨巧。穿出来不像柜台小姐，也不会满大街都是。但是不乏有假冒的蒙混在其中。最重要的是适合自己，一定要去亲自试穿，才能感觉出来，很多衣服看起来不好穿出来也许会有意想不到的效果。换季的时候过节的时候一般都会随着上场打折祝你买到称心如意的漂亮衣服</t>
  </si>
  <si>
    <t xml:space="preserve">我48及法师到那里打钱啊，，，我都穷死了，，、有知道的大哥给兄弟? </t>
  </si>
  <si>
    <t>欧瑞火山打钱．．慢慢来</t>
  </si>
  <si>
    <t xml:space="preserve">已知在三角形ABC中,角A和外角角CBD的平分线交于P,求证PC? </t>
  </si>
  <si>
    <t>见图，点击放大！</t>
  </si>
  <si>
    <t xml:space="preserve">早上乘了公交车后到现在还是感觉胸闷无食欲早上乘公交车去上班，空调 </t>
  </si>
  <si>
    <t xml:space="preserve">用跌伤橡皮膏二块（大拇指指甲大小），分别贴在离两手掌一寸距离的脉搏处，这样就没事了。我每次坐长途车，都使用这种方法，挺管用的。试试看哦~~~ </t>
  </si>
  <si>
    <t xml:space="preserve">78级佣兵扫怪问题求教78佣兵　组外78先知　78西林77的舞蹈 </t>
  </si>
  <si>
    <t>就一个用兵的话  貌似很困难 我自己实验过的，79YB 80xl 80xz 80jw 79主教 装备是满防皇家，威严重（都试过） +4强健s枪 文身是+5力量-5血 +4敏捷-4血的 在火炉 撑不下去的 掉血太快！建议你下庙或者去黑门都可以 很舒服！钱也多！</t>
  </si>
  <si>
    <t xml:space="preserve">激光打印机能不能开票？激光打印机可不可以向针式打印机一样打票据啊 </t>
  </si>
  <si>
    <t>激光打印机是不能打票据的。因为是票据，所以一定要专用的打票据的打印机打印。</t>
  </si>
  <si>
    <t xml:space="preserve">中国人怎样正确地学英语 </t>
  </si>
  <si>
    <t xml:space="preserve">1,纠正发音，只有发音标准了，才会在学习的过程中更加的自信，当你学到一定程度时，能够边看电影边重复电影中的对白，你会感觉很爽的。2，从基础学起，语法的基础一定要打扎实，否则今后如果需要翻译一些专业的内容会觉得很困难的。3，千万不要相信英语可以速成，即便现在有很多途径可以学英语，工具也是层出不穷，但都是建立在你自己认真学习基础上的辅助途径。要根据自己的实际情况制定学习计划，光靠网站而脱离课本是不切实际的，一定要选择一本适合自己目前英语水平的教科书，跟平常学生们用的一样就行了，坚持独立完成相应的练习，及时发现问题并且解决它。注意，不要看看这本又瞧瞧那本，每一本都看不完。为了增加乐趣，可以听歌，看报纸，看电影等推荐几个网站给你，不是那种充斥培训班广告的那种，真的挺好的，可以去看一下：   </t>
  </si>
  <si>
    <t xml:space="preserve">我接到一个特殊电话号码，不知道是什么电话我的手机打进来一个号码为 </t>
  </si>
  <si>
    <t>17900/17901，是中国电信全国IP电话接入码。不过前面那个“+”应该是表示“00”，这是从国外打入的IP电话吗？难以解释。</t>
  </si>
  <si>
    <t xml:space="preserve">喜欢我为什么要拒绝我？我现在高二，向喜欢的女生表白，她说我们是不? </t>
  </si>
  <si>
    <t>真是早熟呀！才高二，想什么呢？喜欢你就一定要接受你吗？真是天真的可爱呀！</t>
  </si>
  <si>
    <t xml:space="preserve">压抑久了我已经快受不了各位,在半年前我还是个幸福的女人,但我的幸 </t>
  </si>
  <si>
    <t>明明知道是苦果为什么还要种下?？？</t>
  </si>
  <si>
    <t xml:space="preserve">少壮不努力，的下一句是什么？ </t>
  </si>
  <si>
    <t>老大徒伤悲.</t>
  </si>
  <si>
    <t xml:space="preserve">60.70一代球星何时能重现。。。。。。罗纳尔多卡洛斯老儒小罗巴 </t>
  </si>
  <si>
    <t>你说对了事实如此千万别把人看睡着了</t>
  </si>
  <si>
    <t xml:space="preserve">我女儿刚出生时脚有点伸不直我女儿出生时脚有点伸不直医生说过段时间 </t>
  </si>
  <si>
    <t>过段时间就好。不必担心</t>
  </si>
  <si>
    <t xml:space="preserve">赤壁里元宝充值问题!!我想问一下完美时空的游戏赤壁里50元的点卡 </t>
  </si>
  <si>
    <t>是50金元宝,完美的比例是1:1</t>
  </si>
  <si>
    <t xml:space="preserve">如果你不是作弊　那么你就是高手吗？玩ＣＳ的时候每每前两名　对方就 </t>
  </si>
  <si>
    <t xml:space="preserve">首先回答楼主的问题：    “怎样见面就能秒杀人而不是爆头”这是个很奇怪的问题，如果是AK的话见面爆头实际肯定死了。M4就能作到了，当然是要在对方有买头盔的情况下，第一枪打头是有很大纪律不会死滴，除非他本身就没多少HP。这样就能先打头再打身体弄死他了。其他枪也是如此。     穿人！只有CS年龄少的人才会说你作弊！你看后面写的说吧！穿人只要不是每枪都是穿中、穿头。除了菜鸟其他人是不会说你作弊的。对于楼主的问题我有些想说的：    说你作弊，想来想也就只有一点“对方的CS经历太少（菜鸟）”。  如果是因为你杀他 是出去就headshot那说明你的预瞄准，反应快，但没有人能把这样的状态保持很长久的。对方要是说你作弊不会你杀他一次他就会说的，对方的心里肯定是先吓一跳，然后就是看你在混战中的排名，但这些都不会导致他说你作弊，因为如果你靠后，他就会想可能是凑巧，靠前就想“这人是高手”。   多次见面就秒杀而且是针对同一个人，他说你作弊的话，就只有说你们两个人有缘了，如果他说你，你可以让他来看你的视角啊！    再说穿射，你把对方穿死，如果是菜鸟，首先是肯定的怀疑你作弊的。但是真正到OP要KICK你时，我认为是你穿死同一个的次数多，被穿中的人也多！他们才会这么说的。但是真正玩CS的人都知道，哪有那么多子弹给你去穿！每一局能去穿射3次就够多了（不包括点射的穿射。）！    在时如果遇到别人说你作弊，以本人的经验来说：第一种情况：对方说“T 1作弊！”  你就可以直接回答“作弊挖祖坟”嘛！ 很简单的别人就不会再有理由说你！第二就是  “T 1 有问题！”你可以让他来看你的视角啊！如果是公麦的话，那就理直气壮的在麦里说清楚。最好告诉他什么样的视角才会是作弊的。    现在的CS作弊器里  无非就是些知道对方位置和所用武器再带上个自动瞄准！   还有就是变态的暴力作弊器瞬间完成移动和杀人的。  后者不用想都知道是作弊，前者则是开枪时，视角超抖动。 但是使用这种作弊器，如果是拿AWP的话，就很难看出来。 要分辨是否作弊就要看他AWP开枪时视角有没有AWP后坐力那么一下抖动，如果没有抖动的话就是作弊的！      在对方没开枪时，你就可以看他的准心是瞄准哪里不动，然后在他遇到人时，和他之前瞄的地方很吻合的话也就知道是作弊了，开了作弊器的玩家都会先想知道敌人在哪个位置的，所以都会靠作弊器来看对方在哪，这样就很容易看出来他的准心变动不和常理了。        如果楼主在郁闷混战中的作弊的时话，也只有想知道你是不是经常混战？ 常去比赛的人都很清楚自己在混战F里和别人的差别和玩混战的意义在哪！所以对于别人说自己作弊只有让自己清楚自己的CS水平还是什么等级！  我想真正比赛的队员是很少有机会进混战F潇洒的。   玩CS作弊是想虐人的话，就劝告那些作弊的，不要把自己的快乐建立到别人的郁闷和痛苦之上，这样是很没素质的！！！不要玷污了CS！！！！如果楼主还想交流的话可以和我联系       E-Mail ： st_lz@ </t>
  </si>
  <si>
    <t xml:space="preserve">如何能使微波炉热出的馒头咬的动？ </t>
  </si>
  <si>
    <t>使用保鲜膜（有袋那种），尽量密封，一次数量不可过多，时间尽可能要短（保证能热透为宜）一般是两个馒头用一分钟。因微波炉功率大小有差别，具体时间可自己摸索。再就是用微波炉专用的塑料容器，也是一次放二到三个，时间1到1。5分钟为宜。</t>
  </si>
  <si>
    <t xml:space="preserve">霸王背后插了几杆旗？ </t>
  </si>
  <si>
    <t>4杆在京剧当中的武将一般都插着护背旗。护背旗是插在背后的三角形的四面旗子，又叫靠旗。旗上有用各种彩线绣的龙纹、花纹。每面旗上附有一条彩色飘带。动作时，旗子连同飘带飞扬招展，潇洒优美。但护背旗在古代战争中是没有用的。设想，如果一个人背后插着四面旗子怎么打仗?因此，护背旗只是一种装饰品，是为了渲染武将的威风，显示表演者的技巧，增加舞兵器时的动态美，是一种帮助塑造人物的一种专用工具。</t>
  </si>
  <si>
    <t xml:space="preserve">请问月经时做爱好吗？ </t>
  </si>
  <si>
    <t xml:space="preserve">赶快停止这种行为 如果在月经期间进行性生活，就会出现如下不良后果： 一是因双方兴奋，阴茎插入会使女性生殖器充血，导致月经量增多，经期延长； 二是此时性交，男性生殖器可能会把细菌带入阴道内，经血是细菌等微生物的良好培养基地，细菌极易滋生，沿子宫内膜内许多微小伤口和破裂的小血管扩散，感染子宫内膜，甚至可累及输卵管和盆腔器官，从而给女方带来不必要的麻烦； 三是月经分泌物进入男子尿道，也可能会引起尿道炎的产生； 四是经期同房，因精子在子宫内膜破损处和溢出的血细胞相遇，甚至进入血液，可诱发抗精子抗体的产生，从而导致免疫性不孕、不育症。 五是月经期间同房，由于性冲动时子宫收缩，还可将子宫内膜碎片挤入盆腔，引起子宫内膜异位症，导致不孕症的发生。 因此，为了双方的身体健康和生育健康，不论在什么情况下，经期的性交都是应该禁止的。参考资料： </t>
  </si>
  <si>
    <t xml:space="preserve">我能在本地就读外地的MBA吗？我现在在杭州，有一份相对比较稳定的 </t>
  </si>
  <si>
    <t>按理说，很多学校会在你那设置分校。一般来说还是可以的不过具体问题要具体分析，你要具体去咨询一下了。谢谢！</t>
  </si>
  <si>
    <t xml:space="preserve">为什么电脑自动关机打开的多了或打开个软件就突然关机，可开机又开不 </t>
  </si>
  <si>
    <t>显卡或CPU风扇灰尘太多……用刷子刷刷显卡风扇上的灰尘，实在不转了，就换一个。</t>
  </si>
  <si>
    <t xml:space="preserve">我登不上去号谁帮我解决下谢谢我登到选择人物那时，选择大号进去一半 </t>
  </si>
  <si>
    <t>以前出过这种问题，限制登陆可能系统在维护了．</t>
  </si>
  <si>
    <t xml:space="preserve">&lt;征途&gt;哪个职业最厉害?比如说哪个职业在PK,打怪中占优势? </t>
  </si>
  <si>
    <t>这游戏不分职业的，练的号的好坏全在于自己的加点，所以在加点的时候多注意一下就可以了。</t>
  </si>
  <si>
    <t xml:space="preserve">蜜汁烤鸡的汁怎么做。。。。。。。。。。 </t>
  </si>
  <si>
    <t>清水60克，蜜蜂2小勺，白醋调和到一起即可。希望好评。</t>
  </si>
  <si>
    <t xml:space="preserve">广汽本田与广州本田那个好 </t>
  </si>
  <si>
    <t>他们两家应该都差不多~~~</t>
  </si>
  <si>
    <t xml:space="preserve">我这样说话,真的伤害了男人的自尊了吗?认识了一个同行,知道他的收 </t>
  </si>
  <si>
    <t>对他来说，你的话是伤害不到他的。他把自己已经包裹的很严了，他喜欢现在的感觉，有些刀枪不入了。相反，对你这样与他想法格格不入的人，他真的是与你没有共同语言了，不理你也是正常的表现。</t>
  </si>
  <si>
    <t xml:space="preserve">除SO2用KMnO4或溴水，为什么 </t>
  </si>
  <si>
    <t xml:space="preserve">     因为,二氧化硫既有氧化性又有还原性.高锰酸钾具有强氧化性比二氧化硫的氧化性高.所以,除二氧化硫可以用高锰酸钾,将其氧化成正六价的硫;溴除二氧化硫和高锰酸钾一样.     但并不是除二氧化硫必须用以上二者.如二氧化碳与二氧化硫的混合气体,若除二氧化硫也可以选饱和的碳酸氢钠溶液也可以.</t>
  </si>
  <si>
    <t xml:space="preserve">请问旅游公司给客户送什么纪念品比较好？既便宜实惠又不失面子？有的 </t>
  </si>
  <si>
    <t>我们一般也都是送台历和杯子，因为比较实用，而且你送给人家后，客户也会经常用到，比较适合，比做广告效果还好，今年我们还给一些客户送了英雄钢笔＼旅行专用套装还有瑞士军刀，也很不错．</t>
  </si>
  <si>
    <t xml:space="preserve">奥特曼和超人、超人力霸王有啥区别？ </t>
  </si>
  <si>
    <t>大陆翻译：奥特曼 香港翻译：咸蛋超人 台湾翻译：超人力霸王 福建省翻译：超人 回答者：永远的迪迦 - 见习魔法师 二级 4-2 13:05 对最佳答案的评论 大陆翻译：奥特曼 香港翻译：超人 台湾翻译：超人力霸王 还什么福建省的翻译，晕死，内地都有正规译名奥特曼了。还有，香港正规译名是超人，不是什么咸蛋超人，咸蛋超人不是香港的正规译名。不知道就在那里瞎说，误人子弟 评论者： 无敌的光 - 试用期 一级 告诉你，最佳答案是错的现在只有三种翻译，大陆叫奥特曼，香港叫超人，台湾叫超人力霸王至于咸蛋超人的说法，从来就不是任何地方的翻译，只是早期一些盗版商贩和一些不知名的原因流传出来的一种叫法，最早来源于台湾福建一带，但台湾现在也已经发布声明，称超人力霸王是台湾正统翻译方法，咸蛋超人是错误说法也就是说，现在在任何地方提起咸蛋超人都是错误的说法，让我们忘记他就行了大陆翻译：奥特曼 香港翻译：咸蛋超人 台湾翻译：超人力霸王 福建省翻译：超人回答者：永远的迪迦 - 见习魔法师 二级 4-2 13:05对最佳答案的评论大陆翻译：奥特曼 香港翻译：超人 台湾翻译：超人力霸王 还什么福建省的翻译，晕死，内地都有正规译名奥特曼了。还有，香港正规译名是超人，不是什么咸蛋超人，咸蛋超人不是香港的正规译名。不知道就在那里瞎说，误人子弟评论者： 无敌的光 - 试用期 一级 告诉你，最佳答案是错的现在只有三种翻译，大陆叫奥特曼，香港叫超人，台湾叫超人力霸王至于咸蛋超人的说法，从来就不是任何地方的翻译，只是早期一些盗版商贩和一些不知名的原因流传出来的一种叫法，最早来源于台湾福建一带，但台湾现在也已经发布声明，称超人力霸王是台湾正统翻译方法，咸蛋超人是错误说法也就是说，现在在任何地方提起咸蛋超人都是错误的说法，让我们忘记他就行了。</t>
  </si>
  <si>
    <t xml:space="preserve">二手房现在有什么新政策吗？天通苑的地区指导价没有变？ </t>
  </si>
  <si>
    <t>目前好像没有啊</t>
  </si>
  <si>
    <t xml:space="preserve">以前的魔力号去那了？大概一年前的！！！！！！！！！！！ </t>
  </si>
  <si>
    <t>帐号要从WX转到SE才能进行游戏。具体转号如下：1。先去易玩通网站（ )申请通行证，然后登入2。要是有以前WX填写的身份证号就能用游戏帐号管理中的游戏帐号转换直接就能把号转过来3。要是不知道身份证的话，可以填写特殊帐号转换单来进行转号。4。特殊帐号转换是采用系统自动审核，只要把一些重点信息（如：WX网站密码，密码保护答案等）填好，通过系统审核后就能转过来。现在只要知道WX网站密码和帐号就能转了。注：1。1个通行证下最多能有32个魔力号，以后进入游戏的帐号就是通行证号。2。要是申请特殊转号失败了可以重新申请个通行怔再次进行特殊转号。</t>
  </si>
  <si>
    <t xml:space="preserve">EXCEL函数的使用 </t>
  </si>
  <si>
    <t>B10输入 =SUMIF(A2:A9,"钢笔",B2:B9)sumif的用法是，sumif(条件所在的范围，条件，求和的范围）</t>
  </si>
  <si>
    <t xml:space="preserve">问个关于内存和显卡的问题我听说内存和显卡配置太低都会影响程序的运 </t>
  </si>
  <si>
    <t>内存是内存储器她的大小直接影响着机子的运算速度当然内存越大机子的运算速度也就越快了而显卡则跟你显象的效果有关就是你画面的好坏和快慢了如果你的显卡越好当然你玩什么3D游戏就越爽了总之我觉得着直接可以从它的名字中找出区分、这只是我的一点意见而已</t>
  </si>
  <si>
    <t xml:space="preserve">中医治疗输卵管堵塞怎么样？输卵管堵塞怎么治？ </t>
  </si>
  <si>
    <t>你好，中医治疗输卵管堵塞只能起到一定的调节作用，不能进行彻底的治疗，要治疗输卵管堵塞最好是采用国际最先进的输卵管镜、宫腔镜、腹腔镜三镜联合技术直接作用于病变部位疏通生殖通道，这项技术无痛苦、恢复快、受孕率高。指导建议：您到不孕不育专科医院详细检查，明确诊断，对症治疗，不要错过治疗的最佳时间。目前治疗输卵管堵塞的方法有很多，包括中药治疗、物理治疗、手术治疗等，治疗输卵管堵塞首先要选择适合自己的治疗方法，建议您到不孕不育专科医院做检查，找到病因对症治疗。一般治疗输卵管堵塞最好的方法是做微创手术，三镜一丝微创手术联合运用输卵管镜、宫腔镜与腹腔镜"三镜"和COOK导丝系统"一丝"，一次性有效介入疏通堵塞部位，术后三个月怀孕率高。</t>
  </si>
  <si>
    <t>好久没来现在各路大师真多啊</t>
  </si>
  <si>
    <t xml:space="preserve">今年我也要中大奖 </t>
  </si>
  <si>
    <t xml:space="preserve">会阴侧切的问题会阴侧切后的伤口应该如何护理？请有经验的妈妈谈谈！ </t>
  </si>
  <si>
    <t xml:space="preserve">很多妈妈都认为，侧切还可以忍受，但手术后的1--2个星期是最难熬的。当然吃止痛片是最直接的止痛办法，不过你也可以采取一些物理疗法让伤口尽快地恢复：　　1. 如厕后冲洗：妇女生产完，大小便之后都应该用水冲洗会阴，如同用卫生纸擦拭一般，要由前往后冲洗，才能避免细菌感染。 　　2. 保持伤口干燥：如厕、洗完澡后，用面纸轻拍会阴部，保持伤口的干燥与清洁。 　　3.切忌用力：不要用力解便，以避免缝补的伤口再裂开。　　4.勿提重物：产后1个月内，不要提举重物，也不要做任何耗费体力的家事和。　　5.避免性行为：产后6周内，应该避免性行为的发生。　　6.肿痛可用优典：裂伤较严重且伤口肿痛者，可以在水中加入优碘坐浴，或用烤灯加快复原速度。(优碘可以杀菌，温水和烤灯则以高温促进血液循环)　　在伤口恢复的过程中，还有一些注意事项：　　拆线前，每天应该冲洗两次伤口，大便后也要冲洗1次，避免排泄物污染伤口；拆线后，如恶露还没有干净，仍然应该坚持每天用温开水冲洗外阴两次。同时，保持大便通畅，以免伤口裂开。排便时，最好采用坐式，并尽量缩短时间。另外，拆线后伤口内部尚不牢固，最好不要过多地运动，也不宜做幅度较大的动作。　　饮食：　　1.多摄取高纤食物，以避免便秘。如果妇女产后便秘，在解便时太过用力容易造成伤口再度裂伤。　　2.养成规律的排便习惯。　　3.多补充水分，每天喝足2000cc。　　另外，如果伤口出现下面的几种情况，应该及时告诉医生，请她来处理：　　*伤口血肿：缝合后1--2小时刀口部位出现严重疼痛，而且越来越重，甚至出现肛门坠胀感。　　*伤口感染：产后2--3天，伤口局部出现红、肿、热、痛等症状，有时伴有硬结，挤压时有脓性分泌物。　　*伤口拆线后裂开：有个别产妇在拆线后会发生伤口裂开，此时如已经出院，应立即去医院检查处理。  </t>
  </si>
  <si>
    <t xml:space="preserve">红米手机内存不够，sd卡还有很大空间求高手解 </t>
  </si>
  <si>
    <t>下面那个指的是系统运行内存，你装的软件太多了，运存满了，手机会很卡的，删除一些无用的吧，有用给好评 谢谢。</t>
  </si>
  <si>
    <t xml:space="preserve">我的电脑显示请个大高手帮忙,就是移动一个筐的时候就从上面闪下来, </t>
  </si>
  <si>
    <t>显卡驱动没有安装或者驱动文件损坏，安装一下显卡驱动就可以了！</t>
  </si>
  <si>
    <t xml:space="preserve">新版本里面多了哪些东西~~~哪位大虾告诉我下我没玩过想知道里面增 </t>
  </si>
  <si>
    <t>什么都没有，除了2张新地图什么狗屁新音乐，根本没有，道具一样也没有进球的方式增加了过人比老版本快反正一个字----非常失望！！</t>
  </si>
  <si>
    <t xml:space="preserve">鲁泰A是否还可持有?我19.00进的,不知怎么办好,是否还可持有 </t>
  </si>
  <si>
    <t>调整继续，适时离场</t>
  </si>
  <si>
    <t xml:space="preserve">我们学习的课桌面，两条长边互相什么？一条长边和一条短边互相什么？ </t>
  </si>
  <si>
    <t>；两条长边互相平行，一短一长互相垂直</t>
  </si>
  <si>
    <t xml:space="preserve">请问谁知道北京的哪家药房买脱脂LPA美容片~~我找了北京好多家药? </t>
  </si>
  <si>
    <t>这个药好像是我上一年想买的减肥药，但没买的因为我从网上查的，这个药不好建议还是不要买了药店都没卖的了，只能说明这个不好。</t>
  </si>
  <si>
    <t xml:space="preserve">求导演王岳伦的个人资料及图片~~ </t>
  </si>
  <si>
    <t>【基本资料】原名：王岳伦 性别：男地区：中国内地 血型：A职业：导演：未知身高：未知体重：未知婚姻状况：未知学历：未知所属唱片公司：未知【其他资料】70年代生人，毕业于中央美术学院和北京电影学院，曾赴美进修摄影，导演了诸多音乐电视和广告。例如王菲的《新房客》、《寒武纪》，郑钧的《1/3理想》，以及许如芸的饼干广告等。王岳伦是国内著名MTV导演,为郑钧拍摄的《1/3理想》,在MTV音乐电视网于纽约举办的年度音乐录影带大奖赛VMA(VideoMusicAward)中获得中国内地最受欢迎MV导演奖新晋mv导演王岳伦简介坐在三里屯一家刚刚开业的酒吧里等王岳伦。店主是他的朋友，客气而又生疏地与我打招呼，并为我冲泡了这个午后漫长等待的第一杯茶。而我，则在翻阅桌上的杂志时，看到了封面上王岳伦精致的五官，时尚的穿着和关于他的几十个字的简介：70年代生人，毕业于中央美术学院和北京电影学院，曾赴美进修摄影，导演了诸多音乐电视和广告。例如王菲的《新房客》、《寒武纪》，郑钧的《1/3理想》，以及许如芸的饼干广告等。 5点半，第五杯茶。 距离约定的时间一个小时后，王岳伦终于推开了酒吧沉重的铁门。而我正在喝着第五杯茶。他轻描淡写地向我和摄影师道歉，因为送他来的朋友的车坏了。我笑着问他“你最不能容忍别人的缺点是什么？”他不好意思地笑了“迟到。真的对不起。”这一次他的歉意好像稍微真诚了些。 和刚才在杂志上看到的不同，王岳伦戴了一副眼镜，不过这副眼镜与其说给他带来了学者的斯文气质，倒不如说给他平添了几许明星的味道。王岳伦的确很年轻，很帅，让人一眼看去，更像是在镜头前讨生活的人。 第六杯茶，第一根烟。王岳伦的照片，mv导演王岳伦图片 王岳伦按照摄影师的要求对自己的姿势进行着微妙的变动，他的手机不断在旁边的桌子上响起，他无动于衷:“没事，先工作。” 在灯光的明灭中他像电影闪白中一个遥远模糊的影子，隔着他额前的发丝，隔着他200度的眼镜，隔着我们俩之间不足三米的空间以及无法丈量的时间距离，我无法看清他的眼睛，也无法知道此时此刻他在想些什么，更无从知道他的认真是出于敬业还是仅仅想给我这个采访者做秀。 休息的时侯，王岳伦把头靠在走廊的墙上，一口一口地吸着烟，疲惫，厌倦，但是又充满渴望。我问他：“你拍音乐电视和广告都是做导演指挥别人，现在被人指挥会不会不习惯，会不会有忍不住想表达自己想法的冲动？”“没有，角色不同。我要尊重自己现在的角色，同时也要尊重别人的角色。我以前也做过平面模特，对在镜头前的工作应该说是比较适应。” 酒吧门开了，进来一位美女，是王岳伦的一个朋友，被他邀来为拍照做背景模特。昏暗中，她伸展她年轻美好的身体，而他在她的陪衬下所拍的每一张照片仿佛又有了新的诠释。 酒吧里的人开始多起来了，夜晚已经开始了。 因为是周末，王岳伦答应了和父母一起共进晚餐。于是我们在他的歉声中只好走进夜色寻找可以消磨一个小时的去处。关于我们一小时后在他家碰面的约定，我和摄影师倒是达成了共识：他肯定会迟到。果然，在约定的时间，他打来电话说要晚一点。我和摄影师不禁相视一笑。致命的完美主义者 王岳伦家里的凌乱在我的意料之中，有一点像刚遭了劫。茶几上堆满了书和影碟，佐证着它们的主人刚刚告诉我们的业余爱好：只是看看书和光盘，听听音乐，找朋友聊聊天而已。 “你不知道，我曾经多么的外向，但是现在话变得越来越少了，也许是认识到了言多必失吧，也许是意识到了成熟的男人不要那么容易被人看透。不过女人则相反，越透明越好。” 因为到了家的缘故吗？ 王岳伦好像不再那么谨慎和吝啬他的用词了。 “我觉得女人好像是不同牌子的酒，各有各的好，也各有各的味道，每一种都值得品尝。”这样放肆的话其实何尝不是每个男人心中所想呢，只不过不是每个人都有胆量说出来罢了。而我们也并没有因此就把王岳伦理解成登徒子。此时此刻，我更愿意相信面前的这个人只是更接近男人的本性，更真实，同时也更危险而已。 “社会是个在高速转动着的大机器，大多数人都在随之转动，只有少数人可以在机器外自由、独立、真诚和创造性地生活着。其实机器中也有一部分很有创造性的人，只是他们在某些欲望面前迷失了自我。”我不知道王岳伦把自己列入了这三者中的哪一个，但我知道天秤座的他是一个完美主义者。 生活，事业，爱情，王岳伦总在力求平衡，可是因为他内心的砝码总是在变化，所以平衡就只能是个理想而已。当平衡真的来临时，他又无法控制自己不去打破它。其实人生的乐趣全在追求平衡之中，王岳伦更像一个悲情战士，宁愿留给自己悲观抱怨的余地，也许，这个余地就是王岳伦创作产生灵感的那片土壤。 这是星座书上对他这一类人的注释。有几分准确几分演义呢？ 王岳伦翻出一卷带子，和我们一起重温他自己的作品。我发现他极其钟爱古朴的色调，他的作品里，无一例外地充斥着怀旧的情绪。“我是一个怀旧的人，我喜欢古代，尤其是宋朝那种才子佳人，文风鼎盛，悠悠然的生活状态。当然，那是种特定年代下的文人生活，对于我们而言，它似乎和现实隔着一段距离。” 完美主义的王岳伦为了生活也要常常做一些并不完美的事情，比如拍他并不喜欢的主旋律歌曲的音乐电视，拍他不得不放弃自己的构想，迁就商家的广告。【导演影片】《十全九美》《人人都说我爱你》</t>
  </si>
  <si>
    <t xml:space="preserve">个体户月收入证明我是１个个体户，最近和他人打官司，需要提供月收入 </t>
  </si>
  <si>
    <t>以你说的情况帐目不全，恐怕确实是不能证明实际收入损失了。可以参照当地的平均收入。你可以到当地统计部门查找，看统计部门是否有细则，如果有个体户的平均收入，可以用此标准。如果没有，肯定有当地平均工资数额。可以按当地职工平均工资或农民纯收入计算。。</t>
  </si>
  <si>
    <t xml:space="preserve">两个多月的宝宝能不能坐我家宝宝喜欢叫人抱着坐在大人身上，那样她就 </t>
  </si>
  <si>
    <t>不能让宝宝独立坐，不能让他用力，宝宝太小，脊柱和颈椎正在发育，坐早了会有影响的</t>
  </si>
  <si>
    <t xml:space="preserve">喝红酒的问题我现在想喝红酒,可是不知道喝红酒有些什么讲究没有?知 </t>
  </si>
  <si>
    <t>日常饮用时也不用那麽考较. 我的习惯是留意下述几点.1. 气氛-不要太嘈杂.最理想是三两好友,分享趣.2. 器皿-水晶红酒杯(波尔多350ml),不用太大.白酒杯则较小(避免没有喝完而酒温回升).3. 五年以下的酒,只须拔掉瓶塞後,透气15-30分钟.4. 食物-红酒配红肉,白酒配海鲜.必须紧记.否则影响酒味或食物的口感.如进食野味或红烧肉类,可选较浓的红酒,如西斑牙的"牛血",意大利的"巴鲁奴"5. 白酒要预先冰镇(chilling),饮用时,弄个冰桶,以便一直保持较低酒温10-12度C. 6. 红酒的理想温度是20度C(欧洲的室温). 天气太热, 如我国夏季寸, 则可先略冷却, 目的是饮用时是回升至20度C. 记住红酒基本不用冷藏.也有例外,每年十一月尾上市的布根地(Burgundy)当年新酒(忘记了产地酒名)必须冷冻.最後,不要添加话梅,可乐,七喜.几乎所有全球红酒爱好者皆痛绝.亦在外国人面前,贻笑大方.喝酒加话梅的习惯是由台湾同胞开始. 他们只是喝绍酒时加话梅. 大部份台胞对红酒有很深认识. 他们出版了过千本有关红酒和各种洋酒的书籍.</t>
  </si>
  <si>
    <t xml:space="preserve">梦中梦中梦我梦见我在家里客厅睡觉，醒来周围很暗，突然听到过世的爸 </t>
  </si>
  <si>
    <t xml:space="preserve">一般梦中的亲人说话的很少，这也就单单表示你潜意识中的思恋，如果跟做梦者对话，则对话内容也常常是做梦者自己内心希望他人给出的暗示。只要梦境是和谐快乐的，就是吉祥之梦，表示你打算忘记一些不快的往事，并准备从失意中再站起来。 </t>
  </si>
  <si>
    <t xml:space="preserve">老师您好，周末奥巴马访华，周五是不是应该介入新能源板块，如杉杉股? </t>
  </si>
  <si>
    <t>可以的,最好等等收盘前再介入.可否把代码与股票名称都写在标题内,方便调皮?ふ易柿?</t>
  </si>
  <si>
    <t xml:space="preserve">SS练级天赋到底怎么加同上 </t>
  </si>
  <si>
    <t>主毁灭，副恶魔把？？好像是</t>
  </si>
  <si>
    <t xml:space="preserve">萨雷斯赫罗纳11111111111111111111111 </t>
  </si>
  <si>
    <t>可博  3  主胜</t>
  </si>
  <si>
    <t xml:space="preserve">宝宝积食怎么办我的宝宝3个多月了(吃奶粉),以前总是4个小时吃一 </t>
  </si>
  <si>
    <t>不知道你的宝宝现在多大了？可以给宝宝吃点小儿化食丸，乳酶生片，把药化开用勺喂宝宝就可以了。如果稍大点可以吃山楂片，让宝宝多运动。用手帮助宝宝抚摸胃和小肚肚，从上到下，每天三次，也可以帮助宝宝消化。</t>
  </si>
  <si>
    <t xml:space="preserve">博客文章里的图片插入格式怎么设置?比如在word文档里,可以将图? </t>
  </si>
  <si>
    <t xml:space="preserve">文字放置在图片周围的方法制作方法如下： 1. 进入发表文章窗口；（想要作背景的图片网络地址应该先前就知道，否则文章做一半         又得去找图，多烦！）2. 勾选“显示源代码”---至关重要!3. 在编辑栏内添加下列代码:&lt;table width="450" border="0"&gt;&lt;tr&gt;&lt;td height="562" background="图片网址"&gt;&lt;/td&gt;&lt;/tr&gt;&lt;/table&gt;4. 取消“显示源代码”的选择，你就会在编辑栏看到图片，而且光标也在图片之上（可能光标的首行不在图片的顶端，不过没有关系，尽管从光标的首行可是您的写作就行了，文字会自动顶到图片的顶端）；5. 写文章与没有图片一样，完了点击“发表文章”就行了。（ZT 红狼）我的BLOG：  </t>
  </si>
  <si>
    <t xml:space="preserve">还来得及吗今天29号了帐号还有没有啊 </t>
  </si>
  <si>
    <t>[一] 够500积分才可以 不过你的爱问号必须注册超过一个月才可 以 换号！[二] 据说9月1日上午官方网站会有发放值得关注！[三] 在就是够买了，淘宝网上有卖的。不过风险性高！呵呵！[四] QQ拍拍上面也有，可以用Q币够买！[五] 官方最近会搞很多活动！你注意也许就会好运！祝愿你早日获得内测帐号，呵呵 ，加油吧！</t>
  </si>
  <si>
    <t xml:space="preserve">装备升级问题我有好几颗升级宝石,也不知该怎么用,我现在39级,是 </t>
  </si>
  <si>
    <t>最好是卖了，40以后都用精致的宝石了</t>
  </si>
  <si>
    <t xml:space="preserve">除了黄果树瀑布外，贵州还有什么好玩的地方？ </t>
  </si>
  <si>
    <t>你可以去镇远感受一下，镇远是多民族的聚集地，像侗族苗族都在当地居住。自秦昭王30年设县开始，至今已有2280多年的置县历史，其中1300多年作为府、道、专署所在地，1986年被国务院批准为中国历史文化名城。在两千多年的历史长河中，使镇远积淀了悠久厚重的历史文化、众多瑰丽的文物古迹和绚丽多姿的民族文化。现已形成了五张国家级旅游品牌，即中国历史文化名城--镇远、国家级风景名胜区氵舞阳河、国家级重点文物保护单位青龙洞古建筑群、日本在华反战同盟"和平村"旧址、全国农业旅游示范点铁溪景区，另外还有省级风景名胜区高挂河，以及保持明清风貌的古民居、古巷道、古码头等省、县级文物古迹160余处。城内舞阳河自西向东呈"S"型蜿蜒贯通全城，形成了"九山抱一水，一水分两城"、山水城浑然一体、天人合一的独特的太极图古城风貌，被中外游客誉为"东方威尼斯"。我在镇远住过一段时间，那里给人的感觉就是从容自在。没有忙碌的工作和复杂的人际关系，是个休闲度假的好去处，尤其是晚上的美景让人有留恋往返的感觉。</t>
  </si>
  <si>
    <t xml:space="preserve">119期小单14请批批，118期R9就这样死了心不甘哦01阿森纳 </t>
  </si>
  <si>
    <t>01 (03) 12-04 23:00 富勒姆(17) --3002 伯明翰(14) 12-04 23:00 热　刺(05)---1 3 03 布莱克(13) 12-04 23:00 狼　队(19)---3 0 04 切尔西(02) 12-04 23:00 埃弗顿(16) 3 05 曼　城(04) 12-04 23:00 博尔顿(06)---3 06 维　冈(18) 12-04 23:00 斯托克(08)---3 1 07 布莱浦(11) 12-05 01:30 曼　联(01) 0 08 法兰克(09) 12-04 22:30 美因兹(02) 1 09 弗赖堡(08) 12-04 22:30 汉　堡(07)---0 3 10 斯图加(17) 12-04 22:30 霍芬海(06)---3 11 沃尔夫(13) 12-04 22:30 不来梅(11)---0 12 沙尔克(15) 12-05 01:30 拜　仁(05)---10 13 奥萨苏(12) 12-05 03:00 巴　萨(02)0 14 皇　马(01) 12-05 05:00 瓦伦西(05 3 博不是这样博过头吧？思路需要调整，呵呵，祝你早日中奖！</t>
  </si>
  <si>
    <t xml:space="preserve">属性点问题人物升级后有没有属性点要加，我的力量等属性怎么一直是一 </t>
  </si>
  <si>
    <t>这个游戏不需要加点 觉醒后可以多出1点让你加 这游戏的1点影响是很大的</t>
  </si>
  <si>
    <t xml:space="preserve">一定要用洗面奶吗？我是油性皮肤，可每次用了以后感觉都不是很好，所 </t>
  </si>
  <si>
    <t>向你推荐旁氏的海藻洗颜泥，特别针对油性皮肤，这个季节用刚刚好，洗得很干净。</t>
  </si>
  <si>
    <t xml:space="preserve">网络恋爱就一定没戏吗？比较想了解一下。。 </t>
  </si>
  <si>
    <t>不一定阿关键是看仅仅局限在网络里还是想延伸到现实中~~~~我和男朋友就是网络认识的,但他非常在意 将我介绍到他的现实生活中来如果一个男人想把你保留着那就值得怀疑他 的所谓真心</t>
  </si>
  <si>
    <t xml:space="preserve">600676交运股份现在是否可介入? </t>
  </si>
  <si>
    <t>可以介入</t>
  </si>
  <si>
    <t xml:space="preserve">急，请發現者老师进来！帮帮忙，看看“命” </t>
  </si>
  <si>
    <t>已经算过，查看！再见</t>
  </si>
  <si>
    <t xml:space="preserve">跆拳道训练中的九种基本腿法分别是哪些？ </t>
  </si>
  <si>
    <t>要那么复杂干嘛……1、前踢2、横踢3、下劈4、侧踢5、推踢6、后踢7、旋风踢8、勾踢（也叫前摆）9、后摆（也叫回旋踢）其实什么9大基本腿法的说法我也不清楚，但是我归纳了一下应该也就是指这几种了。至于腾空腿法那是表演腿法，也叫特技；连踢那是基本腿法往技术性方向发展的了。</t>
  </si>
  <si>
    <t xml:space="preserve">05039期胜负彩初盘参考...05039期胜负彩初盘参考：修正 </t>
  </si>
  <si>
    <t>你自己的开的盘？？？你觉得这样有意思吗！！！无聊没事做啊！！！</t>
  </si>
  <si>
    <t xml:space="preserve">600100怎么了，谁能告诉我答案？ </t>
  </si>
  <si>
    <t>600100同方正常调整，不用慌，还会涨的，耐心持有</t>
  </si>
  <si>
    <t xml:space="preserve">为什么我的问题被撤消了？怎么把我问题撤消了？ </t>
  </si>
  <si>
    <t>悄悄告诉你哦:"这里一样不能说真话的!"你可以问，可爱的完美世界...你们太好了。为了让我不沉迷游戏，你们的GM不齿辛苦把我号都盗光了。..我是真的太感谢你们啦....哈哈,估计这么说就不会被撤消了</t>
  </si>
  <si>
    <t xml:space="preserve">为什么我今天没有斗地主的发牌声音? </t>
  </si>
  <si>
    <t>楼主是光斗地主没有声音还是都没有声音呢？如果是斗地主，那就重新下载如果是电脑，请检查声卡的工作状态重启电脑，如果还是Sounds文件出错那就点击开始--所有程序--附件--系统工具--系统还原还原到机器正常的一个较早时间祝您游戏愉快o(∩_∩)o...</t>
  </si>
  <si>
    <t xml:space="preserve">能把照片扫描后打印的扫描仪需要多高的分辨率才能保证不失真？市场上 </t>
  </si>
  <si>
    <t>保证不失真？恐怕那要价值几十万的专业排版用扫描仪了。不过如果达到日常生活用的保真水平。选用2000以上的分辨率和普通喷墨照片打印机就可以了。目前家用扫描仪和家用喷墨照片打印机都能胜任，两样加在一起的价格一千多元。例如扫描仪选用紫光的比较好，打印机选用爱普生和佳能的比较好。</t>
  </si>
  <si>
    <t xml:space="preserve">我是一个单亲妈妈嘛，孩子有点孤僻，加上工作比较忙，又想抽时间陪陪? </t>
  </si>
  <si>
    <t>这个问题是值得重视的，现在单亲家庭的问题孩子越来越多，哪个母亲不为自己的子女 考虑了，我表姐也曾经碰到 过同样的问题，她在武汉，找了一个比较不错的婴幼儿商场，教育啊、玩耍啊，什么都有，现在他们母子感情很好，并不像个单亲孩子一样。不过现在长沙也有了这样的商场，就在东塘那儿，叫做香港婴童美，即将开业了，那儿集购物、休闲、教肓、娱乐为一体的孕婴童连锁商城，孩子既能跟你关系融洽，也能学好，教育好，何乐而不为了？</t>
  </si>
  <si>
    <t xml:space="preserve">1核反应堆的分类2什么叫轻水反应堆，那有重水反应堆吗？ </t>
  </si>
  <si>
    <t>　　反应堆是指能够在受控下(所以不会发生弹那样爆炸)持续进行核裂变链式(连锁)反应的装置。所以把它叫做“堆”，是因为世界上第一个核反应堆是用石墨块(用以控制反应速度)和金属铀块(反应燃料)一层一层交替地“堆”起来而构成的。后来，其他不用石墨的核反应装置，仍沿用这种叫法。　　如果中子速度快，则使铀-235发生裂变的机会就小了，所以要用减速材料放在燃料棒四周，使中子速度减慢以有助于使铀-235发生裂变。减速后的中子能量最后都变为热能，为了把它运到外部，需要使用冷却材料。把含有硼等吸收中子物质的控制棒放在堆芯中，当它插入燃料中时，产生的中子数量达不到临界值，裂变无法连续进行下去。当控制棒拔起来时，中子数目加多，通过连销反应，铀的裂变便可连续进行下去。这种速度变慢的中子称为热中子，现在的反应堆几乎都利用热中子，因此慢化剂是反应堆不可缺少的组成部分。　　用轻水作为慢化剂和冷却剂的核反应堆被称为轻水反应堆，包括沸腾水堆和加压水堆。轻水也就是一般的水，广泛地被用于反应堆的慢化剂和冷却剂。与重水相比，轻水有廉价的长处，此外其减速效率也很高。沸腾水堆的特点是将水蒸汽不经过热交换器直接送到气轮机，从而防止了热效率的降低。加压水堆则用高压抑制沸腾，对轻水一般加100至160个大气压，从而热交换器把一次冷却系(取出堆芯产生的热)和二次冷却系(发生送往蜗轮机的蒸汽)完全隔离开来。　　由于水的慢化能力及载热能力都好，所以用水作慢化剂和冷却剂的轻水堆，结构紧凑，堆芯体积小，堆芯的功率密度大。因此体积相同时，轻水堆功率最高(或者在相同功率下，轻水堆比其他堆的体积小)。这是轻水堆的主要优点，也是轻水堆的基建费用低，建设周期短的主要原因。　　轻水的主要缺点有二个：第一，沸点低。在一个大气压下，水在100℃沸腾。为了提高从反应堆出来的冷却水的温度，即出口水温，以提高效率，就必须提高压力。为了提高压力，就要有承受高压的压力壳。第二，轻水吸收热中子的几率比重水和石墨大，所以轻水慢化的反应堆无法以天然铀维持链式反应。因此轻水堆要求将天然铀浓缩到十八亿年前的水平，即浓缩度3%左右。　　用重水即氧化氘(D2O)作为慢化剂的核反应堆被称为重水反应堆，或简称为重水堆。慢化剂与中子碰撞后，使中子被吸收(亦即减少中子的数量)的话，便失去了意义。重水具有中子吸收截面小而慢化性能好的特点，所以重水是非常优异的慢化剂，它与石墨并列是最常用的慢化剂。重水堆是惟一可以利用天然铀作燃料的商用核电反应堆。除了天然铀以外，重水堆也可以高效利用其他多种核燃料，包括低浓铀、铀钚混合燃料、压水堆乏燃料、铀或钚驱动的钍燃料等。</t>
  </si>
  <si>
    <t xml:space="preserve">为什么玩不了海盗王呀?帐号可以进去,可以选择人物,但是我选择了我 </t>
  </si>
  <si>
    <t>重新下载一下试试!</t>
  </si>
  <si>
    <t xml:space="preserve">小明正在吹电扇,为什么还是满头大汗？ </t>
  </si>
  <si>
    <t>哈哈!他在吹电扇呀,累的?h!</t>
  </si>
  <si>
    <t xml:space="preserve">想买有归属地的手机哪款好？我想买一款带号码归属地的手机，请朋友们 </t>
  </si>
  <si>
    <t>买智能机吧。一般带归属地的手机不能更新号码的信息，智能机下载软件就能实现。像柳丁来电，360手机卫士。建议你到京东商城看看。</t>
  </si>
  <si>
    <t xml:space="preserve">什么叫虚拟内存？有时开机会出现一个气球，提示虚拟内存不足，计算机 </t>
  </si>
  <si>
    <t>虚拟内存就是在硬盘上面用一部分空间来模拟内存。。当然性能没有内存好了。。虚拟内存不足可能你C盘的空间不够了吧。。你可以把虚拟内存移到其他的盘里面具体操作我的电脑 点右键--属性--高级---性能边上有个设置--高级--最下面有个虚拟内存--更改--在这里设置的。。 具体你自己研究下 应该会搞的。。</t>
  </si>
  <si>
    <t xml:space="preserve">问题很严重II??问题真的很严重吗?只要看看股市中谁和谁在斗就清 </t>
  </si>
  <si>
    <t>先知先觉资金(机构)永远是战无不胜的,这就是内部消息永远赚钱.现在是机构搏弈，表面上看公共资金（如基金，证券商等）战胜不了私募资金(证券商已经倒下了,基金也差不多),里面有没有不可告人的内幕交易也难说了,问题就怕银行基金会不会出问题,到时央行也拿不钱来了,更不要谈赚QFII的钱了.....</t>
  </si>
  <si>
    <t xml:space="preserve">人如何做到持之以恒？ </t>
  </si>
  <si>
    <t>信念。有信念的人就可以做到持之以恒。没信念，就变成了负担。</t>
  </si>
  <si>
    <t xml:space="preserve">潍坊瑶芳祛痘怎么样？效果好不好？ </t>
  </si>
  <si>
    <t>我是在潍坊瑶芳祛痘治的，价格不是很便宜，不过我痘痘确实治好了，治好几个月了也没有复发。而且当初治的时候签了协议，她们承诺不复发的。</t>
  </si>
  <si>
    <t xml:space="preserve">有什么好英语学习电台 </t>
  </si>
  <si>
    <t>voa</t>
  </si>
  <si>
    <t xml:space="preserve">跳线是什么意思在主板上启什么作用? </t>
  </si>
  <si>
    <t>跳线定义：一种两端（通常）带有插头的电缆附件。用于交叉连接。跳线（英文Jumper）是控制线路板上电流流动的小开关。它的作用是调整设备上不同电信号的通断关系，并以此调节设备的工作状态，如确定电压、驱动器的主从关系等。跳线基本上由两个部分组成，一部分是固定在主板、硬盘等设备上的，由两根或两根以上金属跳针组成；另一部分是跳线帽），这是一个可以活动的部件，外层是绝缘塑料，内层是导电材料，可以插在跳线针上面，将两根跳线针连接起来。　　当跳线帽扣在两根跳线针上时是接通状态，有电流通过，我们称之为ON；反之不扣上跳线帽时，就说明是断开的，称之为OFF。下面我们来看看，都有哪些地方有跳线？　　小提示：调整跳线非常重要，如果跳错了，轻则死机，严重的甚至会烧毁整个设备，所以在调整跳线时一定要仔细阅读说明书，核对跳线名称、跳线柱编号和通断关系。 　　主板上最常见的跳线主要有两种，一种是只有两根针。这种两针的跳线最简单，只有两种状态，ON或OFF。　　另一种是三根针，这种三针的跳线可以有三种状态：1和2之间短接、2和3之间短接和全部开路。　　CMOS跳线　　CMOS跳线大都在主板电池附近。它的设置比较简单，只有两种方式：NORMAL和CLEAR CMOS（一般在CMOS跳线附近会有跳线的说明）。当设置为1-2（短接）时，为正常状态；当设置为2-3（短接）时，为清除CMOS设置，可以用来清除CMOS密码、开机密码等。　　硬盘跳线　　一般来说，硬盘出厂时默认的设置是作为主盘，当只安装一个硬盘时是不需要改动的；但当安装多个硬盘时，就需要对硬盘跳线重新设置了。硬盘上的跳线比较简单，其跳线位置多在硬盘后面数据线接口和电源线接口之间。　　在硬盘表面还有关于跳线设置的说明，以希捷硬盘为例，主要有四种设置方式：“Master or Single drive”（表示设置硬盘为主盘或该通道上只单独连接一个硬盘，即该硬盘独占一个IDE通道，这个通道上不能有从盘）、“Drive is Slave”（表示当前硬盘为从盘）、“Master with a non-ATA compatible slave”（表示存在一个主盘，而从盘是不与ATA接口硬盘兼容的硬盘，这包括老式的不支持DMA33的硬盘或SCSI接口硬盘）、“Cable Select”（使用数据线选择硬盘主从，此方式利用经过特殊处理的数据线来设定主盘和从盘，第28根数据线为选择线，有则为主盘，无则为从盘。真正支持这种功能的数据线，市场很少见到）。  　小提示：硬盘跳线还没有统一的标准，不同品牌的硬盘，跳线的设置方法可能会有所不同。通常我们都可以在硬盘的线路板上、硬盘正面或IDE接口旁边上找到跳线说明图示。　　光驱跳线　　光驱在出厂后默认被设为从盘。光驱跳线与硬盘跳线很类似，其跳线位置多在光驱后面，数据线接口和电源线接口之间。一般只有Master（主盘）、Slave（从盘）、Cable Select（线缆选择）三种，很少有其他情况，各个品牌的光驱几乎都是这样，相对来说很规范，使得设置比较简单。通常我们可以在IDE接口上部找到跳线说明图示。 　　小提示：如果光驱和硬盘共用一根IDE数据线，光驱跳线通常选择为Slave，硬盘则设为Master。如果光驱是独立连接的IDE线，则可以大大方方地跳成Master。</t>
  </si>
  <si>
    <t xml:space="preserve">忘记歌名有一段?是這麽唱：?何要在一起`?我?凵夏鉦至少不必自己 </t>
  </si>
  <si>
    <t>是“何必要在一起，让我爱上你，至少自己过得不必太压抑”吗？张杰的《何必在一起》。</t>
  </si>
  <si>
    <t xml:space="preserve">生态演替中的初级、次级、顶级？ </t>
  </si>
  <si>
    <t>初级演替是指在一个原来没有群落的地方演化出群落，如孤岛上演化出群落。次级替演是指在原来有群落的地方又演化出新的群落，如焚烧后的耕田上又有新的群落产生。顶级嘛，恕我才浅，不清楚…………可能演化出是最高级的生物群落吧？</t>
  </si>
  <si>
    <t xml:space="preserve">爱情为什么造成这么多痛苦?我经常会来这里看看。很多朋友都是因为不 </t>
  </si>
  <si>
    <t>痛苦是暂时的。人们都是向往美好生活的。为了幸福美好的生活。暂时的痛苦算什么。我已经结婚五年了。结婚前也有很多次恋爱。有的也很痛苦。可是现在我过得很好。尤其在有了儿子之后。我才知道什么是真实而幸福的生活。上有父母的呵护，下有儿子需要呵护，关键自己还不是一个人，是二个人共同面对这所有的所有。挺好的。祝你快乐。不管来不来这里，都要快乐。</t>
  </si>
  <si>
    <t xml:space="preserve">002028思源电气,002133广宇集团.后市怎么看?谢谢!!? </t>
  </si>
  <si>
    <t>002028思源电气弱势整理，下探空间不大，继续持有；002133广宇集团持股待涨。</t>
  </si>
  <si>
    <t xml:space="preserve">我几日没来，这里是不是冷清了捏..？是不是啊..要说实话哦..哇 </t>
  </si>
  <si>
    <t>你没来就像少了个人似的.如果我再不来那情况就更不一样了.好像少两个人似的</t>
  </si>
  <si>
    <t xml:space="preserve">解方程一道解方程：X=一重根号下1+二重根号1+三重根号下（1+ </t>
  </si>
  <si>
    <t>解方程：X=一重根号下1+二重根号1+三重根号下（1+X）即，解方程：x=√{1+√[1+√(1+x)]}………………………（1）很明显，方程的右边是一个平方根式，所以：x＞0方程两边平方得到：x^2=1+√[1+√(1+x)]上式右边的√[1+√(1+x)]与(1)式比较，可以近似看做=x则：x^2=1+x所以：x^2-x-1=0解得：x=(1+√5)/2（其中，x=(1-√5)/2＜0，舍去）类似的题目还有：解方程：x=1+{1/[1+(1/&lt;1+x&gt;)]}那么，也是同样的道理x=1+(1/x)很明显，x≠0则：x^2=x+1所以：x^2-x-1=0解得：x=(1±√5)/2</t>
  </si>
  <si>
    <t xml:space="preserve">我的摩托罗拉V878出现内外频都在闪，那为高手知道，？？？？？我 </t>
  </si>
  <si>
    <t>屏有显示没有？？？如过没可能是排线坏了！如果有就有可能是软件故障~！也有可能是由于摔过使上板内的排线上的电容电组受损！请送修！</t>
  </si>
  <si>
    <t xml:space="preserve">脚气的问题家里有人又脚气，听说脚气传染，使自身传染还是传染别人啊 </t>
  </si>
  <si>
    <t>自身传染，可以从脚上传到手上，产生灰指甲；相互传染，不是很好预防，分开毛巾和脸盆、脚盆，不要互相使用拖鞋！</t>
  </si>
  <si>
    <t xml:space="preserve">大冷的诱惑.1阿森纳米德尔斯堡================= </t>
  </si>
  <si>
    <t>1阿森纳 米德尔斯堡 ==================312 博尔顿 沃特福德 ===================33 切尔西 查尔顿 =====================34 纽卡斯尔联队 富勒姆 3 0 5 朴茨茅斯 维冈竞技==================36 谢菲尔德联队 布莱克本 =============307 曼彻斯特联队 托特纳姆热刺 38 波尔多 尼斯 ================39 欧塞尔 摩纳哥 3110 色当 圣埃蒂安 3011 南特 里尔 ==================3112 里昂 特鲁瓦 ===================1313 朗斯 瓦朗谢讷 314 雷恩 索肖 3</t>
  </si>
  <si>
    <t xml:space="preserve">神雕侠侣现在的结拜和婚姻的关系可以同时存在么？ </t>
  </si>
  <si>
    <t>今天游戏更新后可以了，而且解除结拜关系后好友度不会下降。</t>
  </si>
  <si>
    <t xml:space="preserve">女朋友和原来的男朋友保持普通朋友关系，大事小事经常往来，可以容忍? </t>
  </si>
  <si>
    <t>也算正常！可以容忍！但是，最好能够让他们少点来往，不是不信任你女朋友，而是因为她前男友保持来往的意念不纯净：想复活！如果到现在他仍然是死心不息的话，那么“保持来往”对他而言是机会的前提，如果他有心，会不断的“乘虚而入”，如果你们之间发生什么问题的话，就很容易造就他们之间的故事。如果你觉得很自信，如果你觉得没什么，可以不必过于去理会这些事情！但是，如果你感到不舒服，如果你介意的话，最好能跟你女友谈谈，把你最真实的想法告诉她，如果她更在乎你的话，必定会做出对你更好的处理！记住，两个之间有什么问题就要沟通解决，不要等到日积月累时产生怨气而影响感情！</t>
  </si>
  <si>
    <t xml:space="preserve">怎么训练狗狗去指定的地方便便？ </t>
  </si>
  <si>
    <t>首先要明确，做为狗的天性，他是不愿意在自己的窝附近方便的。同时，狗会通过嗅觉找到经常方便的地方并把它固定下来。所以随着年龄的增长，活动范围的扩大，他会逐渐在远离自己窝的地方找一个相对固定的地点方便。有两个办法，一是在家里固定一个地点让狗狗方便，二是不允许狗狗在家里方便。前者狗狗随时可以解决问题，但家里总是或多或少的有一点异味；后者则不论刮风下雨，每天必须带狗狗出去遛两次以上，但家里会更清洁。小狗一个月大的时候就可以开始训练了，小狗学会定点方便是很快的，只要你在最初的几天里有耐心，一般都可以成功。定点的地方有很多，有人是指定在厕所的下水道，有人用店买的狗厕所，有人用报纸，放在离小狗的窝远一点的地方。我觉得报纸不够吸水，所以一直用尿不湿，每天换一次就行了，也很方便。最开始的时候可以用报纸或者尿不湿沾一点小狗的尿，或者擦擦小狗的屁屁，然后放在固定的地点，小狗会自己找有味道的地方方便的。如果他不会找，你就要注意观察。小狗在方便前总会有一些固定的动作，比如低着头在一个小范围里反复闻，来回走，转圈等等，一发现这种动作，就把他抱到指定的地点让他方便，在他方便完了以后夸夸他，让他知道他做对了。正常的小狗的生活应该是比较有规律的，吃完了饭，或者睡醒了觉，都会想去方便的，注意观察这个规律也会帮助你知道小狗什么时候会想方便了。如果想让小狗习惯在外面上厕所的话，大体上应该从4-5个月大的时候开始。在此之前，小狗神经和肌肉发育还不充分，很难在家里憋住，教育他也很难记住。最开始一天要带他出去4-5次，也就是在小狗平时上厕所的时间要带他出去，让他在外面方便。而如果他在家里方便了，就要在现场教育他，让他知道你不高兴了，同时要把现场擦干净，不要留下味道，可以用84消毒液之类的反复擦，把味道去掉。随着狗狗越来越习惯在外面上厕所，带他出去的次数也可以逐步减少，但最终不能少于一天两次。如果您对我的回复满意，请给个好评，谢谢</t>
  </si>
  <si>
    <t xml:space="preserve">离或不离，想通过网上朋友的意见来决定半月前，我在无助绝望之际找到 </t>
  </si>
  <si>
    <t>与你说的第一句话：不要离婚。真的你们走到一起是有感情基础的而且你老公现在在你面前有内疚感说明他还深爱着你。你们已有了一个儿子为了孩子不要离婚。也为了你的幸福给你老公一次改过的机会。相信他一次，不要认为老公把你当成处处设防的敌人，相信老公是爱你的，也相信老公会改过。婚后你要睁一只眼闭一只眼，不要把老公管得太死，只要他对这个家对儿子负责就行了。对于你自己来说女人一定要自强自立在感情上在精神上在物质上都不要依癞男人。你与你老公原先是因感情走到了一起但是婚后的是平淡、现实的，两个人说白了就是相互组建一个家庭在遇到大的问题时有个商量的人在你生病或者遇到不测时有个关心你、帮助你的人，其实组建一个家庭就是这么现实的。当然夫妻在一起生活同吃、同住、同欢乐、共患难而且共同拥有一个儿子时间久了夫妻感情就会转化为血浓于水的亲情。你、你的老公、还有你的儿子才会是世界上最幸福的人。还有一点我要对你说的，多数男人是这样的：老婆只有一个就是你，而情人可以有无数个不论他们再怎么样喜欢外面的小情人但是心里面还是有你们这个家的。对老公是否有外遇看得淡些不要天天把这件事放在心上记在心里对你自己没有好处。你老公在别的女人面前评价你，仅仅是为了讨好她们而已，你老公心里一定有你的优点只是不说出来而已。好了就说到这里我有点事要做。祝你天天开心，快乐！相信自己，不论你现在年轻于否漂亮于否都不重要，重要的是每天都有一个好的心情，精力冲沛，健康才是重要的。你也可以发挥你的优势啊，让自己变得更成熟、更有女人味、更有气质、精力旺盛。你说是不是。也不要对不起自己，偶尔买套漂亮的衣服穿穿呵呵～～～～！女人要善待自己。你说是不是。还有：男人也需要关心的，男人要照顾家要工作还有自己的社交多少会遇到不开心的事和烦恼，作为男人的妻子也要在这方面细心些多关心关心自己的老公你说是不是，（提醒你夫妻之间太透明了也不好不要什么话都对老公说）有好的厨艺、把小家庭打扫得干干净净、带好儿子、对老公关心体贴我想在花心的男人也不忍心做对不起自己老婆的事。你说是不是，就算男人外面有小情人也只是他一时湖涂或者说在家庭婚姻这方面还没完全懂事还没长大，不过现在你已经长大了呀给你老公一些时间吧。俗话说婚后有七年之痒。朋友，开心些，人生就这么短短的几十年，要让每一天都过得有意义，不要让烦恼困绕你自己，多交几个知心朋友。</t>
  </si>
  <si>
    <t xml:space="preserve">连环画曹家将下载谁有连环画曹家将全套的下载 </t>
  </si>
  <si>
    <t>我有全套，不过是EXE的</t>
  </si>
  <si>
    <t xml:space="preserve">折射时为什么会改变路径折射后光为什么会发生偏折，而不是沿曲线传播 </t>
  </si>
  <si>
    <t>光是电磁波。光经过的介质或者如真空般无电子，或者如普通物质般含有电子的物质。于是，构成光的电场/磁场变化会影响到电子状态，而电子状态变化又能形成电场并叠加到外来光之上。这个过程影响光的传播速度，一般用所谓“光程”等概念来描述。而折射，似乎主要是界面效应。光从空气到水，从一种物质进入到另一种物质，必然要通过一个界面。这里光相当于在界面处发生衍射/干涉，于是折射之后的光路方向有了变化。普物里介绍光的二相性之前会讲到“惠更司波前说”，大约就是这个意思。不过...在下正看费曼和Gibbs合著的《路径积分》，里面的解释应该比较准确了，楼主有机会可以看看。至于折射之后的路径为什么不是曲线，如前所说，得看折射后光所在的物质是否性质均一。如果不均匀，比如是密度不同的盐水，那么光路还是会在不同密度层的界面处再发生折射的，自然就是“曲线”了。==============================================关于评论。某大胆的无意义评论直接忽视了，不过另一个关于“光程”的问题，可能得解释一下。首先，光是波，或者说光可以用平面波形式的函数来描述其运动方式。这点是最基本的，虽然初中阶段未必会提到其数学形式，但是应该也不会完全不提到这点。然后，以平面波来描述光的变化/运动情况，比较关键的一个量就是所谓“相位”。显然，起点终点之间的空间距离差是和一束光经过二个位置时的相位差有关的；同时，用有关公式推导一下可以发现，这个相位差与距离差之间还有个常数——折射率。于是光程便定义为空间距离*所在介质的折射率。这个定义是人为的，但是有了这个量，很多时候不必套公式也能直观的得到一束光的很多性质（衍射之类）。具体的随便找个费马原理的证明看看应该就知道了。====================================关于评论。光程不过是电磁波理论里最基本的概念，惠更斯的光的波动说不过是几百年前便有的老掉牙的说法，光传播的费马原理不过是变分原理最简单的应用，阁下连这些东西都不知道么？</t>
  </si>
  <si>
    <t xml:space="preserve">我想留学美国有些事情想咨询大家一下本人家庭其实并不富裕出国完全是 </t>
  </si>
  <si>
    <t>移民所付出的签证费不一定会赚得回来，而且非法移民的话，可能有8年甚至10年都不能回国，一个人孤单地飘在外头。赚钱在国内也一样，何必看别人怎样呢。</t>
  </si>
  <si>
    <t xml:space="preserve">求助!!!各位哥哥,姐姐.我想问一个问题:为什么我在家里玩街头篮 </t>
  </si>
  <si>
    <t>大哥们，无故重启一般都是硬件问题。最常见的问题就是机箱电源有问题，或者CPU温度过高。然后跳电重启建议找个专业点的人，帮你机器硬件好好检修一下。毕竟这不是说说你就能找出问题的。就算不幸被我言中，你电源有问题，你知道了，又有什么用呢。</t>
  </si>
  <si>
    <t xml:space="preserve">关于flash问题如何做出一个用笔顺的方法写出一个字的程序设计! </t>
  </si>
  <si>
    <t>用程序做？不会；用手工做，我会：先在舞台上输入一个字,然后"打散"。选“橡皮擦”工具，擦除文字的一部分，这里的技巧是文字中哪里后写这部分就先擦除，擦掉一点就按一下F6键，在主时间轴上创建一个关键帧，再擦掉一点，再按一次F6键。这样耐心地擦一下按一下F6，一点一点擦完整个文字。然后在时间线上选择全部关键帧，选择菜单中的“修改--时间轴--翻转帧”，OK了。</t>
  </si>
  <si>
    <t xml:space="preserve">登山鞋都有什么材料一般登山鞋都是什么材料的呀？有什么区别吗? </t>
  </si>
  <si>
    <t xml:space="preserve">登山鞋材料要分结构的，主要有：鞋面材料，内里材料，鞋底材料等三大部分鞋面材料又有好多种，什么反绒皮、磨砂皮、反毛皮等内里材料，鞋底材料等也很复杂，推荐你去 “登山鞋导购网” 上自己看吧，有一个 “登山鞋知识库” 的栏目，下面有个分类叫 “登山鞋材料”的分类，比较详细 </t>
  </si>
  <si>
    <t xml:space="preserve">石头的问题.......我装备想镶5级石头,可是不知道镶火红好还 </t>
  </si>
  <si>
    <t>装备镶嵌黄尘 加生命 毕竟防再高也不如血高而且装备本身就带防 火红只加物防 太单一 不如加生命的黄尘实用</t>
  </si>
  <si>
    <t xml:space="preserve">12月份哪天入住比较好老公1982年1月24日，老婆1979年7 </t>
  </si>
  <si>
    <t xml:space="preserve">你好！ 不要迷信！ 心情好、天气好、有时间就是搬家的吉日。 </t>
  </si>
  <si>
    <t xml:space="preserve">帐号安全系统检测到我的帐号存在高危风险,验证安全信息并修改密码,? </t>
  </si>
  <si>
    <t>重新绑定一下手机就可以了。</t>
  </si>
  <si>
    <t xml:space="preserve">俄罗斯的超速鱼雷是如何制导的？“暴风雪”超速鱼雷是利用鱼雷自身喷 </t>
  </si>
  <si>
    <t>▲ VA-111"暴风雪"鱼雷　　俄罗斯VA-111"暴风雪"（Shkval）型鱼雷是利用超空泡发生现象的火箭助推高航速鱼雷，动力装置为二级火箭：一级为固体火箭发动机，二级为喷气发动机。其航速达200节，由水面舰只和潜艇发射，制导方式尚不明。在已发表的结构图中，甚至连常规型鱼雷所采用的音响导航装置也未见到，估计可能是因航行噪音而不能使用。然而，作为反潜攻击武器，其三维跟踪效果如何尚不得而知。　　据生产厂家商品目录载，该型雷全长8.02米，直径534.4毫米，全重2700千克，弹头重210千克（高爆炸药），巡航速度90～100米/秒，有效射程7千米。但是，所描绘的使用构想图只有对水面舰攻击，而没有对潜攻击。线控制导型我是这样认为．在＜＜兵器杂志＞＞上有过介绍．</t>
  </si>
  <si>
    <t xml:space="preserve">请问梦的时间跟现实时间同步吗， </t>
  </si>
  <si>
    <t>梦是个非常奇妙的东西，如果你能很好的驾驭，很多的时间是会同步的，误差不大，如果不能，只是生理或潜意识的一种间接体现的化，有一定的预知、指导的意义，其实就是你潜意识（心理），非思想的反映，加上环境对这件事的刺激，综合出现的一种现象，就是一个潜意识＋第一反映的结果，但直观的表现不是真正的含义，所以不要杞人忧天，悲天悯人，正确对待就行了</t>
  </si>
  <si>
    <t xml:space="preserve">糖尿病的难题！血糖怎么还降不下来？老人今年76岁，患Ⅱ型糖尿病6 </t>
  </si>
  <si>
    <t>你好你给的资料很详细 一般来说 老年人的血糖临床上掌握的相对宽松一些 不宜控制的太低 空腹7点多就算不错了 餐后的稍微高一些 还可以再降一降 我可以给你提一些建议 你比较一下 看哪点不对 可以调整一下1 饮食 关键是控制主食和甜食 你可以按这个比例来计算一下总进食量 5两主食/60kg体重  按早:中:晚=1:2:2 分配2 餐后活动 在每顿饭后适当活动一下 这对降低餐后血糖非常关键(我有一个病人 通过这个办法 把餐后血糖降了2个多)3 注射胰岛素时间 这也非常关键 一定要在餐前15-30分钟内 这样会在血糖高峰的时候发挥胰岛素最大的作用4 如果以上已经做的非常好了 那就去医院调整一下胰岛素用量吧!祝老人身体健康</t>
  </si>
  <si>
    <t xml:space="preserve">怎么解压不了啊?我大早上就起来下客户端.3个多小时好不容易下下来 </t>
  </si>
  <si>
    <t>垃圾游戏当然解压不了了，大家不要再玩了，看看客服的态度，哪个问题得到解决了，中国的游戏就知道挣钱，根本没时间考虑我们玩家的问题！！！！！！1</t>
  </si>
  <si>
    <t>我28岁能否投保幸福年年？“幸福年年”产品特色：见利快安全稳健</t>
  </si>
  <si>
    <t>保险公司把你的钱拿去投资,他们主要的收益在于投资收益,而不是把你的钱简单的还给你.你存了28万,保险公司按照8%的年收益(实际上绝对不止这么多),每10年翻一翻,等你到80岁,就应该翻了5翻,也就是用28万X2X2X2X2X2(乘以2的5次方),保险公司应该能赚得到986万元左右,而实际上以投资收益水平较高的情况下,保险公司才给终了红利250万,一共才给你305万,本来有986万,一共给了你305万,那么保险公司就赚了681万.你说保险公司有多少赚头呢.可以说保险公司是赚翻了.</t>
  </si>
  <si>
    <t xml:space="preserve">有人买我东西.怎么通知我??如果有我买我东西的话.那么5173客 </t>
  </si>
  <si>
    <t>我想可能是邮件或短信通知吧</t>
  </si>
  <si>
    <t xml:space="preserve">应付职工薪酬的问题公司每个月发放工资每个月没有计提，是直接发放， </t>
  </si>
  <si>
    <t>2012-09-05 10:45 补充问题我们工资是通过应付职工薪酬科目归集核算的~你上面的账务处理是正确的，就按你做的分录处理吧，没有问题。</t>
  </si>
  <si>
    <t xml:space="preserve">宝宝睡觉时总是不老实我的宝宝20天了，可是睡觉的时候总是不安稳， </t>
  </si>
  <si>
    <t>我宝宝刚出世没多久时，和你宝宝一样，睡觉时老是在伸，我当时和你一样，着急死了，心里老是想怎么会这样，老是睡觉动来动去呢？睡不好怎么办，因为没有经验不懂，干着急了，后来听了妈妈和家婆说，这是很正常的，几乎多数小孩子都是这样的，我们老家还有一句话叫“日伸长，夜伸胖”呢，这是小孩子在长个子，我家婆说睡觉时经常伸懒腰的宝宝长得高，不知有没有道理。我宝宝现在4个月了，别人都说他长得高，有68cm了，不知是不是小时伸懒腰的结果（呵呵），都是初为人母，你的心情很理解，因为我也是过来人了。你不必过于担心你宝宝啦，这是很正常的。祝你的宝宝健康成长！</t>
  </si>
  <si>
    <t xml:space="preserve">嘴唇跳是怎么回事听说过眼皮跳的今天一大早起来下嘴唇跳个不停是怎么 </t>
  </si>
  <si>
    <t>多见于植物神经紊乱；个别受风也会出现，但多伴有口眼歪斜。一般不用处理，但预示最近的休息差，身体处于亚健康状态。可以调整作息时间，适当口服腺苷钴胺片，谷维素等。</t>
  </si>
  <si>
    <t xml:space="preserve">如何做好建材代理？哪一方面的建材好做？ </t>
  </si>
  <si>
    <t xml:space="preserve">先做下市场调查 主要做下当地的市场调查 看下当地什么行业比较火  当地客户比较信赖什么品牌 最主要是要看自己在哪方面有销售渠道有资源 就做那一方面 像我自己做的就是世丰牌水管的代理 因为有朋友在做工程这一块，自己的关系也好，什么房产公司，什么政府关系，现在的中国社会靠关系吃饭， 所以做起来一点也不吃力  </t>
  </si>
  <si>
    <t xml:space="preserve">联邦快递人力资源怎么样？有联邦快递的朋友能帮我介绍一下联邦快递以 </t>
  </si>
  <si>
    <t>你好！联邦快递的人力资源工作是相当成功的，在我们物流也都比较推崇！</t>
  </si>
  <si>
    <t xml:space="preserve">坐飞机要注意什么？ </t>
  </si>
  <si>
    <t>千万不能象坐汽车一样随便跳车!.......</t>
  </si>
  <si>
    <t xml:space="preserve">深圳什么医院治疗青春痘好？ </t>
  </si>
  <si>
    <t>治疗青春痘当然是要找专业的才好，要不然花了钱还不算，还没有效果。在深圳我知道一家专业祛痘的，我朋友之前的痘痘就是在那解决的。楼主不妨去咨询下400--80--60066.希望能帮到楼主哦，更希望楼主早日康复！！！！</t>
  </si>
  <si>
    <t xml:space="preserve">灵游记挖矿的地方? </t>
  </si>
  <si>
    <t>从冥珠城南边的水井进入1.进入古井达到第一层后，最下方的传送点是去第二层的 2.进入第二层后,最左下角的传送点可以直接到达第七层（想挖矿的可以直接进第七层）,最右下角的传送点是进入第三层的传送 3.进入第三层后,最右边的传送点可以通向第四层 4.进入第四层后,最右下角的传送点可以通向第五层 5.进入第五层后,最右下角的传送点可以通向第六层 6.进入第六层后,有大量怪物，没有通往下层的传送点了，因此想去挖矿或者探索青岩洞更深的玩家，必须在第二层就选择直接进入第七层 7.进入第七层后,左中部的传送点是通向第八层的,最右下角的传送点是通向第十一层的入口 8.进入第八层后,最左上角的传送点是通向第九层的，也就是通向矿洞的传送点</t>
  </si>
  <si>
    <t xml:space="preserve">如何让孩子更快乐？ </t>
  </si>
  <si>
    <t>对于0-6岁的孩子来说，让他们快乐应该让他们不断接触生活中美好的，有趣的事物，培养他们开朗的性格。可以通过一些幼教的手段来让孩子们快乐，比如幼教方面的动画片是一个不错的办法。推荐《小鸟3号》这部动画片，是一部适合学龄前儿童观赏的精致动画卡通。故事叙述一群生活在小鸟街3号的可爱小鸟们，每天发生的有趣故事。它用潜移默化的教育方式，培养小朋友在团体生活互助互信的精神概念，教导小朋友在社群生活中如何与他人相处，教会孩子们多样性、学会宽容，非常值得推荐给孩子看。</t>
  </si>
  <si>
    <t xml:space="preserve">谁有办法治疗纠结症啊！哥的纠结症越来越严重了！！！！求治疗方法 </t>
  </si>
  <si>
    <t>哥，你只是不知道自己要什么，知道了自己要什么，才能知道如何选择才能得到自己想要，才能不纠结：）转移注意力，多看些书，听写柔和的音乐，有条件可以去旅行，不一定要看什么景点，独自走走看看不一样的风景和路人，充实心灵。纠结的日子总会过去的，但还是需要你正视该面对的问题。加油哦！</t>
  </si>
  <si>
    <t xml:space="preserve">人在颠倒梦中如何辨清方向？弟子此时身心都在颠倒梦想中，但梦中又想 </t>
  </si>
  <si>
    <t>你既然已经知道自己是在梦中，那你其实就已经处于走向醒来的路上了，反之亦然。你为什么定要持着于去辨别方向这件事呢？守住你的吧！它自然会带你到该去的地方。若你平生的业力可以让你进入极乐世界或天堂到时自会到达，若不幸把你引入地狱也没关系，只要你继续修炼在那里还是会有机会再次进入极乐世界或天堂的。所以请不要再去理会自己到底是梦是醒这一问题了。作好你该作的事吧，你必须让自己达到心无挂碍程度，融于宇宙虚空之中，那么无论是天堂或地狱都将无法禁固住你的思维，想到哪里就能到达那里。但是无论何处请作善事、必得问心无愧。还有个最简单的方法即持诵如下咒语：“揭谛揭谛，波罗揭谛，波罗僧揭谛，菩提萨婆诃。”此乃般若波罗蜜多心经的精华。依般若波罗蜜多故，心无挂碍，无挂碍故，无有恐怖，远离颠倒梦想，究竟涅??。三世诸佛，依般若波罗蜜多故，得阿耨多罗三藐三菩提。其实《大般若经》中就告知各位修行的菩萨要以空性智慧觉悟诸法实相，既不体证、进入涅??而自愿生生世世轮回生死救度众生，因为以慈悲喜舍之心平等救护一切众生才是真菩萨行，而自己逃离生死轮回却弃众生于不顾则有违菩萨自度度他之初衷誓愿。 所以不要害怕六道轮回，当我们学得佛法后，不要急着到西方极乐世界去，勇敢地进入六道轮回中吧，因为那里还有许多众生需要救渡。当然这时进入六道之中的你会保有你原有的菩提心。能有这样的心态还有什么可担心的呢。</t>
  </si>
  <si>
    <t xml:space="preserve">淋巴结核是否具有传染性我的一个朋友得了淋巴结核,我想知道和她一起 </t>
  </si>
  <si>
    <t>如果淋巴结没有破溃,一般是不会传染的,阿弥陀佛!!!</t>
  </si>
  <si>
    <t xml:space="preserve">奇域的前途我玩了奇遇好几年了，但中间因外挂太多就不玩了，最近又上 </t>
  </si>
  <si>
    <t>如果官方对游戏没有真正的新的改变,仍然是安于现状的话,那么是绝对没有什么前途的!关闭只是或早或晚的事情!</t>
  </si>
  <si>
    <t>请姐妹们帮我看看啊我是12月22日的月经,一般周期28</t>
  </si>
  <si>
    <t>月经正常的情况下,月经完后第8天-第18天都是排卵期！ 如果不规律的话就用试纸到了排卵高峰期试的时候就出现两条非常明显的红线， .早上试最好.排卵期的计算方法如下：　　 一是宫颈粘液法，在医院妇科，通过检查宫颈粘液来判断是否处于排卵期。　　 二是基础体温法：每天早晨醒后测量体温，一般情况下，月经前半段时间体温较低，到达排卵期时更低，排卵后会逐渐上升。　　 三是经期推算法。许多女性不知道自己的排卵期到底是哪一天，利用下面公式，经过一段时间的测试，很容易计算出来的。计算公式为：　　 排卵期第一天：月经周期天数减去18天　　 排卵期最后一天：月经周期天数减去11天正确的掌握排卵期，对于年轻女性来说很重要：想怀孕的，在排卵期的第一天开始，保持两天做爱一次的频率，坚持几个月，如无特殊情况，一般会怀孕的。</t>
  </si>
  <si>
    <t xml:space="preserve">请问下，我为什么不能把东西卖给摆摊的？谁帮我下本号不知道什么时候 </t>
  </si>
  <si>
    <t>你说的情况是骗人的，别信他们。当他的包满的话你是卖不了东西给他的，别贪图小便宜，天上不会掉馅饼。现在出了一种强行交易外 挂，所以买卖东西的时候最好是摆摊。交易的时候多留心，我有个朋友就是，有人小号（蓝名）300收熊，第一次给的是 300，小号取消了，第2次就是 30了，所以交易要留心。最好 是摆摊买卖。</t>
  </si>
  <si>
    <t xml:space="preserve">员工激励的方法有哪些？新时代企业员工激励有哪些方法？ </t>
  </si>
  <si>
    <t>1.工资、奖金、福利；2.旅游、进修、学历；3.竞聘、提拔、放权。个人意见</t>
  </si>
  <si>
    <t xml:space="preserve">fourtothefloor请翻译，怎么很难理解歌词的意思Wit </t>
  </si>
  <si>
    <t>有传递下去心你的正义从开始, 你教我到拿我的部分.没有十字到熊, 没有理由到注意, 我的生命是无望在空气, 四到地面, 我是有把握, 决不鉴于清除, 我可能有它全部的, 无论何时你是亲近的.铁腕做不懂的情况平民.四到地面我是有把握, 决不鉴于清除, 我可能有它全部的无论何时你是亲近的.四到地面我是有把握, 那你would是我的女孩, We'd 租少量世界, 有少量女孩.</t>
  </si>
  <si>
    <t xml:space="preserve">凌钢股份时开盘? </t>
  </si>
  <si>
    <t>漫漫等待,祝你好运!</t>
  </si>
  <si>
    <t xml:space="preserve">急!急!!!请问信息管理与信息系统专业是经济类专业,还是计算机类 </t>
  </si>
  <si>
    <t>一,经济管理类专业范围经济学,农(林,渔,牧)业经济管理,国民经济管理,现代经济管理,工(商)业经济管理,运输经济,劳动经济,股份制经济 管理,经济,技术经济,国际经济贸易,国际贸易,国际商务,国际经济,国际经济技术合作,工业外贸,财政,税收,金融,金融管理,农村金融,国际金 融,货币银行学,投资经济管理,证券投资与管理,保险,统计学,会计与统计核算,应用统计与优化管理,工商行政管理,工(商)企业管理,公司管理,国际企 业管理,乡镇企业管理,乡镇建设与管理(部分),邮政通信管理,会计,财务会计,企业会计,行政事业单位会计,农村会计,金融会计,税务会计,涉外会计, 铁道财务会计,会计电算化,审计,理财学,资产评估,企业财务管理,现代财务管理,基建财务与预算,市场营销,物流管理,商品学,市场调研,工商企业营 销,国际营销,经贸公关,旅游,导游,旅游经济,历史与文化旅游,饭店管理,酒店管理,宾馆管理,餐饮管理,人力资源管理,劳动工资管理,房地产经营与管 理,物业管理,土地管理,房地产评估与开发,土地规划与地产市场管理,管理工程(部分),商务管理二,政治学类专业范围政治学,政治学与行政学,国际政治,外交学,思想政治教育,行政管理,人事管理,市政管理,乡镇管理,后勤管理,机关管理及办公自动化三,公安类专业范围治安学,治安管理,侦查学,刑事侦查,公安管理,安全防范,边防管理,交通管理四,法律类专业范围律师,法学,法律,民法,经济法,国际法,行政法,商法, 国际经济法,涉外经济法五,法学类专业范围法律类专业,监所管理,刑事司法,劳动改造学六,机械类专业范围机 械制造与自动化,通用机械,机械制作工艺及设备,机械工程,石油机械,化工机械,工程机械,农业机械,起重机械与筑路机械,锅炉压力容器,磨具设计与制 造,汽车制造,机电维护,矿山机电,农村机电,机电一体化工程,机电设备工程,机械设计与制造,热能工程,工业工程,机械自动化,汽车与拖拉机,机车车辆 工程,流体传动及控制,真空技术及设备,林业与木工机械,机械电子工程,材料成型及控制工程,金属材料与热处理,热加工工艺及设备,铸造,锻造,压力加 工,焊接工艺及设备,精密机械与仪器,塑性成型工艺及设备,化工仪器,流体机械,电讯设备,制冷及空调技术,船舶工程,飞行器制造工程,装甲车辆工程七,电气工程类专业范围电力系统及其自动化,电力工程,电气工程及其自动化,供用电技术,电气技术,高电压与绝缘技术,光源与照明,电机电器及其控制,工业自动化,自动化技术,自动控制,飞行器制导与控制八,电子信息类专业范围电 子信息科学与技术,微电子学,应用光学,电子材料与元器件,生物医学工程,电子与信息工程,应用电子技术,无线电技术,广播电视工程,电磁场与微波技术, 遥测与遥感,公共安全图象技术,电子设备及系统,家用电器,医用电器,办公自动化设备,通信工程,通信技术,程控交换技术,移动通信,卫星通信,光纤通 信,计算机通信,计算机科学与技术,计算机及应用,计算机科学教育,计算机软件,软件工程,计算机应用软件,微型计算机,计算机网络,计算机硬件与维修, 计算机检测与控制,计算机软件开发与系统维护九,理科类专业范围(按类列出)数学类,物理类,化学类,生物化学类,天文学类,地质学类,地理科学类,地理物理学类,大气科学类,海洋科学类,力学类,电子信息科学类,材料科学类,环境科学类,心理学类,统计学类十,工科类专业范围(按类列出)地 矿类,机械类,仪器仪表类,能源动力类,电气信息类,土建类,水利类,测绘类,环境科学与安全类,化工类,材料工程类,制药类,交通运输类,海洋工程类, 轻工纺织食品类,航空航天类,武器类,工程力学类,生物工程类,农业工程类,林业工程类,公安技术类,管理工程类(部分)十一,社会学类社会调查,社会工作与管理,城乡社会管理,社会保障,人口学十二,新闻传播学类新闻学,广播电视新闻学,广告学,编辑出版学,公共关系学</t>
  </si>
  <si>
    <t xml:space="preserve">我1月28日出生的我是什么星座？详细点谢谢我的这个日期吉利吗？ </t>
  </si>
  <si>
    <t>是水瓶★水瓶座总论★★阳性、风象,守护行星：天王星（传统上为土星)★　　水瓶座大多有着一双灵动的眼睛，高耸的鼻子和面积不小的嘴唇下颚线条柔和，略呈圆形，外表综合来说堪堪称得上是英俊美丽，却并不特别突出。生性悲天悯人，富有改革精神及高贵的情操，可惜有缺乏热情的缺点。★神话由来★　　特洛伊的王子干尼梅德(Ganymede)是个黄金般的美少年，有一天他在牧羊时，突然被宙斯(Juze)变成的老鹰捉到奥林帕斯(Olympus)，负责嫁给海克力斯的西碧公主原所担任的斟酒工作。在古代的罗马，当太阳的位置在这个星座的第一个月为雨季，所以定名为水瓶。★优点★　　求知欲强、独立、博爱、友善、忠实、可靠、有创意、有远见、有智慧思想新颖、头脑敏锐、善於观察、富有改革精神。★缺点★　　个性怪异、过份执着、标新立异、易夸大问题、固执、墨守成规、不知变通、过於理想主义、倔强、偏激、叛逆、不合群。★性格★　　因为天王星守护的缘故，水瓶座的人非常需要朋友的陪伴，感觉身旁的人都是朋友，甚至结婚也不会减轻其对友谊的重视程度，一旦被水瓶座人当成朋友，那麽就会得到他们坚定不移的忠诚。水瓶座的人可能会经历各种不同的感受，但他们绝不会有寂寞的感觉。但水瓶人需注意为朋友所做适度的牺牲叫义气，过度了，就叫傻气。　　水瓶人总是让人觉得仁慈、友善，给人的第一个印象是富有同情心和善解人意，但他们善於和别人保持距离，并且有些难以捉摸，一方面乐於助人，另一方面却又保持旁观者的超然，别人很难和他建立亲密的关系。在十二星座中，水瓶座可说是最理智的一个，对事物的观察可随时变更角度，把复杂的问题加以巧妙分析，并准确地预测可能的结果。　　水瓶座潜存的顽固性，平时不易表露出来，给人的一般印象是柔和舒畅的冷静及客观的观察力，积极而强烈的求知心，坚定的意志力和公正的判断力，然由於其刚正不阿的个性，极为厌恶逢迎巴结的小人姿态具有公正无私的一面。这种硬梆梆的态度，容易被误解为薄情寡义，在不违原则的情况下，倒是不妨通融一下。因为过分的冷静和理智，就缺乏人情味，这对人际关系来说，影响颇大。★心智表现★　　水瓶座的最大特色是讨厌束缚、追求自由，他们崇尚独立自主到不惜牺牲一切来换取的地步，而且因为他们崇尚自由的精神，所以对他人的自由也颇为尊重，是友善的个人主义。对此型的人而言，地位、名誉财富都是束缚自己的链子，连结婚也是一种束缚。与朋友基於精神与心智的亲近而建立情谊，待人亲切但不深交，充满智慧却缺乏热心。是怀抱着世界大同理想的博爱主义者。富研究精神，喜爱新颖的事物、音乐及自由。十分理智，不易受周围环境影响。对於博爱又知性的水瓶座来说，所有的关系都是从朋友开始发展的，每个人都可以成为他的朋友，因为每个人都有不同的特质和优点，值得他去发掘、去了解。天生不爱装模作样，也不屑那些媚上傲下的行为。讨厌仿冒品和伪君子。　　此星座的人，极不欣赏平凡而无奇的思想，喜欢献身於自己的信念中，完全不理会他人，故总是让人有与众不同、自行其是的印象。对名利不太热衷，只希望能过着像风一样自由自在的生活，他们不会在乎别人的看法或批评，顶多只是耸耸肩或是一笑置之。水瓶们具有快捷的行动，求新的思想，天生富有创意，常会有新奇的点子，具有科学家的特质，擅於将新奇的见解表现在艺术或是科学研究当中。由於他特别喜欢创新和出奇招，有时甚至会有标新立异的倾向。　　水瓶座的人一向我行我素，不管别人一切善意恶意的批评，甚至在行为上也是凭直觉，懒得去找冠冕堂皇的藉口去做合理的解释，乃因其自有其原则，并不是缺乏想像力，其实瓶子的思想总是超出所处的时代并总能提出一针见血、充满智慧的见解。他们的精神领域相当宽阔，常神游其中，不过在别人眼中，或许会被视为漫不经心。　　具有利他精神，朋友有难，马上雪中送炭。与人意见不合时即致力於沟通，不会停滞在无益的愤怒、叫骂或颓废的情绪中，会追求积极面排除消极面，表现公正的性格。瓶子选择朋友有点严格，而且喜欢开朗的人，不太会主动对沉默的人伸出友谊的手，但一旦被他的友谊之手握住了，在朋友危急时，他是不会松手任其跌落的。　　水瓶具有科学精神，能够以批判的态度和合於逻辑的思考方式面对问题。虽然许多水瓶座的人成为科学家，但并不是所有的水瓶座都适合从事科学研究。必须藉水星的位置来判断其思想是否能维持平衡。假如水瓶座在上升星座，他那难以捉摸的性格会较趋平和、稳定；如果水星在金牛座或摩羯座，则会有变本加厉的倾向。★爱情★　　水瓶人深厌束缚的天性使得他们纵使在在婚姻中仍需维持某种程度的独立自主，瓶子的伴侣对这点特质切记须予以尊重和谅解，才能维系良好的感情，因为让瓶子感到受困是种不智之举，他们会力求脱困，如果你对瓶子绑得愈紧，那麽他跑得愈快，最高层次的作法就像如来佛对孙猴子一般，让他感觉海阔天空，实情则为他仍在你掌握之中。事实上即使他的伴侣温柔而体谅，水瓶座的人依然喜欢独处，而不喜欢别人的干扰，他们认为享受孤独是一件美妙的艺术。水瓶座中较好的一类型，婚姻生活稳定，会忠於妻子，不过却不解风情。　　财富与地位这类外在条件对瓶座人而言并不怎麽重要，而一个有足够的智慧与开阔胸襟的人能陪着他们追寻理想的人对他们却有致命的吸引力，「人生」对瓶子来说，是一场无尽的探索。他们喜欢聪明、博学或是具有丰富知识的人；醋桶奇大，占有欲强，脑筋不会转弯的人都不适合他们的胃口。重视精神层面，因此对肉体吸引的感应力较弱，沉迷於恋爱的过程而非结果。　　性爱对於水瓶座人来说，只是一种知识的追寻，他们可能有丰富的理论、高明的技巧，但是却难有遏抑不住的激情，男性往往控制得很好不会有太激动的表现；女性纵使在过程中为应对方需要而有热情的回应内心却彷佛有另一个人在冷冷地观察，但她们亦为此深深懊恼，期盼能拥有激情的感受。★事业★　　此星座的人需要富有创意或是能够使自己长进的工作，他们对一成不变的例行公事很快就会感到厌倦。当然，他们当然也有足够的能力从事呆板的工作，不过这却白白辜负了他们与生俱有的创造能力。只要有机会，瓶座人便能想出许多新奇的点子，并且赋予他所从事的工作，一种崭新而独特的面目。　　水瓶座人不适合独立工作，会因过於认真的态度而使压力过大，造成心情紧张、忧虑不安，故适合与别人合作，甚至仅为团体的一部份，在无压力的状态下，方能完全展现其绝佳的记忆力与创造力。★休闲★　　水瓶座的人常将他的创意和对科学的爱好带入休闲生活中，通常比较讨厌运动，而喜欢在一旁观看，说得好听点是偏向智力而非体力的活动，但事实则是较为懒散，因此单一定点的渡假中心最对其脾胃。★父母★　　水瓶座的父母往往把自己的心性套在孩子身上，因此期望子女能有独立自主的精神，他们会为孩子购置最新的教育用品，也会把逾越年龄的智慧灌输在小小脑袋当中，不过瓶座的父母常会和子女就各种问题进行讨论，所以也比较不会有沟通上的问题。会是个仁慈、友善、讲理的父母。不过，因其善於自我控制的本能，孩子会觉得缺乏热情。★水瓶座的幸运事物★　　幸运日礼拜叁 　　幸运宝石红色石榴石　　幸运色青色度的蓝绿 　　幸运数字4,8 　　幸运地点繁忙的地方和大都市</t>
  </si>
  <si>
    <t xml:space="preserve">另类情感问题 </t>
  </si>
  <si>
    <t>这些现象源于社会的不良映像。有的人因为年少无知觉得这很潮，所以争相模仿，以至于时间久了，自己的价值取向模糊，这种现象是很可怕的。一切会成自然，到那时候再补救更晚了。告诉他，不管这个世界再怎么前进。我们永远不可以忘记的是，男人只可以和女人结婚生子，这是永世的定律。不会有任何改变。多开导他，给他看些有意思的男人奋进的电影。书籍。做个真正的男人等他在大些，他会发现自己的无知</t>
  </si>
  <si>
    <t xml:space="preserve">还是许多人问过的问题,这世上到底有“鬼、神、妖”吗?本人是挺相信 </t>
  </si>
  <si>
    <t>世界上有许多科学无法解释的事情...</t>
  </si>
  <si>
    <t xml:space="preserve">宝宝最近有点拉肚子，怎么办吃啦药也不见好转，焦人得很。 </t>
  </si>
  <si>
    <t>建议先化验大便判断宝宝拉肚子的原因，若是非感染性腹泻则主要调整饮食和喂养方式；若是感染性腹泻可按医生建议治疗用药。如母乳喂养，妈妈需要注意饮食清淡，避免油腻、凉的食物。平时适当给宝宝补充水分，注意其腹部保暖，辅食方面尽量添加易消化的食物。如果先前吃过苹果或米汤，可尝试给宝宝喂些煮熟的苹果水和焦米汤，也能收敛大便。如长时间的反复腹泻可能会使宝宝肠道粘膜受损，乳糖酶的数量和活性降低，故而发生继发性乳糖不耐受的症状。若用药之后，宝宝腹泻的情况未有好转，可遵医嘱食用无乳糖奶粉（俗称腹泻奶粉）。是否是有感冒导致的肠功能紊乱?如果是消化不良建议口服山麦健脾口服液,思密达等,严重看看医生,输液治疗.延长喂奶的间隔时间.让肠胃休息休息.多喂水.如果在添加辅食应该暂停添加.或减少辅食添加.好转后再循序渐进恢复.尤其不要吃不消化的食物.</t>
  </si>
  <si>
    <t xml:space="preserve">请教是否side一定和on搭配，可以用attheside？那ed </t>
  </si>
  <si>
    <t>答；同学你好这个不一定，要根据具体的句子来看了，请看他的详细用法side 的用法名词  n. 边；旁边；侧面    one of the outer parts of something that is not the top or bottom   · The Arab moved over to one side.   阿拉伯人移到了一边。  · A box has a top,a bottom,and four sides.   一只盒子有盖，有底，还有四个侧面。  · The front door was closed so we went in by a door at the side of the house.   前门关上了，所以我们从房子边门进去。  · He crossed to the other side of the room.   他走到房间的另一边去。  · Which side are you on in this question?   在这个问题上你站在哪一方？  · He stood by my side.   他站在我旁边。  · Cars drive by the right side of the road.   靠马路的右边行驶。      名词  n. （纸、布等）面；方面    the back or the front of a piece of paper,cloth,etc.   · The door is on the north side of the house.   门开在这所房子的北面。  · There is printing on both sides of this paper.   这张纸的两面都印有字。      名词  n. （里或外）面    inner or outer part of some</t>
  </si>
  <si>
    <t xml:space="preserve">怎么分辨出吃的是地沟油呢？要地沟油的全面资料。 </t>
  </si>
  <si>
    <t xml:space="preserve">一看。看透明度，纯净的植物油呈透明状，在生产过程中由于混入了碱脂、蜡质、杂质等物，透明度会下降；看色泽，纯净的油为无色，在生产过程中由于油料中的色素溶于油中，油才会带色；看沉淀物，其主要成分是杂质。 二闻。每种油都有各自独特的气味。可以在手掌上滴一两滴油，双手合拢磨擦，发热时仔细闻其气味。有异味的油，说明质量有问题，有臭味的很可能就是地沟油;若有矿物油的气味更不能买。 三尝。用筷子取一滴油，仔细品尝其味道。口感带酸味的油是不合格产品，有焦苦味的油已发生酸败，有异味的油可能是“地沟油”。 四听：取油层底部的油一两滴，涂在易燃的纸片上，点燃并听其响声。燃烧正常无响声的是合格产品；燃烧不正常且发出“吱吱”声音的，水分超标，是不合格产品；燃烧时发出“噼叭”爆炸声，表明油的含水量严重超标，而且有可能是掺假产品，绝对不能购买。 五问：问商家的进货渠道，必要时索要进货发票或查看当地食品卫生监督部门抽样检测报告。 </t>
  </si>
  <si>
    <t xml:space="preserve">淋浴房的十大品牌有哪些？ </t>
  </si>
  <si>
    <t>淋浴房十大品牌排名如下：(排名不分先后)1、德立淋浴房（淋浴房十大品牌，淋浴品大型生产企业，中山德立洁具有限公司）2、理想淋浴房（淋浴房十大品牌，国家标准重点推广产品，广东省佛山理想卫浴有限公司）3、加枫淋浴房（创建于加拿大温哥华，大型现代化生产企业，加枫卫浴（无锡）有限公司）4、福瑞淋浴房（淋浴房十大品牌，专业沐浴空间生产企业，中山市福瑞卫浴设备有限公司）5、金莎丽SALLY（淋浴房十大品牌，国内最早的淋浴房品牌之一，中山市莎丽卫浴设备有限公司）6、斯卡漫SKM（浴浴房十大品牌，生产精品淋浴房为主的专业厂家，上海斯卡漫卫浴有限公司）7、阿波罗Appollo（中国驰名商标，中国名牌，广东名牌，淋浴房十大品牌，阿波罗（中国）有限公司）8、箭牌ARROW（中国名牌，中国驰名商标，淋浴房十大品牌，上海箭牌卫浴有限公司）9、科勒淋浴房（于1873年美国，百年历史，世界著名卫浴品牌，美国科勒（中国）投资有限公司）10、欧路莎orans（中国驰名商标，上海名牌，淋浴房十大品牌，上海维娜斯洁具有限公司）</t>
  </si>
  <si>
    <t xml:space="preserve">我之前做过三次人流、有时候小肚子左边会有点点疼、如果这个不要、以? </t>
  </si>
  <si>
    <t>我站在医学的角度回答一下这个问题：多次流产对你孩子的再孕、生育有一定影响，但是也不能完全定论，因为根据不同人的体格、体质而决定作为一个男孩子，我觉得你们应该注意这些细节，尽量避免这些伤害自己的问题，我跟我女朋友住在一起一年多了，一次都没有让她怀孕，因为我觉得这种伤害不仅仅是身体上的，而且还是精神上的你们也要放松心情，有影响只要处理好了并不起主导作用，所以我相信你们都一样会幸福的，也会有一个和睦的家庭和健康的小宝宝的！</t>
  </si>
  <si>
    <t xml:space="preserve">上海祛斑哪家医院好_有效祛斑的方法？ </t>
  </si>
  <si>
    <t>你好，雀斑治疗目前比较好的治疗方法是各种激光疗法。激光祛斑具有见效快、副作用小、针对性强等特点，深受广大患者的青睐。激光祛斑效果虽好，但也需要注意一些事项：术后做好防晒措施，多喝水，少喝酒。建议广大患者尽早到正规的皮肤美容医院检查治疗，最后，祝您健康。祛除雀斑一定要采用专业的治疗方法，千万不能盲目的相信偏方治疗，以免耽误自己的病情。目前治疗雀斑的方法有很多，大多数患者会选择激光治疗，因为激光治疗可以准确的定位，将皮肤内的色素沉积击碎，有选择性的吸收，治疗的更加彻底，而且见效快，安全不留疤痕。建议到专业的医院进行激光祛斑治疗。雀斑是一种浅褐色小斑点，针尖至米粒大小，常出现于前额、鼻梁和脸頰等处，偶尔也会出现于颈部、肩部、手背等处。除有碍美容以外，并无任何主观感觉或其它影响。</t>
  </si>
  <si>
    <t xml:space="preserve">电脑连不上网络打印机,怎么办?我的电脑连的是网络打印机,有时候不 </t>
  </si>
  <si>
    <t>重新安装打印机驱动,定时清理打印机,最好重新连接打印机</t>
  </si>
  <si>
    <t xml:space="preserve">妈咪爱是不是益生菌？主要作用是什么 </t>
  </si>
  <si>
    <t>妈咪爱是用来调节肠道菌群的。。适用于消化不良、食欲不振、营养不良，肠道菌群紊乱引起的腹泻、便秘、腹胀、肠道内异常发酵、肠炎，使用抗生素引起的肠粘膜损伤等症</t>
  </si>
  <si>
    <t xml:space="preserve">两岁半孩子这几天不愿去幼儿园宜做何引导？请有经验的家长或老师具体? </t>
  </si>
  <si>
    <t>我是幼儿园的老师，带托班的。这几天天天在孩子的哭声里泡着。说实话，早就麻木了。没有特别好的办法，一定要坚持送，早上送的时候一定要坚决，没有商量的余地，在教室里也不要流连。不然，你的孩子以为有选择的余地，会哭得更凶。要是心疼孩子，让孩子休息几天再送，你的孩子不但不会有任何的好转，还会变本加厉的。那以前哭的就全作废了。下午要是有空，早点把孩子接出来。我的孩子刚上托班时，2点我就接了。慢慢延迟时间。可以带一点孩子最喜欢吃的和玩的，交给老师，老师好哄孩子。其实，孩子也只是在和家长分别的时候难受。等你们转身，他们没了观众，马上就好了。你的孩子，从你的描述来看，应该很快就融入幼儿园。</t>
  </si>
  <si>
    <t xml:space="preserve">乳头凹陷怎么办？做手术得多少钱？ </t>
  </si>
  <si>
    <t>乳头凹陷是女性的常见病。引起乳头凹陷最为常见的原因有如下几种： 衣着过于紧束。特别是女性在乳房发育期内衣过紧，很容易导致乳头凹陷。 乳罩使用不当。乳罩过小、过紧，使用过早，都会引起乳头凹陷。 乳头凹陷与遗传也有一定关系，临床观察母亲及其母亲一代人中、姥姥有乳头凹陷史者，下一代罹患乳头凹陷的可能比正常人要高。 乳头凹陷的危害很大。 首先，它有碍健美和影响哺乳。 第二，由于乳头凹陷，哺乳时乳头往往要被强行牵拉出来，此时乳头非常娇嫩，一旦碰撞，极易损伤、破裂和出血，可造成乳头乃至整个乳房感染，最终发生乳腺炎。 第三，乳头是女性非常重要的性敏感点，许多女性的性欲是通过乳头刺激达到的。乳头一旦凹陷，则难以发挥有效的性刺激，甚至会影响男方的性欲。 乳头凹陷是有办法纠正和治疗的，但关键在于预防。 乳头凹陷应从少女时期抓起。凡是母亲、姨妈等直系亲属中的女性有乳头凹陷者，应作为预防的重点对象。 经常牵拉。少女时期是乳房发育的重要时期，也是纠正乳头凹陷的重要时期。经常牵拉乳头，可以使双乳突出、周围皮肤支撑力增大，起到“定型”作用。自行牵拉效果不明显时，应及时去找大夫咨询，以学会运用乳头凹陷矫正器来治疗。对于矫正无效者，还可以通过手术的办法进行矫正。手术简便易行，没有多大痛苦，门诊即可进行。 不可复性的乳头内陷，也就是重度的乳头内陷，对于此类的内陷只有通过外科手术方能矫正。手术是通过彻底松解牵拉内陷的肌纤维束，周围组织填充于乳头下，以增强乳头的支撑力，使乳头隆出，并重新塑形。手术一般在局部麻醉下进行，术式多种多样，可根据具体情况，有目的选择，手术均在乳晕范围内进行，手术较小，不会遗留明显的手术疤痕，正常情况下，不会损伤乳头的感觉神经，故术后，不会妨碍乳头的正常感觉。手术一般不破坏乳腺导管，所以也不会造成哺乳障碍。注重衣着。贴身内衣应穿棉制品，并经常换洗。日光照射，乳头如有发红、裂口的迹象时，内衣应进行蒸煮消毒，以防引起感染。少女使用乳罩不可过早，乳罩佩戴的年龄一般为16~17岁。</t>
  </si>
  <si>
    <t xml:space="preserve">心肌炎都有什么症状心肌炎会有什么症状出现呢，需要注意什么啊 </t>
  </si>
  <si>
    <t xml:space="preserve">   心跳加快，头晕恶心，心肌炎康复汤针对心肌炎挺不错的，我身边就有人在用，楼主不妨试试</t>
  </si>
  <si>
    <t xml:space="preserve">大家喜欢爱问什么是实际的礼品,还是想生高分,还是游戏礼品 </t>
  </si>
  <si>
    <t>大家喜欢爱问什么 不知道.反正我喜欢.是实际的礼品,还是想生高分,还是游戏礼品 ?都不是.因为我没钱泡妞,只好天天来泡爱问．而且上了瘾．</t>
  </si>
  <si>
    <t xml:space="preserve">请教一下机油们：有没有住过青年旅社的？干净吗安全吗？ </t>
  </si>
  <si>
    <t>住过，正规的青年旅行社是国际连锁的，非常干净整洁有风格，每个青旅都有自己别置的设计，有青年化和国际化的感觉。可以选择住床位，好处是可以和来自天南海北国内国外的驴友做朋友；也可以选择单人间，都不贵。正规的还可以，安全的话，还是住酒店的好可以查一下大众点评我住过的几间都还算干净，每天都会换洗床单被套枕套。安全的话因人而异，害人之心不可有，防人之心不可无。个人推荐你上http://www.yhachina.com/找，这上面的都有认证，可以放心</t>
  </si>
  <si>
    <t xml:space="preserve">诚请大家帮忙给改个名字请各位专家帮忙起一个读起来朗朗上口、写起来 </t>
  </si>
  <si>
    <t>就叫“苏正莹”吧！我也叫正莹，不过我不姓苏。</t>
  </si>
  <si>
    <t xml:space="preserve">情问怀孕期间能吃粉丝吗？我怀孕有20周了，之前查过很多资料关于怀 </t>
  </si>
  <si>
    <t>我也HY20周，个人也非常喜欢吃粉丝，别人都说粉丝吃多了会觉得胃胀，可是我吃一大碗，甚至把粉丝当饭吃都不觉得胀，现在怀孕了，也当心粉丝会对胎儿有影响，但是我觉得少吃点应该不会有问题，我已经吃过好多次了，不过每次吃的不是很多，没什么影响的。放心吧，想吃就吃，别想太多，祝我们明年都能生出个健健康康的宝宝！</t>
  </si>
  <si>
    <t xml:space="preserve">大家帮帮我，谢谢我就想买个代步车，我在家工作，一个月最多出门10 </t>
  </si>
  <si>
    <t>00-02桑塔纳，99-01捷达是最好的选择，大众的车质量很好。也可以选择新车QQ、比亚迪F0、夏利等。</t>
  </si>
  <si>
    <t>2780点这周能到吗?</t>
  </si>
  <si>
    <t>一个字：牛！</t>
  </si>
  <si>
    <t xml:space="preserve">婚后的生活，真的不知道如何面对　　明年初我和相恋五年的男友结婚了 </t>
  </si>
  <si>
    <t>看到你遇到的问题我想到了我自己，我和老公结婚还差一个月刚好就一年了，记得我们结婚的时候，也是遇到了很多双方家长都坚持的礼节、钱、物等等好多事情上的分歧。说实话，我从认识老公到我们结婚到现在，我都不喜欢婆婆，可是我很爱我老公，我们彼此相爱，他家人多多少少的缺点，我都没有放在心上，因为我觉得跟我过一辈子的人是我的老公，不是他的家人。结婚这不满一年里，我也因为他们家人的事情，生气了两次。可是，又能怎么样呢？既然选择了嫁给他，就要面对他的家人，我觉得重要的是找个好丈夫，其次才是怎样处理和他家人的关系。其实，农村，城市地域的不同不重要，我们两家离得很近，可是还是有些风俗习惯不同啊，我觉得你考虑的太多了，别给自己太多的压力和负担快乐的做个新娘子吧。祝福你幸福。</t>
  </si>
  <si>
    <t xml:space="preserve">现在铜的主力合约是哪个?一般主力合约是哪个月的？ </t>
  </si>
  <si>
    <t xml:space="preserve">   现在铜的主力合约是0610也就是十月。一般来说主力合约会随着月分推移。</t>
  </si>
  <si>
    <t xml:space="preserve">湖南怡生地暖好吗？ </t>
  </si>
  <si>
    <t>地暖是个大工程，对技术、施工、管材辅材要求非常高，毕竟是埋地板下的。《怡生供暖》---长沙最大最专业的供暖公司，内部自有专业施工队伍100多人，抵制工程外包，专业到极致。    佩耐德特级供暖管，决定系统安全，寿命长达50年之久。    西门子温控，决定舒适和能耗，方便、高效、节能、舒适。    奥特朗供暖主机，提供系统的热源---宽频节能，是该主机的特点之一；质保5年，怡生独有；博世壁挂炉----德国老字号、世界500强，经久耐用，怡生是博世湖南总代理。    辅材，决定系统使用寿命，辅材的质量大大影响系统效果、寿命长短，保温板、保温管质量差异很大，怡生从不偷工减料，所以你可以说怡生贵，但怡生会说我们的系统使用寿命长、质量好！    湖南怡生地暖好不好，新老客户说了算</t>
  </si>
  <si>
    <t xml:space="preserve">邢台地区那家公司金蝶软件做的比较好？我公司想上一套，产品的质量要? </t>
  </si>
  <si>
    <t>金蝶软件确实是挺好的，不过前提是你一定要找个服务好的公司，要不出了问题找不到人就郁闷了，我公司的软件是在一家石家庄的公司上的，用的还真不错，你可以打听打听石家庄鸿图科技公司，在百度上搜一搜就有他们的联系方式和地址了。</t>
  </si>
  <si>
    <t xml:space="preserve">我是一个初中学生,我想练习英语口语,现在上海市中心那里有英语角?? </t>
  </si>
  <si>
    <t>Hello johnjohn,Please refer to all the messages as follows: 上海英语角汇总2004-12-07    复旦大学——邯郸路220号 推荐指数：★★★★☆ 交通路线：55、59、99、133、139、749、854、866、942、大桥五线等车 地点：毛主席像下 活动时间：每周日18：30开始 华东师范大学——中山北路3663号 推荐指数：★★☆ 交通路线：44、67、69、224、756、909等公交车，轻轨金沙江路站下 地点：毛主席像下 活动时间：每周四18～21点 上海大学外国语学院英语角——上大路99号 推荐指数：★★★ 交通路线：58、110、767等公交车 地点：下沉式广场泮溪湖畔、图书馆二楼大厅 活动时间：每周日18～21点 上海外国语大学——东体育会路410号 交通路线：21、70、79、100、115、933等公交车，轻轨赤峰路站下 地点：教学区食堂 活动时间：每周三晚 华东政法学院——万航渡路1575号 推荐指数：★★★★ 地点：学校小草坪 交通路线：13、44、921等公交车、地铁2号线中山公园站下、轻轨金沙江路站或中山公园站下 活动时间：周二18：30，每两周一次 上海交通大学——华山路1954号 推荐指数：★★☆ 地点：徐汇校区里程碑广场内 交通路线：44、126、806、920、926、946、大桥6线等公交车，地铁一号线徐家汇下 活动时间：每周三18：30～22：00 PCEC英华美（上海）学院 推荐指数：★★★☆ 地点：浦东南路1271-1289号华融大厦20楼（邻近时代广场） 交通路线：82、86、119、583、616、792、980、隧道三线等公交车 本月活动时间：15日、29日17：30～19：30 上海浦东新区图书馆英语角——浦东新区迎春路324号 推荐指数：★★★★☆ 地点：一楼进才书苑 交通路线：640、794、983、隧道四线、东周线、江园线、杨祝线等公交车，地铁二号线上海科技馆站下 活动时间：周六9：30～11：30 人民公园英语角——南京东路西藏中路口 推荐指数：★★★☆ 交通路线：20、37、537、980等公交车，地铁一、二号线人民广场站下 活动时间：周日白天 光启公园英语角——南丹路17号 交通路线：43、93、02等公交车 活动时间：周六下午 静安公园英语角——南京西路、华山路、延安中路口 推荐指数：★★★★ 交通路线：21、94等公交车，地铁二号线静安寺站下 活动时间：周日上午11点前 淮海公园英语角——淮海中路、普安路口 交通路线：01、42、911、926等公交车，地铁一号线黄陂南路站下 活动时间：周日10～12点 虹口公园英语角——四川北路、甜爱路口 交通路线：18、21、52、139 、231、858、939等公交车 活动时间：周日上午 上海八万人外语广场（火炬广场） 交通路线：15、43、42、56、73、87、89、92等公交车，地铁一号线上海体育馆站下 活动时间：周日下午 韦博国际英语——徐汇区衡山路922号建汇大厦28层（近太平洋百货徐汇店） 推荐指数：★★★★ 交通路线：43、44、50、72等公交车，地铁一号线徐家汇站下 活动时间：周一～周五：16：00～21：00（18：00～19：00休息） 周六：13:00～17:00 周日：11：00～12：00 14：00～19：00 吴江路步行休闲街英语角（力美健健身俱乐部下） 交通路线：20、37、112等公交车，地铁二号线石门一路站下 活动时间：双休日 星级英语角： ★★★★ ×复旦英语角： 复旦的英语角由复旦英语社团美芹社主办，在上海高校中算是小有名气，很多时候甚至连同济、财大的学生都慕名前往。参与者以freshman和研究生居多，水平倒是出人意料地高：无论是词汇的积累，还是那一口纯正的美式发音都让人叹为“听”止。美芹社的会员每次都会在现场维持秩序，主动攀谈。每隔一段时间美芹社还会邀请外教，举办一次大规模的主题派对。四月份最后一个周日就有一次。届时，软饮料、音乐、灯光均虚席以待，静候你的光临。如果下雨，派对顺延二周。 ×上海浦东新区图书馆英语角： 公益性活动，一般为自由交谈的形式。近期活动时间延长至12：30，其中 9：00～10：30为常规模式，10：30～12：30由演讲培训机构Toastmasters Int’l--Pudong Club主持。每次均有一个类似主题讨论的Table Topic，主持人会事先安排参与者进行主题演讲，并对其演讲作出中肯的评价；并邀请其他参与者站出来表达自己的看法。 ×华东政法学院英语角： 最有组织的英语角，总像嘉年华会那么缤纷热闹。私下认为是初学者的天堂，因为每次活动都会由英语系学生领衔，负责调动现场气氛或者主动和你交谈。外教的参与人数相交而言，也算多的，不过是几个还是一群，就纯粹看运气了。若逢下雨，活动地点就转到图书馆底楼。 ×静安公园英语角： 由于公园附近相对较高的外籍人士居住率，静安公园英语角的老外算得上上海之最：英国、美国、西班牙、日本……每到周末，他们都会拖家带口地在公园亲近大自然，和他们闲聊，通常是不会被拒绝的。 ★★★ ×PCEC英华美（上海）学院英语角： 面向大众的活动时间每月时间不定，可以事先致电58871555咨询。参与者多为白领，在自由的氛围下交流工作情况，没准还能互通有无呢。 ★★★★ ×韦博国际英语： 这里是年轻人的世界，参与者年龄在18岁至35岁之间，思维活跃，反应灵敏，常常在对话时激荡出灵动的火花，让你的头脑和心情一起兴奋起来。Topic广泛，来自美国、英国、澳大利亚、新西兰等不同国度的外教严谨而幽默，与你轻松对谈。英语角的“铁杆”成员Helen说：“外教们各有特色，跟每个人都能学到很独特的句子；另外，他们来自不同国家，口音不同，绝对是训练听力的好会。我参加英语角5个月了，听力和口语有很大提高。” 如果你想出国，或工作中经常同“老外”打交道，这里可是“练兵”的好地方。 ×人民公园英语角： 人民公园的英语角拥有悠久的历史，曾是沪上英语爱好者们皆知的去处。后来，因为上海的改造，英语角一度销声匿迹。现在人民公园已转变为开放式，想去练习口语的人，比起前人来，还省下2元钱的门票钱呢。 ×上海大学外国语学院英语角： 上大的英语角有两个活动地点，不过只要进入上大新校区，就能看到醒目的海报或横幅，预示此次活动的主题并指引你前往，所以不用担心找不到。参与者多为本科生和研究生，几乎个个具有专业8级、大学英语六级的水平，偶尔有外教。如果想有高水准的交流，这将会是一个不错的选择。 ★★ ×上海交通大学英语角： 几乎没有老外，如果你的运气够好，也许会和口语高手或者外面的口语老师狭路相逢。 ×华东师范大学英语角：参加英语角，最怕的就是巴巴地赶到活动地点，却发现空无一人的尴尬场景。尤其是碰到非人为因素时，总会犹豫不决究竟是去还是不去。华师大英语角虽然是露天的，却是难能可贵的风雨无阻。下雨天，参与者即便有所减少，执伞交谈也算是一道蔚为壮观的独特风景线。平时一般不限讨论话题，有时也会在校园内贴出海报，预告主题，这时候会有较多老外参与。相信这些天海湾局势将会成为中外人士关注的热点话题！ Good luck!羊羊</t>
  </si>
  <si>
    <t xml:space="preserve">平衡移动在一个装有可移动的活塞容器中进行N2+3H2≒2NH3平 </t>
  </si>
  <si>
    <t>a&gt;bb&gt;a</t>
  </si>
  <si>
    <t xml:space="preserve">初级电工题三相异步电动机的转速是不是与电源频率成正比？它的转速是 </t>
  </si>
  <si>
    <t>三相异步电动机的转速可以认为是与电源频率成正比的，这就是目前广泛采用的变频调速的根据。三相异步电动机的转速总是小于同步转速。</t>
  </si>
  <si>
    <t xml:space="preserve">中度脂肪肝的问题我今年29岁，身高172，体重71公斤。不知道怎 </t>
  </si>
  <si>
    <t>多吃洋葱等和锻炼</t>
  </si>
  <si>
    <t xml:space="preserve">想买个微单求推荐再想多听几个人的意见你们告诉我[淚][淚] </t>
  </si>
  <si>
    <t>【索尼NEX-5R】索尼5R和尼康J1推荐尼康J1或佳能EOS M或者富士X100~希望我的回答能帮到你，请点击答案下方的【有用】，谢谢你的支持~~</t>
  </si>
  <si>
    <t xml:space="preserve">怎样增加粉丝？ </t>
  </si>
  <si>
    <t xml:space="preserve">多关注别人，如果别人也关注你，你们就成为粉丝了。你的粉丝就增加了 </t>
  </si>
  <si>
    <t xml:space="preserve">电力设备中三相电机铭牌功率30kw就是说一小时30度电吗？ </t>
  </si>
  <si>
    <t>呵呵，你说的三相电动机的功率是30kW，表示该发电机机械端口输出的功率是30kW，三相异步电动机的输出功率P=3UIcos(phi)eta，U是相电压、I是相电流、cos(phi)是电机的功率因数、eta是效率。从上面的公式可以看到，当该电机满载运行时，输出机械功率是30kW，但是实际从电网耗用的有功功率要大于30kW，大于的部分主要是电机定子、转子铜损耗、硅钢片铁损耗、风磨机械损耗和附加损耗。因此一个小时，如果电机在满载运行的情况下，耗电量多于30kW，实际用电量为30kW除以电机的效率eta，比如电机效率为85%，那么耗电量就是30kW/0.85*1小时这么多了</t>
  </si>
  <si>
    <t xml:space="preserve">为什么我想流泪，难道是我不够坚强本来我从小很少哭的，可是不知道为 </t>
  </si>
  <si>
    <t>不是哭泣，只是觉得心理很压抑吧，这个原因是因为你们关系不确定引起的说明你其实是一个愿意用感性来对待女生的人呵呵，我的建议是，你最好好好考虑你们的感情一下最好是考虑未来等等然后给她点暗示，我想你们既然那么和拍应该很容易走到一起的，要是她还是没有表示，就冷冷她吧，看她怎么办，要看一个女人的心办法很多啊，加油</t>
  </si>
  <si>
    <t xml:space="preserve">去深圳大学城怎么走？我在宝安，想去深圳大学城坐几路车才能去？ </t>
  </si>
  <si>
    <t>深圳大学城地址：深圳市南山区西丽丽水路      宝安那边的乘237路过来就行了。图为深圳大学城《哈尔滨工业大学深圳研究生院》全景</t>
  </si>
  <si>
    <t>进球了1</t>
  </si>
  <si>
    <t>这谣言你也敢造</t>
  </si>
  <si>
    <t xml:space="preserve">请问哪个产品治疗激素皮炎好？3年皮肤发红、发痒、还脱皮的厉害，急 </t>
  </si>
  <si>
    <t>质类固醇激素具有抑制免疫反应的抗过敏作用，外用后能减轻充血和水肿，使瘙痒的程度和某些皮肤损害的炎性反应暂时得以缓解和消退，人们往往被这一假象所蒙混，加之广告宣传的误导，很多人又对激素应用范围和不良反应缺乏了解而长期滥用，导致不良后果。有些不能被吸收的物质堵塞毛囊油脂腺就会产生痤疮样症状,建议试试赵氏草本专业抗过敏、去激素皮炎专用调理霜！效果不错！</t>
  </si>
  <si>
    <t xml:space="preserve">求photoshop教程 </t>
  </si>
  <si>
    <t>一些PS教程站点有很多下载的，，shejihui.net 这里收集了很多PS教程站点，你可以去看看</t>
  </si>
  <si>
    <t xml:space="preserve">1区牧羊宠的问题。我有一斩首，41级10D不攻。以前没有注意错加 </t>
  </si>
  <si>
    <t>朋友，很简单，那人是倒卖的.你的宠价值100万是没有问题的,但是很多买家都不喜欢混加的宠,也就是市场小了.所以他觉得买了去不好再出手,就不要了，很正常.至于混了1敏会怎么样,你一个有斩首的人了，不会这都心里没谱吧?不要谦虚了,大家都知道,混了1点除了不好看(当然，蜜蜂之类抢敏的宠可不能混),根本够不成影响.</t>
  </si>
  <si>
    <t xml:space="preserve">什么是肝吸虫病，有了这种病该怎么办？ </t>
  </si>
  <si>
    <t>肝吸虫病又称华支睾吸虫病是肝吸虫成虫寄生肝内胆管所引起。虫卵随胆汁入肠，由粪便排出体外，落入池塘；被淡水螺吞食，在螺体内发育形成尾蚴而出螺体，再侵入淡水鱼或小虾肌肉内，即成囊蚴，人或其它肉食或杂食动物吞食带囊蚴的鱼虾，即被感染。成虫寿命达15－25年，我国华东、华南、西南、东北等共有23个省、市、自治区有此病分布。轻中度感染时肝内胆小管病变不明显，虫数多时肝内胆小管因机械性堵塞、胆汁淤积而扩张，胆管增厚。急性重度感染时可有细胞浸润及胆小管周围充血等炎症变化。慢性感染则以结缔组织及弹力纤维增生为主，肝细胞可有脂肪变性萎缩，肝吸虫感染偶有引起胆汁性肝硬化，也可诱发肝胆管及胆囊内胆色素结石，本病与原发性胆管细胞癌间可有一定关系。 【危害性】 其危害性主要是患者的肝受损。虫体在胆道寄生时的代谢产物和机械刺激的结果。病变主要在肝的次级胆管。感染初期病变并不明显。长时间重度感染后，胆管出现局限性扩张，管壁增厚。大量虫体可引起阻塞、胆汁滞留，如合并细菌感染可引起胆管炎和胆管肝炎。慢性感染可有大量的结缔纤维组织增生，附近的肝实质可见明显萎缩。胆道分泌糖蛋白的增多，并附着于虫卵表面作为结石核心，起支架和粘附剂作用，促进胆红素钙的沉积，最后导致色素类结石（即肝内多发性结石）的出现。 【治疗措施】 　　积极治疗病人和感染者，是保护人民健康、减少传染源的积极措施。治疗药物目前吡喹酮（Praziquantel）为首选药。 【预防】 　　大力做好卫生宣传工作，提高群众对本病传播途径的认识，自觉不吃生的或不熟的鱼虾。改进烹调方法和改变饮食习惯，注意分开使用切生、熟食物的菜刀、砧板及器皿。也不用生鱼喂猫、犬。 　　积极治疗病人和感染者，是保护人民健康、减少传染源的积极措施。治疗药物目前吡喹酮（Praziquantel）为首选药。 　　合理处理粪便，改变养鱼的习惯，都是预防华支睾吸虫病传播的重要措施。此外，结合生产的需要，清理塘泥、消毒鱼塘，对杀灭螺类有一定效果。 【治愈标准】 　　经过彻底治疗，经1～2个月后检查粪便无虫卵即为治愈。</t>
  </si>
  <si>
    <t xml:space="preserve">在哪里可以下载肺结核视频在哪里可以下载肺结核病的视频 </t>
  </si>
  <si>
    <t>结核的视频有什么好下的?我们都是看病理图片的.</t>
  </si>
  <si>
    <t xml:space="preserve">常看电视节目提到软水和硬水，究竟要如何区分呢？ </t>
  </si>
  <si>
    <t>"软水和硬水的区分是通过水的硬度来衡量，即碳酸钙和碳酸镁的含量，一般将水的硬度分为4个等级：1. 软水:0-60ppm2. 稍硬水：60-120ppm3. 硬水：120-180ppm4. 极硬水：181ppm以上像我们南方地区用水主要是雨水带来的地表水，水体较软，自来水或者纯净水都是软水。北方用水主要是地下水，水体较硬。"</t>
  </si>
  <si>
    <t xml:space="preserve">忘记新浪邮箱密码保护问题与回答,怎么办?我现在玩网游,想把游戏号 </t>
  </si>
  <si>
    <t xml:space="preserve">你好：密码保护问题答案可以重置，请按以下步骤来完成：一、到达新浪通行证首页后，输入你的会员名及登录密码进入。二、进入后点击“设置修改密码保护信息”中的· 设置 密码查询问题和答案。三、再次输入你的登录密码进入到设置密码查询问题、答案页。四、先试着填写你的问题答案，看看能否自己找回后重置答案。五、如果确实忘记了也没关系，你可以发送邮件至客服邮箱：webcn@ 写出你的会员编号和你“忘了密码保护资料，我想要找回或重置” ，客服专员会在48小时内给与回复，要求你提供会员名称（会员编码）和密码，以及注册账户的大概时间和注册地点。客服专员核实后可以帮您将密码答案重置。新浪通行证首页， 客服邮箱：webcn@ 新浪全国统一服务热线 95105670（免长途费）祝新春快乐！万事如意！ </t>
  </si>
  <si>
    <t xml:space="preserve">求几篇水利方面的论文，谢谢最好是没发过的谢谢 </t>
  </si>
  <si>
    <t>虹吸泄洪　　每建一座拦水大坝，首先要保证该水利的安全。洪水到来之即，使洪水能快速顺利通过，就需要一整套泄洪配套工程，传统的泄洪工程，技术含量高、设施庞大：具有宽而深的引洪道、钢铁铸造的巨型闸门、大型起吊闸门设备等等，这些设施笨重而耗资巨大，寿命短、不易维护。如果改用虹吸泄洪，根本就不需要以上的投资（并能克服以上缺点），仅仅只建造数根虹吸管和相配套的小功率抽气机就可以了。　　我们知道，虹吸管正常运行条件，是管顶部与坝内水面不超过十米（一个工程大气压），我想大多数大坝，安全水位与泄洪水位不会超过十米，也就是说基本上所有的大坝，都可用这种方法泄洪。　　说起来很简单，就是在堤坝中间，根据需要的横截面积，横向建造几道虹吸管就可以了。 进水口设在坝内安全水位线下，出水口设在坝外的底部（尽量提高出水孔与坝内水位的落差），虹吸管顶端处在泄洪水位线上。并在虹吸管的顶部开一小孔与抽气机相连。坝外的出水口应建造一个蓄水池（既可盛水密封虹吸外管：保证抽气时虹吸管真空，又可作为出水消能池）。　　虹吸泄洪可以自动运行：当洪水来临，大坝内的水位逐渐升高，当水位达到或超过泄洪水位时——水位与虹吸管顶部持平或稍高，这时洪水流入虹吸管内，把空气排净，使虹吸管处于真空状态，这时虹吸管正常工作。由于出水管的关口与坝内水位落差的作用，产生强大的吸力，使洪水高速飞泻。当水位降到泄洪线以下，进水管口以上，虹吸泄洪仍能正常运行。当水位降到安全水位线——虹吸管的进水口露出水面，虹吸泄洪就自动停止。但当洪水再度升高到泄洪水位时，虹吸管再度自行排洪。　　虹吸管不仅能全自动泄洪，还有很方便的可控性：装上抽气机，在虹吸管正常工作范围（水位在安全水位线与泄洪水位线之间）内都可以，随时利用抽气机把虹吸管抽成真空，提前泄洪；利用抽气机管道的进气阀门，随时打开，停止泄洪。　　虹吸管不仅可以用于大坝的泄洪，而且最适应水力发电的进水管道。用抽气机的抽气使虹吸管输水，或进气停水，使水力发电设备随时开机或关机。再一，发电机在运行过程中，可以输入一定的进气量，控制输水管的流量，从而调节发电机的输出功率。　　虹吸现象用于泄洪和发电机的进水管道，设备简单，操作方便，既省工，又省建造水闸及附属设备的高昂费用，可用于大小水利枢纽工程的建设。</t>
  </si>
  <si>
    <t xml:space="preserve">知道的请回答穿套装有隐性属性吗？ </t>
  </si>
  <si>
    <t>没哦，别的游戏都有，就这游戏特别，，没！！！！汗！！！</t>
  </si>
  <si>
    <t xml:space="preserve">中间消费和最终消费的定义是怎样的? </t>
  </si>
  <si>
    <t>“最终消费”，是指全社会的消费者对社会总产品的最终使用或消费；“中间消费”,是指生产者和商家为了转售、为了进一步加工或制造而进行的购买需求。随着社会生产现代化程度越来越高，最终消费需求带动中间消费需求的乘数就会越来越大，从而最终消费需求带动的就业人口也就会越来越多。</t>
  </si>
  <si>
    <t xml:space="preserve">女人对人很小气，该怎么指点改变她。我老婆她很小气，只要她听到不中 </t>
  </si>
  <si>
    <t>说话是门艺术，朋友们都很喜欢和我聊天，认为我懂这么艺术。其实说话时，如果遇到尖锐的问题，首先应该平稳声调，深入浅出，让听者在不经意间接受自己的观点。至于，楼主说的妻子小气一事，如果是我遇到，我就会大大夸奖她会持家，夸奖她为了我，或孩子辛劳。但是却找机会，让她开阔眼界，让她看看外面的世界。这套办法，我对几个好朋友用过，效果不错。</t>
  </si>
  <si>
    <t xml:space="preserve">我在5173上卖号，注册资料全部提供了~现在不卖了为什么号老被盗 </t>
  </si>
  <si>
    <t xml:space="preserve">尊敬的客户:    您好！5173客户服务027很高兴为您服务！我们工作人员是不会乱动您的资料的，如您的账号出了问题，建议您联系游戏官方找回，您也可以向当地的网络监察科报案。感谢您对5173的支持!!!                                                                    </t>
  </si>
  <si>
    <t xml:space="preserve">好烦啊！最近老是晚上做梦，白天脾气烦躁！为什么？ </t>
  </si>
  <si>
    <t>做体检</t>
  </si>
  <si>
    <t xml:space="preserve">怎么样才能让女孩子主动泡自己？？？偶很喜欢她，可是偶又不好意思去 </t>
  </si>
  <si>
    <t xml:space="preserve">   怪全你顶.不要放轻松.不要让她觉的你没用.打怪要有效率.不要慢吞吞的.就象打了一个怪就停下.东看西看.见了怪再跑过去.要去找怪.而不是怪来找你.血没了表坐地板.带点红.只要让她升级快快.她就会高兴起来的.   只要你是真心的.她不会不理你的哈.保定把你当靠山.当保镖.   你可以骂我胡说.骂我垃圾.少掺事.别在游戏里找我.我经不起刺激的.I HAS 心脏病</t>
  </si>
  <si>
    <t xml:space="preserve">注意:又有挑拨离间的登场了建议管理员封xiaoliha的号爱问不 </t>
  </si>
  <si>
    <t>让自已跟自已说吧！不理他就是啦</t>
  </si>
  <si>
    <t xml:space="preserve">“眷属”一词的来历？经常听到“有情人终成眷属”这句话，但不知道最 </t>
  </si>
  <si>
    <t>1、眷属解释 (1)家眷,亲属 (2) 有情人终成眷属 2、出处 有情人终成眷属出自《西厢记》 中国人都喜欢大团圆结局，古人写文章也是这样，一部作品能够成功，要不就用惊世骇俗的大悲之作，唤起读者的共鸣与反叛；要不就构建美丽的童话，让美好的愿望滋润人们的心田。《红楼梦》属于前者的典范，而后一类作品泛滥，要成功，则必定是开山之作。《西厢记》就是这样一部讲述“有情人终成眷属”故事的作品，这句经典的祝福也是出自这部戏曲。 3、《西厢记》简介 唐代，书生张珙，在普救寺邂逅已故崔相国之女莺莺，发生爱情。时河桥守将孙飞虎兵围普救寺，强索莺莺为妻，崔夫人当众许愿：有退得贼兵者以莺莺许之，张珙驰函好友白马将军杜确发兵解围。然崔夫人嫌张贫寒而赖婚，张珙相思成疾，莺莺在侍婢红娘撮合下，夜奔西厢探慰张珙，事为崔夫人发觉，拷问红娘，红娘据实以告。夫人不得已而将莺莺许配张珙，但又借口不招白衣女婿，迫张上京赶考，莺莺与张珙满怀离愁而别。 莺莺空守西厢，思嬉戏君心切，和红娘一道耐心苦等。张生终于中了状元，衣锦荣归，和莺莺团圆。</t>
  </si>
  <si>
    <t xml:space="preserve">体检时说肝上有肿瘤去医院体检做彩超的时候说肝上有两个肿瘤，应该没 </t>
  </si>
  <si>
    <t>从医生的角度推测，检查医生会随口说肝上有两肿瘤，多半表述的血管瘤，或囊肿等良性病变！诊断尚未出来，不用去着急想预后及处理方式！</t>
  </si>
  <si>
    <t xml:space="preserve">42级剑客在哪升级最快 </t>
  </si>
  <si>
    <t>和45级刺客或者药师术师一起去刷天泉.因为剑客血多可以帮引怪,很多人愿意组剑客一起去刷.</t>
  </si>
  <si>
    <t xml:space="preserve">【荐谜】月初小桥会知音。（打一字） </t>
  </si>
  <si>
    <t>爱</t>
  </si>
  <si>
    <t xml:space="preserve">新买的电脑要装些什么杀毒软件？新买的电脑要装些什么软件来杀毒辣呢 </t>
  </si>
  <si>
    <t>1.如果你是一个爱好时尚的人，瑞星杀毒软件2005版一定是你的最佳选择，他的界面非常漂亮而且功能齐全但有个很致命的问题就是你装上它之后会经常被人Ping，或是有叫蠕虫王的病毒来攻击你，所以你经常会听到那报警声；2.如果你是一个不爱现的人，你应该选择金山毒霸6，它的功能也非常齐备，但界面远不如瑞星，他的查杀毒功能比较强大而且还很快，最重要的是升级免费而且价格适中3江民杀毒软件还有熊猫卫士也可以，但上面提到的是本国较出名的杀毒软件。</t>
  </si>
  <si>
    <t xml:space="preserve">3DMAX材质贴图里的noise（噪波）问题不论我在漫反射里面还 </t>
  </si>
  <si>
    <t xml:space="preserve">噪波贴图的原理是把图片灰度化，根据图像灰的浓度转换成凹凸程度.REPEAT翻译成中文是倍增值，就是总体凹凸程度的设置。你要设置得很大，如100，这样渲染出的图光线关系会比较明显。如不行就设300. </t>
  </si>
  <si>
    <t xml:space="preserve">请你解释一下：“以牙还牙”是什么意思？脑筋急转弯哦! </t>
  </si>
  <si>
    <t>就是拔牙和镶牙</t>
  </si>
  <si>
    <t xml:space="preserve">关于黑精刺客的问题请问黑精刺客有个技能叫冰冻之击这个技能的书哪个 </t>
  </si>
  <si>
    <t>魔发商人哪，专门买书的，好好找，要不问问啊。</t>
  </si>
  <si>
    <t xml:space="preserve">请教各位：天津哪里买装修材料好还便宜？在哪里买家具好还便宜？谢谢? </t>
  </si>
  <si>
    <t>还是家居和百安居的放心，登发太乱，也不规范。环渤海的还可以。我的面积和你差不多，前年装的，不含家具、电器大概要4万左右。家具美凯隆、金海马都可以，相同品牌的好像都是相同的价格，只是有些做活动的比较便宜。我在西青道百大家居买的。</t>
  </si>
  <si>
    <t xml:space="preserve">钢的碳含量对金属特性有什么影响 </t>
  </si>
  <si>
    <t>钢中含碳量增加，屈服点和抗拉强度升高，但塑性和冲击性降低，当含碳量 超过0.23%时，钢的焊接性能变坏，因此用于焊接的低合金结构钢，含碳量一般不超过0.20%。 碳量高还会降低钢的耐大气腐蚀能力，在露天料场的高碳钢就易锈蚀；此外，碳能增加钢的冷脆性和时效敏感性。</t>
  </si>
  <si>
    <t xml:space="preserve">如何做好干部队伍建设 </t>
  </si>
  <si>
    <t>贯彻落实发展观，关键在人，关键在干部，如何抓好干部队伍建设，使之成为贯彻落实科学发展观的骨干力量呢？用科学的方法选人，选懂科学发展的人。科学发展、可持续发展，最终需要一批懂得科学发展、善于科学发展的干部来落实，这就需要在干部选拔过程中树立一种“以德为先、崇尚科学、崇尚实干”的用人导向。只有选人用人的方法科学了，才能选准人、选对人、用好人，那么，什么样的方法才是科学的方法呢？就目前而言，就是要紧紧围绕《党政领导干部选拔任用工作条例》的原则和精神，来选干部配班子，坚决反对用人上的不正之风，严厉打击拉票贿票、跑官要官、买官卖官不法行为，不断提高选人用人公信度。事业发展，关键在党，关键在干部。加强对年轻干部的培养，是保证党和国家长治久安的战略任务。要用科学的方法教育干部，培养有科学精神的干部。加强干部教育培训是提高广大干部落实科学发展观能力的重要途径，培养干部的科学精神是落实科学发展观的关键所在。培养和选拔德才兼备的年轻千部，是增强干部队伍活力、提高干部队伍整体素质的关键。抓好干部监督管理，用科学的方法管理干部。严格要求、严格教育、严格管理、严格监督干部，加大治庸治懒治软力度，使我们的干部真正成为干事、干练、干净的干部。抓好党政干部绩效考核工作，让想干事、干成事、不出事的干部得到奖励、提拔和重用，让少作为、不作为、乱作为的干部受到诫勉、降职和免职。完善干部交流和退出机制，增强干部队伍的活力。在干部监督管理上，要注意用制度管人、以道理服人、以感情动人，真正把严格要求、严格教育、严格管理、严格监督落实到干部日常管理工作中。总的来讲，就是要为干部创造一个既严格又宽松、既严肃又和谐的工作和学习环境，尽可能为干部提供发挥聪明才智的充足空间。总之，科学发展、和谐发展，归根到底需要一支高素质的干部队伍来予以落实，只有切实加强干部的选拔、教育和管理工作，解决好干部队伍的认识问题，才能把广大干部的思想和行动统一到科学发展上来，力量凝聚到科学发展上来。</t>
  </si>
  <si>
    <t xml:space="preserve">我的竞彩（图）麻辣小串。。哈哈 </t>
  </si>
  <si>
    <t>恭喜了，看来人还是不能太贪啊，我比你多串了一个高丽棒子，就这么充满无奈的挂了！进来沾点喜气也好，呵呵</t>
  </si>
  <si>
    <t xml:space="preserve">踏雪出谜：青楼两丫环．（四字成语一）我可以友晕了不出了，俺接一下 </t>
  </si>
  <si>
    <t>风尘仆仆</t>
  </si>
  <si>
    <t xml:space="preserve">开放式基金最新业绩排行榜,兴业趋势暴涨3.8%开放式基金最新业绩 </t>
  </si>
  <si>
    <t>谢谢你的资料,你真是个热心人,我经常浏览你的网页,获益匪浅.</t>
  </si>
  <si>
    <t xml:space="preserve">问点明白人为什么下载英雄2的时候上别的网就变为了不可能开个网页要 </t>
  </si>
  <si>
    <t>那说明 1资源少，下载就慢。2网速慢，是否是上网高峰？3 英雄服务器有问题</t>
  </si>
  <si>
    <t xml:space="preserve">QQ邮箱如何积分？QQ邮箱发邮件给分，那收邮件给不给分呀？ </t>
  </si>
  <si>
    <t>收邮件不给分。QQ邮箱获得积分的主要方式：·每日积分不超过20分。 ·登录一次积5分，每日登录积分不超过5分。 ·发邮件（包括普通邮件、贺卡、群邮件）一次积5分。祝你新年快乐！！^_^</t>
  </si>
  <si>
    <t xml:space="preserve">请问福州的朋友，在福州晚上9点左右有车到仙游吗，地点是火车站附近? </t>
  </si>
  <si>
    <t>火车站有个长途汽车北站，随时有车走。</t>
  </si>
  <si>
    <t xml:space="preserve">第一次吃药要加量吗？ </t>
  </si>
  <si>
    <t xml:space="preserve">    有些药物是需要首次加量的（如磺胺类药物），一般的多不需要加量。而有些药物则相反，需要从小剂量开始，在使用过程中逐渐增加用量（如卡托普利）。</t>
  </si>
  <si>
    <t xml:space="preserve">160G硬盘,分成了两个区,D盘127G,想把D盘进一步分区,怎? </t>
  </si>
  <si>
    <t>在xp下（win2000 2003)右击桌面上我的电脑，选择管理。在新的窗口中再选择硬盘管理，选中D这个127G的分区，右键中选删除分区，然后再重新创建3个新的分区即为D、E、F了。祝你成功！</t>
  </si>
  <si>
    <t xml:space="preserve">深圳东门地图我是来深圳旅游的,听人说东门不错,想批些衣服,所以跪 </t>
  </si>
  <si>
    <t>请双击下图查看深圳东门地图：</t>
  </si>
  <si>
    <t xml:space="preserve">上海治疗乳腺癌哪个医院有保障 </t>
  </si>
  <si>
    <t>上海治疗乳腺癌去哪家医院好，得了乳腺癌，手术治疗仍为乳腺癌的主要治疗手段之一，手术的方式有多种，对其选择尚乏统一意见。总的发展趋势是尽量减小手术毁坏，在设备条件允许下对早期乳腺癌患者尽力保留胸部外形。无论选用何种术式都必须严格掌握以根治为主，保留功能及外形为辅的原则。术后辅助用化疗，来杀灭残余肿瘤细胞，消灭转移病灶。近几年在治疗乳腺癌上面热疗放射治疗也同样应用的比较广泛。其他治疗，如内渗出治疗，中医药治疗对乳腺癌的康复也是非常重要。您好，一般三甲医院医疗技术都还不错的，乳腺癌的治疗方法手术切除，放射治疗、内渗出治疗、化学药物治疗、免疫治疗、中医中药治疗等，晚期乳腺癌综合治疗效果更佳。一般出现转移手术的意义不大还是以缓解症状，尽量延长生存期为主要目的，及应当采取中医中药的保守治疗，提高免疫力，抗肿瘤功效的中药，来达到减轻患者疼痛，延长患者生命的目的。现在乳腺癌的发病率非常高，一旦患上此病，首先要确诊，力争早确诊早治疗。得了乳腺癌能治好吗？也很多患者和家属关注的问题，得了乳腺癌并不意味着死亡，常规治疗方式有手术、放化疗、免疫治疗、生物治疗、中医药治疗等等。只要选对治疗方式，乳腺癌完全可以治愈的，不同的疾病病理特性和分期，治疗方式有些差别。</t>
  </si>
  <si>
    <t xml:space="preserve">野蛮VS温柔,哪个更让人更难招架?已经看到有俩哥们儿招架不住温柔? </t>
  </si>
  <si>
    <t>其实温柔和野蛮真的是可以共存的,传统女人的温柔有逆来顺受之嫌,日子久了会很乏味;野蛮是一种觉醒,有时也是一种情调和诱惑,有种冒险的刺激感,偶尔可以,但是总这样,时间久了是很招人烦.我想到了头发花白的时候,没有谁是喜欢整日伴着个恶婆娘过日子了,那个时候一起坐着摇椅慢慢聊往事,最惬意也不过如此了吧.究竟温柔好还是野蛮好,还是得看各人喜好,年龄段也很重要.如果是我,我喜欢野蛮型的,有点个性的女孩很可爱.</t>
  </si>
  <si>
    <t xml:space="preserve">力齿兽地下农场的粮食包有什么用？RT还有农场的利齿兽的食物有什么 </t>
  </si>
  <si>
    <t>利齿兽的食物是往那个粮食包里放的，但是放了也没什么反映，还不知道是干什么用的。2层需要钥匙[利齿兽的钥匙]*4 ，杀1层的蝙蝠王掉钥匙。</t>
  </si>
  <si>
    <t xml:space="preserve">神枪手怎样转职帮我啊，地下城与勇士中神枪手怎么转职，转职后很帅的 </t>
  </si>
  <si>
    <t>地下城与勇士国服神枪手转枪炮师图文流程 　　一、18级去赫顿马尔的凯丽那领取名称为【转职--枪炮师(Launcher)1】的任务。　　二、找到赫顿马尔的诺顿，对话并领取名为【转职--枪炮师(Launcher)2】的任务。需要收集以下物品：牛头怪的毛发×8个提示：如何获得牛头怪的毛发？——击杀格兰之森的幽暗密林地下城BOSS有一定几率获得牛头怪的毛发(牛毛)食人魔药剂×5个提示：如何获得食人魔药剂？——任务获得、或者直接向诺顿购买。　　三、完成后回去与赫顿马尔的诺顿对话并领取名为【转职--枪炮师(Launcher)3】的任务。　　四、完成后回访赫顿马尔的凯丽转职成功。</t>
  </si>
  <si>
    <t xml:space="preserve">5区是不是关门了啊晕啊，2天了都进不去，你们干什么吃的啊 </t>
  </si>
  <si>
    <t>要自己去官网手动下载30号的补丁才能进登陆器的自动更新是拿来看的 被指望他能自动下</t>
  </si>
  <si>
    <t xml:space="preserve">一般空调清理都有什么方法啊？我买408没多久，先学习下。请前辈大 </t>
  </si>
  <si>
    <t>常规的空调系统清理办法，主要包括更换灰尘滤芯，使用清洁剂对空调风道、蒸发器杀菌、消毒以及拆下进行手工清理。更换灰尘滤清器是最简单的办法，成本低廉却能使进风保持通畅。对空调风道的消毒、杀菌要分别针对内、外循环系统进行，这两项清理工作，稍有机械常识的车主都可以自己动手完成；拆下前面板进行手工清理的工序比较繁杂、工艺要求高，建议车主交给特约维修站完成。</t>
  </si>
  <si>
    <t xml:space="preserve">户口不在本地的，可是一直在这上学的，高考是还用回户口所在地考吗？ </t>
  </si>
  <si>
    <t>看你所在省的具体规定象上海等省规定,如果有蓝印户口,且高中一直在本地上,也可以报,但报的学校有限制,一般不能报中央部委院校和外地在你所在地招生的院校.</t>
  </si>
  <si>
    <t xml:space="preserve">我怎么链接不上啊音频部分初始化发送通道失败(100002)怎么回 </t>
  </si>
  <si>
    <t>您好。目前UTG软件不完全支持VISTA系统使用，建议您更换XP系统使用UTG。</t>
  </si>
  <si>
    <t xml:space="preserve">谁知道香港哪里有卖卡西欧的表便宜正品的 </t>
  </si>
  <si>
    <t>在旺角和油麻地之间的弥敦道上有很多钟表店。</t>
  </si>
  <si>
    <t xml:space="preserve">哪些职场女性容易被潜规则？女人在职场拼搏既为了自己的生存也为了自 </t>
  </si>
  <si>
    <t>长得漂亮的才有这个殊荣</t>
  </si>
  <si>
    <t xml:space="preserve">流产后的饮食问题流产后应该吃些什么营养品啊？（我最近不爱吃饭，想 </t>
  </si>
  <si>
    <t>人流术后的营养 现代女性常处于这样的境地，工作不容懈怠，节调紧凑，而身体呢，却开始了不可遏制的老化进程。不仅如此，经历了婚育的成熟女人还常常会有意外发生，人工流产也好，药物流产也罢，对于已经过了青春年华的她们来说实在是一场无妄之灾，如果没有在这样一场浩劫之后获得周到而合理的关怀，她们怎样来面对今后的风风雨雨，又怎能保持她们的妩媚和青春活力？ 　　人流之后为什么会发胖？ 许多女性朋友都有这样的经验：人流会令人发胖。这其中不乏内分泌调节的作用，但主还应归因于饮食调理不当。 一般来说，成熟的女人身体处于一种稳态，能量和各种营养物质的摄取和消耗是基本平衡的，这样才令其具有孕育生命的基础。怀孕本身一定会增加消耗，虽然这一点在怀孕早期并不显著，当自然的孕产过程被人为中止，母体的能量需要应该是降低了。但是，许多利于胎儿孕育的激素状态尚待调整和回落，身体适合胎儿生长的营养稳态具有一定的惯性，所以女人的身体会在人流之后处于一种能量大于消耗的状态。其次，许多女人会有早孕反应，而中止妊娠让她们的食欲获得了解放，这也就成为人流之后发胖的第二个理由。另外，几乎所有的人都觉得人流之后应该放开肚皮大补一番，特别是三十岁左右的成熟女人，更怕调理不周会影响身体的健康，这样做的结果往往是体重的增加。 那么，怎样的饮食调理才更加符合人流之后身体的需要呢？ 损伤恢复需要抗氧化关怀 仅仅是量一量血压，抽抽血，都会引起紧张和焦虑，更何况是人流手术。生理加之心理的创伤会让身体处于防卫的状态，用医学术语来形容就是“应激”。应激时大量的炎症细胞被激活会释放炎症因子和自由基，自由基是导致衰老特别是皮肤老化的因素，哪个女人愿意让皱纹和爬上面颊呢？所以在接受了人工流产治疗后需要特别的抗氧化关怀，来对抗自由基对身体的危害。 β－胡萝卜素、维生素E、维生素C是最重要的三种外源性抗氧化维生素，能在体内中和自由基，而锰、锌、硒和铜是体内SOD（超氧化物岐化酶）、GSH（谷胱甘肽过氧化物酶）的辅因，缺乏会影响内源性过氧化物酶的活性。维生素E主要存在于油脂，维生素C和β－胡萝卜素主要来自新鲜蔬菜和水果。在人流之后按传统的习俗是要忌生冷油腻的，如此一来令饮食中的抗氧化营养素来源少得可怜，对身体的恢复实属不利。 　 　　用饮食来对抗感染 　 人工流产在子宫内壁留下不小的创面，为外界感染源的入侵留下了缺口，故而要常规应用抗生素来防范，而抗生素在抑制外源性细菌感染的同时也会影响人体肠道正常菌群的平衡。 适当的饮食能为创伤的机体补充所需的抗感染物质，维生素A对于维护膜组织的健康、促进修复有着特别的好处。维生素A主要来自动物性食品，在肝脏中含量特别丰富，植物来源的类胡萝卜素也具有一定的维生素A活性。荤素搭配的饮食可以提高维生素A的吸收利用度。蛋白质是第二种在感染的预防中不可缺少的营养，大豆、各种肉食、蛋、奶，乃至五谷都能提供大量的蛋白质。 在人流之后应用抗生素的几天内，为了维护肠道健康，需要借助多种植物营养素，像蔬菜和水果中的可溶性膳食纤维，粗粮和杂豆中的不可溶性膳食纤维，都能为肠道正常的菌群提供生长所需的营养物质，维持平衡态。 补血补气靠饮食 传统医学认为人工流产之后常出现的虚弱、苍白、腰痛、容易疲劳是因为气血两伤所致。的确，流产会导致失血，而疼痛、紧张会伤气，年纪稍长之后对流产的损伤会更为敏感，常常需要更长的时间进行气血双补。 说到补养气血，有许多传统的食疗方法值得借鉴，像黄芪、阿胶、红糖、大枣、糯米、粳米、老鸡、生姜、菠菜、乌梅等都有着不凡的收敛止血、补气补血的功效。另外，猪肉、动物肝脏、血豆腐也有补铁生血的作用，同时摄入充足的维生素C更能增加铁质的吸收和利用的效率，为此饮食上需要注意荤素搭配才是。 　 　　舒缓心绪的营养要诀 生理的创伤总是伴随心理改变，人工流产前后的很长时期内女人都会变得有些自怨自艾、神经兮兮的，要么计较得到的关怀不够，要么担心影响今后的健康，超乎寻常的焦虑挺折磨人的，适当的饮食调理或许就能解开心结，恢复快乐和自信。 从营养学的角度来说，膳食当中的维生素B1、维生素B6、烟酸、维生素C、钾、铁和钙是对抗负面情绪的必需元素，而巧克力、奶酪、苹果、香蕉、金针菜、硬果（花生、核桃、松子等）、奶品等等则是保持平和心绪的食物。</t>
  </si>
  <si>
    <t xml:space="preserve">有什么可以抑制食欲的药吗？就是吃完就不爱吃东西的那种！我太想瘦了? </t>
  </si>
  <si>
    <t xml:space="preserve">   那种药我到是有吃过，不过里面都有导致心率过速的成分，不知道你承受的了么，吃曲美就行，或者便宜一点的有种叫“素の健”的，西单新一代里好象就有买，苹果园也有，通州也有。</t>
  </si>
  <si>
    <t xml:space="preserve">上级人民检察院()下级人民检察院领导还是指导? </t>
  </si>
  <si>
    <t>上下级检察院之间是领导关系，上下级法院之间才是指导关系。＜＜宪法＞＞第一百三十二条第二款规定“最高人民检察院领导地方各级人民检察院和专门人民检察院的工作，上级人民检察院领导下级人民检察院的工作”</t>
  </si>
  <si>
    <t xml:space="preserve">怎么样才能除去乐扣杯子上的咖啡渍 </t>
  </si>
  <si>
    <t>84消毒水能去除还能消毒呢</t>
  </si>
  <si>
    <t xml:space="preserve">大闹天宫巫神殿在哪里 </t>
  </si>
  <si>
    <t>大闹天宫巫神殿通关攻略　　巫神殿过关后可以给玩家带来大量的属性加成并且大幅度提升玩家的战力，下面我们就来看看怎么通关大闹天宫巫神殿吧。　　第一个直接无视了，70级第一个都过不去，我也没有办法，吃药吧，多准备点药。　　第2个大闹天宫祝融她有个技能释被打中会出现控制动不了他这个技能是可以躲掉的技能释放时脚下会出现小红点果断跳开然后继续打注意是挂机打然后你就通关了呵呵　　第3个大闹天宫后土其实也没什么好说的和祝融差不多战力高点无脑挂机救过了 主要的出来了　　第4个大闹天宫句芒那就难了他的技能会出现在你的脚下然后你的血救刷的没了怎么打呢？其实也简单就是挂机呵呵 要用玄女挂机然后挂机技能要用远程的那个单体技能然后就简单了也是最累的就是围着他不听的跳注意要吃补血和聚灵那是必须的　　第5个就是大闹天宫玄冥了我靠我感觉最难得那个就是他首先补血聚灵什么的要吃好，然后就是清怪注意小怪要清完，他身边的怪你可以用远程单体伤害技能一个一个杀，你走最边上他是不会攻击你的　　清完小怪主戏就来了，首先变卷帘注意你要开启自动挂机还有挂机技能要用近战的跳过去看着点卷帘的那个缴械技能的距离再跳起的时候最好在空中放技能所以要手动飞到玄冥身边 （注意玄冥在你近身的情况下是打不到你的）还没有完你要迅速的把自动挂机关掉 在关掉挂机之后你还没死的话祝贺你成功了，然后等一下看到正真成功卡主之后再 变身成天棚 或玄女 杨戬我还没有不知道行不行但只要不是不跑的技能都可以用，千万不能在用卷帘了你会死的很惨　　那剩下的就第6大闹天宫天吴了，他是最好打的也是最难的血太多了，打天吴就是卡怪很简单，卡他的位置也很好找就是在屏幕的右上 是天吴那，在右下边边缘处走过去他不会攻击你小怪会呵呵围着边缘走你会发现右上边那有个类似山洞的那里注意要走最边缘然后在洞口那打他就行了，至于他的那两只！！最好在卡他之前引走多死几次就行了　　问题出来了副本时间是15分钟再攻击力不足的情况下你就悲剧了卡是卡住了你会发现杀不死！！当然我提供的是杀死的办法攻击不足那就搞不了了 我就是攻击不足过不去啊！！ 还有玄冥那有覆海的可以轻松近身不用那么废力呵呵贫民有的不多！！帮到你就给个好评吧</t>
  </si>
  <si>
    <t xml:space="preserve">术士要学催眠术吗??1级FS里我原先的是冰线.衰弱和飞弹与护盾, </t>
  </si>
  <si>
    <t>催眠术效果范围比较大，但时间只有10-40秒。你学了也可以，不过没法术升阶专长的话会越来越不容易打中怪。有了蛛网就基本用不着了。蛛网不能网大体型的生物，但他是连BOSS都可以网的好用技能！那些应该用跳舞配合近战快速杀掉。跳舞这个法术。。。。。。也算强力单体控制术了，但是这种强力控制术一类的东西就关乎施法者的尊严了，一出手就知有没有，失败了很没面子的，还是交给法师来吧。图纹效果有争议，对于对方施法者放不容易中，因为意志豁免高，而且因为是远程攻击不会跟着人进进出出图纹范围，基本上没有反复拉进图纹使之中招的机会，，给近战怪放一转眼就被打醒了，不是很好用。考虑控制的话可以用第三能级的沉睡术。不过考虑到以及法术里有用的并不是非常多，所以术士学个催眠的确是比学个什么不着边的电爪之类的好很多。由于DDO不是韩国游戏，每一个冒险者要考虑的是怎样能够在尽可能多的情况下有好的适应性，这也包括了主力控场者不在的情况，这时术士，诗人和一些牧师就要分担控制责任了，而不是一味放炮——一个不能在队伍需要的时候挺身而出的队友不是个好队友，不是么？</t>
  </si>
  <si>
    <t xml:space="preserve">求vfp的打包程序我做了一个vfp6.0的小程序，可用VF本身所 </t>
  </si>
  <si>
    <t>VPF联编以打包要修改一些东西，具体要修改的只能自己解决，要根据你的程序来定！</t>
  </si>
  <si>
    <t xml:space="preserve">怎样删除图片上的部分内容? </t>
  </si>
  <si>
    <t>如果你要删除电脑桌面上的图标，直接将不需要的拖到回收站就可以。如果你要删除图片上的图标，只有使用acdsee或Photoshop才可以。</t>
  </si>
  <si>
    <t xml:space="preserve">天然气的火焰温度是多少 </t>
  </si>
  <si>
    <t xml:space="preserve">天然气中蓝色火焰达 40000~25000°C . 天然气中红色火焰达 3600~2600°C. </t>
  </si>
  <si>
    <t xml:space="preserve">网页打开问题网页错误详细信息用户代理:Mozilla/4.0(c </t>
  </si>
  <si>
    <t>建议先查杀一下木马，修复一下系统试试。建议你下载恶意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软件也可以在正常模式中进行查杀）。1、开机按F8进入安全模式后在退出，选重启或关机在开机，就可以进入正常模式（修复注册表）。 2、如果故障依旧，请你用系统自带的系统还原，还原到你没有出现这次故障的时候修复（或用还原软件进行系统还原）。 3、如果故障依旧，使用系统盘修复，打开命令提示符输入SFC /SCANNOW 回车（SFC和/之间有一个空格），插入原装系统盘修复系统，系统会自动对比修复的。 4、如果故障依旧，在BIOS中设置光驱为第一启动设备插入原装系统安装盘按R键选择“修复安装”即可。5、如果故障依旧，建议重装操作系统。如果实在不行，建议选择修复安装，这样即修复了系统，又可使C盘的程序和文件不受损失。如果是IE损坏，请下载超级兔子在她的选项中有重装IE，建议重装IE。下载地址： 使用系统自带的系统还原的方法：系统自带的系统还原：“开始”/“程序”/“附件”/“系统工具”/“系统还原”，点选“恢复我的计算机到一个较早的时间”，按下一步，你会看到日期页面有深色的日期，那就是还原点，你选择后，点击下一步还原。</t>
  </si>
  <si>
    <t xml:space="preserve">没有家人、亲戚、朋友祝福的婚姻会幸福吗？我找了一个男朋友，可所有 </t>
  </si>
  <si>
    <t>当然能幸福。幸福不是他人祝福得到的，而是自己维持和追求得到的!祝你们幸福!</t>
  </si>
  <si>
    <t xml:space="preserve">我的电脑怎么了？~各位我无比景仰的大虾小虾超虾们，求求你们救救我 </t>
  </si>
  <si>
    <t>这个病毒用瑞星能检测出来,但杀掉了还会有可以用如下方法试试:按F8键进入安全模式， 然后删除掉这三个文件 (如果存在)C:\%windows\%system32\VIPTray.exe C:\%windows\%system32\WinDefendor.dll C:\%windows\%system32\friendly.exe 修复注册表键值（改前务必备份注册表） 1)HKEY_LOCAL_MACHINE\SOFTWARE\Microsoft\Windows NT\CurrentVersion\Winlogon 修改键值System 为 空（即将键值System指向的数值数据删除） 2)删除注册表中与WinDefendor.dll相关的键值。  重启</t>
  </si>
  <si>
    <t xml:space="preserve">4场比赛做胆的一句话简单理由：皇马巴萨尤文佛罗伦萨皇马：卡西刚刚 </t>
  </si>
  <si>
    <t>剩下这两个要出一起出，要躺谁也不会落下尤文佛罗还真一起躺下。。。。。。一个平都没捞着。意假的系统风险啊！！！</t>
  </si>
  <si>
    <t xml:space="preserve">国庆活动找谁领任务??? </t>
  </si>
  <si>
    <t>这个不需要领任务呀.国庆活动活动时间：二月每周三中午12：00--14：00等级要求：玩家等级≥40级　队伍≥３人活动内容：普天同庆！不料一群贼寇却想伺机作乱，中洲大陆英雄豪杰务必消灭作乱的贼寇。玩家需按系统提示贼寇的出现地点，找到地图上的贼寇将其消灭。活动奖励：每击退一个贼寇将获得丰厚的潜能、道行等奖励。更有蓝、金装备，道具套餐卡，灵引咒，女娲石等道具奖励。 特别注意：1.所有奖励不受双倍影响。                    2.活动过程中死亡的玩家按照正常死亡计算。                    3.人物获得的道行奖励受到所有因素削减。                    4.宠物获得的经验奖励受等级削减；武学受等级、宠物武学削减。楼主看到本线哪个地图出了.和朋友组好队一起去杀就是了.不过不太好抢呀.因为人多怪少,呵呵.祝你玩得开心:)</t>
  </si>
  <si>
    <t xml:space="preserve">老人死了会投胎的吗?请问一下一位老人病死了她的灵魂会投胎的吗? </t>
  </si>
  <si>
    <t>死亡是我们每个人都一定会经历的，可死亡的过程是怎样的，死后会如何确是只有不会说话的死者才知道。可通过特殊的修持也可以有那样的经历，从而在内心里对死亡有了解，到了死亡的那天内心会减少恐惧。推荐你两本关于死亡的书。莲花生大师所著的《西藏度亡经》，这是本白话书籍，谁都看得懂。另一本是索甲仁波切所著的《西藏生死书》。死亡对我们非常重要，是除了生之外的另一大课题。略有所知总比一无所知来的好些。</t>
  </si>
  <si>
    <t xml:space="preserve">今年流行什么颜色? </t>
  </si>
  <si>
    <t>亮粉色</t>
  </si>
  <si>
    <t xml:space="preserve">飞七力是什么 </t>
  </si>
  <si>
    <t>7力是黄昏2里的一个BB，飞7力就是开着挂直接飞过去杀它</t>
  </si>
  <si>
    <t xml:space="preserve">怎么现在游戏进不去啊``我都下好了```也能输入账号和密码就是连 </t>
  </si>
  <si>
    <t>腾仁死先人了，正在招能日活的人，快去报名吧，玩什么游戏，没指望</t>
  </si>
  <si>
    <t xml:space="preserve">到底应该换什么弓?53级的弓箭手,目前用AKT+弱点小黑和140 </t>
  </si>
  <si>
    <t>肯定要换B弓  可能你是觉得用B弓和小黑的蛋不通用  比较麻烦你可以这样  把C蛋放到后面组的快捷键上  然后使用自动刷蛋功能把B蛋放在第一组的快捷键上  自己考虑是否使用自动  这样就不存在切换不方便了一点小建议</t>
  </si>
  <si>
    <t xml:space="preserve">初戴隐形眼镜的问题！日抛还是月抛还是啥？顺便推荐个牌子~因为某些 </t>
  </si>
  <si>
    <t>只戴一天肯定是用日抛最好 牌子的话博士伦什么的都应该可以买隐形眼镜一定要去正规的商店购买 否则会对眼睛产生很大危害 比如散光度数增加 也有可能造成眼睛感染 正规眼镜店里都会有专门的医生来帮你换算度数的 不用担心但是因为散光有两百度比较高所以不建议长期戴 只待一天的话是没有问题的啦 还有就是日抛不能戴着过夜 一定要取下来再睡觉</t>
  </si>
  <si>
    <t xml:space="preserve">退出光盘了，居然提示读取失败，让我重试。为什么？我用完光盘，退出 </t>
  </si>
  <si>
    <t>你那光盘中自动运行的某些东西还没有运行完，你退出光盘后，没有可以读取的，当然弹出对话框，提示读取失败，让你重试，你可以放入光盘重试，要是键入忽略，那就退出光盘运行了，你要是已经关了电脑，那就相当于点忽略了，不会有问题的。</t>
  </si>
  <si>
    <t xml:space="preserve">关于几米漫画（喜欢几米漫画的达人来）几米一共有多少本漫画啊在武汉 </t>
  </si>
  <si>
    <t>几米共有四本故事集、两本专栏结集和一本画集，总15本单行本。几乎不能在同一个地方买到全套，建议你到大型图书城采购收集，只有这样才有“寻宝”的乐趣，（我现在还差三本没有买到）。最快的办法就是邮购，不过价格各异也很难找到一个全套的，你可以到各大交易平台看看。几米作品一览 ：⊙1998年《微笑的鱼》 ⊙1998年《森林里的秘密》⊙1999年《向左走向右走》⊙1999年《听几米唱歌》⊙1999年《月亮忘记了》⊙2000年《黑白异境》⊙2000年《森林唱游》⊙2000年《我的心中每天开出一朵花》⊙2001年《123木头人》⊙2001年《地下铁》⊙2001年《照相本子》⊙2002年《布瓜的世界》⊙2002年《我梦游，你梦游》⊙2002年《我只为你画一张小卡片》⊙2003年《幸运儿》</t>
  </si>
  <si>
    <t xml:space="preserve">《江山》是一款什么样的游戏。 </t>
  </si>
  <si>
    <t>Q：《江山》是一款什么样的游戏。A：《江山》是一款以南北朝时期为背景，画面精美写实的无端策略网络游戏。</t>
  </si>
  <si>
    <t xml:space="preserve">中国有几个舰队？哪个才是王牌之师？ </t>
  </si>
  <si>
    <t>其实，没有必要区分那么细吧。清朝时期北洋水师，南洋水师和福建水师当时就是争权夺利，互相钩心斗角结果成了外国海军的牺牲品。我们的三大舰队分工不同，他们的任务都特别重要。自然没有必要分出谁大谁小！北海舰队虽然从来没有打过仗但是他守卫着祖国的北疆，是东北，华北海防力量核心。承担保卫京津唐的重要使命。东海舰队，作为历史最悠久的舰队。守卫祖国东大门，保卫专署经济区和宝贵的石油设施，顶住日本和台湾的强大压力，解放台湾是当之无愧的排头兵！南海舰队，虽然过去不怎么重视他但是他取得过两次重大海战胜利！而且是南海的守卫者，在越南，菲律宾等小国对我们的渔业资源和石油设施垂涎三尺时候，南海舰队的强大显得多么重要啊目前解放军已经建立特混舰队司令部，集结了三大舰队全部精锐舰艇，是最强大的海上突击力量。反侵略战争爆发以后，三大舰队必定联合行动并肩作战！到时候你只要知道我们的人民海军是王牌之师就可以，为什么还要细分？</t>
  </si>
  <si>
    <t xml:space="preserve">重庆啤酒\包钢稀土\中国平安\中信证券\TCL集团\民生银行\方? </t>
  </si>
  <si>
    <t>民生银行最好，要么存钱银行，要么买银行股，重庆啤酒最差，涨的快就跌的快</t>
  </si>
  <si>
    <t xml:space="preserve">佛胸前十字架样的标记有何含义?和基督教的十字架及西特勒的标记有何 </t>
  </si>
  <si>
    <t>我仔细想了想，这是一个值得思考的、很有意思的问题，试着回答。有些家把希特勒的十字架标志称为“折弯的十字”。由此看来希特勒的十字和基督教的十字并非完全没有关系。另外，实际上希特勒是一个虔诚的基督教徒。只不过由于希特勒干的那些事让基督教不太好意思强调希特勒是基督徒。有一本书《第三帝国的兴亡》中写到，纳粹的这个标志是希特勒亲自设计的。如果把这几点联系起来考虑，一个虔诚的基督教徒在设计代表自己理想标志时，上面一定要带有基督教元素。如果这个推论成立，那么十字架的符号特征显然是首选。但是作为一个设计者显然不能把十字架直接拿来用，他必须作某种变通才行。于是，希特勒把目光投向东方，从那里寻求创造的灵感。我这个推测是有根据的。因为德国人自认是雅利安人的后裔，他们一直在寻找雅利安人的精神家园，而且他们认为他们的雅利安精神家园在西藏。希特勒上台后曾经派遣庞大的考察团到西藏工作，一直到德国战败投降才撤离，但还是有人留在西藏了。其实，达 赖的老师中就是一个漏网的老纳粹分子。德国人考察西藏，不能不注意藏传佛教的一切。不能不注意这个佛教重要符号“十字架样的标记”。佛胸前十字架样的标记中国发音为“万”，据佛教学者们考证这个标记来源于古印度的一种投掷武器，类似于南美的飞去来器。这个标志被佛教赋予了佛法无坚不摧的意义，并作为佛教的重要标志。所以，德国人包括希特勒了解佛教这个万字符号是很可能的。希特勒从中找到设计灵感也是可能的。我分析，希特勒设计纳粹的那个“折弯的十字架”时，应该考虑了基督教的因素，并从佛教的“万字”中找到灵感。但希特勒最后的设计是，十字架折弯的方向和佛教的“万字”符号方向正好相反，这样希特勒就避免了抄袭嫌疑。《第三帝国的兴亡》的作者对希特勒的这个设计大加赞叹，作者甚至这样写到，尽管希特勒的水彩画是那样的拙劣，但纳粹这个标志的设计简直是一个“天才的创造”。但在我们这里看来，这算不上什么创造。要不是纳粹的这个符号代表了德国人那么多罪恶，这个抄袭官司有的打呢！最后多说一句，从我读书心得中感觉是，尽管德国的外交网站后来率先揭发是美国人策划了这次西藏事件，但实际上德国人应该是这次西藏事件的真正幕后黑手。因为所有的事件都是由于那个德国女人不顾中国多次抗议而接见达 赖开始的。这样做的动机，就是德国人对西 藏有一种近乎宗教信仰的感情，就是这种“精神家园”的宗教感情。而历史告诉我们，西方人干坏事时几乎都是打着宗教旗号。</t>
  </si>
  <si>
    <t xml:space="preserve">请问暗精战士一转转什么比较好呀??我是20服的暗精战士~~我初期 </t>
  </si>
  <si>
    <t>当然是暗战练级最快拉暗战是职业中清怪算很快的一个职业了不过始终也要看你的武器和防具的。。。。</t>
  </si>
  <si>
    <t xml:space="preserve">面试穿衣要去面试,能不能穿娃娃装去啊? </t>
  </si>
  <si>
    <t>千万别,面试庄重的服装是首选.最好连牛仔裤也别穿.</t>
  </si>
  <si>
    <t xml:space="preserve">这句话哪个字是通假字?曲终收拨当心画 </t>
  </si>
  <si>
    <t>画”通“划”,意为用拨子拨</t>
  </si>
  <si>
    <t xml:space="preserve">13岁的男孩也会有性冲动吗？儿子１３岁了，他对性的方面一直很好奇 </t>
  </si>
  <si>
    <t>我以前也有过他这样的经历,刚进入对性充满幻想,每每看到自己中意的女性,不论年龄大小都会有性冲动,有时看到妈妈穿着很性感也会有这种感觉.当然最好不能有进一步举动,手淫就成了最好的发泄方式,但要注意千万不要过量,年少时很多男孩都或多或少有些恋母情节.我的父亲早年去世了,记得17岁那年我因为发高烧引起肺部感染,出院后夜里依然咳嗽得很厉害,母亲生怕肺病会以同样的方式夺走家里第二个男人的生命,没日没夜地照料我。原本母亲是和妹妹住在一起的,那段日子为了照顾生病的我,母亲临时搬到我的房间睡觉,喂我吃药、给我打针、哄我入睡,然后在我身边躺下。我病痛难受时就依偎在母亲怀里,母亲则爱怜地搂着我抚摩着我的头为我减轻痛苦。在母亲精心护理下一个多月后我的身体康复了,可对母亲原来那种单纯的精神依恋转入了精神与肉体的双重依恋。那天晚上就寝后,还像病中那样把头深深埋在母亲的双乳之间,见母亲的态度依旧,我就得寸进尺起来,把手慢慢伸向母亲的下身,母亲吃惊地躲闪挣脱,但最终没有反对我的举动。我感觉自己已不单单是为了肉体的满足,还有对内心交流的精神渴望,因为高一辈的女性更能理解体贴人,更愿意倾听我们的心声,在在长辈女性这里会有更强的温暖感和安全感。</t>
  </si>
  <si>
    <t xml:space="preserve">确定一支参赛球队时，确定阵型依据是什么？每一位置技术有何要求特点 </t>
  </si>
  <si>
    <t>不知道楼主想问的是还是篮球.大概是足球吧.先说以下足球里各个位置的特点,前锋:速度快,小技术好,灵活,抢点能力好,或者射门技术好,向前意识出众.前卫:1,前腰或中前卫,一般安排技术好,传球好,大局观好的队员,一般都是队里技术最好的,2,边前卫,要求有一定体力,能回防,速度快,3,后腰,体力好,抢劫能力和防守意识好,能攻能守.后卫:在普通学校球队里一般是个人技术最差的人担任,但要注意,中后卫必须要选好,一头一脚果断,两边后卫可以自由安排,重要一点就是果断.阵型问题,532或者541.这个阵型注重防守反击,一般是球队中场组织找不到好的人手而前锋能力比较突出,又或者对手比较强时选用442,攻守平衡的阵型,一般来说是队伍整体实力比较平均,又或者和对手实力相当的时候选用.433,攻击阵型,一般是队伍前锋较多,能力比较强,其他位置能力也平均时或者对手实力比较差时选用,352,攻守平衡,一般是队伍中,后卫和中场能力比较强时选用.其他,4231 4321 等,都是以上几个阵型的变化,队员选择一般都依据上诉原则</t>
  </si>
  <si>
    <t xml:space="preserve">游戏装不了我安装漂流装一半就出现对话框：安装文件时发生输入/输出 </t>
  </si>
  <si>
    <t>你是用讯雷下载的是吧...因为讯雷是自动搜索资源的..有时候会出现客户端不完整...建议在官网下载...用系统默认的下载器会比较好..还有...在安装的时候..最好把会妨碍安装的后台程序先关闭,...例如放火墙..后台防护软件等..希望问题早日解决哈.</t>
  </si>
  <si>
    <t xml:space="preserve">为什么服务器维护以后,我的游戏进不去呢?今天系统维护以后,我进不 </t>
  </si>
  <si>
    <t>典型一只会游戏不懂电脑的BC，提示不就是答案还问个鸟</t>
  </si>
  <si>
    <t xml:space="preserve">&lt;水浒传&gt;中宋江起义的年代? </t>
  </si>
  <si>
    <t xml:space="preserve">    《水浒传》的成书　《水浒传》的成书，取材于北宋末年宋江起义的故事。据《东都事略·侯蒙传》:“江以三十六人横行河朔，京东官军数万无敢抗者。”又据《宋史·徽宗本纪》:“淮南盗宋江等犯淮阳军,遣将讨捕，又犯京东、河北，入楚、海州界，命知州张叔夜招降之。”《宋史·张叔夜传》：“宋江起河朔，转略十郡，官军莫敢婴其锋。声言将至,叔夜使间者觇所向,贼径趋海濒，劫钜舟十余,载掳获。于是募死士得千人,设伏近城，而出轻兵距海诱之战，先匿壮卒海旁，伺兵合，举火焚其舟,贼闻之皆无斗志,伏兵乘之,擒其副贼,江乃降。”此外,李□的《十朝纲要》,宋代陈均《九朝编年备要》和徐梦莘的《三朝北盟会编》，也都有类似的记载。还有的记载说宋江投降后曾参加过征方腊之役。从这些记载里，可以知道这支起义军，人数不多（但也决不止36人），战斗力很强，在群众中甚有影响，曾经给宋王朝造成一定的威胁。宋江等起义的年代大约在宣和元年(1119)至宣和三年(1121)，前后三年多。</t>
  </si>
  <si>
    <t xml:space="preserve">蓝牙耳机的用途除了可用于手机还可以用于其他的地方吗 </t>
  </si>
  <si>
    <t>蓝牙耳机是信息中又一突起的异军，蓝牙耳机工作原理简单的讲就是一种无线通信设备，使用的频率是2.4G,全世界都通用；一般是和带有蓝牙功能的手机配着用，有唛克风，也可以在电脑上配蓝牙适配器听歌曲和手机与电脑传递资料用，或带蓝牙的音频播放器配套听歌用等等，目前蓝牙技术相互连接的距离约５米到20米，据有关报道在英国有两个爱好蓝牙技术的开发者做测试可以达到1000米;蓝牙耳机具有非常好的安全性，稳定性，抗干扰性和实用性，体积小的只有半个耳朵那么大，重量只有十几克，使用起来也很方便;只要把带蓝牙的手机开启蓝牙功能，与蓝牙耳机配对连接好后，就可以用蓝牙耳机代替手机通话，尤其是在开车时，为了司机的开车安全，手机通话时只要轻轻按一下蓝牙耳机上的按钮就可以把蓝牙耳机挂在耳朵上与对方通话了，这样既不会影响司机开车安全和他人安全，又能完成通话；俗话讲，效率决定成功，谁都想提高自已的工作效率，当您在办室里正在繁忙的工作时，您身边的手机响了，手上的工作又不想停下来，这时只要轻轻的按一下蓝牙耳机的按钮，挂在耳朵上就可以与对方通话了，您可以仍然忙你要做的事情。在家里也可以通过电脑配上蓝牙适配器就可以上网进行无线聊天或听音乐；只要您的手机可以上网，电脑还可以用蓝牙适配器通过你的手机上网，尤其是笔记本的用户在户外移动办公上网是很方便的。总之蓝牙技术在未来的人们生活中带来更多方便，它将会无处不在,另您优雅倍增! 用蓝牙适配器连到电脑上还可以做无线耳机，可以跟朋友语音聊天好运长在 ！~</t>
  </si>
  <si>
    <t xml:space="preserve">怎么关闭青云主板的RAID选项？我前两天给主板放电后，每次开机在 </t>
  </si>
  <si>
    <t>开机进CMOS设置（一般按DEL键）找INTERGATEG PERIPHERALS一项里找RAID，也可以看看你的说明书</t>
  </si>
  <si>
    <t xml:space="preserve">getback怎样和return转换? </t>
  </si>
  <si>
    <t>get back &amp; return 在作"回家,返回,回去"解时,可以互换</t>
  </si>
  <si>
    <t xml:space="preserve">哪里有注塑技术认证？我从事注塑工作多年，希望得到相关机构认证评定 </t>
  </si>
  <si>
    <t>让老板认证:你有本事,拿到多的钱,就认证了!干得久,在同行中没有一定的知名度,本事也不高!喜欢干本行,除了技术,还有行业知名度!干得久,不一定本事高!对不起了!</t>
  </si>
  <si>
    <t xml:space="preserve">NBA谁最厉害啊 </t>
  </si>
  <si>
    <t>根据现有的球员我认为以下阵容最强　　　　大前锋：凯问　加内特　　　　小前锋：笛姆　邓肯　　　　中　峰：当然是我们的姚明　　　　得分后卫：科比　布莱恩特　　　　组织后卫：贾森　基德</t>
  </si>
  <si>
    <t xml:space="preserve">爱的无奈,谁能帮我我是一个性格内向的人,不会讨好女友.我应该怎么 </t>
  </si>
  <si>
    <t>内向只是借口你内心渴望爱，就要表达出来。多为她考虑，为她做些事情爱更需要行动。</t>
  </si>
  <si>
    <t xml:space="preserve">泻肚子吃什么好？可以喝冰糖水吗？ </t>
  </si>
  <si>
    <t>吃思密达（蒙脱石粉）,喝煮苹果水</t>
  </si>
  <si>
    <t xml:space="preserve">大学生如何处理人际关系 </t>
  </si>
  <si>
    <t>对人说话要和气，做事情不能只考虑自己，要多为别人想想！用一颗真诚的心去对待朋友，我想朋友能体会得到你的诚意，也会真心对你的！</t>
  </si>
  <si>
    <t xml:space="preserve">什么样的铝合金门窗才是好的? </t>
  </si>
  <si>
    <t>辅料。平开窗的风撑支撑玻璃无晃动，轻巧方便，合页开启轻巧，窗扇可停任意地方，不会向某个方向晃动。推拉门窗滑轮轻巧，不会出现卡扇等现象。门扇与框接触的地方注意有无毛条胶条，有的就是密封性更好的。至于什么胶条是不是三元乙丙，一般的业主也很难分辨了。分辨门窗外观。从整体看，结构完整，无乱拼乱凑现象。颜色一致，料与料之间无明显色差。玻璃洁净，中空玻璃内部无白点，无雾化气化水汽，填充干燥剂的中空铝条拼接无缝隙，中空玻璃有格条的，格条拼接工整，无白口。分辨配件。配件外观无划痕，转动时，停位准确有力，使用轻巧灵活，无卡位，无异响。配件logo为雕刻，不是印刷，logo完整清晰可辨。配件对门扇作用时，反应要灵敏。</t>
  </si>
  <si>
    <t xml:space="preserve">怎样判断自己的乳腺健康怎样去维持自己的乳腺健康日常怎样去判断自己 </t>
  </si>
  <si>
    <t>您好，学会乳腺自我检查哦。触诊有无摸到肿块，这个比较关键。</t>
  </si>
  <si>
    <t xml:space="preserve">孕妇妊娠纹痒怎么办 </t>
  </si>
  <si>
    <t>可以先使用痔疮灵栓和口服槐角丸有一定减轻疼痛和止血的作用的。另外注意防止便秘，一定要保持大便通畅柔软，养成定时大便习惯，有便意时一定要尽快上厕所。每天多吃蔬菜，香蕉，红薯。蜂蜜，芝麻油。戒酒和避免吃辛辣食物。这样可以防止便秘，就一定会改善便秘，减轻症状的。</t>
  </si>
  <si>
    <t xml:space="preserve">一个人的爱可以分给两个人吗？ </t>
  </si>
  <si>
    <t>能。但是很痛苦。决不要以为比别人多了一份爱那是一种幸福，把心分成两瓣，实际是人格的分裂，真的很痛苦。理解你的感受，但还是放下吧。“舍得”就是有舍才能有得，同理“不舍得”就是什么都不忍舍去，于是什么都得不到。</t>
  </si>
  <si>
    <t xml:space="preserve">谁能传授跑跑卡丁车漂移后加速的方法跑跑玩家都知道，现在许多人都在 </t>
  </si>
  <si>
    <t>开始倒计时时，最后阶段，也就是数字1弹出（即将变成0的时候）按油门。此时就可以启动加速氮气。甩尾结束的最后阶段按油门也有同样效果。</t>
  </si>
  <si>
    <t xml:space="preserve">做外汇,最低需要投资多少RMB?我在北京,可以去那里办手续啊 </t>
  </si>
  <si>
    <t>如果是做实盘外汇买卖一般是通过银行操作.不用其他费用,50-100美元或等值外币就可炒(各银行要求不同),现在银行凭身份证可兑换2万美元或等值的其他外币.关于开户的步骤:1.在银行开一个多币种的户头2.不用天天跑银行,用电话和网上两种办法都行.3.在网上或用电话都可以了解到即时行情.4.在网上或用电话都可以操作买卖.5.没有足够的时间看盘,可以通过电话委托操作,根据趋势,设立获利委托和止损委托,达到你设定的汇率会自动买卖,最长好象是120小时,我记不清了,同时各行的委托也不尽相同,你通过客服电话咨询一下.6..各家银行的点差基本上都差不多，选择服务好的银行 7.工行 95588 中行 95566 你可咨询一下客服.</t>
  </si>
  <si>
    <t xml:space="preserve">魔神无双官网在哪里啊 </t>
  </si>
  <si>
    <t xml:space="preserve">魔神无双下载官方的比较慢，你可以去那些分流下载点下载吖，比如多玩网易那些，挺快的，魔神无双官方下载也行。我发一个给你吧魔神无双下载地址  </t>
  </si>
  <si>
    <t xml:space="preserve">北京的CBD，有谁知道全称是什么？ </t>
  </si>
  <si>
    <t>CBD=Central Business District是“中心商业区”的意思</t>
  </si>
  <si>
    <t xml:space="preserve">元宝交易系统钱庄老板那对话,出来一个框,左边是其他玩家的等待有人 </t>
  </si>
  <si>
    <t>注意里面的文字 然后在操作 你要买元宝就要先存钱进去 如果要卖就得先存元宝进去</t>
  </si>
  <si>
    <t xml:space="preserve">从北京西站到首都国际机场3T怎么走？最便宜？最快捷？大约花费多长? </t>
  </si>
  <si>
    <t>对于秋风瑟瑟网上搜的路线 我就不多说了如果行李不多坐9路 特2等到长椿街下换乘地铁2号线到东直门然后换乘机场快轨到T3公交没有卡的话一个人1元 箱子一元地铁2元 快轨25元这个是最有时间保证的没有说具体的时间所以时间这个问题根本就没法说大半夜一点不堵的时候 从西站到机场 不少于40分钟白天来说  时间不会低于1个半小时高峰期2个小时能到就不错</t>
  </si>
  <si>
    <t xml:space="preserve">早晨空腹喝牛奶对身体有损害吗？早晨不吃早点只喝牛奶 </t>
  </si>
  <si>
    <t>有人觉得，早晨空腹时喝牛奶最易吸收，其实，由于空腹喝进去的牛奶不能被充分酶解，很快会将蛋白质转化为能量消耗，营养成分不能得到很好的消化吸收。另外有人还可以因此出现腹痛、腹泻的情况，这是因为这种人体内生成的乳糖酶少或极少，空腹喝牛奶，牛奶中的乳糖不能被及时消化，被肠道内的细菌分解而大量产气、产酸，刺激肠道收缩，从而出现腹痛、腹泻。因此，最好喝牛奶前先吃点东西，如鸡蛋、面包，以降低乳粮的浓度，利于营养成分的吸收。</t>
  </si>
  <si>
    <t xml:space="preserve">现在学习打字,最应该学的还是五笔吗?还是有其它更好的? </t>
  </si>
  <si>
    <t xml:space="preserve">　　现在的打字方法层出不穷。那么到底是谁执牛耳呢？把它们是驴是马地拉出来骝骝，今年的计算机文字录入比赛结果出来了，依然是五笔雄居榜首，良莠不言自明。　　五笔的“好用”已成不变的铁律，而“难学”也是它一直以来的伴侣。　　大千世界，人才无“能”不有！针对五笔的难学，有聪明者创建了一个网站，保管你轻松上阵，想学不会都难，本人就是受益者，建议想学五笔的朋友一定去看看。　　网址： </t>
  </si>
  <si>
    <t xml:space="preserve">没有加速器的日子真不是人过的！！怎么还没更新好。。。徐晃卡要拿不 </t>
  </si>
  <si>
    <t>把宽带我世界下了在上，上了在下，直到把真三信号刷成4格的绿色，就可以进游戏了，我也是联通玩电信，就这么进的，打架肯定不用想了，去做个任务，刷个东西还可以</t>
  </si>
  <si>
    <t xml:space="preserve">您是本帖的第633个阅读者哈哈玩的人还挺多嘛~~~~ </t>
  </si>
  <si>
    <t>哈哈玩的人还挺多嘛~~~~哈哈。 我是634。你纯水啊</t>
  </si>
  <si>
    <t xml:space="preserve">3G好学吗，没有基础能学会吗想学习3G，也去培训学校看过了，但是 </t>
  </si>
  <si>
    <t>3G普及还需要很长一段时间，软件测试目前属于黄金职业，这方面人才缺口比较大，如果想向手机方向发展，那你以前做的VB VF SQL等通通都与手机不沾边的，手机开发用的最多的是C语言，其次是C++，如果你认为你的C/C++比较强，建议作手机软件开发这类的，否则建议作手机测试一块，也比较吃香，不过得做好吃苦的准备，测试工作非常单一，但非常重要！</t>
  </si>
  <si>
    <t xml:space="preserve">飞利浦HQ6075多少钱? </t>
  </si>
  <si>
    <t>您好;强烈建议您去当地的商场购买正版商品网络上作为一种交易其安全性还是没有现实的要高况且其可能是二手货或者是迷惑人心的在加上运输费就相当可观了我们买东西就是要买个放心所以请到当地的商场对比价格后购买祝您购物愉快请支持一下哦</t>
  </si>
  <si>
    <t xml:space="preserve">问一个很菜的问题，股票一手是不是10股？不要笑我啊 </t>
  </si>
  <si>
    <t>100股。闻道有先后，术业有专攻。所以别不好意思。</t>
  </si>
  <si>
    <t xml:space="preserve">请问600624在什么价位补仓 </t>
  </si>
  <si>
    <t>悔不思蜀你好!最好大盘回落1956时可补或600624回落3-7%时可补请早补早获利请别错过行情请参考补充:12.5. 两市股指窄幅振荡缩量振荡，临近尾盘放量拉升，沪指创出了盘中新高，深成指也回升到盘中高点区域，双收缩量小阳K线，技术上均为高开的跳空缺口，加之下周有重要经济会议召开，股指后期有望强势上行。　　-------　　盘中表现看，权重股有所逆转，超过半数权重蓝筹翻红，万科A、中国国航涨幅超过5％，领涨权重股，石化、电力、铁路权重等逆势下行，表现较弱，板块表现极为活跃，农业、科技、地产、航天军工、商业、创投板块等均轮番上涨，且资金炒作迹象明显，多头在尝试寻找下一轮启动的热点龙头板块。------目前,均线已经呈现多头排列状态,所以即使后期出现调整,但是中期趋势已经转好.股指会保持震荡盘升趋势</t>
  </si>
  <si>
    <t xml:space="preserve">NPC区域怎么去啊?我点舰队选越迁水晶出来的大地图上1个NPC区? </t>
  </si>
  <si>
    <t>说明NPC区域尚未开放一般是在新服开放7天以后才开放1-2级NPC区域的</t>
  </si>
  <si>
    <t xml:space="preserve">无法识别的USB设备,跟这台计算机连接的一个USB设备运行不正常 </t>
  </si>
  <si>
    <t>可以先换另外一个或者机箱后面的USB接口尝试.如果问题依然存在,可能在BIOS里禁用了USB设备,重启进入BIOS设置.</t>
  </si>
  <si>
    <t xml:space="preserve">脑筋急转弯什么东西有五个头，但人不觉的它怪呢? </t>
  </si>
  <si>
    <t>手指头或脚趾头有五个头，但人不觉的它怪</t>
  </si>
  <si>
    <t xml:space="preserve">本人有一个奥运火炬我想知道值多少钱 </t>
  </si>
  <si>
    <t>北京奥运会火炬“祥云”于2007年4月26日正式发布。 联想创意事业中心火炬设计团队设计 2006年6月至8... 火炬外形《祥云》为北京2008年奥运会火炬艺术设计方案，由航天科工集团设计研发的火炬内部燃烧系统为北京2...</t>
  </si>
  <si>
    <t xml:space="preserve">为什么中国还不是发达国家看一个国家是否发达看什么 </t>
  </si>
  <si>
    <t>看GDP看人均收入.中国人多.还是发展的</t>
  </si>
  <si>
    <t xml:space="preserve">用陶瓷夹板经常夹头发伤害有多大？我的头发是自来卷，做了离子烫后流 </t>
  </si>
  <si>
    <t>这种情况可以用威娜的拉直膏，平时用梳子梳一下就可以。不用每次都用夹板</t>
  </si>
  <si>
    <t xml:space="preserve">游戏更新失败，无法打开征途官方网站和论坛，其他游戏都正常就是征途 </t>
  </si>
  <si>
    <t>我也经常遇到这个问题。重起机器就行了</t>
  </si>
  <si>
    <t xml:space="preserve">一岁半宝宝可以吃火龙果吗？ </t>
  </si>
  <si>
    <t>当然可以了，火龙果营养丰富、功能独特，它含有一般植物少有的植物性白蛋白及花青素，丰富的维生素和水溶性膳纤维。 -------------------------------------------------------------------- 火龙果，又称红龙果。原产于中美洲热带地区。火龙果营养丰富、功能独特，它含有一般植物少有的植物性白蛋白及花青素，丰富的维生素和水溶性膳纤维。因此，决定了它具有以下几个独特的功效: 1.排毒解毒、保护胃壁;2.抗衰老、预防脑细胞变性，抑制痴呆症发生;3.皮肤、养颜;4.减肥、降血糖、润肠滑肠、预防大肠、预防大肠癌发生等。火龙果果实汁多味清甜、除鲜食外、还可酿酒、制罐头、果酱等。花可干制成菜、颜色可提炼食用色素。 火龙果别称仙人果、吉祥果，具有很高的经济价值，集水果、花卉、蔬菜、医药优点于一身。并不仅仅就果实才能够食用，而且具有非常高的营养价值，而且美味可口，已经成为新奇、优良的绿色保健食品 火龙果对环境条件有独到的要求，大田露地种植，北回归线及以南，无污染、排灌方便的浅丘、山地可以种植。 火龙果按其果皮果肉颜色可分为红皮白肉、红皮红肉、黄皮白肉3大类。因品种及地域差异名称繁多，在台湾，红肉火龙果有莲花红龙 、尊龙、玫瑰红龙、祥龙及香龙、珠龙、天龙等。白肉品种多称白蜜、仙蜜果、白肉火龙果。在其他亚洲地区则多称红龙果、青龙果。而在中美洲无任英语区国家还是西班牙、葡萄牙语国家则把所有仙人掌果叫着Pitaya或Pitahaya、Dragon Fruit即火龙果。 火龙果对人体健康有绝佳的功效，原因在于它含有一般植物少有的植物性白蛋白及花青素、丰富的维生素和水溶性膳食纤维。白蛋白是具黏性、胶质性的物质，对重金属中毒具有解毒的功效。由于环保未受重视，以致各种水资源受到重金属污染，饮用水、食品重金属含量超标，但白蛋白在人体内遇到重金属离子时，会与它结合，再排出体外，起到解毒的作用。因此，食用含白蛋白丰富的火龙果，可避免重金属离子的吸收而中毒。白蛋白对胃壁还有保护作用。而且火龙果花、果、茎中的白蛋白十分优良，稳定性极佳，这些白蛋白的聚合构成了仙人掌黏液的主要成分。 火龙果还含有一种更为特殊的成分--花青素。花青素在葡萄皮、红甜菜等果蔬中都含有，但以火龙果果实中的花青素含量最高，尤其在红肉种的果实中。它具有抗氧化、抗自由基、抗衰老的作用，还能提高对脑细胞变性的预防，抑制痴呆症的发生。同时，火龙果还含有美白皮肤的维生素C以及具有减肥作用、降低血糖和润肠作用、预防大肠癌的丰富的水溶性膳食纤维。 据文献[4]记载，量天尺(Hylocereus undatus)的花药用，甘、淡、凉、气清香。清热，润肺止咳。治疗燥热咳嗽、咳血、颈淋巴结核。茎治腮腺炎，疝气，痈疮肿毒。而火龙果是量天尺的果用栽培品种，因此其花、茎在药用上应具有与量天尺相同的疗效。我们知道，膳食纤维被称为人体的第七营养要素，具有降低血浆胆固醇、改善血糖的生成反应、预防便秘和结肠癌、控制体重、降低雌激素的水平以及解毒作用等功效[5]。火龙果作为一种低热量、高纤维的水果，其食疗作用就不言而喻了，经常食用火龙果，能降血压、降血脂、润肺、解毒、养颜、明目，对便秘和糖尿病有辅助治疗的作用，低热量、高纤维的火龙果也是那些想减肥养颜的人们最理想的食品，可以防止“都市富贵病“的蔓延。《赠人玫瑰手有余香，祝您好运一生一世，如果回答有用，请点“好评”，谢谢^_^!》</t>
  </si>
  <si>
    <t xml:space="preserve">关于防骑A怪的要求我现在的QS42级了，原来神圣，想改防御A怪， </t>
  </si>
  <si>
    <t>楼上都懂什么??知道什么是a怪吗??玩过74吗?a怪根本就不靠奉献靠的是盾挡和庇护!不懂要问不要误导新人!欢迎你进入防御74俱乐部!据nga达人测试42级是防7的最低级别!42以下防7 确实不好!首先,你要明确知道防7靠什么a怪,庇护祝福,反震光环!盾挡,你要清楚防7有2个提升盾挡的天赋一个是被动,当被暴后盾挡提升30%,一个是主动提升盾挡30%持续10scd 10s,最多4次强化后能达到8次而且格挡有反伤!你要a怪首先要找只有进展怪的地方!其次你给自己挂智慧圣印!要选择速度快的单手武器越快越好!这可和惩戒相反!惩戒选择慢速武器!因为你要靠清算回蓝!记住有蓝你才能生存!所以出发前必须买好水或者找fs要水!有蓝在74如果死了就是不合格的!装备选择首先要防御技能和甲生存才是王道!请选择战士的装备!法伤在你这个级别占用等级过高完全无视!另外坚固一下智力!天赋全部加在防御系上你会发现物超所值!承接74还不如神圣74 好连级呢!我玩过一天承接就洗了!连一个jy都杀不死要其何用??太脆!</t>
  </si>
  <si>
    <t xml:space="preserve">有真正可以玩骰宝游戏的平台吗,给介绍个啊 </t>
  </si>
  <si>
    <t>我特别喜欢玩骰宝游戏，玩这个讲究的是技巧与水平还是就是选择一个公正的网站平台，欢乐谷娱乐城 happy885.net 是个非常有信誉的平台，大家不妨去这里看看</t>
  </si>
  <si>
    <t xml:space="preserve">喝奶粉上火怎么办？ </t>
  </si>
  <si>
    <t xml:space="preserve"> 1、看奶粉的配方，用含了益生元的，我家宝宝喝的是努卡的 2、给宝宝多喝水，多吃水果和蔬菜； 3、宝宝接受任何一种是污垢需要过程，奶粉也一样， 要有信心，宝宝会慢慢适应的。</t>
  </si>
  <si>
    <t xml:space="preserve">加拿大的钱币全新全套,可以卖多少钱? </t>
  </si>
  <si>
    <t>不贵,大概1:7吧.因为太多,也容易得到.</t>
  </si>
  <si>
    <t xml:space="preserve">爱是任性吗？爱是不是就是和你任性和不懂事 </t>
  </si>
  <si>
    <t>爱只是一种有冲动而开始的感情，会越来越深，既然懂得了爱，就表明你已懂事，爱是一种很深深的责任，他不等同于喜欢，你可以问问自己，你是喜欢多一点，还是爱得更深一点？</t>
  </si>
  <si>
    <t xml:space="preserve">傲慢与偏见的主题谁知道《傲慢与偏见》的主题，要英文版，详细一点。 </t>
  </si>
  <si>
    <t>奥斯汀在这部小说中通过班纳特五个女儿对待终身大事的不同处理，表现出乡镇中产阶级家庭出身的少女对婚姻爱情问题的不同态度，从而也反映了作者本人对爱情对婚姻的想法：既反对以金钱为目的的结婚，也反对把婚姻当儿戏。她强调理想婚姻的重要性，并把男女双方感情作为缔结理想婚姻的基石。</t>
  </si>
  <si>
    <t xml:space="preserve">谁知道长高的方法具体有哪些啊？ </t>
  </si>
  <si>
    <t>谈起身高，实际包括两个含意，今天社会对身高美的标准是，女孩子“亭亭玉立”，这至少要包括两腿修长，男青年则要“伟岸英俊”。这种标准用行政和政治力量是无法驱散和改变的。 高菲特最突出的功效就是能帮助一些已经过了青春发育期的成年人重新激发增高的潜力，并且在世界范围内已经成功帮助数百万身材矮小者（其中多数都是20岁以上的成年人）成功增高。希望可以帮到你，哈哈</t>
  </si>
  <si>
    <t xml:space="preserve">账号异常求解禁 </t>
  </si>
  <si>
    <t>您好，您反馈的异常情况我们已经修复啦，请您刷新页面或重新登录微博进行尝试，给您带来的不便敬请谅解，欢迎您有微博问题随时到微博互助专区来，这里有更多网友可以帮助您~</t>
  </si>
  <si>
    <t xml:space="preserve">有余额却看不了VIP章节为什么我的余额还够，却突然看不了VIP章 </t>
  </si>
  <si>
    <t>或许是系统的问题</t>
  </si>
  <si>
    <t xml:space="preserve">IE9装不成功，一直显示正在下载。已经尝试了很多次了。win7系? </t>
  </si>
  <si>
    <t>我安装IE9一般都需要半个小时往上，中间如楼上说的一样需要下载，但是我断网之后依然会显示正在下载，所以个人推断，它在安装过程需要的应该是联网检测更新比如语言包之类的，但是不联网一样可以进行安装。建议楼主试试断网安装，因为会卡在那个正在下载页面很长一段时间，如果不是很有耐心，或者不想一直对着那个安装过程，可以在晚上睡觉前把电脑开着让它自己慢慢安装。IE9用着很舒服，祝愿楼主好运。</t>
  </si>
  <si>
    <t xml:space="preserve">为什么总跳到别的网站去为什么，无论打什么网站看看着看着总是一下就 </t>
  </si>
  <si>
    <t>用360杀杀毒，然后扫描一下恶评插件，再用它系统修复一下。也可能是你电脑的LSP协议被劫持，例如：访问网站时弹出窗口或经常被重定向到其他网站，即可使用360安全卫士高级工具中的“LSP修复工具来修复。</t>
  </si>
  <si>
    <t xml:space="preserve">完美世界的高手进罗拉的包丢在了四大金刚身上4大金刚在那里啊? </t>
  </si>
  <si>
    <t>祖龙西北方向那个石像右手上托着，不大好挖，要从后面挖。多试几次就可以挖到。</t>
  </si>
  <si>
    <t xml:space="preserve">这次的世界杯大概要举行多久？？这次的世界杯大概要多久？？不知道有 </t>
  </si>
  <si>
    <t>6月10日00:00开始，7月10日02:00决赛+闭幕试结束。</t>
  </si>
  <si>
    <t xml:space="preserve">我想出国留学，但是还有一个忧虑！在国外我能得到什么？同时又失去了? </t>
  </si>
  <si>
    <t>首先，你出来读书不像你想得那样，接触不到华人，我在英国读书，1年大概认识了100多个中国人。第二，留学是为了镀金，体会西方文化的，汉语永远是你的母语，这个不会因为时间改变。第三，你学完之后是否回国还是未知数，你的专业是什么决定了你是否留在国外。 即使你打算回国发展，有几年的国外留学甚至工作经验都会让你受益匪浅。出国留学可以锻炼一个人的意志力和耐力，缺点就是离父母太远，跟朋友有距离，想念国内的美食和生活习惯。比如酸菜，咸鸭蛋，羊肉串就是我最想的。但是，我还是建议你体验一下，人生是考质量来衡量的。</t>
  </si>
  <si>
    <t xml:space="preserve">为什么粘贴到word文档中图片不见了 </t>
  </si>
  <si>
    <t>WORD 文档中的图片不是粘贴进来的，要用【插入】【图片】【来自文件】。这样好用。</t>
  </si>
  <si>
    <t xml:space="preserve">员工借款不归还离职后出纳应付什么责任您好！借款的手续都是按照公司 </t>
  </si>
  <si>
    <t xml:space="preserve">   如果借款的手续完全都是按照公司的规定执行的，就属于公司与你同事之间的借款事项，公司是债权人。  出纳完全按公司规定办理。后果应该由公司承担。</t>
  </si>
  <si>
    <t xml:space="preserve">各基金公司的交易网站的正确网址在哪里可查到? </t>
  </si>
  <si>
    <t xml:space="preserve">登录新浪网站的基金主页，然后点击右下部的“基金联盟”，就可进入各基金公司的图标，然后点击你希望进入的公司图标，便可进入该公司，不要输入网址，还比较方便，你试试看。 </t>
  </si>
  <si>
    <t xml:space="preserve">1991年11月7日生是什么星座 </t>
  </si>
  <si>
    <t xml:space="preserve">天蝎座：10月24日 - 11月22日 </t>
  </si>
  <si>
    <t xml:space="preserve">嗓子痛可以用冰敷不？本人嗓子痛~听说冰敷对治疗疼痛很有效果不知道 </t>
  </si>
  <si>
    <t>掐按大拇指甲（不靠食指处）下韭叶宽处，掐按小指外侧指甲下处，掐按小指与无名指交界的液门穴。</t>
  </si>
  <si>
    <t xml:space="preserve">农行电子支付卡怎么申请不上?我试了好久!!! </t>
  </si>
  <si>
    <t>都申请了网上银行吗?我一直都想申请的.但是又觉的怕怕的.(不是有很多电脑黑客吗?)</t>
  </si>
  <si>
    <t xml:space="preserve">关于天龙八部进了消遥后，学的技能只是最初的，可我现在都近三十级了 </t>
  </si>
  <si>
    <t>你不能使用新的技能是因为,技能都是有心法等级限制的。 心法不到一定级别是使用不了该技能的。攒点钱和经验把心法升上去技能就学会了。心法只能比人物等级高5级.</t>
  </si>
  <si>
    <t xml:space="preserve">我看见有几个人反复和门口的警卫拚命是怎么回事?总是被门口的警卫一 </t>
  </si>
  <si>
    <t>那是在降级打钱，就是他比怪的级 高太多了打死以后掉的钱和东西少了，所以要把级降下来。</t>
  </si>
  <si>
    <t xml:space="preserve">你可以忘记初恋的情人吗？ </t>
  </si>
  <si>
    <t>初恋，是每个人最真，最纯的一次爱恋！是一辈子都无法忘记的！所以，我们为何强逼自己去忘记呢？也许，你的初恋留给你的记忆并不都是美好的，然而大多数的人的初恋都不会有结果！可是，它却有一个我们无法磨灭的好处，它教会我们每个人如何去爱，如何在以后的恋爱中更加珍惜对方！就把初恋当作是给我们上了一堂课吧！</t>
  </si>
  <si>
    <t xml:space="preserve">中度脂肪肝使用干净营养片多久能治疗好？我体检查出中重度脂肪肝，使 </t>
  </si>
  <si>
    <t>你说的药我不知道效果如何。但我给你一个方法，只要你坚持做了就一定会好。每星期4天，每天快步走一个小时-----7公里。明年的现在，你的问题就解决了。我敢保证。</t>
  </si>
  <si>
    <t xml:space="preserve">告诉我究竟什么是朋友？什么是爱人？究竟你是怎么区分爱情和友情呢？ </t>
  </si>
  <si>
    <t>朋友是在困难中来帮助你的，爱人是在困难中帮你承担的；朋友是不能在爱人中产生的，爱人却是在朋友中生成的；友情能升华成爱情，而爱情是万万不能凝结成友情的；虽然简单的几句话，但是其中的奥秘，是没有经历过的人永远的秘密！</t>
  </si>
  <si>
    <t xml:space="preserve">新浪的播客视频能不能放在日志中？怎么放？ </t>
  </si>
  <si>
    <t>当然可以，步骤如下：发表文章、在文章的源代码里复制以下代码：&lt;DIV&gt;&lt;EMBED src=播客视频的网络地址 width=475 height=447 type=application/x-shockwave-flash ALLOWSCRIPTACCESS="always" ALLOWFULLSCREEN="true"&gt;&lt;/EMBED&gt;&lt;/DIV&gt;其中 播客视频的网络地址 的寻找方法：打开你的播客、找到你要上传的视频、点击视频旁边的源文件地址复制按钮、再覆盖上面代码中的 播客视频的网络地址 就行了。</t>
  </si>
  <si>
    <t xml:space="preserve">谁能帮我！或许我在有时过多的思想和考虑问题！导致把很多问题想的复 </t>
  </si>
  <si>
    <t>我觉得你并不需要改变。人的思维会跟着你的认知程度作出相应的变化，考虑的问题多了，证明你考虑得详细、全面。不过从你的烦恼中我觉得你不是因为考虑得多而烦，而是因为你的犹豫引起你的烦恼。想把问题简单化，说难不难，说容易又不容易，最好的解决方法就是多学知识和累积经验充实自己，一旦你有了充足的知识和经验，你就会对问题有了绝对的把握，那么你就容易解决了。人为什么那么多疑虑，犹犹豫豫呢？就是因为没有足够的学识作为基础，这样做觉得不好，那样做又觉得不够，所以只是一直在想、在思考，却没有实际行动。我相信你是这样的情况。还有一个方面，做人要有自信，如果你敢于迈出第一步，以实际行动去实践下你的思考可不可行，那么你就算失败你也总结到经验，总比你现在只是想而不做好得多。记住这句话，某个伟人说的“有计划的不行动永远比不上没有计划的乱行动”。相信你能理解这句话，当你领会到其中的真谛之后你就会知道怎样做了。</t>
  </si>
  <si>
    <t xml:space="preserve">有哪些怪是不死和恶魔族的?药师的驱魔只能打这两类怪,谁能告诉我这 </t>
  </si>
  <si>
    <t>一个个说很麻烦，直接看图吧。</t>
  </si>
  <si>
    <t xml:space="preserve">前一天的忠义任务没有交，但是又接了第二天的忠义，为什么两个英烈魂? </t>
  </si>
  <si>
    <t>您好！新浪游戏诛仙爱问专家为您解答： 以后先交任务然后再接诛仙资料组：新月花</t>
  </si>
  <si>
    <t xml:space="preserve">怎样识别DVD刻录机的好坏？我想买一个DVD刻录机，但不知什么的 </t>
  </si>
  <si>
    <t>先锋的。现在的刻录机一般都是2M缓存，主流速度是18*18，还有就是看接口，如果主板支持尽量买SATA接口的。现在先锋和三星是销量最大的品牌。</t>
  </si>
  <si>
    <t xml:space="preserve">家有精神病人我该怎么做？跪求！！！在我05年的时候在深圳和朋友做 </t>
  </si>
  <si>
    <t>家有精神病人，深表同情。振奋起来，要有男子汉的气魄和勇气。敢于承担责任。善待精神病人，既符合社会道德的要求，也符合《婚姻法》的要求。只不过，这辈子要委屈你自己了。好在你有两个孩子，待孩子大了以后，可以为你分担一些负担。</t>
  </si>
  <si>
    <t xml:space="preserve">以色列到底是好是坏？？以前总以为以色列是坏的。总是仗势欺人。最近 </t>
  </si>
  <si>
    <t>以色列是好是坏无所谓。但是，它和中国的关系确实不错。二战时，我们的上海，保护了5万以色列人，是被以色列人写进了教科书的。最起码以色列不忘恩负义。巴则不同，很多人希望我们的新缰独立。</t>
  </si>
  <si>
    <t xml:space="preserve">中国哪里具有一流的海运和空运物流位置(区位)? </t>
  </si>
  <si>
    <t>上海的外高桥。</t>
  </si>
  <si>
    <t xml:space="preserve">查询已安装的手机软件详情反应很慢~RT。。。手机是N95的，预装 </t>
  </si>
  <si>
    <t>估计是诺基亚的通病，我的诺基亚5730也是，比你更严重，打开已安装软件要卡2分钟，其他的程序都没问题。就那个卡</t>
  </si>
  <si>
    <t xml:space="preserve">今天晚上要道重庆，请重庆朋友告知当地的天气及气温。急！ </t>
  </si>
  <si>
    <t>今天零星小雨，6——9度明天阴转多云，5——10度重庆实际天气比气象太报的冷一些。特点是干冷。所以应多带保暖衣物。住宿解放碑：重庆大酒店，    石桥铺：劲力酒店，    沙坪坝：丽苑酒店，    南坪：  钟声酒店，如有什么问题可打咨询电话：114若遇难题可打110祝你旅途愉快，事事顺心！</t>
  </si>
  <si>
    <t xml:space="preserve">北京市海淀区光明大街138号是做什么的 </t>
  </si>
  <si>
    <t>应该是一家贸易公司 点一下好评，真心的祝愿你万事如意！</t>
  </si>
  <si>
    <t xml:space="preserve">常期喝纯净水好么？？？请说一说吧，最好说的专业一些？？ </t>
  </si>
  <si>
    <t>一、常饮纯净水不安全 中国绿色食品发展中心称：“安全、优质、营养”体现的是绿色食品的质量特性。第一特性是它的安全性，也就是说在合理食用方式和正常食用量情况下食品不会引起身体危害的特性。大家都知道，一个成年人每天需饮用2000毫升左右的水，才能保持水分收支平衡，如果一个成年人每天饮用2000毫升左右的纯净水，长期下去会不会引起身体的危害呢？北京化工大学水资源研究中心金日光教授说：“纯净水的水分子极度串联和线团化结构，不易通过细胞膜，会导致身体内有益的生命相关元素向体外流失，有些敏感的人越喝越不解渴，越喝越想喝，降低了人体免疫力，甚至引发某种疾病。”我国心血管病专家、中科院院土王士雯教授指出：“长期饮用矿物质少的软水，是造成动脉粥样硬化的原因之一。”海军医学研究所提供了临床反应：“舟山海岛战士饮用雨水半年后普遍感到乏力。”经测试，雨水中缺少矿物质，其水质与纯净水相似。这是在合理饮用方式和正常饮用量情况下引起身体危害的例子，这能说纯净水是安全食品吗？我国有几亿成年人每天都喝与纯净水同量（2000毫升左右）的自来水、天然水或矿泉水，喝了十几年、几十年没有听说过也没有看到一例有关危害身体的报道，相比之下，常饮自来水、天然水和矿泉水是安全的，常饮纯净水不安全。 二、纯净水没有营养 中国绿色食品发展中心说：“除了安全性外，优质、营养也是绿色食品的重要特性，在绿色食品产品标准中有具体体现，要求其有优良的感官特性、品质质量和营养价值。”如此说来，绿色食品不仅要求有优良的感官特性和品质质量，还要求有优良的营养价值。纯净水有没有优良的营养价值呢？可以肯定的回答：没有！大家都知道，纯净水加工时，在去除水中的污染物的同时也去除了水中人体必需的微量元素和宏量元素。水是人体获取矿物质的重要途径，在特殊情况条件下还是主要来源。清华大学环境系王占生教授强调指出：“最起码我国居民的现有饮食结构比较单一，并不能全面而自然地补充各类元素，所以，饮水的营养功效依然不能漠视。”水营养专家、中国医促会健康饮用水专业委员会主任李复兴教授说：“已经证实水中有近10种微量元素是身体所必需的。就我国目前的膳食结构，许多微量元素难以从食物中摄取，主要从水中得到。水中钙的吸收率可达90%以上，而食物中钙的吸收率只有30%。”全国饮用水卫生组组长、上海医科大学朱惠刚教授着重指出：“对饮水来说，并非越纯越好，水中的无机元素是以溶解的离子形式，易被机体吸收，因此，饮水是人们矿物质的重要摄取途径。纯净水含很少或不含矿物质，过去主要用于热电厂锅炉、电子工业洗涤、集成电路板等。饮用纯净水要慎重为之，尤其是对儿童、老年人和孕妇是不适合的。”世界卫生组织提出的健康饮用水必须符合六个条件，即：不含有害物质、含有适量的矿物质、硬度适中、含氧丰富、水分子团小、pH值为弱碱性。纯净水基本上不含矿物质，硬度接近于0，含氧量极少（蒸馏水为0），水分子团大（＞100Hz），pH值6.0左右，为弱酸性。加拿大和俄罗斯的饮用水水质标准规定硬度不得小于50mg/L（以CaCO3计），欧共体和美国饮用水水质标准硬度要保持60以上。显然纯净水不符合健康水的条件，没有营养，更谈不上优良的营养价值，那怎么能称绿色食品呢？ 三、长期饮用纯净水影响身体健康 水是人类赖以生存六大营养素中最重要的一种，水中的矿物质和微量元素对人体健康至关重要。北京化工大学生命动力和水资源研究中心金日光教授指出：“水对于生命的起源及在生命延续过程中起着相当重要的作用，从这个意义上讲，我们不能说水就是用来解渴的，水的深远意义在于维持人类健康延续生命。”人们在选择饮用水时，更应注重是否有利于健康，纯净水是否有利于健康呢？国家发改委公众营养与发展中心柴巍中博士在“2005年中国饮用水行业高层论坛”会上强调指出“纯净水具有极强的溶解矿物质、微量元素的能力，人们大量饮用纯净水后，体内原有微量元素、营养素和营养物质，就会迅速地溶解于纯净水中，然后排除体外，使人体内的营养物质失去平衡，出现健康赤字，不利于身体健康。现在许多欧洲国家都规定纯净水不能直接作为饮用水”。美国著名水专家马丁·福克斯医学博士，在《健康的水》一书中强调指出：“喝被污染的水和脱盐水（即纯水）都会对我们的健康造成伤害。”我国海军医学研究所给水部丁南湖研究员等人，从1987年至1994年对小白鼠进行了7年试验，让其长期喝蒸馏水，结果发现小白鼠生长较慢，体重下降，骨质疏松，肌肉萎缩，脑垂体和肾腺系统功能被破坏。大连某海岛驻军，曾饮用自制的蒸馏水（纯净水），时间久了，官兵们患上了各种缺乏矿物质的疾病。中国院资深院士陈梦雄认为：“长期饮用纯净水会减少人体对矿物质和有益元素的摄取。从对健康的关系而言，天然水优于纯净水，矿泉水优于天然水。”国内外大量动物试验和临床反应都证明，长期饮用纯净水有害健康。为此，上海市教委曾发出通知：原则上自1997学年度开始，各中小学校、幼儿园不应再以纯水作为学生、幼儿的饮用水。上海市工商行政管理局也曾发出通知：纯水广告不宜宣传“可长期饮用”和用纯水冲调奶粉、煮饭等内容。2003年3月杭州市部分中小学生告别了纯净水，已有10万余中小学生喝上了矿泉水。最近中国消费者协会正式发布警示：青少年、儿童和老年人不宜长期喝纯净水。绿色食品以健康为基本目标，而长期饮用纯净水，不但起不到促进健康的作用，反而会对身体造成伤害，那怎么能称縁色食品呢？ 自从饮用纯净水进入市场以来，该喝什么水一直是广大消费者十分关注的话题，经过几年的激烈争论，其结论是明确的，长期饮用纯净水不利于健康，矿泉水是理想的饮用水。全国饮用水卫生组组长、上海医和大学教授、博士生导师朱惠刚说：“矿泉水和一般饮用水不同，它含有锂、锶、锌、碘、硒、等微量元素，有的还含有比较丰富的宏量元素，因而它能补充人体所需的微量元素和宏量元素，调节人体的酸碱平衡，这些特点都是一般饮用水所不具备的。矿泉水是健康饮水之冠。”中国医控中心环境所卫生资深专家徐方研究员指出：“矿泉水以含有一定量的有益于人体健康的矿物质、微量元素或二氧化碳气体而区别于普通的地下水。由于这种水没有受到外来人为的污染，不含热量，是人类理想的保健饮料。我们曾对我国有代表性的十几种矿泉水进行过动物试验，结果发现这些矿泉水都有不同程度的抑瘤效果，一些流行病学的调查资料也说明矿泉水对促进肌体健康、延年益寿确有很大作用。”符合医疗矿泉水水质标准的饮用天然矿泉水对某些疾病有预防、治疗和减轻症状的作用。</t>
  </si>
  <si>
    <t xml:space="preserve">我喜欢吃辣的又怕上火最近辛辣吃太多，上火了 </t>
  </si>
  <si>
    <t>喜欢吃辣的平时就多做点降火的工作嘛，我平时没事会和点凉茶火是星群夏桑菊，你可以试试</t>
  </si>
  <si>
    <t xml:space="preserve">八年级物理某商厦安装有自动扶梯，当扶梯不动时，人走上去需要2mi </t>
  </si>
  <si>
    <t>解：设楼梯长为s。人的速度V人，扶梯的速度V梯。∵当扶梯不动时，人走上去需要2min即120s。∴人的速度V人=s/120.∵当扶梯运行时，人走上去只需40s。∴s=40（V人+V梯）∴s=60V梯∴当人站在运行的扶梯上由扶梯送上楼，需要的时间=s/V梯=60s=1min.或设人的速度为v1，扶梯运行速度为v2，则 120v1=40（v1+v2） 解得v2=2v1.∴当人站在运行的扶梯上由扶梯送上楼，需要的时间=120v1/v2=120v1/2v1=60s=1min.</t>
  </si>
  <si>
    <t xml:space="preserve">云博有问题，大家注意了今天晚上下了一场广岛三箭主胜，投注完后却变 </t>
  </si>
  <si>
    <t>对啊，有一次我下也把我黑了，后来找前台把钱要回来了，是真的有这种事情。所以不要在云博下了，赢了都好怕他们黑人。</t>
  </si>
  <si>
    <t xml:space="preserve">大便带血！急近一年来我感觉大便间隔变长了，一般三四天才一次，而且 </t>
  </si>
  <si>
    <t>老兄，恭喜你患痔疮了，内痔！</t>
  </si>
  <si>
    <t xml:space="preserve">我该怎么班！！！烦啊朋友们好；《1》；我有一个女朋友，特别的爱我 </t>
  </si>
  <si>
    <t>1.首先，我要肯定的是“同房”是因为爱，而不是别的。没有对不起对得起一说。如果你觉得对不起，那可能说明你们的“同房”不在爱的基础上。而是出于你的私心。2.其次，你女朋友大你4岁，你是真的因为她个子矮才很烦吗？科学做出过测算，男女身高相差18厘米是最合适的组合。而你和你女朋友相差17.5厘米，在外人看来这种身高组合可能是很舒服的。但是你不满意，所以你还是问问自己是不是因为身高而烦恼。3.第三，你说你很爱你的女朋友，你的女朋友也很爱你。可是如果是真的爱，你会包容爱人的缺陷，发现她的美。但是现在你可能很困惑。那么好好问问你的内心，到底还爱她么？如果回答是肯定的，那么就抛弃那些不好的想法，用一种积极的正面的态度来善待你的爱情。4.最后，还是祝你们幸福。</t>
  </si>
  <si>
    <t xml:space="preserve">关于采集的问题为什么我去采集点什么都采不到啊？鼠标移过去什么也没 </t>
  </si>
  <si>
    <t xml:space="preserve">采集点是3分钟刷新一次并不是一定要用吸尘器的，吸尘器也是有时间间隔的,和用手点击拿资源有时间间隔是一样的道理，只是用吸尘器的话可以挂机 </t>
  </si>
  <si>
    <t xml:space="preserve">热血江湖怎么了?正确帐号和正确密码都登陆不进去 </t>
  </si>
  <si>
    <t>可能当时你上时服务器不太稳定吧，我在网二，我的号 6线和7线就无法登陆的，其他线没问题 也不知道怎么回事</t>
  </si>
  <si>
    <t xml:space="preserve">三夹板与三合板与有什么区别? </t>
  </si>
  <si>
    <t>三夹板与三合板通常指同一种板，只是叫法不同。通常叫饰面板，多层板，又叫三夹板和三合板，根据不同层数叫法也不同。根据厚度3～9厘米，也可以叫3～9厘板。柳安芯的板价格比桃花芯和杨木贵些。现在家装中使用的主要是饰面三夹板，即在工厂中已经将非常薄的实木饰面贴在三夹板上。</t>
  </si>
  <si>
    <t xml:space="preserve">想问一下黄色的短裙怎样配好看? </t>
  </si>
  <si>
    <t>同色系的T恤就不错，适合浅颜色，勿兰色，感觉会怪，紫色万万不可，互为补色</t>
  </si>
  <si>
    <t xml:space="preserve">康宝燃气灶黄火苗严重，分火器变形，大家有遇到的吗？据说:为应付大 </t>
  </si>
  <si>
    <t>你说的分火器变形是因为分火器不是全铜的,很有可能是铸铁件或者铸铝件甚至其他的合金件镀上的一层铜而已,时间长了当然会变形了 .我家的是全铜的,好几年了都没有事.燃烧头上的分火器有一处“开口处”的缝,那是为了防止分火器热胀冷缩变形而设计的伸缩缝,在正常情况下是有用的,但是遇到假冒伪劣的话,有十条缝也会变形的啊.楼上说的炸裂的情况是不会有的,如果你上过技校,或者去工厂里的热处理车间看过就不会有这种想法了.你就是把烧得通红的铁圈扔进冰水里,它也不会炸裂的</t>
  </si>
  <si>
    <t xml:space="preserve">白羊座和处女座能长久吗？ </t>
  </si>
  <si>
    <t>我是处女座的男生，我的女友是白羊座的。我相信我们能够在一起</t>
  </si>
  <si>
    <t xml:space="preserve">空之轨迹3RD里美臭如何得到通了一遍空之轨迹3RD，该得到的回路 </t>
  </si>
  <si>
    <t>在王都格兰塞尔的码头的第二部分可以拿到“美臭回路”。位置见图</t>
  </si>
  <si>
    <t xml:space="preserve">请问孙策的终极武器到底怎么入手啊？看了功略，试了数次也没能得手！ </t>
  </si>
  <si>
    <t>354的孙策孙策霸王，孙策幻影战，亲自击破所有的假于吉后出现。最好不要带护卫武将，避免护卫打死最初的那几个，否则就算亲自干掉最后的全部斗气假于吉也没有。</t>
  </si>
  <si>
    <t xml:space="preserve">现货白银和外汇，基金，债券，期货，农产品现货有什么区别 </t>
  </si>
  <si>
    <t>　与 现货 的区别白银　　1、 股票属于区域性 ，白银是国际市场　　2、 白银市场每天的成交量比股票大很多　　3、 股票容易受庄家或集团操控　　4、 从交易时间来看，股票是4小时交易，白银是24小时交易　　5、 从交易规则来看，股票只能买涨，白银可买涨买跌　　6、 股票有涨跌限制（A、B股10%），白银没有　　7、 股票没有杠杆，白银的杠杆为1：100，利润丰厚　　8、 从品种来说，股票有一千多支，选股比较麻烦，白银产品单一，比较容易分析　　9、 上市公司可能因经营不善而清盘，化为乌有；白银则永远存在，而且一直是国际货币体系中很重要的组成部分　　10、 股票是100%的资金投入，白银是10%的保证金投入　　11、 股票是T+1;白银是T+0市场　　 期货 与现货白银的区别　　1、 期货是一种未来必须履行的合约，交割时间必须是确定的；现货白银是24小时随时交易　　2、 国内期货是区域性市场；白银是国际市场　　3、 从交易时间来看，期货交易是4小时；白银24小时　　4、 做市商和交易所不同：期货交易一般是在期货交易所里进行集中的撮合交易；现货白银并不存在集中撮合式交易　　5、 期货是在交易所由所有交易者集中竞价形成价格；现货白银的价格是由白银做市商报出买卖价格　　6、 从交易对象是否特定来说，期货的交易对象不特定，在交易所里任何一个做反方向交易报单的 者都可能是他的交易对象；现货白银的交易对象就是固定的白银做市商　　7、 期货合约有到期日，不能无限持有；白银则可以无限持有投资　　 债券 与现货白银的区别　　1、 收益不同。债券是获得利息收入，利息固定；白银是从价格差获利　　2、 流动性来说，债券有1年内的但多数期限较长，有的达到几十年之久，变现慢；现货白银可随时变现　　权证与现货白银的区别　　1、 权证有涨跌停限制，白银没有　　2、 权证有到期日，白银不受时间限制　　3、 权证的标的资产种类繁多，白银产品单一　　 外汇 与现货白银的区别　　1、 外汇每天的价格波动小，白银价格波动大　　2、 外汇种类繁多不利于分析，白银品种单一　　3、 外汇市场每天的成交量不如白银大，（1万亿美元；3万亿美元）　　4、 外汇市场也存在操纵的情况　　 与现货白银的区别基金　　1、 基金是把钱交给别人去理财，不能自己控制；白银投资可以完全由自己来掌握　　2、 股票型基金和大盘是同涨同跌的关系　　3、 债券型基金收益低　　4、 基金流动性差变现能力差，投资周期长；白银变现快</t>
  </si>
  <si>
    <t xml:space="preserve">练平衡枪以后用刀平衡枪魔高用强物理攻高其不两全其没美用练枪的方法 </t>
  </si>
  <si>
    <t>属于没有特长的中庸之道，不建议这么练。。。。。。。。。</t>
  </si>
  <si>
    <t xml:space="preserve">用过航嘉冷静王2.3电源的请进我机器配置如下主板技嘉770UD3 </t>
  </si>
  <si>
    <t>9800GT的功耗大，发热量就大，你这样满载天又热温度是正常的，而航嘉冷静王2.3额定功率为300W，你这样的配置的确低了点，我建议换个400W的电源，航嘉多核DH6 ￥378 康舒Ipower 470W ￥399  酷冷至尊战斧460W ￥370，可以参考</t>
  </si>
  <si>
    <t xml:space="preserve">邯郸白癜风治疗最好的医院？ </t>
  </si>
  <si>
    <t>大家都知道白癜风这病特别的难治，所以在得了白癜风更要及时治疗。发现皮肤部位出现白斑，就要重视起来，及时到正规医院确诊，尽早接受系统治疗，“早确诊，早治疗”。目前白癜风的治疗方案有很多，需要去正规专业治疗白癜风的医院对症治疗。希望对您有帮助，祝早日康复！每种疾病的诱发因素都会不尽相同的，这样白斑患者在治疗的时候方法和产生的效果都是不一样的，选择专业祛白的医院是治愈白斑的关键。专业祛白的医院治疗白斑有着一流的检查技术和治疗设备，能够做到全面详细的分析患者患病的原因和病情，有针对性祛白的方法效果好。祝早日康复！现在白癜风患者可以说是越来越多，白癜风的治疗需要长期进行治疗，治疗药物需要由多种药物进行治疗。目前有些医院只是单一用一种药物治疗，而且没有查明患者发病诱因盲目用药，都会使白斑情况恶化。所以不论你选择哪家医院，选择正规的白癜风专科医院就诊。 祝早日康复！</t>
  </si>
  <si>
    <t xml:space="preserve">怎么感觉不行了我是男的，不到30岁怎么就感觉不行了 </t>
  </si>
  <si>
    <t>太劳累，平时要多锻炼</t>
  </si>
  <si>
    <t xml:space="preserve">请问一下:在南宁,哪里有卖开摩托车时专用的眼镜?大概多少钱?想给? </t>
  </si>
  <si>
    <t xml:space="preserve">建议你配一付变色镜片的平光镜,白天晚上都可以戴,就是有一点不好,那就是价格比较昂贵一些.(玻璃变色200元和树脂变色600元价格差别也很大)不包含镜架的价格.变色镜片指当有紫外线(太阳光)的情况下,镜片就会变色,而晚上没有紫外线(太阳光)的照射下,你的镜片就没有颜色的!有什么问题想了解更清楚的可以提问! </t>
  </si>
  <si>
    <t xml:space="preserve">我的电脑是公用的我不想别人看我做的文件，所以我想把文件加密，但是? </t>
  </si>
  <si>
    <t>是什么文件？word还是excel ?word里面，工具菜单--选项--保存下面有个“打开权限密码”“修改权限密码”如果设置第一个保存之后别人是打不开的，设置了第二个别人修改不了不过现在有些破译软件和容易就能破解的！但是设置了肯定管用</t>
  </si>
  <si>
    <t xml:space="preserve">iPad和iPhone哪个更贵一点? </t>
  </si>
  <si>
    <t>肯定是IPHONE，当然这里是指比较新的4S和5iphone更贵。当然是手机贵撒。ipad比iphone贵    从工艺的角度来讲，做得越小，工艺越复杂，难度越高，价钱也贵就像同样是500G的硬盘，大硬盘就比小硬盘要便宜。因为45nm工艺要比28nm工艺容易做到，也便宜。同样是32G的Iphone和ipad，iphone要求的工艺就更高。要在这么小的体积限制下，集成WIFI,3G,各种电子元器件，成本就高很多。</t>
  </si>
  <si>
    <t xml:space="preserve">我想知道中国共有多少交通警察，协警的数量又有多少 </t>
  </si>
  <si>
    <t>应该统计局有统计数据，只不过这个数据可能太敏感了  毕竟他们是吃皇粮的</t>
  </si>
  <si>
    <t xml:space="preserve">每天什么时间量血压最好？一天量几次？我是个初患高血压的患者，已经 </t>
  </si>
  <si>
    <t>正确认识和测量血压贵阳市华烽主治医师  张少武    随着高血压发病率的增高，血压计正悄然走进人们的生活，成为不可或缺的家庭用具之一，为早期发现高血压及监测治疗效果等带来便利。与此同时，如何正确地认识血压和准确地测量血压，也成为比较突出的问题。 　　血压是动脉血压的简称，又分为收缩压和舒张压。一般收缩压主要取决于心肌收缩力的大小和心脏搏出血量的多少，而舒张压主要反映外周血管阻力的大小。 　　测量血压应该应用动脉漂浮导管准确地测量中心动脉血压，但因其有一定创伤和风险且需要专门的设备和人员，现更多的是应用血压计间接地测定外周动脉血压，尤其是用测量肱动脉血压的方法来代替。 　　测量血压用的血压计有供医疗部门应用的汞柱式血压计、动态血压监测仪，供家庭使用的弹簧式血压计、电子血压计等多种。以使用汞柱式血压计为例，正确的测量方法是：先让被测者安静休息15分钟以上，取坐位或平卧位，使手臂与心脏位置保持在同一水平，掌心朝上，将气袖展平，气袖中部对着肱动脉缚于上臂，气袖下缘距离肘窝2～3厘米，松紧度以能放下被测者1～2根手指为宜；将听诊器胸件放在肘部肱动脉上(注意不能接触气袖，更不能塞于气袖下)，然后给气袖充气，待肱动脉搏动消失后，再将汞柱升高20～30毫米(或将汞柱升高到180毫米高度后试测，再酌情调整)；慢慢放出气袖中的空气，使汞柱以大约2毫米/秒的速度缓慢下降，当听到第一个动脉搏动声时所示的压力值即是收缩压；继续缓慢放气，至动脉搏动声刚刚消失时的压力值即是舒张压；收缩压与舒张压之差为脉压。 　　一般以收缩压90～139mmHg(有用KPa为单位者，1Kpa＝7.5mmHg)、舒张压60～89mmHg、脉压30～40mmHg为正常血压。健康人双侧肱动脉血压可不相等，二者之差可达10～20mmHg，一般以右上肢肱动脉血压为准。测量血压应该在同一时间内间隔1分钟反复测量2～3次，并取其最低值作为该时间的血压值。 　　正常人血压呈明显的昼夜波动性，即夜间血压最低，晨起活动后迅速上升，在上午6～10点和下午4～8点各有一高峰，继之缓慢下降。高血压患者的血压昼夜变化情况也和正常人相似，但总的水平较高，波动幅度较大。在活动、饱食、情绪激动、精神紧张或寒冷等状态下血压都会升高，日常生活中失眠、吸烟、饮酒和饮咖啡等也都会影响血压的变化。 　　30岁以下的正常人应至少每年测血压一次；超过40岁者每3～6个月应测量一次血压；多次血压超过130/85mmHg者除应在医生指导下改变行为和生活方式外，更应每月监测血压，掌握血压变动趋势，适时采取对策。 　　服药治疗的高血压患者应该监测降压药作用最弱时点的血压(如晨起后血压)、最强时点的血压(如傍晚血压)和临睡前血压，一日多次服药者还要测量服药前的血压，其他时间的血压可以根据需要随时测量。血压控制平稳者最好每日监测晨起后和临睡前的血压。 　　购买家用血压计，应注意认清由国家计量部门出具的检测合格证，仔细读懂说明书或向售后服务人员及医生咨询应用注意事项，平时按要求认真维护和妥善保管，并每隔半年至一年到专门机构校准。遇有汞柱式血压计漏汞、其他血压计受潮或被磁化等应立即停用，待检修合格后再用。</t>
  </si>
  <si>
    <t xml:space="preserve">关于读书的名人名言 </t>
  </si>
  <si>
    <t>敏而好学，不耻下问——孔子2、业精于勤，荒于嬉；行成于思，毁于随——韩愈3、学而不思则罔，思而不学则殆——孔子4、知之者不如好之者，好之者不如乐之者——孔子5、三人行，必有我师也。择其善者而从之，其不善者而改之——孔子6、兴于《诗》，立于礼，成于乐——孔子7、己所不欲，勿施于人——孔子8、读书破万卷，下笔如有神——杜甫9、读书有三到，谓心到，眼到，口到——朱熹10、立身以立学为先，立学以读书为本——欧阳修11、读万卷书，行万里路——刘彝13、书卷多情似故人，晨昏忧乐每相亲——于谦14、书犹药也，善读之可以医愚——刘向15、少壮不努力，老大徒伤悲——《汉乐府。长歌行》16、莫等闲，白了少年头，空悲切——岳飞17、发奋识遍天下字，立志读尽人间书——苏轼18、鸟欲高飞先振翅，人求上进先读书——李苦禅19、立志宜思真品格，读书须尽苦功夫——阮元20、非淡泊无以明志，非宁静无以致远——诸葛亮21、勿以恶小而为之，勿以善小而不为——陈寿《》22、熟读唐诗三百首，不会作诗也会吟——孙洙《唐诗三百首序》23、书到用时方恨少，事非经过不知难——陆游24、问渠那得清如许，为有源头活水来——朱熹25、旧书不厌百回读，熟读精思子自知——苏轼26、书痴者文必工，艺痴者技必良——蒲松龄27、读书百遍，其义自见——《三国志》28、千里之行，始于足下——老子29、路漫漫其修道远，吾将上下而求索——屈原30、奇文共欣赏，疑义相如析——陶渊明31、读书之法，在循序而渐进，熟读而精思——朱熹32、吾生也有涯，而知也无涯——庄子33、非学无以广才，非志无以成学——诸葛亮</t>
  </si>
  <si>
    <t xml:space="preserve">关于W32.Mumawow.F!inf怎么清除前几天中了木马.很 </t>
  </si>
  <si>
    <t xml:space="preserve">使用《Windows清理助手》吧：   全新扫描方式、彻底扫描系统 有效防止木马与恶意软件变名藏匿 独创清理技术，清理能力远远高于同类软件 </t>
  </si>
  <si>
    <t xml:space="preserve">我和他怎么办？我和他相处一年多，在觉得双方不错的情况下我们没结婚 </t>
  </si>
  <si>
    <t xml:space="preserve">    “我和他在法律上都承认是夫妻了。可我不想这样每次吵架他就提出来那些伤人的话。我该怎么办？？我想和他解除这层关系，但又不舍得；但他的话又太伤我？？我到底该怎么办？？”----你说呢？忍受不了、又舍不得分手，谁也帮不了你，这实在是一个迷。你必须做出取舍！要么继续忍受不喊苦，要么果断分手寻幸福！没有其他办法……</t>
  </si>
  <si>
    <t xml:space="preserve">600961株冶集团分配方案600961的2009年度利润分配方 </t>
  </si>
  <si>
    <t>今日还未公告，近日可静等公司公告。</t>
  </si>
  <si>
    <t xml:space="preserve">公务员考试应该怎么学习和复习更好呢？ </t>
  </si>
  <si>
    <t>我在博大弘仕上看到关于公务员复习的基础备考阶段、模拟提升阶段、复习巩固阶段和实战模拟四个阶段的介绍，你可以自己去看看。第一阶段：基础备考，夯实根基（10天左右）第二阶段：模拟练习，巩固提升（10天左右）第三阶段：查漏补缺，温故知新（5天左右）建议你可以下载：公务员家庭式培训班，第一次进入会进行模拟摸底考试，然后针对知识薄弱点的给出复习计划，你可以参考复习计划进行复习。</t>
  </si>
  <si>
    <t xml:space="preserve">作为一家刚刚起步的小公司，时常觉得无所适从，不知道该如何打造属于? </t>
  </si>
  <si>
    <t>刚起步的小公司确实要面临很多的问题，最主要的就是初始阶阶段没有业务，或者很难拉到单子。这是困扰很多新公司的一个最重要的原因所在。所以，打造属于自己的品牌很重要，品牌在行业里打出来了，才能帮助公司寻找到单子。楼主加油，支持你们这些敢于独立创业的年轻人。坚持住，坚持就是胜利。挺过去，一些都会好的。</t>
  </si>
  <si>
    <t xml:space="preserve">15周岁适合健身么？？？会不会影响长高？？？ </t>
  </si>
  <si>
    <t>如果是男孩子就没有什么关系，女孩子不应该做剧烈的运动，男孩子有关做肌肉弹性的运动而不应该做力量性的运动，以免肌肉受损或变形</t>
  </si>
  <si>
    <t xml:space="preserve">南拳妈妈那首歌最好听 </t>
  </si>
  <si>
    <t xml:space="preserve">我比较喜欢牡丹江 香草吧噗 </t>
  </si>
  <si>
    <t xml:space="preserve">分解装备的问题～高手进下！！谢谢在线等听说60的紫靴子（不是战场 </t>
  </si>
  <si>
    <t>明确告诉,是8....</t>
  </si>
  <si>
    <t xml:space="preserve">年轻人的腰椎间盘突出一般都是怎么引起的？我十八岁，前段时间右腿的 </t>
  </si>
  <si>
    <t>年轻人没有深浅，腰部突然发力，容易造成腰部扭伤，也就容易造成腰椎间盘突出。长期干累活的年轻男性，是腰椎间盘突出症状的易发人群。本人就是其中之一。一旦得了腰椎间盘突出，可能就要带一辈子，以后就需要时时注意，否则一犯腰疼病，就要受罪。不过你也不要有思想负担，有腰椎间盘突出症的人很多，时间长了，也就不怕了，就是时时加小心罢了。每年春节拔河比赛，我就在旁边看热闹了，千万不要上去冒险，否则很可能会难受一个月。这样的事在我身上是不止一次发生过的。</t>
  </si>
  <si>
    <t xml:space="preserve">各位编辑管理员大大进来看下！！！该分类饿某管理员居然是某人刷分的 </t>
  </si>
  <si>
    <t>这个已经成为爱问的特色了~</t>
  </si>
  <si>
    <t xml:space="preserve">白衣服染色怎么办 </t>
  </si>
  <si>
    <t xml:space="preserve">    可以采用以下方法：1.用一下陈醋来洗一下被染的地方 2.试试叫彩漂的用品,如白猫漂彩 3.用84消毒液稀释以后，稍微泡一下试试，不过一定要掌握好稀释的比例和浸泡的时间，这个和被染的衣服之地和被染程度有关系，最好多漂几次，宁可麻烦点，也不要漂过头了。 4.用安利洗 5.高锰酸钾和醋酸,做法是先将少许高锰酸钾溶于水,再将要漂洗的衣服放进去,要充分浸透,浸10至20分钟后,衣服会呈暗红色,将衣服拿起,洗一下清水;再将少许醋酸溶于水,把浸过高锰酸钾的衣服放入醋酸溶液中,衣服就会由暗红色慢慢转变为原来的颜色,并且染了色的地方也一并褪掉而不会损坏衣服原有的颜色.有时穿到发黄的衣服也可以用这个办法. 6.用含阴离子表面活性剂多的洗衣粉和洗洁精1：1加入温水中，把被染的地方放入温水中浸泡半个小时以上，再用手去搓洗。如果还是去不干净，就把全部的衣服都放进50度以上水中，加入少量的洗衣粉搓洗，利用该衣服的褪色来减小被染色的色差。 7.将被染色处用水打湿.再将食用盐涂满.再用手反复轻搓.被染之色便没了.再用清水清洗即可. 8.把染了色的衣物放入盛有热水的盆中，每升水加10匙小苏打。用月桂树叶覆盖衣物，就这样放一夜，次日早上，清洗一下，你会发现它们又重现白. 注意:漂白漂出的衣服对身体不好，漂白是利用化学药品特殊锡化合物，是很强的氯制品，掌握不好衣服就会烧坏。有的是用高锰酸钾，再经双氧水强氧化漂白的，如果不白有的还加荧光增白剂。这些对人体都非常不利的.  参考文献：生活小百科 </t>
  </si>
  <si>
    <t>数学问题1.5</t>
  </si>
  <si>
    <t>5、(1)：二次函数、指数函数(2)：一次函数、对数函数、二次函数6、f(x^2-2)-f(x-2)=ln(x^2-2+1)-ln(x-2+1)=ln(x^2-1)-ln(x-1)=ln(x+1)+ln(x-1)-ln(x-1)=ln(x+1)</t>
  </si>
  <si>
    <t xml:space="preserve">15岁男孩，流鼻血，同时嘴里吐血，血量较多，什么原因？仰着，还是? </t>
  </si>
  <si>
    <t>赶紧去医院呀,如果经常这样要怀疑血液的病症了,血液不爱凝固一般情况是血小板底，像你这种情况要赶紧去医院别耽误了．</t>
  </si>
  <si>
    <t xml:space="preserve">高一数学14题填空 </t>
  </si>
  <si>
    <t>因为：a^x、a^y＞0所以：a^x+a^y≥2√(a^x*a^x)=2√[a^(x+y)]当且仅当a^x=a^y，即x=y时取等号x+y=4m^2-7m-9m+20=4m^2-16m+20=4(m^2-4m+4)+4=4(m-2)^2+4≥4当m=2时取等号而，当m=2时，x=y=2即，m=2时，两个等号可以同时取得因为a＞1所以，a^x+a^y≥2√[a^(x+y)]≥2√(a^4)=2a^2.</t>
  </si>
  <si>
    <t xml:space="preserve">游戏文字出现问题我的问情出现乱码,用优化大师用不来,所以没办法改 </t>
  </si>
  <si>
    <t xml:space="preserve">试试这个： </t>
  </si>
  <si>
    <t xml:space="preserve">机油泵压力不够我的车子开了几十公里后，松了油门机油灯就会亮，请问 </t>
  </si>
  <si>
    <t>机油灯亮，说明机油压力过低，机油压力过低的原因有以下几个方面：1）漏机油，曲轴油封损坏。2）发动机各部分间隙过大。3）油底壳机油油面过低。4）发动机水温过高。5）发动机怠速过低。6）使用的机油不符合要求，粘稠度过低。如果突然发生这种现象，考虑是第一、三项；如果这种现象已维持一段时间可能是第二项。如果是第一项，调整调压阀也无济于事，因为指示的是油道的压力，机油都漏掉了，油道的压力也就上不去了。如果是第二项，应该调整调压阀使压力正常。</t>
  </si>
  <si>
    <t xml:space="preserve">奇宝消化饼以前那种包装的现在哪还有卖就是红色的很粗的那种 </t>
  </si>
  <si>
    <t>呵呵问对人了，我就在这个公司做．现在不叫奇宝均然消化饼了，叫太平消化饼．规格有三种，１００Ｇ／２００Ｇ／３００Ｇ口味有两种，原味／芝麻</t>
  </si>
  <si>
    <t xml:space="preserve">数据掉包宿舍就我电脑上网掉包，交换机接口换N边了，还有，我用同学 </t>
  </si>
  <si>
    <t>那就不是天翼的事情了恐怕是你电脑的故障了比如有其他软件与拨号软件冲突</t>
  </si>
  <si>
    <t xml:space="preserve">血糖高池那些水果我最近餐后有点血糖偏高，不知是什么原因引起的，这 </t>
  </si>
  <si>
    <t>水果中含糖量多寡不一，所以，不可等同看待。每百克食品量在10克以下的有青梅、西瓜、甜瓜、椰子乳、橙、柠檬、葡萄、桃、李、杏、枇 杷、菠萝、草莓、甘蔗、椰子、樱桃、橄榄等，糖尿病人 可以选用。含糖量在11-20克的水果有香 蕉、石榴、柚、橘、苹果、梨、荔枝、芒果 等，就得小心选用；超过20克的有枣、红果，特别是干枣、蜜枣、柿饼、葡萄干、杏干、桂圆等，其含糖量甚高，则禁忌食用。 不少蔬菜可作为水果食用，如西红柿、黄瓜、菜瓜等。每百克食品糖含量在5克以下，又富含维生素，完全可以代替水果，适合食用。 此外还要配合食量，不要一成不变。西瓜含糖4％，梨含糖12％，香蕉为20％。西瓜含糖虽少，但吃上500克，就相当于香蕉100克、梨170 克了，所以食量也不可过多。水果的吃法也要讲究，不要在进餐后就马上吃，可在两餐之间或睡前进食。最好还是试探着吃，即在吃后2小时测尿糖。若尿糖增加则需减量；如水果减量后尿糖仍高时，应适当减少主食量。 您一定要注意监控血糖，不要吃的太甜了。注意饮食。祝您健康。</t>
  </si>
  <si>
    <t xml:space="preserve">有啥搞笑的动漫莫。。。 </t>
  </si>
  <si>
    <t>《笨蛋·测试·召唤兽》（2季都完结啦）《妄想学生会》（完结啦）《碧阳学园学生会议事录》（完结啦）《学员救援团》（连载中再有个6.7集就完结了）《侵略！乌贼娘》（2季都完结了）《天降之物》（2季都完结了）《濑户的花嫁》（完结了）《男子高校生的日常》（连载中出道3集 - -但是 太搞笑了）爆裂鼻毛真拳和新番 天体战士华丽挑战，（我觉的比较搞笑）</t>
  </si>
  <si>
    <t xml:space="preserve">我中了500股华天科技,请问什么时候上市啊,上市价格多少? </t>
  </si>
  <si>
    <t>全景网11月6日讯 华天科技（002185）网上发行的3520万股人民币普通股（A股）股票将于今日展开申购。根据此前的初步询价结果，最终确定本次发行价格为10.55元/股，投资者可于今日股市交易时段下单申购。 　　本次发行网下配售和网上发行同时进行，网下配售的时间为2007年11月5日9：00-17：00和2007年11月6日9：00-15： 00，网上发行的时间为2007年11月6日9：30-11：30、13：00-15：00，网上申购价格为10.55元/股。申购股数为500股或 500股的整数倍。</t>
  </si>
  <si>
    <t xml:space="preserve">怎样对待抢我老公的女人?我很讨厌那个女人,看到她心里就添堵.很是 </t>
  </si>
  <si>
    <t>其实你爱你的老公你就应该学着去宽容一个人，包括你的敌人，既然你的老公已经回到身边你就该想怎么去留住他的心而不是去想着报复或者对付那个女人，要是这样的事情让你老公知道了，我想男人应该并不喜欢恶毒的女人，所以你要学会宽容，要让你老公对自己以前对不起你的事情有种歉疚感，那么这样你才能更抓住他的心！祝你们幸福！！！</t>
  </si>
  <si>
    <t xml:space="preserve">有治胆结石的药方吗?结石大约一公分 </t>
  </si>
  <si>
    <t xml:space="preserve">胆结石的发病症状表现为上腹疼痛并放射到肩和背部，且低烧、恶心、呕吐、寒战、大汗淋漓甚至伴有黄疸。这些症状是非特异性的，与胃肠、肝脏疾病的症状很相似，所以病人在一开始会因误以为是胃肠疾病或肝病做非胆结石症检查，而自行耽搁确诊时间，而一旦确诊，医生还会看其是否对手术及麻醉形成有影响的疾病因素，如高血压、冠心病、糖尿病等。 1、“无症状”的胆囊结石(安静结石)：所谓无症状即没有胆绞痛，几乎无症状，甚至终生不被发觉。有时仅有轻微上腹闷胀、隐痛、不适、嗳气等，进食油腻后症状更明显，易被当作“肝炎”、“胃炎”。查体右上腹轻压痛、无肌紧张，当胆囊积水时可被触及。 2、胆绞痛：右上腹部剧烈绞痛，向肩、背放射，伴有恶心、呕吐。为结石嵌顿所致，有时因体位改变，嵌顿解除而症状消失；否则会继发感染、化脓、坏疸、穿孔而出现发热、腹膜炎、休克等症状。胆绞痛多于饱餐或进食油腻后发作，少数病人在夜间发作。 3、黄疸：结石落入胆总管或嵌顿于胆囊颈部的结石压迫胆总管均可造成梗阻性黄疸。 胆结石药方 【辨证】肝胆湿热蕴结，胃肠实热 【治法】清热化湿，通里攻下，利胆排石。 【方名】三黄排石汤加减。 【组成】黄芩15克，生大黄15克（后下），山栀子15克，茵陈30克，金钱草50克，双花15克，郁金15克，木香10克，厚朴12克，芒硝10克（冲）。 【用法】水煎服，每日1剂，日服2次 ▲威灵仙60克。水煎，每日1剂，分2次服。适用于肝胆管泥沙样结石。 　　 ▲柴胡、木香各15克，郁金、白芍各20克，枳壳30克，生鸡肉金、金钱草各25克，大黄（后下），芒硝（冲服）各10克，硝石（火硝）5克。每日1剂，水煎服。若大便燥结甚，大黄增至20克（后下）。可随症加味。 　　▲柴胡、郁金、枳壳、川楝子各２０克，广木香、虎杖各１５克，大黄１５－２０克，芒硝１０克（后下），陈皮１２克，制香附２５克，广金钱草１５－３０克。水煎２次，药液混合后早晚饭前２０分钟分服，１２天为１疗程。停药３天后进入第二疗程。 胆结石是常见的急腹症，称“胆涨、结胸、肋疼”。民间常用药物治疗，服用方便，无毒副作用，排石效果较好。 1：药物排石 处方：茵陈、青皮各50克，金钱草、郁金各30克。槟榔20克，大黄、香附、延胡、砂仁、鸡内金各15克，姜黄10克。 用法：水煎，日1剂，服2次，服6天间歇1天。20剂为1疗程。 疗效：用药1－2疗程，有效率86.8％ 2：处方：海金沙、满天星各30克，大枣10枚 用法：煎水代茶饮，日饮数次。 疗效：用药5剂症状减轻，1个月可愈。 胆结石的饮食疗法 1. 多摄取高纤维的食物，如蔬菜、水果、完全谷物等。 2. 限制胆固醇的摄取量。绝对不吃内脏、蛋黄等富含胆固醇的食物。 3. 多补充维生素K，如：菠菜、花椰菜等都有丰富含量。 4. 禁食易产生气体的食物，如：马铃薯、甘薯、豆类、洋葱、萝卜、汽水饮料，以及酸性的果汁、咖啡、可可等。 5. 牛奶只限于饮用脱脂奶。 6. 多吃富含维生素A的黄绿色蔬菜。 7. 烹调食物少用煎、炸，多采煮、炖、清蒸的方式。 8. 禁食脂肪含量多的高汤及美乃滋。 9. 口味尽量清淡，调味料应有所节制。 10. 避免食用加工食品和高糖分的食物。 辨证】肝胆气郁，湿热蕴结。 　　【治法】舒肝解毒化石，胆结石秘方。 　　【方名】舒肝解毒汤。 　　【组成】柴胡20克，青皮20克，陈皮20克，石斛20克，黄芩10克，三棱10克，白芍15克，连翘15克，金银花25克，蒲公英25克，金钱草25克。 　　【用法】水煎服，每日1剂，日服2次。 中药胆道排石汤的治疗理论，主要是清热、疏肝、利胆、理气、通里攻下。经过各医院临床观察，此汤药有能使肝胆液分泌增加、胆囊收缩、奥狄氏括约肌舒张及抑菌等作用，还能起到由上而下的内冲洗作用，使肝胆管内结石松动而排石。 　　胆道排石汤的疗效各有差异，临床分型有： 　　(1)气滞型：病情一般较轻，常以胆道排石汤1号(枳壳9g,木香6g,黄芩9g,银花15g,茵陈30g,大黄9g,芒硝9g)为主，服药后可减轻和消除症状，排出结石多半为泥沙状。排出后症状缓解，但因胆管内有残余结石，易复发，不易彻底治愈，需长期服药。 　　(2)湿热型：病情较急重，治疗时要配合输液及抗生素。常以胆道排石汤2号(枳壳9g,木香6g,黄芩9g,黄连3g,大黄6g)、3号(枳壳9g,木香9g,青皮9g,黄芩9g,柴胡6g,茵陈30g,陈皮6g,白术12g)为主。服药后一般1～5天内可排出结石，且数量较多，体积较大，症状消除，效果较满意。 　　(3)中毒型：病情重，感染重，有脱水或休克等情况。需要先纠正休克、控制感染及保持水电解质平衡等，治疗常以胆道排石汤2号为主。如结石排出后，中毒情况较快改善，还可与西药结合总攻。 治疗胆结石土方 用杨桃煮猪肝,最好早上去买猪肝比较好.能找到酸杨桃更好.二种东西合在一起煮一大锅.一天喝两水壶,就喝煮好的水.其它东西就不要吃了.本人只喝了一个多月就好了.掉到膀胱时会很痛,多喝水..再多跳几下..呵.水喝多了冲尿道.拉多几下尿尿就出来啦.这方法又实用又省钱.去医院打激光也只是打碎而已.不怕刀割的话就开刀起最方便 治疗胆结石的土方;用鸡内金、玉米须50克，煎一碗汤一次服下，一日2-3次，连服10天。忌吃肝脏、肥肉、蛋黄 鸡内金粥 [ 配方 ] 粳米 100 克，鸡内金 6～10 克，白糖适量。 [ 制作 ] 先将鸡内金洗净灰尘，沥干，置锅内以文火炒至黄褐色，研为细粉。再将粳米淘净，放入锅内，加水800毫升，文火煮至米开汤未稠时，加入鸡内金、白糖同煮，煮沸后待粥稠汤黏时即可停火，不宜久煮。 [ 用法 ] 每日 2 次，可作早、晚餐食用。以温热为宜，忌冷服。 [ 功效 ] 补中益胃，缓急止痛，化石排石。 胆石症患者宜吃核桃 医学研究发现，食物中的黏蛋白与人体胆汁中钙离子和非结合型胆红素结合成胆石支架的晶核，从而形成胆结石。 在核桃仁中含有一种丙酮酸物质，它能阻止黏蛋白和钙离子、非结合型胆红素的结合，并能使其溶解、消退和排泄。 因此，多吃核桃有利于防治胆石症。平均每天吃四个大核桃或十几个小核桃，不要间断，胆石症病人在服用3个月后症状可明显减轻。半年后可以康复。胆石症病人不妨试试。 营养产品调理建议： ■3 倍用量：奶蓟蒲公英片，卵磷脂，维生素B族 ■2 倍用量：深海鱼油，维生素C 倍健奶蓟蒲公英片 ：具有保肝利胆作用可调节胆汁的分泌，帮助消化脂肪。 倍健卵磷脂 ：具有亲水亲油性质，可以乳化脂肪，阻止结石沉积，使胆汁中的胆固醇保持液体的状态，阻止胆结石的形成 倍健维生素B族 ：合成代谢的酶，促进新陈代谢 倍健维生素C ：具有抗氧化和解毒的功效，参与胆固醇的代谢，如缺乏导致胆结石出现。 倍健深海鱼油 ：调节血脂，帮助消化脂肪，调节血脂，降低胆固醇，甘油三酯。 胆结石的治疗与预防 卵磷脂胶囊，胆结石的“消化军”：分解吸收胆固醇，液化胆汁中的胆固醇，防止并化解胆结石。 1：药物排石 处方：茵陈、青皮各50克，金钱草、郁金各30克。槟榔20克，大黄、香附、延胡、砂仁、鸡内金各15克，姜黄10克。 用法：水煎，日1剂，服2次，服6天间歇1天。20剂为1疗程。 疗效：用药1－2疗程，有效率86.8％ 2：处方：海金沙、满天星各30克，大枣10枚 用法：煎水代茶饮，日饮数次。 疗效：用药5剂症状减轻，1个月可愈。 </t>
  </si>
  <si>
    <t xml:space="preserve">从哪个角度能拍出玻璃材质的感觉 </t>
  </si>
  <si>
    <t>变换不同角度，也可以用特写来表达，这样就需要微距镜头。</t>
  </si>
  <si>
    <t xml:space="preserve">为什么我的密码一直出现错误密码没有改过，我第一次进去的时候并没有 </t>
  </si>
  <si>
    <t>第一次进游戏时就会帮您更改您的密码的，您现在可以拨打我们的密码专线，然后核对身份后申请查询现在的密码谢谢 密码查询专线是010-62960625</t>
  </si>
  <si>
    <t xml:space="preserve">痛经该怎么办？我女朋友有痛经症状，该怎么治疗或者缓解疼痛啊，谢谢 </t>
  </si>
  <si>
    <t>红糖水,月月舒,止疼药,乌鸡白凤丸.我再问问俺女朋友去~</t>
  </si>
  <si>
    <t xml:space="preserve">这张照片怎么修瘦了谢谢 </t>
  </si>
  <si>
    <t>用 photoshop 的液化程序就可以了。</t>
  </si>
  <si>
    <t xml:space="preserve">触摸屏的工作原理 </t>
  </si>
  <si>
    <t>"一、触摸屏的工作原理 为了操作上的方便，人们用触摸屏来代替鼠标或键盘。工作时，我们必须首先用手指或其它物体触摸安装在显示器前端的触摸屏，然后系统根据手指触摸的图标或菜单位置来定位选择信息输入。触摸屏由触摸检测部件和触摸屏控制器组成；摘自：上海麦森医疗（mdsin•com）。触摸检测部件安装在显示器屏幕前面，用于检测用户触摸位置，接受后送触摸屏控制器；而触摸屏控制器的主要作用是从触摸点检测装置上接收触摸信息，并将它转换成触点坐标，再送给CPU，它同时能接收CPU发来的命令并加以执行"</t>
  </si>
  <si>
    <t xml:space="preserve">公务员图形题NAHVP？A.CB.FC.LD.K </t>
  </si>
  <si>
    <t>我选C,因为:前一组笔画都是3划,后一组笔划都是2划.(是大写字母呀)</t>
  </si>
  <si>
    <t xml:space="preserve">仓库被锁怎么打开我的仓库被锁了不知道怎么才能打开？有谁知道请告诉 </t>
  </si>
  <si>
    <t>去找专业开锁的师傅</t>
  </si>
  <si>
    <t xml:space="preserve">请大话帮忙转一下。芜湖现在哪里有那种租漫画和言情小说的地方。。想? </t>
  </si>
  <si>
    <t>十一中前门（一院）那个门左手边有租书看的地方~初中的记忆~诚心为您解答，给个好评吧亲，谢谢！</t>
  </si>
  <si>
    <t xml:space="preserve">跑车尾翼的作用及原理是什么？ </t>
  </si>
  <si>
    <t>去了解下Bernoulli Equation就明白了。尾翼的形状是下表面有弧度，上表面相对平坦，造成汽车行驶时下表面的空气流速大于上表面。Bernoulli Equation指出如果流体流速增大，压力就会减小，反之流速减小，压力增大。因此在尾翼产生下压力，使车子可以更稳的行使，以更高的速度过弯而不会失控。</t>
  </si>
  <si>
    <t xml:space="preserve">永久道具10.1能否更新?现在的永久道具实在太可趁了!寿衣,军大 </t>
  </si>
  <si>
    <t xml:space="preserve">据说……仅仅是据说！要是假的大家不要砍我……好像要出数量为18的新的永久+能力道具。具体可以去这里看看： 这个更详细些…… </t>
  </si>
  <si>
    <t xml:space="preserve">为什么我的手机不能下载300K以上大的视屏，空位大把，手机也支持? </t>
  </si>
  <si>
    <t>因为那是压缩文件，默认是解压释放，所以内存要足够大，不行就看下设置，有没有流量限制！</t>
  </si>
  <si>
    <t xml:space="preserve">请教70野德装备不知道小D到了70以后初期有那些野D装备可以拿本 </t>
  </si>
  <si>
    <t>简单说说我自己用的你参考一下吧！头：可以用盘牙水库杀最后督军的那个任务奖励的蓝头，盘牙很简单，轻松就能完成，那个头盔还能宝石；或者你可以去影月谷做那个血魔的护甲（权仗、披风），任务只要随便组几个人，简单就可以入手；肩膀：这个选择比较多，还是比较建议旧南海老1掉落的肩膀，攻击加的多；披风：最简单的就是上树摸鸟蛋的那个奖励披风了，攻击力加的不错；如果要高防御的，还是必须选择能源老1掉落的那个；衣服、护腿、靴子：厚裂3件套，虽然没加攻击，但是防御加起来，怪打你就不痛，不用起来补血也是提升野外杀怪持久性的关键啊；护腕：可以去泰罗卡森林右下那里天空卫队声望杀召唤小BOSS，那个BOSS简单的要死，掉落的护腕+敏捷、耐力还有攻击强度50点，绝对好用，如果要高防御点的，建议去影月谷做那个任务，就是在地图中上那个老头帮他找3个儿子的任务，最后的奖励很不错，是个高防御的手腕；手套方面，还是FB里的比较好点，我用的是废土手套，破碎最后的BOSS掉落，简单就可以入手，如果要高防的，还是去影月，那里有个任务奖励，在地图的中间，那个囚笼里，最后也是个高防御的手套；腰带：建议还是影月任务，最简单入手，愤怒的土灵—》火灵—》气灵，最后一个高防御的绿色腰带，如果你有时间，可以去YX城墙刷那个紫色的；如果要高攻击的，建议你还是去泰罗卡森林右下那里天空卫队声望杀召唤小BOSS，掉落一个蓝色的+敏捷、耐力还有攻击强度50点的腰带，绝对推荐；戒指方面：要做坦克D，推荐就是卡拉赞门口那个紫罗兰戒指，然后就是旧南海老1的戒指，保证你用的舒服；要高攻击的，没办法，继续去泰罗卡森林右下那里天空卫队声望杀召唤小BOSS，掉落蓝色的70级DPS戒指，2种：一个+敏捷、耐力还有攻击强度50点（我这种拿了2个，不是唯一，可以都装备）；还有一种是+敏捷、耐力还有25力量，对小D来说，意义是一样的；项链方面，可以选择纳格兰任务奖励的蓝色项链，如果要坦克，可以选择远征军崇敬的那个蓝色项链；饰品方面：地狱火半岛任务霸王的奖励；还有一个可以选择天空卫队的崇拜奖励，绝对打起来舒服；武器，没什么好想的了，有G就去买把自然愤怒法杖，攻击不错；也可以选择买盘牙武器一直交到远征军声望崇拜，拿大地守卫者；远征军声对应的FB是盘牙水库，而且普通的比较简单，建议你去多杀杀，一次出来几乎就有2000~3000左右的声望了；归纳起来，小D有2个地方的声望值得去刷，一个是远征军，一个是天空卫队，这个是我的个人经验总结，因为我也是小D，多去天空卫队那里看看吧！！那里掉落的东西，一定让你看的心花怒放。</t>
  </si>
  <si>
    <t xml:space="preserve">小儿口齿不清宝宝19个月了,很愿意学说话,我说什么,他就学什么, </t>
  </si>
  <si>
    <t xml:space="preserve">宝宝口齿不清怎么办?应去检查一次听力，有些孩子说话不清楚，是语音分辨的问题，如果听力正常，注意提供良好的语言环境，与孩子讲话时要语音清晰，语速适当，听的清才能讲的清。-------------专家回答      孩子口齿不清最常见的原因是正常的儿童发音不清。对此不必过于担心，小儿有一定的自我纠正能力，4岁以后会逐渐吐字清楚，部分正常小儿要到入学以后通过学习才能完全纠正过来。    对口齿不清的预防和矫治需注意以下几点原则①在儿童学说话的关键时期，教给正确而清晰的发声；②在孩子发声不准时不要指责、嘲笑，避免紧张；③4岁后仍有明显的发声问题，应及时就诊，明确原因，对症治疗；④必要时进行发声矫正训练。    </t>
  </si>
  <si>
    <t xml:space="preserve">白发越拔越多吗？看起来明显比以前要多 </t>
  </si>
  <si>
    <t>　　年纪轻轻就已长出了白发，这是很多人不愿看到的，于是有的人看到白头发就拔，认为下一次也许能长出黑头发来，而有的人却不愿意，还说“白头发拔一根长十根”。那么，白头发会越拔越多吗？我中心专家给出了答案：　　决定头发颜色的色素是由毛囊里的毛母细胞分泌的，不可能把它拔出来。 　　白头发拔一根长十根的说法纯粹是杜撰，真实的情况是：白头发拔一根长一根！　　一般人认为，把头发从根部拔出来后，发根处会有一个圆圆的，像火柴头儿一样的小颗粒，那就是发根。 其实，在这个圆圆的小头儿之外，还应该有一个保护这个小头儿的“帽子”包在外面，它叫做毛囊，这才是真正的发根。毛囊生长在我们的头皮里，人是不可能看见的，更不可能把它拔出来，而决定头发颜色的色素，恰恰是由毛囊里的毛母细胞分泌的。头发的基本颜色源于基因，色素的分泌跟细胞生长能力无关头发颜色的不同源自人体的基因，头发颜色的变化是一个长期的过程。 　　头发是怎样生长的呢？在生长期，毛囊功能很活跃，毛球底部的细胞分裂旺盛，分生出的细胞持续不断地向上移位，当发囊中的软囊角质变化为硬蛋白质，于是头发被推出皮肤外，就形成了肉眼可见的头发。 何教授形象地说，这就好比毛囊中有很多工人在盖楼房一样，如果这些工人身板壮实又肯卖力，即细胞的分裂活动旺盛，那么头发自然长得又快又健康。若这些工人吃不饱饭又偷懒，那么房子是无论如何也盖不好的。但是换句话说，头发的颜色是由盖房的材料所决定的，它提供什么色素，细胞就分裂出什么颜色的头发，这跟细胞本身的分裂能力没有关系。产生白发的原因很复杂，包含遗传因素在里面。　　从医学上看，产生白发的原因有许多。至于少白头，遗传因素肯定是第一位的。但还有一些原因如慢性疾病、内分泌失调、缺乏营养等等。另外，如果长期学习紧张、用脑过度，得不到缓解和休息，也容易产生白头发。 专家建议：　　日常中可以多吃些核桃、黑芝麻、黑豆、黑枣等食物，中药里的何首乌、旱莲草、女贞子也都对乌黑发丝有益。</t>
  </si>
  <si>
    <t xml:space="preserve">主营业务收入和应收账款的问题.销售产品一批,收到货款30000元 </t>
  </si>
  <si>
    <t>你们公司应是一般纳税人吧:未收到款时就应该借:应收账款(按发票含税金额)                   贷:主营业务收入(发票含税金额除以1.17)                   贷:应交税金(发票含税金额除以1.17再乘以0.17),  收到款时:借:银行存款(一定要按实际收到的款)         贷:应收账款(按应际收到的款)应收账款借方与贷方的差额如是借方就是应收未收的,若是贷方就是多收的或预收的.如作收入与收款同时,并且全额到款则:借:银行存款(按实际收到的)贷:主营业务收入贷:应交税金如作收入时只收到部分款项,则借:银行存款(实收到的)借:应收账款(发票与实收的差额)贷:主营业务收入贷:应交税金</t>
  </si>
  <si>
    <t xml:space="preserve">春天的作文.夏天的作文 </t>
  </si>
  <si>
    <t>春天，是多么美丽的季节啊！一切生物的生命都在春天里绽放。春姑娘踏着轻快的步伐来到了人间。她用温柔的歌声唤醒了整个世界。小草偷偷地从泥土里探出柔嫩的脑袋；柳枝轻轻地飘扬着碧绿的秀发；小花儿也摇头晃脑地做早操。……而我，一个热爱大自然更爱春天的我也慢步在春季的早晨里。抬头望着蓝天，深深地呼吸了一口清新的空气，感到心旷神怡，舒服极了。眼前的一切事物都是那么活泼可爱。我特别爱看表演。看着那些模特穿着闪光耀眼的衣服时，我总会发出这样的赞叹：“多华丽的衣服，多鲜艳的颜色啊！要是我也能设计出这么美的服饰，那该多好啊！”不知不觉中，理想在春季里扎下了深根。我相信它也会在春季里发芽结果。我要美美地吃着自己在春季种下的果实。我知道，要实现理想并不难，只有经过自己的辛勤劳作，理想才会对你招手。设计服饰，还要来于灵感，有了灵感，衣服才会更美丽。我的灵感将会在春天中收集，因为春天的色彩是五颜六色的，春天充满着诗情画意。当我实现这个理想后，这个春天将会更美丽。　春天的声音是那调皮的云彩不小心迷了路，着急流泪的声音。一点点，一丝丝，一缕缕的雨从天而降，沙沙地亲吻着大地，溅起的水花开遍了小路。幸好它点绿了枝丫，让桃花笑得合不拢嘴。 　　春天的声音是小草宝宝偷偷到地面上玩游戏的笑声。“哈哈……”笑个不停。 　　“哟”，一不小心，溅了一身泥水。没办法，只好请花儿姐姐洗，花儿姐姐不情愿地噘了噘嘴。小草气得脸都绿了。 　　春天的声音是柳树姑娘梳头的沙沙声。“呀，这根头发太长了”。柳树姑娘请来了小燕子，它用剪刀似的尾巴给柳树姑娘理了发。这下，柳树姑娘更漂亮了，在大家的赞叹声中害羞地把头发垂到了地上。 　　春天的声音是小朋友们琅琅的读书声。 　　“一日之计在于晨，一年之计在于春……”拥抱夏天 清晨开窗，凉风扑面。唔，夏天走了。 我常跟爸爸在关于冬天好还是夏天好的无聊问题上争执。他偏要说服我喜欢冬天。我便开始举例子打比方地将夏天的优点突出，理屈词穷时就说："反正就是夏天好。"若在小时候，"反正就是"这一类口头禅是要被爸爸写在门框上我够不到的地方的。 为什么要爱夏天？小时候会毫不犹豫地说：因为有海！ 南戴河的夏天令人难忘。我们一家会早早地奔向海边，充起橡皮船，然后骄傲地荡起来。随着道道海波，小船如树叶般摇曳，心神也跟着飞荡…… 现在完了，海边都不敢去了。南戴河早已没了蓝色，沙滩边居然还拦了网收费！难道大海的美景属于他们？ 还好，随后的夏天也是极有趣的。小学的时候不懂得抓紧时间，日子就过得分外自在。放暑假只要一有空，就给胖子打电话约好一起去游泳。胖子叫阿文，是我的同班同学。记得那时候过"六一"，学校组织了游艺活动，胖子的妈妈却被班主任"请"到学校历数胖子的罪状。我们在疯玩的时候，阿文被关在办公室里挨打。见到他时，他却做出无所谓的样子，把挣到的奖券一古脑儿地给了我。 阿文在楼下等着我。他骑一辆银灰色的山地车，我的是红色。我们一路有说有笑地到龙潭湖。我要先陪他到深水区考"深水合格证"！--没办法，他总是丢。 然后便是玩。阿文鼓着腮帮，把个大气球吹得像他的肚子一样圆。我们打水球，打没劲了就比赛"浮冬瓜"--抱起身子，脑袋扎进水里，看谁坚持时间长。喊完"一、二、三"，我俩深吸一口气扎下水，水面上漂起了一个大冬瓜，一个小冬瓜。不知是不是浮力大的缘故，反正阿文总能赢我。 深水池旁有一米板，阿文跳了一次就不玩了。我猜他是嫌水花溅得太大。于是我们跑到"幼儿戏水区"，在没膝深的水里赛跑。我们早就玩出了经验，跑的时候要一鼓作气，呈高抬腿姿势往前冲。大家摔倒的样子是不尽相同的：前翻式，后仰式，还有看见对方倒了，自己一乐，脚下却没稳住，斜着栽的……我俩快笑炸了。累了，就趴在水里。暖暖的阳光洒在身上，明晃晃的水面让人睁不开眼…… 最吸引人的自然还是水滑梯。龙潭湖最高的水滑梯有70o，人几乎是直着掉下来。为了安全，滑梯很窄而且有缓冲。我酷爱玩那个惊险的，阿文不玩。哈，他肯定是怕卡在里面下不去，那多土！ 游泳场外也挺热闹。我们一出场便去吃烤肉串和刨冰。阿文和卖肉串的叔叔混得很熟，吃烤肉可以 账。下次补付钱的时候，叔叔又给他多烤两串。一次，那叔叔开玩笑问他："这么小就带女朋友来玩呀？"我就笑。阿文忙解释："同学，同学……" 阿文的车技是一流的。过马路，他一扭身子，挥动着小胖手" "一下过去了。我却愁眉苦脸地被挡在了车流的这一旁。 童年如盛夏般短暂。上初中了，我突然与阿文有了隔阂。或许是成绩，或许是我们那时已隐约觉得要走不同的路了。我们不再一起玩了，其实那时已经极少玩了。阿文依旧笑，但笑中少了分率真。 中考后的夏天依旧美丽。尽管我要开始学习挤车了；尽管那太阳不像以前那样温暖了，会晒疼人；尽管明晃晃的油路让人变得不太理智……我也曾试着接受防晒霜与遮阳伞，但失败了。我爱夏天，虽然，找不到合适的理由。 或许夏能带给我学习的激情，或许它能给我许多美好的回忆。 迎接新的生活，总是从夏天开始的，比如第一次踏进四中校门。 我的夏天可能会在汗水中度过，但我依旧爱它，尽我的全力拥抱它！</t>
  </si>
  <si>
    <t xml:space="preserve">向各位股林高手请教如何识别诱空与作空？头天买入的股票第二天一开盘 </t>
  </si>
  <si>
    <t>连续下跌后，在重要支撑位不经抵抗，就下跌破位，往往是诱空；连续下跌后，触及重要支撑位小幅反弹，造成见底假象，再下跌破位，套牢抢反弹和抄底的筹码，往往是做空。</t>
  </si>
  <si>
    <t xml:space="preserve">请教我加了5000的博时价值贰号不知道怎么样，请各位大师指教一下 </t>
  </si>
  <si>
    <t>加了就有家的理由，现在基本是底部了，好好保管，会有收获的。</t>
  </si>
  <si>
    <t xml:space="preserve">在ＥＸＳＥＬ表格里设置公式，如２００６年１２月３１日减去２００５? </t>
  </si>
  <si>
    <t>　　解答：设被减数单元格为A1，减数单元格为A2，结果单元格为A3在单元格A3中输入=DATEDIF(A2,A1,"m")就可以满足要求了。注：A1，A2中的数据应为日期格式（如5005-8-5，2006-12-31等等）</t>
  </si>
  <si>
    <t xml:space="preserve">手机报价现在n73行货与水货各多少元? </t>
  </si>
  <si>
    <t>行货3200,水货2400</t>
  </si>
  <si>
    <t xml:space="preserve">从1楼走到15楼,可以消耗多少卡路里? </t>
  </si>
  <si>
    <t>爬楼梯有很多好处，可以消耗卡路里，另外，如果你在走楼梯时，每次踏两个阶梯，可带动您的大腿及臀部肌肉群，紧实您的臀部。 楼上说的差不多，但还要看你的楼梯阁数啊！</t>
  </si>
  <si>
    <t xml:space="preserve">律法问题请问律法的善恶有报是否法术,如果打上法连会不会打2次?? </t>
  </si>
  <si>
    <t>LF的善恶~鬼将的惊心~幽灵的死亡召唤~都属于特殊技能~不属于法术攻击~就像STL的狮搏和象形一样~所以打法连是没有效果的~因为又属于技能类~所以打连击也没有效果~真想给LF打书的话推荐吸血或者偷袭</t>
  </si>
  <si>
    <t xml:space="preserve">西藏选班禅活佛是迷信还是真神我看腾讯上的新闻“1990年2月13 </t>
  </si>
  <si>
    <t>你见过风么？是有个很系统的和很严谨的对于活佛的选举和严格的培养制度的。报纸上可能是对有的细节轻描淡写了。真正的事情不是那么简单的。当然，这个世界是个龙蛇混杂的世界。也有本来就不是出家人而穿上出家人的衣服冒充出家人的。可是，还是有很多真正的活佛或者和尚们在为人们的福祉忙碌的。真正的活佛都是由几个成就的高僧共同认证后才可以举行坐床仪式的。象达赖喇嘛和班禅大师这样的出家人不但要通过高成就的活佛的认证还要通过比如金瓶掣签，圣湖显像等进行认证。认证之后的活佛就被迎请到了该寺院。然后开始学习经典等知识。因为学习的安排很紧凑，学习的量也很多。也有出现过因为不能承受辛苦而放弃成为活佛的事情。在这样的学习下就算他们选错了活佛也没有关系，因为在长期的学习后这个人心中已经充满的如佛菩萨一样的慈悲心，菩提心。也具备了该有的佛学知识，因此尊称他为活佛也没有什么不可。佛学有着很浩瀚的知识体系。佛法到现在2千多年，没有依靠任何战争去扩充领地或拉拢人心。完全就是依靠智慧和慈悲在利益人的身心。是否有鬼神对我们没有什么影响。是否有个慈悲心和菩提心才是影响我们一生乃至生生世世的因素。</t>
  </si>
  <si>
    <t xml:space="preserve">天津地区卖越野自行车质量较好新车能长时间骑行比如从天津骑到北京最? </t>
  </si>
  <si>
    <t>可以买FOREVER的，或者merida，但merida要贵一些</t>
  </si>
  <si>
    <t xml:space="preserve">进不了系统开机后进不了XP显示某个文件损坏系统无法启动还说要修复 </t>
  </si>
  <si>
    <t>告诉你一个不幸的消息，你的硬盘有坏道了，你可以修复一下，要不只有换硬盘了！！！别无选择了</t>
  </si>
  <si>
    <t>不知道挺的过不!!!德甲09汉　堡(05)11</t>
  </si>
  <si>
    <t>好单！相信自己没错的，买自己的思路，让别人羡慕吧 波鸿、比勒菲过ok  la</t>
  </si>
  <si>
    <t xml:space="preserve">请问天津市什么地方出售汉语版本的古兰经的价位是多少，我打算买来研? </t>
  </si>
  <si>
    <t>朝觐回来的人，带的是由汉语翻译的阿拉伯语古兰经，即一面是阿拉伯语，一面是汉语。</t>
  </si>
  <si>
    <t xml:space="preserve">有申根国1年居留，回国经英格兰转机要英国的过境签证吗？ </t>
  </si>
  <si>
    <t>依然需要</t>
  </si>
  <si>
    <t xml:space="preserve">我快无聊疯了,有什么网游好玩啊免费的 </t>
  </si>
  <si>
    <t>跑跑卡丁车武林外传劲舞团等等</t>
  </si>
  <si>
    <t xml:space="preserve">便秘怎么办？ </t>
  </si>
  <si>
    <t>早上起来空腹喝淡盐水，晚上睡觉前喝蜂蜜水</t>
  </si>
  <si>
    <t xml:space="preserve">我到底要按哪个算？５月２５号的末次月经，９月１８号去医院做产检， </t>
  </si>
  <si>
    <t>到今天你现在是17周加5天,B超只是大概的检查宝宝是多少周的,我那时侯B超做出来就是偏小,预产期是按照你最后一次月经算的,你的预产期是2008年3月2号</t>
  </si>
  <si>
    <t xml:space="preserve">为什么我我从装了N次都完不了.都弹出服务端什么什么的我安装了几次 </t>
  </si>
  <si>
    <t>你下载的版本不对,所以才不能玩.你要在GOUGOU.COM里打上:跑跑卡丁车:然后在点跑跑卡丁车,出来的新网页在左上方点下载就好了.</t>
  </si>
  <si>
    <t xml:space="preserve">当男朋友背叛你了，你还能原谅他吗？ </t>
  </si>
  <si>
    <t xml:space="preserve">1、首先，你有这种感觉很正常。但你根本没有仔细考虑过自己的内心想要什么样的？你尚不明白爱的真谛！性不是爱的全部。 爱最重要的是首先搞清楚你的内心想要什么样的生活？他能否提供给你这种生活？他的自身素质、发展潜力、品格如何？能否满你想要生活的要求？能否相互欣赏？ 获得真爱不是靠感觉、忍让、迁就、付出，而是靠理性的思考，有智慧地选择。 从你的描述来看，你是一个善良、而充满幻想的傻女人，可能还抱有改造对方的想法，这是不可能的，这种想法是造成无数悲剧的根源。记住爱要建立在双向交流、相互忠诚、相互欣赏基础之上。 从你的描述来看，他可能在诱导你仅仅成为他的免费性伴侣和保姆。你仔细想想你能否一生接受这样的生活。如果不能接受就放弃吧！去寻找能够真正珍爱你、欣赏你，使你感到轻松快乐的男人吧！ 另外，你可以仔细观察一下他，他可能是个典型的厚黑学实践者。其特征“脸比城墙厚而坚，心比煤炭黑而又亮”。他需要你的时侯嘴比蜜蜂还甜，只是把你作为玩物，不需要你的时侯可以把你完全扔在一边，极有心理学的手段，就是把你给卖了你还帮他数钱，甚至还感激他。只会把你做为他实现目标的一个工具，只有你为他付出，他缺很少付出真实的感情（但极会演戏）。 建议你看一下《美国厚黑学》或李宗吾的“厚黑学”就可以认清这种人，尽快离开，以免受更大的伤害。 《美国厚黑学》的下载地址  李宗吾的“厚黑学”的下载地址  另外，建议你看一下老子的《道德经》，有利帮助你智慧地选择。 老子《道德经》下载地址：  2、恋爱婚姻的关键是心态和对人本性的认识问题；对恋爱和婚姻的理解问题。 3、恋爱婚姻双方最需要注意的就是别以自己的感觉和想法去推断别人的感觉或想法！因为，面对相同的客观世界，每个人的感觉和想法都是不同的，但常常忽略这种差异，以自己的内心感受去度量别人的感受，结果造成了无数的误解。 4、爱是双向自愿平等的互动，没有互动就谈不上恋爱。爱用简单一句话来说：就是尽量让对方快乐的同时，自己也感觉快乐！ 1）爱情是双向的发自内心的关爱、信任与欣赏，而不是约束与索取。 2）爱情是如同你想着自己的一般，想着你伴侣的所需和渴求。 3）爱情是学着尊重你自己和伴侣。问自己："我有什么是值得让自己敬重的？"以及"我的伴侣有什么是值得我敬重的？" 4）爱情是想着你应该为这份关系付出什么，而不要想着你应该从中获得什么。 5）爱情是和你的伴侣交朋友。找出共同兴趣和追求。 6）爱情是充满感情地拥抱、接触，并且向你的伴侣展开双臂。 7）爱情是舍弃过去，并且宽恕。作一个新的开始。 8）爱情是开放而诚实地沟通你的感觉。 9）爱情是对你自己承诺这份关系。在你的优先次序上，把你的伴侣放在第一位。 10）爱情是在关系中重新创造热情。 11）爱情是学着信任你的伴侣，信任你们的关系，并且表现得好像它永远不会结束的样子。 好好想想！你的内心想要什么样的生活？ 你自己感到轻松快乐吗？你应该怎么办？！ </t>
  </si>
  <si>
    <t xml:space="preserve">&lt;一起来看流星雨&gt;的男主角上官瑞谦朱梓骁的背景 </t>
  </si>
  <si>
    <t xml:space="preserve">    姓名；朱梓骁 zhū zǐ xiāo　　英文名：Peer　　昵称：团长、梓骁、小朱　　职业：演员 平面模特　　ID：努力的朱梓骁（仅有此ID）　　生日：1986年8月13日 年龄：23岁　　星座：狮子座　　身高：183cm朱梓骁　　体重：69kg　　血型：A型　　籍贯：南昌　　出生地：沈阳　　毕业学校：沈阳工业大学　　位置：中国北京 　　粉丝色：红色　　粉丝昵称：马戏团（粉丝个体称为马戏团员或团员）　　个性：开朗、活泼　　特长：主持，表演，模仿　　收藏：鞋子 帽子 眼镜　　爱好：音乐，电影，读书　　最喜欢的饮料：橙汁 　　最喜欢的食物：喜欢吃辣的 不爱吃甜的 　　最满意自己的地方：满意自己的性格　　最喜欢的女生类型：长头发 、爱穿裙子的 、可爱的　　最重视的：一个人诚实善良真诚与否　　最喜欢的动物：狗，貂　　最喜欢的颜色： 深蓝色 棕色 灰色　　最喜欢的电影类型： 文艺片　　最喜欢的刊物： 时尚　　最喜欢的演员：陈道明 Jude law　　娱乐圈内好友：魏晨、张翰、俞灏明、郑爽　　最喜欢的数字：13　　最大的愿望：在演艺道路上坚持做自己 　　座右铭：即使全世界的人不相信我，我依然相信我自己　　性格：骄傲，但平易近人，追求完美的生活品质，坚持自我，睿智而不锐利 　　自我评价：对自己工作的事情非常积极，甚至有时候是工作狂。热爱演艺事业，有信心走好自己选择的路。面对挑战时会勇往直前，从不言放弃　　其他：出生在军人家庭的朱梓骁从小家教严，家里禁止“三球”（台球、保龄球和玻璃球）　　代表作品： 《一起来看流星雨》　　粉丝对团长的评价：　　他，是朱梓骁。 　　他，是让俄们着迷?A朱梓骁。 　　他，是值得俄们为之疯狂?A朱梓骁。 　　他，是被俄们亲切地叫做团长?A朱梓骁。　　他，是每次都会90°鞠躬感谢我们的朱梓骁。　　他，是再嘱咐我们要开心，健康的朱梓骁。　　他，是会把邪一点理解成"斜"一点的朱梓骁。　　他是那个我们最最亲爱?A团长。 　　他是那个我们都很喜欢?A团长。 　　他是那个爱模仿小沈阳?A团长。 　　他是那个非常招俄们疼?A团长。 　　他是那个非常招人喜欢?A团长。 　　他?g那个扮演放荡不羁而玩世不恭?A团长。 　　最重要?A是， 　　他，是我们独一无二、无可替代的团长----朱梓骁。 　　朱梓骁，加油！！！ 你的身后，有我们强大的后援会 ！！！[编辑本段]演艺经历　　2002年 拍摄吉林敖东药品“脑力宝”广告　　2005年 主持沈阳FM107广播《107寝室》　　2005年 参加沈阳电视台《生活大放送》若干期节目拍摄（嘉宾/嘉宾主持），独树一帜的主持风格获得同行好评　　2005年 主持“统一冰红茶”内蒙古演出一行　　2005年 主持“我型我秀”沈阳赛区海选，灵活机智的主持使现场气氛火爆　　2006年 主持本学校及其沈阳其他大学的晚会若干场，独特的气质深受大学生喜爱　　2006年 主持深圳卫视“超级笑星模仿秀”北京赛区启动仪式　　2006年 参加北京时尚名流慈善晚会　　2008年 参加广东卫视《我和马来西亚有个约会》的拍摄　　主持新浪汽车频道“趣车江湖”　　2009年 参加湖南卫视《一起来看流星雨》拍摄 ，饰演上官瑞谦。　　2009年 签约天娱传媒、湖南卫视　　出演的电视综艺节目及网络访谈节目　　2009年8月15日湖南卫视 《快乐大本营》　　2009年8月16日湖南卫视 《背后的故事》　　2009年8月16日浙江卫视 《爱唱才会赢》　　2009年8月16日安徽卫视 《周日我最大》　　2009年8月17日旅游卫视 《美丽俏佳人》　　2009年8月18日腾讯网络 《腾讯直播室》　　2009年8月18日百度娱乐 《百度娱乐坊》　　2009年8月22日湖南卫视 《天下女人》　　2009年8月23日湖南卫视 《背后的故事》　　2009年8月24日搜狐网络 《明星在线》　　2009年8月27日辽宁卫视 《我是主角》　　2009年8月28日湖南卫视 《天天向上》　　音乐　　《一起来看流 星雨原声音乐辑》　　想念的歌 - 朱梓骁 　　爱情定律-朱梓骁　　星空物语-朱梓骁　　让我为你唱首歌 - 朱梓骁 这个是朱梓骁在新浪的博客： 　　</t>
  </si>
  <si>
    <t xml:space="preserve">我的新浪通行证密码是什么？ </t>
  </si>
  <si>
    <t>你已经登录了爱问，所用的密码就是通行证密码。密码找回方法: 　　第一步、请您通过在注册时填写的密码提示问题、答案来进行密码找回。密码找回页：  　　第二步、如果您当时的密码提示问题、答案已经丢失或者遗忘，则烦请您点击密码提示问题、答案输入页下方的“我忘记答案了”，进入到密码找回申请页面。 第三步、经过以上两个步骤后仍不能找回密码，请查阅以下内容： 　　十分抱歉，您只能是通过平信的方式来查询密码了，平信中应该包含的信息如下： 　　1、邮箱名称： 　　2、原来的密码： 　　3、免责条款：由于个人原因，将新浪网邮箱密码丢失，所以请新浪网帮助查询密码。由此引起的一切纠纷，与新浪网无关，由我本身承担。 　　4、身份证复印件以及亲笔签名，如果您是公司办理，则需要加盖公章以及经办人亲笔签名。 　　5、常用的联络方式(推荐手机)： 　　我们的邮寄地址为：北京市海淀区北四环西路58号理想国际大厦18层 客户服务中心收 邮编：100080 接到信件之后，我们会有专门的管理员负责联系您，所以平信中一定要注明可以随时联系到您的电话。另外，如果您记得其他安全信息设置，请致电新浪全国统一服务热线 95105670（免长途费），客服邮箱：webcn@ 客服人员会根据您提供的其他信息帮助您。</t>
  </si>
  <si>
    <t xml:space="preserve">寻求不反弹，无副作用的减肥方法？ </t>
  </si>
  <si>
    <t>众所周知，市场庞大，但目前市场上大多数减肥、美容方法要么疗效差，要么副作用明显，要么反弹率高等。比如：西药减肥副作用大、易产生耐药性，反弹率高；中药减肥取效慢，疗程长；因此，寻求更加显效、安全无副作用、省时、反弹率低的新减肥美容方法已成为人们的迫切需要！此时，针刀减肥、美容应运而生，以其独特魅力风靡了整个减肥美容界！我校特邀南京中医药大学资深临床减肥、美容博士于2010年3月， 7月的22日开课（每班计6天，36学时 学费 2500元）  ，亲自讲解针刀辨证减肥、美容，解析减肥、美容新奥秘，讲授新减肥、美容成功经验和新方法，极大地提高减肥、美容效果，且安全无副作用、省时、反弹率极低！ 针刀减肥具有8大优势： ① 刺激量大：针刀减肥的刺激量是针刺的20—30倍。 ② 能直接破坏脂肪细胞，减少脂肪细胞数目；同时显著减小脂肪细胞体积。③ 省时：一般针刀治疗每5天一次，每次只需3分钟左右。 ④ 疗效好：经过临床验证，对于一些肌肉型的肥胖或针灸减肥无效的，针刀减肥亦有疗效。 ⑤ 见效快：针刀治疗一次即有食欲受抑制或腹部轻松或体重下降等感觉，特别是对食欲抑制和月经的调节速度更快。 ⑥ 既能整体减肥又能局部瘦身，还能治疗肥胖带来的并发症(如高血脂、高血糖、脂肪肝等)。 ⑦ 安全是针刀减肥的最大特色，无任何副作用，为绿色减肥。 ⑧ 辨证减肥，不易反弹 三．培训时间 2010年7月22日（第15期）开课。共计6天、30课时。 四．培训费用 学费：2500元/人五．结业与学分 由北京汉章针刀医学研究院培训学校颁发针刀医学（带钢印）结业证书及学分（12分） 六．报到地点及注意事项 报到地点：北京市昌平区沙河北京针刀总医院内北京汉章针刀医学研究院培训学校。 报到电话：010-80725466、52573335</t>
  </si>
  <si>
    <t xml:space="preserve">高手进~！！！！！我在祖玛挂机请问要挂几年才能挂出祖玛道具？如果 </t>
  </si>
  <si>
    <t xml:space="preserve">  祖玛牌武器现在垃圾了，在持续贬值中~~~我是洪武，组玛裁决全新的1500万左右，好看不中用。组吗谷雨全新的3000万左右，全新飞魂我的区也5000万以下了。组玛无机，2000万左右，挂机还能凑合用。  爆率 要看运气了，有可能你挂1天就有，有可能你挂到 G T倒台也没。  我有个战士朋友挂那里1年多，出了4个组玛武器，还一个天生+3元素的组玛谷雨，给了我，很炫~~</t>
  </si>
  <si>
    <t xml:space="preserve">装备可以喂养宠物？怎么喂养？ </t>
  </si>
  <si>
    <t>打开宠物栏，找到炼化，然后会出现三个小框框，选择宠物后，把装备拉进三个框框内，点击炼化就可以了。</t>
  </si>
  <si>
    <t xml:space="preserve">看下你的想象和设计厉不厉害！！！我朋友帮我做了一个队微！很好看！ </t>
  </si>
  <si>
    <t>上面的格式不对。。。。</t>
  </si>
  <si>
    <t xml:space="preserve">成双机场有行李寄存服务吗？我有个行李箱想在机场寄存个四五天，因为 </t>
  </si>
  <si>
    <t>给你机场的问询电话，可以自己问问。028-852505333，电话比较繁忙，要有耐心。</t>
  </si>
  <si>
    <t xml:space="preserve">硼酸和枯矾这两种东西哪里能够买到？ </t>
  </si>
  <si>
    <t>硼酸一般药店就有  枯矾卖草原的地方有卖可以去同仁堂试试 应该都有</t>
  </si>
  <si>
    <t xml:space="preserve">IASK对“自问自答”的处罚会不会“睁一只眼，闭一只眼”？毕竟可 </t>
  </si>
  <si>
    <t>你好！个人觉得，这是不会的了．但是，自问自答，而不被处罚是很有可能的．但不是爱问的本意，只是要有举报，还要审核，等．因为有时候是没有办法的．就像国家希望人民都有好日子，希望没有贪官．但事实还是有的．只能说尽力去做．祝你好运！</t>
  </si>
  <si>
    <t xml:space="preserve">疯狂追求她的时候，她接受了别人。在我疯狂追求她的时候，她却接受了 </t>
  </si>
  <si>
    <t>我认为她其实不会太讨厌你，如果真讨厌你，她会躲你远远的，你不会有机会缠上她的~~你身上肯定有一些令她不太喜欢的习惯和品质，如果你真的非常喜欢她，我认为你不该放弃，爱情有时真的需要坚持，你在坚持的同时，一定要修正自己，把自己往她喜欢的那种类型里打造，对她要适度的关心和呵护。告诉你，女人最终都会选择真正深爱她的男人结婚，所以说，适当的坚持，你没准真会收获心目中的爱情！祝福你~~~</t>
  </si>
  <si>
    <t xml:space="preserve">胸疼扩展会响响了之后就不疼了 </t>
  </si>
  <si>
    <t>不用担心，是胸骨有时与肌肉之间的牵连所致，扩展一下就会响，起到了舒展作用，所有就不痛了。基本每个人都会如此的。</t>
  </si>
  <si>
    <t xml:space="preserve">为什么中国女性乳腺癌发生要比西方国家早十岁？ </t>
  </si>
  <si>
    <t>为什么我们国家的女性发生乳腺癌要比西方国家早十岁？刘端琪：就乳腺癌高危人群来讲，就是特定的人群里面她发生的乳腺癌比例比其他的妇女要高。刚才张主任也说的，几乎全世界的妇女都可以起作用，特别是中国，目前我们国家实现长达20多年和30多年的发展，特别严格的实行一对夫妇生一个孩子，至少也有20年。在这个期间，就有相当多20几岁的年轻妇女只有一个孩子，现在基本是接近40岁到50岁的阶段。所以这一段时间我们国家中年妇女也逐渐进入到一个乳腺癌的高峰年龄。刚才张主任也讲了，多产就可能是可以保护的。所以我们国家是比任何国家的速度都快的进入了一个乳腺癌高发的时代，恐怕这一段时间逾期也有20年。与西方国家相比，我们国家的妇女的乳腺癌平均发生的年龄几乎早十岁左右。西方妇女往往是60、70岁的多一点，我们往往是50岁左右的多一点。往往得了乳腺癌，癌细胞的特点跟西方国家有一点不同，在目前的阶段我们国家对于预防乳腺癌极早的发现治疗乳腺癌具有特殊意义。</t>
  </si>
  <si>
    <t xml:space="preserve">宝宝16个月了这个阶段的孩子认生怎么办我的宝宝16个月了，以前从 </t>
  </si>
  <si>
    <t>可能是因人而异吧,我家宝宝从不认生的,也没训练他的,可能是一冬天没让他出门憋的吧，也可能跟孩子的性格有关的，教育没问题的，大多数孩子都这样的，我家那样的少吧，而且我家的，找了别人就拥抱着人家不找我了，愁呀！</t>
  </si>
  <si>
    <t xml:space="preserve">请如实回答~~~`我以前做过包皮手术，现在手术的地方有所凸起。摁 </t>
  </si>
  <si>
    <t>你做的包皮手术1.缝的线不用拆线的吧.线会自行脱落,部分线头在里面会慢慢吸收.1-2个月2.包皮切除后就留下比现在包皮长的静脉,形成团状,在2-4个月后退化.3.手术缝合口的疤痕,没有关系的,疤痕也会慢慢的变的平滑.</t>
  </si>
  <si>
    <t xml:space="preserve">自考一次报几门合适？上一次报了5门，结果只过了一门，成绩分别是6 </t>
  </si>
  <si>
    <t>看你的成绩,还可以,建议合理安排考试科目顺序,自己熟悉或感觉简单的科目和一科难一点的科目搭配一起学习.一般情况两门到三门.就可以了.如果时间非常充足的话,可以考虑增加一科掌握较好的.</t>
  </si>
  <si>
    <t xml:space="preserve">我是个新手魂掉拉怎么招啊请哥哥姐姐门指教 </t>
  </si>
  <si>
    <t>那要看等级了等级低的话（如果掉的不多）就招回来，不会很贵，20级才1000，地点就是上面几位所说的。等级如果很高，掉的魂又多，HOHO，如果不是真的那么那么喜欢的话，建议还是删掉吧。70级的人掉4魂的价格是 ~~~呵呵</t>
  </si>
  <si>
    <t xml:space="preserve">人体内是否有象猪体内的“油”呢？在农贸市场可以买到猪体的油，拿回 </t>
  </si>
  <si>
    <t>呵呵，人体内没有象猪体内的“油”，人体内也有油，浅黄色的。人体脂肪的正常含量： 男子：10－20％ 超重：20－25％ 肥胖：&gt;25% 女子：15-25% 超重：25－30％ 肥胖：&gt;30%脂肪主要功能是供给人体热量，保护内脏、保持体温，类脂质是细胞的必要成分。</t>
  </si>
  <si>
    <t xml:space="preserve">曼城这场让人看的不放心，不好说怕平 </t>
  </si>
  <si>
    <t>输都可能·······</t>
  </si>
  <si>
    <t xml:space="preserve">又是任8，唉昨天的那么多交叉盘只有这场打出相同结果看来交叉盘也不 </t>
  </si>
  <si>
    <t>我也任8，不过单没你漂亮，你2根棍子不错，下次加油</t>
  </si>
  <si>
    <t xml:space="preserve">桔子吃多了有什么危害? </t>
  </si>
  <si>
    <t xml:space="preserve">桔子中含有大量糖分，吃1千克桔子能产生1400卡热量。当过多吃桔子后产生的大量热量不能及时转化为脂肪贮存，人体活动的需求又消耗不掉时，就会造成体内热量供过于求的状况，引起肌体功能的紊乱而出现舌干燥、咽喉痛、便秘等现象，也就是人们常说的"多吃桔子会上火"。另外，吃桔子过多，对儿童的口腔、牙齿、胃粘膜也有危害。 小儿若过量食用桔子，所产生的热量即不能转化为脂肪贮存在体内，又不能及时消耗掉，便会由积聚引起“上火”，表现为口腔炎、牙周炎、咽喉炎和便秘等。这是因为桔子是补阳益气的食品，而小儿的体质常常是“阴常不足，而阳常有余”，桔子使“阳气”更盛，便会出现“上火”现象。因此小儿不能多食桔子。 桔子：性温味甘。含多种营养成分，维生素C和D的含量尤高。具有补阳益气等作用。能调节人体新陈代谢。 据研究，每天吃3个桔子，就能满足一个人一天对维生素 C的需要量。若食用过多，过量摄入维生素 C时，体内代谢的草酸会增多，易引起尿结石、肾结石。另外多吃对口腔和牙齿有害。 </t>
  </si>
  <si>
    <t xml:space="preserve">失眠症，睡眠质量很差。如何解决？ </t>
  </si>
  <si>
    <t>你好，失眠一直是困扰很多人的问题，失眠患者还会伴随多梦的现象。失眠的治疗很简单，只要治疗及时，采用有效的治疗方法，适当的调节自己的情绪，乐观的看待疾病，配合医生，就能恢复健康。西药治疗大多会让患者产生依赖性，并且有副作用。中医应用中药治疗失眠症已有二千年的临床丰富经验，应用的药方擢发难数。中药有调节人体睡眠/清醒周期，改变患者睡眠质量，服用后无昏睡感，不影响工作，无强制性催眠作用，需要睡眠时即可入睡，可长期服用，无成瘾性，养心安神之功。希望我的回答能对你有所帮助。食疗，吃一些有助于入睡的食物，是可以帮助我们调节身体情况的，从而改善我们的失眠的症状。当您实在难以入睡或半夜醒后再也睡不着时，你可以试着起床做些单调而轻松的事情。卧室环境的好坏对睡眠有重要影响。卧室内应该保持安静、温度适宜、光线柔和、暗淡并适当通风。床铺和被子褥清洁、舒适;枕头的高度适宜、软硬适度，最好使用带有颈垫的枕头。</t>
  </si>
  <si>
    <t xml:space="preserve">他的父母打我,他让我道歉,我该怎么办?因为带孩子的观念和方法不同 </t>
  </si>
  <si>
    <t>1 只有感情好了，才能谈到孝顺公婆。但夫妻感情相处是两个人都需要努力的事，不是你一方对你老公好就行，要你老公也对你好才行。2 你们最本质的矛盾是老公没有处理好矛盾，父母要孝顺，但不能无原则的愚孝，所谓“老公不欺无人欺”——老婆的利益、面子也要尊重，老婆也要哄的。不然，凭什么人家要为你生儿育女、老来相伴？3 绝对不要道歉，自己做对了要坚持，做错了也不要承认。媳妇作为家庭中唯一一个和老公、公婆都没有血缘的人，越是示弱就越不被重视。要有一定程度的强势。4 长辈晚辈不是谁应该道歉的原因。毕竟公婆只是你老公的爸妈，非生你，非养你。人与人都是平等的，不能倚老卖老、为老不尊。爱护媳妇体谅媳妇的公婆要孝顺；仗势欺人目中无人的公婆要斗争。5 不要被离婚的要挟吓到。如果软下来，就算勉强和好委屈度日也没有意思，人家抓住你怕离婚的把柄想怎么欺负你就怎么欺负你。要有策略的斗争——不道歉，不主动和好，既然走了就要让他们求你你再回去。晾上一段时间，他在乎你，就会自我反省自我批评，毕竟谁都不会轻易地让这个家散了去伤害孩子。等你老公想通了，觉得你在他心目中的地位提升了，你才能回去，而且是趾高气扬的回去。你要让他明白你既不怕离婚，离开他也一样能过得很好。他要作好丈夫的角色，去沟通好，让你不受气，让你日子好过，而不是在婆媳矛盾中一味地压制你来求取和平。如果他做不到，那就作好……的打算吧，房子孩子一样不给；抚养费一分不少————因为这种男人已经不值得你去付出了，这样的家庭勉强下去，将来有一个不幸福的妈妈对孩子更不好。6 如果家庭矛盾不可调和，可以尝试分家。回归小三角，则会更稳定。</t>
  </si>
  <si>
    <t xml:space="preserve">请问高一生物总结一下线粒体、内质网、核糖体、高尔基体、中心体等的 </t>
  </si>
  <si>
    <t>高中程度的话，这样解释吧：线粒体：线粒体的作用很重要，但是也很好记，只要清楚线粒体是有氧呼吸作用的场所，能进行物质氧化和产生ATP供能就可以了内质网：分粗面内质网和光滑内质网        粗面内质网多呈扁囊状，排列较为整齐，因在其膜表面分布着大量的核糖体而命名。它是内质网与核糖体共同形成的复合机能结构，其主要功能是合成分泌性的蛋白和多种膜蛋白。因此在分泌细胞(如胰腺腺泡细胞)和浆细胞(分泌抗体)中粗面内质网非常发达，而在一些未分化的细胞与肿瘤细胞中则较为稀少。是蛋白质合成加工和分泌出细胞的主要场所。        光面内质网是脂类合成的重要场所，细胞中几乎不含有纯的光面内质网，它们只是作为内质网这一连续结构的一部分。光面内质网所占的区域通常较小，它往往作为出芽的位点，将内质网上合成的蛋白质或脂类转移到高尔基体内。在某些细胞中，光面内质网非常发达并具有特殊的功能，如合成固醇类激素的细胞及肝细胞等。核糖体：细胞内有的核糖体附着于内质网的外面,称为固着核糖体,即形成上面所谈到的粗面型内质网；有的不附着于内质网上,称为游离核糖体,常见于未分化的细胞中。        核糖体是细胞内合成蛋白质的场所。高尔基体：可以是分泌蛋白，比如抗体、胰岛素等，也可以是一些外分泌液，比如汗液。         注意：题中考到高尔基体时，往往考得最多的是分泌蛋白，但这不代表高尔基体只与分泌蛋白有关，它与一切分泌物都有关。中心体：中心体一般位于细胞核旁，高尔基区中央。在细胞分裂前，中心体完成自身复制成两个，然后分别向细胞两极移动；到中期时，两个中心体分别移到细胞两极；到细胞分裂后期、末期，随细胞的分裂分配到两个子细胞中。而且，绝大多数动物细胞的中心是细胞核区，而中心体只是位于细胞核一侧的高尔基区的中央。与细胞分裂有关，动物细胞和低等植物细胞内有，高等植物内无。</t>
  </si>
  <si>
    <t xml:space="preserve">我家猫猫总是爱掉毛该怎么办呢还有它每年都要生好多小猫想给它做绝育? </t>
  </si>
  <si>
    <t>1、猫毛的问题，你如果没有花一点时间给他用梳子梳梳毛，掉毛的情况就会有所减轻，到了春秋换季的时候是猫咪换毛的季节你就要梳理的更勤一些2、你可以花些钱买猫砂用，现在一袋10kg膨润土的猫砂一只猫可以用2-3个月吧3、如果你爱他给他赶紧做手术吧，猫咪生小猫对他的身体影响很大的，现在手术用的药物都很安全很少出现医疗事故的，4、你可以把它寄养到专门寄养动物的地方他们会有好办法帮助你的</t>
  </si>
  <si>
    <t xml:space="preserve">怎样才能不紧张呢大家都说越紧张越要不上,不紧张时反而要上了,好羡 </t>
  </si>
  <si>
    <t>你是想计划生育吧，没算得那么准的，大概那个时候就可以了，条件允许的话，人们最好到郊外去，心情很舒畅的时候，在下午4-5点左右，这样的胚胎是最优质的，中标的机率也是非常的高，祝愿你们有一个健康可爱的宝宝。</t>
  </si>
  <si>
    <t xml:space="preserve">存不存在人类的共同道德？从逻辑上说是存在的。但是过去所学的又说， </t>
  </si>
  <si>
    <t xml:space="preserve">  应该有人类共同的道德，例如：诚心、和平、友爱、医德、爱老扶幼、遵师重教……等。不能什么都阶级化，以前强调阶级性是片面为自身阶级利益服务的，现在是经济全球一体化，没有共同的道德是不可能实现的。就是在政治上，也一定要找到共同遵守的“道德”才能够和平共处和社会的发展。这是世界大的趋势……</t>
  </si>
  <si>
    <t xml:space="preserve">五年级数学题一块长方形稻田，长25米，宽6.8米，共收稻谷139 </t>
  </si>
  <si>
    <t>稻田的面积=25×6.8=170（平方米）=0.017（公顷）。平均每公顷收稻谷：139.4÷0.017=8200（千克）。</t>
  </si>
  <si>
    <t xml:space="preserve">2012考研专业学位硕士是什么意思？ </t>
  </si>
  <si>
    <t>专业硕士是我国研究生教育的一种形式。根据国务院学位委员会的定位，专业学位为具有职业背景的学位，培养特定职业高层次专门人才。与侧重于理论、注重学术研究能力的全国硕士研究生教育不同，专业学位教育是为了培养理论与实践相结合的创新应用型人才。从报考上来说，专业硕士考英语（二），约比学术型的英语（一）简单10分，如果考数学往往不考数学（一），专业课也比学术型的简单！与学术型相比这样就有可能考入更好的学校，跟更好的导师！缺点是不能直博(可以考博)，奖学金比学术型少点儿。</t>
  </si>
  <si>
    <t xml:space="preserve">谁知道复血项链有什么隐藏属性吗同上 </t>
  </si>
  <si>
    <t>有什么属性除了练级好点没什么好的吧稀释也就比一般的东西发挥的好点我有那么多稀释又没发现有什么属性啊其实也就光通公布的那些东西有属性吧象磨血啊虹膜啊也就那些啊</t>
  </si>
  <si>
    <t xml:space="preserve">如何看待中国的房地产业，今后将如何发展？ </t>
  </si>
  <si>
    <t>年内在目前价位徘徊，很难下跌哦</t>
  </si>
  <si>
    <t xml:space="preserve">为什么我一玩游戏电脑老黑屏我在玩《纵横时空》的时候老是黑屏，但是 </t>
  </si>
  <si>
    <t>三种可能:1、系统病毒；2、如果没有病毒，就是显卡驱动安装不正确；3、更大的可能是显卡是水货，一玩游戏就黑了，建议换一块显卡试试。</t>
  </si>
  <si>
    <t xml:space="preserve">大家觉完美世界和魔兽世界的区别在哪？您觉的哪个好些？～～还是哪个 </t>
  </si>
  <si>
    <t>完美世界的画面没法和魔兽比，做的根本没魔兽精致而且可玩性也没魔兽强，微控作的很粗糙，技能也没创新可能完美就像把传奇丰富了一点，便成3D了很多东西也不是原创，都是从魔兽里学来的而且玩魔兽的剧情很感动人，开始时可能没感觉，后来我看到洛旦伦废墟的时候就想到了王子和51王，这就是一种震撼，去多看看截图吧，不要因为玩游戏而玩游戏</t>
  </si>
  <si>
    <t xml:space="preserve">现在韩元对人民币的汇率是多少？149万韩元合人民币是多少？ </t>
  </si>
  <si>
    <t>25日汇率中间价0.4619(工行价,各行的报价有差别），折合6882元</t>
  </si>
  <si>
    <t xml:space="preserve">生理长期性升活会有什么后果? </t>
  </si>
  <si>
    <t>如果是男人的话，会引起全身乏力，体力不支，注意力不集中，女人长期性生活会引起睡眠不足，但不实为一个减肥的了方法。</t>
  </si>
  <si>
    <t xml:space="preserve">实况8新手请教关于攻防转换及防守的心得技巧!谢了 </t>
  </si>
  <si>
    <t>首先说攻防转换：由防守转为进攻的时候，一般情况下玩家都是选择拿球转身后狂奔，但结果多半是球丢咯。所以这个时候我们不能急，先看小地图前方的队员有没有空挡，如果有 可以打个长传反击~ 如果前锋被盯死了 而且对方还有队员来抢断可以选择过人，要是你觉得拿球队员技术不好或者你对过人没有信心的话可以把球传给身后的队员和身后的队员打个配合（对方上来逼抢可打个2过1，对方跟你队员跑你可直接往前带）。由进攻转为防守时，不要轻易扑对方球员 往回走起腿（不要跑）看准时机抢球（铲断）为自己队员回来赢取时间。阵地防守：关键是位置，没名球员把守好自己的位置，千万不要跟到对方球员带球跑而跑离自己的位置！如果对方带球跑到其他位置就马上换人用离他最近队员防守。这样中路就没什么问题咯。怎么防下底传中，其实这个基本上来说是没有办法的，因为在实况8里后卫总是比前锋转身慢~汗~！（期待实况9）但有一个绝招L2+R2把防守意识调到最强就OK咯~99％没问题~！说了这么多希望对你有帮助~！</t>
  </si>
  <si>
    <t xml:space="preserve">谁知道头可以绿哪些属性?力的绿什么属性最好?不懂的别答 </t>
  </si>
  <si>
    <t xml:space="preserve"> 谁知道头可以绿哪些属性?绿出降低师门法术攻击技能，障碍技能，辅助技能消耗的降低，绿出的属性在帽子上没什么追求。</t>
  </si>
  <si>
    <t xml:space="preserve">专家请帮我算一算好吗？我出生于阴历1979年9月11日男友出于阳 </t>
  </si>
  <si>
    <t xml:space="preserve">关于命理，我的理解是：一，决定一个人命运的因素是多方面的，包括：出身时间、地点和家庭；身高、长相和姓名；“八字”、星座和血型；婚姻家庭的建立以及德识才学的拥有程度等。二，由于每个人的出发点不同，所以人生道路不会相同，终点也就不同。三，由于自然界尚存我们人类无法认知、科学无法解析的事情，所以对命理采取的态度应当是：1，不可不信，不可全信；2，不信为无知，全信则愚昧；3，虽先天命中注定，但后天不可不努力；4，是非成败转头空，一切都不必太在意；5, 人生不过百来年，应当快快乐乐每一天；6，算命改变不了命运，人生应当顺其自然 </t>
  </si>
  <si>
    <t xml:space="preserve">春运北京站提前几天买票 </t>
  </si>
  <si>
    <t>z开头的可以提前20天购买，临时车提前10天购买，其它的4天。</t>
  </si>
  <si>
    <t xml:space="preserve">我的牙坏了，要补牙，我妈说钻牙后补牙就行了，补牙的时候疼吗，要打? </t>
  </si>
  <si>
    <t>如果没有坏到牙神经，只是单纯的补，是不疼的，也不要打麻药。如果已经有牙髓病变，就得做牙髓治疗，是会疼的，必要时会打麻药，最好去医院看看，判断一下你牙齿的情况。</t>
  </si>
  <si>
    <t xml:space="preserve">我想请问下高手我现在练的是黑精巫师但我这人喜欢和人打架我想问下转 </t>
  </si>
  <si>
    <t>没有最强的职业只有最强的玩家，看你个人的喜好了，如果你真爱一个职业，那么他在你心里永远是最强的，PK只是游戏中的一个部分，不要太注重它，我想天堂里面吸引人的还有好多其他的地方。个人认为法师系的共同特点就是高攻击大范围，但同时也有缺点就是血少防低，看你遇到的对手是哪种职业，因为职业之间都是相互克制的。个人认为法师系在个人单P中能保持胜负各半，但是在群P中就显的尤为重要，能起到起死回生的重要作用（前提是稳定的心理，良好的微操，还有大局观），如果你喜欢个人单P，那么去练刺客系（大地后期强，深渊40前NB，宝藏也还行，各有各的特点），斗士系（人类剑斗很强，兽人战士也很强）但是还是老话，各个职业都有各自致命的缺点，没有长胜将军，天堂不是展示个人英雄主义的舞台，希望你能珍惜自己所选择的职业，继续在天堂中扮演好自己的角色。谢谢，回答完毕。（其中有很多都是废话，请自行斟酌）</t>
  </si>
  <si>
    <t xml:space="preserve">去黑印我伤口结伽后，留下了黑色的印子，很烦恼，怎样才能去掉，听说 </t>
  </si>
  <si>
    <t>用VC可以，但要注意避光</t>
  </si>
  <si>
    <t xml:space="preserve">请问在那里买天堂1的游戏点卡呀！我以前玩过天堂，最近心血来潮想玩 </t>
  </si>
  <si>
    <t>你好楼主:  第1请问楼主有没有网银?如果没有的话可以去银行申请一下!现在网吧基本很少看到卖天1和天2的点卡~有可能卖的地方电脑商城那些地方会有卖~不过现在基本上都是通过网银购买~楼主可以去银行搞个网上交易帐户,现在很多网站都有天1点卡购买的~小弟这里就有几个网站!  第1个:天堂官网的在线购卡这里可以买到!  第2个: (这个网站现在是本人专买点卡的网站,包括外挂卡)  第3个:就是北京的云网这里也有的卖!</t>
  </si>
  <si>
    <t xml:space="preserve">关于网页制做的问题?各位网页制作高手,我想问一下在Macrome </t>
  </si>
  <si>
    <t>在属性下面</t>
  </si>
  <si>
    <t xml:space="preserve">历史题:为什么称台湾自古就是中国的领土?(要有历史依据的详细答案? </t>
  </si>
  <si>
    <t>三国时，孙权派遣将军卫温、诸葛直率领万余名官兵“浮海求夷洲及澶州”。详见《·吴志·孙权传》。当时孙权的这支部队在台湾驻扎了一年时间，后因军士水土不服才返回大陆。详见《临海水土志》。这是台湾历史上最早出现的政权统治及驻军记录。由此可以得出结论：台湾是中国的领土，宗主权属于中国。《隋书·流求传》载：公元６０７年、６１０年，隋炀帝（杨广）曾两次派人到当时称为“流求”的台湾岛。第二次率兵万余人，从广东潮州起航，经一个多月的航行，到达流求时，流求人以为是大型商旅，“往往诣军中贸易”。这是中国军队第二次来到台湾。　　《元史·琉求传》载：元祖至元二十八年九月，海船副万户杨祥请以六千军往降之......冬十月，乃命杨祥充宣抚使，给金符，吴志斗礼部员外朗，阮鉴金部员外朗，并给银符，往使琉求。这就是忽必烈派人到台湾宣抚的记录。　　元代在澎湖设立巡检司，并课税。汪大渊《岛夷志略》记载曰，澎湖“地隶晋江县，至元年间，立巡检司”，“职巡逻，专捕获”，兼办“盐课”。　　明代，日本曾企图进攻“鸡笼”，琉求国派使者通知中国防备。《明史·琉求传》载：四十四年，日本有取鸡笼山之谋，其地名台湾，密迩福建。尚宁遣使以闻，诏海上警备。台湾位于大陆与琉球之间，从这里可以看出，台湾是中国的领土，不是琉球的领土。　　明朝在澎湖驻军。《明史·兵三》中记载：天启中，筑城于澎湖，设游击一，把总二，统兵三千，筑炮台以守。　　明朝中叶，福建巡抚黄承玄基于当时倭寇侵扰中国，提出要加强澎湖防卫，并随时察视台湾。当时台湾北部的居民主要居住在鸡笼和淡水两个渔港，为防御的重点。详见《明经世文编·黄承玄》。　　1603年，沈有容率军到台湾，驱逐倭寇。详见《东番记》。　　明末，盘踞在台湾的海盗郑芝龙降明。经福建巡抚熊文灿的批准，郑芝龙从福建向台湾移民。郑芝龙是郑成功的父亲。详见《赐姓始末》，黄宗羲著。　　以上历史，都是台湾在被荷兰人侵占前的历史。荷兰政府不是统治台湾的第一个政府。早在三国，台湾就是东吴的统治下，说孙权到台湾当海盗毫无依据。孙权的部队从台湾带回原住民，并不能说明中国对台湾没有主权，也不是做海盗的依据。荷兰人才是入侵台湾。台湾的宗主权属于中国，自古就是中国的领土。　　就连荷兰人在《巴达维亚城日记》中也说：“台湾原是中国皇帝的领土，是我们和中国签了协定，才可以在这里通商。这个协定并不是和中国政府签的，而是和驻福建的军方、衙门签的，是他们默许的。”正因为这个协定的不正规，所以到现在，我还没有在史书中看到这个“协定”的名称。　　郑成功在致荷兰殖民总督揆一的《谕降书》中严正指出：“然台湾者，早为中国人所经营，中国之土地也。”“今余既来索，则地当归我。”　　台湾在清代建省。台湾后来在甲午战争时被李鸿章割给了日本。后来，二次世界大战结束，中国由蒋介石出面直接在条约中索回台湾，重回祖国怀抱。另外国民党并不是要台湾独立，那是民进蒋介石和蒋经国从来没有这个念头，国民党也从来没有这个党纲，想独立的是民进党。以上这是我在05年10月12日11点22分为ctchaozi 解答的答案，楼上的厉害啊，一字不漏！谢谢引用我的答案！</t>
  </si>
  <si>
    <t xml:space="preserve">股骨头坏死微创手术效果？ </t>
  </si>
  <si>
    <t xml:space="preserve">   北京307医院刘耀升主任可控式铰刀扩大髓心减压术+干细胞移植人工骨植入±钽棒植入术的微创切口仅需1-2cm，国内领先！    刘耀升主任总结自己三百余例股骨头坏死髓心减压钽棒植入术的经验，在国内首创股骨头坏死微创髓心减压人工骨钽棒植入术。目前全部手术均微创进行，手术切口仅需1-2cm，微创切口完成大手术。麻醉和手术时间短，术中术后出血少，术后康快，疤痕小，特别适合老年体弱、青年女性和双侧股骨头坏死的患者。    股骨头坏死微创手术有两种，一种是微创髓心减压人工骨植入术±钽棒植入术，另一种是微创关节置换术。 前者适合于中轻度股骨头坏死，后者适合于晚期股骨头坏死。股骨头坏死微创手术与介入疗法完全不同，只有前者国际公认！</t>
  </si>
  <si>
    <t xml:space="preserve">谜语（六十二）千里走单骑[汽车品牌一] </t>
  </si>
  <si>
    <t>马自达</t>
  </si>
  <si>
    <t xml:space="preserve">游戏老卡的问题！问下大家，请问我最近玩游戏怎么老卡啊！以前一点也 </t>
  </si>
  <si>
    <t>应该就是网速的问题，网络延迟造成的你游戏卡，可以查看一下网络的问题~</t>
  </si>
  <si>
    <t xml:space="preserve">丑女怎么追帅哥人长的丑,但是心理很成熟,说话很直白. </t>
  </si>
  <si>
    <t xml:space="preserve">  最重要的是个性，我有一个兄弟奇帅无比，追他的女孩子成群后来他找了一个一点也不美的女孩子做女朋友，我问他为什么，他是他喜欢和她一起的那一种感觉，就是她有个性</t>
  </si>
  <si>
    <t xml:space="preserve">请问听歌和看电影用一个播放器好吗?有没有专业听歌和专业播放电影的 </t>
  </si>
  <si>
    <t>暴风影音和豪杰V8最为好用</t>
  </si>
  <si>
    <t xml:space="preserve">急：抚顺市望花区和东洲区的税务局相比，哪个待遇更好些？另外两个区 </t>
  </si>
  <si>
    <t>这个应该差不多了多少的。</t>
  </si>
  <si>
    <t xml:space="preserve">数学题右图中涂色部分的面积占总面积的（），用小数表示是（）。 </t>
  </si>
  <si>
    <t>（  3/10  ），（ 0.3 ）。</t>
  </si>
  <si>
    <t xml:space="preserve">3com是网卡吗,多少钱啊? </t>
  </si>
  <si>
    <t>中关村在线查一下就知道了</t>
  </si>
  <si>
    <t xml:space="preserve">电解问题请解释一下用惰性电极电解氯化钡和亚硫酸氢钠的混合溶液的过 </t>
  </si>
  <si>
    <t>现象大致如此吧:在阳极有氯气产生，阴极有氢气产生，而溶液中会产生白色沉淀 不过我认为,结论倒在其次,有些细节得弄清楚亚硫酸根离子变成硫酸根离子,是在阳极失电子的结果还是被阳极放出的氯气氧化的结果?水溶液中亚硫酸氢钠的存在形式应该是亚硫酸氢根离子,在电解的作用下,亚硫酸氢根离子是否会部分成为亚硫酸根离子?从电离角度讲,亚硫酸是弱酸,分步电离,亚硫酸氢根离子应该会进一步电离成为亚硫酸根离子.在氯离子和亚硫酸根离子同时存在的情况下,可以根据一般阳极放电顺序----活泼金属&gt;氯离子&gt;氢氧根离子&gt;含氧酸根----可以知道,阳极首先放出的必是氯气注意"首先"二字!题中并未说明两种溶液的量,氯化钡到底有多少,如果它不足的话,那么因为含氧酸根的存在,到后来阳极应该还会有氧气搀杂其中.可能说得繁复了些,但实际做实验应该要考虑所有可能的因素.我们不是为了解题,而是要知道真相.</t>
  </si>
  <si>
    <t xml:space="preserve">税务发票的问题我单位购一台设备。价值100万，但是商家提供的发票 </t>
  </si>
  <si>
    <t>1.他们为什么开不出一张发票呢？ 发票都是用限额限制的，一般来说，增值税发票（普票、专票）都限制在10万元左右，所以开不出单张100万的发票是正常的。2.我们如果用多张发票入账，是否违反财务管理的有关规定？对于多张发票同时入账，不会违反财务管理规定，因为首先，从日常操作来看，没有要求入账发票的数量多少；其次，即是是多张发票，也是基于同一个事项，只要发票是真正的发票，并且确实有发生该项业务就可以了。那比如咱们买一台电脑或者一台电视不就是应该开一张发票吗？怎么可以分开几张开发票呢？这也是因为发票的金额限制，只要发票是真实的，业务也是真实发生就可以了。</t>
  </si>
  <si>
    <t xml:space="preserve">起诉中介胜率有多少？我们租了中介的房子，2室1厅1阳台1厨房1卫 </t>
  </si>
  <si>
    <t>他交没交税由税务机关处理与你无关，这不影响你们的之间的合同效力，也不是你的起诉的事，就是起诉也应该由税务机关起诉。合同上没写清楚是不是整套，属于合同歧义（即同一内容可以做出两种以上解释的情况）。当合同上出现文字表达上的歧义时，法院应该作出不利于合同文本提供方的解释，所以，只要这合同不是你写的，而是中介写的，就应该认为是“整套”。建议你只就此事向法院起诉。不要把其他乱七八糟的与本案无关的内容夹进去，那不但没有意义，反而是对问题的及时解决添乱。</t>
  </si>
  <si>
    <t xml:space="preserve">冲床技术为什么冲压12mm厚的大型栅网钢板冲完之后是弯的？有没有 </t>
  </si>
  <si>
    <t>是因为剪切后的应力累计变形,改进方法仅供参考:1.增加冲裁时压边圈2.适当减小上下模间的间隙3.交错正反面冲裁4.最好的办法是冲完后再轧平</t>
  </si>
  <si>
    <t xml:space="preserve">小黑砸加弱点的石头有风险吗？还有就是加弱点的石头多少钱？ </t>
  </si>
  <si>
    <t>给武器加附加属性是100%成功的，只要你按照武器的要求拿到需要的石头和一定数量的该等级宝石，找任何城市的铁匠都可以合成。小黑是7级的绿石头加306个C级宝石合成的，不要弄错了。成本大概在180W-190W之间，主要是看见你们区绿7级石头的价格，一般在80W之间。</t>
  </si>
  <si>
    <t xml:space="preserve">excel里如何平均分配各行，各列， </t>
  </si>
  <si>
    <t>点表格左上角的交叉的那个格子，就是全选，然后随便调整任一行或列，全局都会设成一致的行高列宽</t>
  </si>
  <si>
    <t xml:space="preserve">大家近来下，刚刚呢，有个很缺德的人问我要IP地址，说是有用叫我帮 </t>
  </si>
  <si>
    <t>是哦.  这种人  少接触的好  小心被传染         最近 不是有什么猪流感吗？                     大家也要注意了  搞不好  《此类人》正患有猪流感呢</t>
  </si>
  <si>
    <t xml:space="preserve">请问everyone和everybody有什么区别常在中文字幕里 </t>
  </si>
  <si>
    <t>everyone和everybody ： 是复合不定代词是由every加-body,-one构成， everyone每人 everybody每人，大家，人人 复合不定代词只相当于名词，在句中用作主语、宾语和表语。如：如： 用作主语： Is everyone/everybody here?人都到了吗? 复合不定代词被形容词所修饰时，形容词须放在它们的后面。 如：I ne somebody strong to help me.我需要一个体格强壮的人帮助我。 everyone表示每个XX，可以指人，也可以指物 everyboby表示每个人，只可以指人 everyone 和 everybody 的区别是everyone 比起everybody 更加强调社会意义上的人或物，而everybody 强调的是人本身的身体。 everyone 和everybody一样是不定代词，表示第三人称单数，后面的谓语动词也必须是单数形式。是"人人"、"大家"、"每个人"之意，例如： Good morning, everyone / everybody! 大家好！ Everyone / Everybody knows how to do it well if he wants to try. 每个人/ 任何人想要试一试的话，都知道怎么做好这件事。 Most people wear or carry a watch 这句话的意思是：大多数的人都有戴着手表。</t>
  </si>
  <si>
    <t xml:space="preserve">明知道自己爱着对方,为什么心里却要装着无所谓呢 </t>
  </si>
  <si>
    <t>其实,人无时无刻都在计算着得失.装作无所谓,是不想自己陷的太深,是因为对这段感情没有把握,是因为没有办法预知自己的未来.是害怕付出了却得不到应有的回报.呵呵,其实真爱一个人,不会在乎这些的.爱就是爱,无需伪装,也无法伪装.</t>
  </si>
  <si>
    <t xml:space="preserve">你认为这是《平凡的世界》中最感人的情节是什么？这是让我泪流满面的 </t>
  </si>
  <si>
    <t>太多了，不能列举出来。路遥说的，他是用血在写作！</t>
  </si>
  <si>
    <t xml:space="preserve">天天堵鼻子堵堵堵觉也睡不好谁有好方法通鼻子！ </t>
  </si>
  <si>
    <t>用手指持续按压头后突出部分正下方凹陷处，鼻塞马上消失</t>
  </si>
  <si>
    <t xml:space="preserve">考研都要考什麽？考哪些科目？谁有以前各科的考题？ </t>
  </si>
  <si>
    <t xml:space="preserve"> 给你一份全一点的吧，当年写给别人用的说点我的经验吧，给你提个方针步骤，呵呵，希望对你有用。1.明确自己考什么学校什么专业，弄清出招生简章里说得清清楚楚的考试范围，将资料准备全（历年试卷，教材，一些参考书）2.不要怕打击，试着将试卷挑一些认认真真的做一遍，得二三十分也很正常，不用怕。3.不要从课本开始看来数学，挑一本合适的教材，我当初用的是陈文登，还不错，不清楚的看教材。因为带着题型来看教材才有用，否则等你慢慢看教材的话，也许都快考试了你还没看完呢，而且肯定看的一塌糊涂。记得，数学一定要多做题，做的越多越好。4.对于英语，词汇是最最最最最最关键的，你拿一本考研词汇，你的时间充裕，但你也一定要在一个学期内搞定，最开始你每天最好花两个小时用在背单词上，否则你的后面的步骤完全没法开展，词汇基本差不多了后就狂做阅读，把阅读速度和质量提上去，在这个基础上看一本比较全的书系统看看，朱泰奇、张锦芯都不错5.政治，比较简单，多看，我当初看了四本厚厚的市面上的资料，呵呵，后来考的不错。6.专业课就不好说了，也不知道你考什么，但是告诉你一个大经验，往年的考试试题暴关键，都有可能有原题的出现，而且专业课辅导班有的话更要上，简直是漏题。最后祝你成功，你动手早，也许别人开始准备的时候你已经心中有底了。早起的鸟儿有虫吃。你会成功的。再给你转一篇具体的报考指导第一步：报考志愿的选择　　一旦决定考研，第一步决策就是确定报考志愿。与高考志愿类似，考研的第二志愿作用不大，绝大多数考生面对的是“一招不慎，满盘皆输”的局面。可以说，选择志愿是个风险很大的博弈过程。 　　　报考志愿的决策可以分解为3个基本步骤：形成专业选择意向；确定报考单位；最后两者结合，综合考虑，确定第一志愿，并考虑第二志愿。专业和招生单位的不同搭配就形成了报考的4种基本模式：本专业本校报考；本专业跨校报考；跨专业本校报考；跨专业跨校报考。不同报考模式复习备考的工作量和难易程度是不同的。　　 报考指导第二步：获取考试信息　　在确定了要考研、要报考的大致学校和专业范围以后，考生朋友们就要和学校联系了，以便获得最新的招生信息，并最后定下报考的学校和专业。获取有关专业方面信息的途径有以下几种：1. 招生简章、2. 系办印发的说明和专业课试题、3. 导师、4. 在读研究生、5. 各种平面媒体刊登的考研信息、6. 网站。　　 报考指导第三步：复习准备　　在获得了充分的专业课信息后，找到了完备的复习资料后，该踏实看书复习了。关于如何复习，每个人都有自己的方法，也有一些大家经过摸索共同认可的方法。　　研究生入学考试的初试时间一般为1月中旬，怎样安排最后的复习时间、如何选择复习内容、如何正确评价最终复习的效果等等，都是考研同学关心的问题。 　　 报考指导第四步：报名填表　　以2004年研究生入学考试为例，2004年硕士研究生报名日期为2003年11月10日至11月14日。在校生报名时由学校统一报名。在职人员报名一般在地市一级教委的高招办或者报考的学校，可以异地报名，即因为出差等原因在外地报名和参加考试。　　 报考指导第五步：考试　　入学考试分初试和复试。初试科目：政治理论、外国语和两门业务课。各科的考试时间均为3小时。政治理论课、外国语满分各为100分(含报考非外国语专业考生应试英、日、俄语听力测试20分)，两门业务课满分均为150分；工商管理硕士专业学位(MBA)联考两门业务课及满分值为：综合能力200分，管理100分。应试小语种的考生、部分学校外语专业应试第二外语的考生以及参加单考的考生外语科目初试仅为笔试，考试时间为3小时，卷面满分值为100分。听力测试在复试中进行，成绩不计入初试成绩。　　 报考指导第六步：调剂　　大约在寒假过后，春季开学后1、2周，专业课成绩差不多就出来了，可以打电话向系里和研招办询问。再过1、2周，公共课的成绩也出来了。这以后到发复试通知的一段时间是很关键的，如果名次不是特别理想，录取在两可之间，就要多和报考单位（系里）和导师多联系，实在不行看有无可能读自费和委培，或者调剂到别的学校。　　有很多的同学对调剂还不是很了解，为此，我们特意收集整理了以下资料呈现给大家，希望能对大家有所帮助。　　 报考指导第七步：复试 　　复试时间、地点、科目、方式由招生单位自定。复试办法和程序由招生单位公布。复试一般在5月上旬前结束。招生单位认为必要时，可再次复试。 　　对以同等学力资格报考的考生，招生单位要全面、严格复试。要对其进行本科主干课程和实验技能的考查，其中笔试科目不少于二门，每门考试时间为3小时。 　　参加单独考试、“MBA联考”及“法律硕士联考”的考生都必须进行面试。　　 报考指导第八步：录取　　招生单位根据国家下达的招生计划，考生入学考试的成绩(含初试和复试)并结合其平时学习成绩和思想政治表现、业务素质以及身体健康状况确定录取名单。参加统考或参加“MBA联考”及“法律硕士联考”考生可被录取为定向或非定向硕士生，也可被录取为委托培养或是招生单位自筹经费硕士生。参加单考的考生，只能被录取为回原单位的定向培养硕士生或委托培养硕士生。</t>
  </si>
  <si>
    <t xml:space="preserve">剃头刀子一头热怎麽来的? </t>
  </si>
  <si>
    <t>俗诉说，‘剃剃头挑子一头热’，就因为它的一头有个炭盆。挑子的另一头，主要的是挑着个坐凳，因为被剃头的人必须坐着。并不是四条腿的凳子，根本没腿儿，是几块木板拼成的，简直像切肉的墩子，北京管这样的东西叫兀头。墩子中间空的，有一个匣子，盛刀子拢子之类。</t>
  </si>
  <si>
    <t xml:space="preserve">NBA历史上最悬殊的比分是多少? </t>
  </si>
  <si>
    <t>迈阿密热队 1991年12月17日,克里夫兰骑士队以148-80战胜迈阿密热队,68分的比分差是nba历史上最悬殊的比分,热队很倒霉的被载入历史！活塞AND湖人 1950年11月22日，活塞和湖人展开了一场防守大战，最後活塞惊险的1分险 胜，比数是19比18，啥？是的，你没看错，19比18，两队合得37分，写下nba单场两队最低得分总和,这也成了NBA历史上最著名的比赛之一</t>
  </si>
  <si>
    <t xml:space="preserve">朋友生小孩该送什么礼？一个闺蜜生孩子了。想送点东西给他，送良良的 </t>
  </si>
  <si>
    <t>还真是闺蜜哈。斗想着她呢，但是还有宝宝呢。所以说一般宝宝的衣服还是要送一套的，关系很铁的话就再送点宝宝用的（口水巾，奶瓶，咬咬乐什么的）然后再弄点滋养的</t>
  </si>
  <si>
    <t xml:space="preserve">CPU每秒万亿次的浮点运算，这浮点运算是什么意思呀什么是浮点呀 </t>
  </si>
  <si>
    <t>文载供参考计算机的运算是通过进行的。最基本的运算是算术运算，即+，-，*，/。参与算术的值和理论数学中是不同的，因为“一尺之棰，日取其半，永世不竭”。在计算机内部表示的只能是精确数字，所以无限小数是不可能表达的。这是第一个观点：计算机的数值，与人接触的数值有所不同。第二个观点：计算机的运算实现，与人不同。计算机内部是通过电路的通断开业控制两种状态，以至表达二进制数；而人表达的是十进制数。所以，这就决定了计算机，可以直接用加法器来完成整数（其实是非负整数）的算术运算，进一步加一个符号位（不管是原码还是补码）来表示负整数的运算，所以，即使是最早的CPU8088/8086，也支持这种类型的运算。但加法器不能处理浮点数据的运算，简单的说就是有小数点的数值。对这种数据，首先得有一种好的浮点数表示法。最终采用的是：尾数、阶数符号位各占一位，然后再对其余数位尾数、阶数的有效数位合理分配。也就是说，采用的是二进制的科学计数法。在运算时，远远要比整类型的数值运算复杂，因为不仅尾数要参与运算，阶数也要参与，并且需要对尾数和阶数的符号位都进行处理，所以，开始的CPU并没有能力进行浮点运算（8088/8086，80286，80386SX），需要浮点运算时，由CPU通过软件模拟来实现，所以，进行浮点运算时就会慢很多。为提高计算机性能，Intel公司为80386SX CPU设计了浮点运算协处理器80387，配合使用就提高了运算速度（80486SX配套的是80487）。同期，Intel公司也生产了集成了协处理器的CPU：80386DX、80486DX。到了奔腾时代，生产厂商把协处理全部集成在CPU内部，成为不可缺少的部分，这样就不在有带/不带协处理器的CPU一说了。但整类型数值运算是由加法器完成的，小数类型是由集成在CPU内部的数学协处理器完成的。现在，所有数值运算都是由协处理器完成的，哪怕没有分离出来。</t>
  </si>
  <si>
    <t xml:space="preserve">猪从猪圈里逃出来了怎么办呢？_打三个明星人名 </t>
  </si>
  <si>
    <t>王力宏（往里轰）韩红（还轰）李克勤（立刻擒）</t>
  </si>
  <si>
    <t xml:space="preserve">国庆旅游路线，自驾游推荐推荐吧 </t>
  </si>
  <si>
    <t>推荐你自驾游黄山，芜湖方特，三河都挺好的（希望能帮到你，麻烦点击 “好评”，谢谢你^_^）推荐你自驾游黄山，芜湖方特，三河都挺好的（希望能帮到你，麻烦点击 “好评”，谢谢你^_^）推荐你自驾游黄山，芜湖方特，三河都挺好的（希望能帮到你，麻烦点击 “好评”，谢谢你^_^）</t>
  </si>
  <si>
    <t xml:space="preserve">奇迹矿和奇迹布任务叫什么,不用发流程了. </t>
  </si>
  <si>
    <t>任务是克萝蒂娜丝的抽奖袋，时长也有~~</t>
  </si>
  <si>
    <t xml:space="preserve">抵抗力差，易感冒；谁知道该怎么办？ </t>
  </si>
  <si>
    <t>多多锻炼，体育锻炼会让抵抗力变好的。要是身体问题，要检查一下呐。</t>
  </si>
  <si>
    <t xml:space="preserve">我抑制精液射出这样可以吗？大家好！我现在肾有问题！医生说我现在不 </t>
  </si>
  <si>
    <t>男子性高潮的表现为射精，射精是个很自然的生理现象。当男子受到性的刺激，例如视觉、听觉、嗅觉、触觉、思维以至生殖器的直接刺激后，就会导致阴茎的勃起，阴茎受到反复的摩擦刺激，兴奋积累，最终达到高潮。此时，输精管、精囊、前列腺和尿道的肌肉发生节律性收缩，储存在精囊中的精液便喷射而出，此谓射精。射精时，男性可以得到酣畅淋漓的快感，所以一般男子都把射精时的美感作为性的目的。有些男子出于害怕伤身的顾虑，常常强忍控制而不让精液射出。长此以往忍精不射将会对机体造成严重的损害，诱发许多疾病。将其危害概括如下：　　一、可诱发阳痿。正处兴奋状态的大脑皮层性中枢和其他各级性中枢以及性器官，不能很快松弛下来，从而加重负担，造成‘过度疲劳”现象，久而久之就会“消极怠工”，诱发以阳痿为主的性能力下降。　　二、可诱发射精异常。经常忍精不射，轻者可造成延迟、妨碍、减速或制动等射精抑制，重者可造成不射精。　　三、可诱发无菌性前列腺炎。阴茎、前列腺等性器官充血不能马上消退，长时间的性器官充血，会发生无菌性前列腺炎，表现为排尿滴流不净、尿道口有白色混浊液体滴出，尿道、会阴等处不适及腰酸背痛等症状。　　四、可诱发频繁遗精。俗话说“满则溢”，久久忍精不泄，精液没有去处，就会通过遗精的方式排出体外；性欲长久未得到充分满足，也会出现频繁遗精。　　五、可导致不育。忍精的结果可引起逆行射精，即精液倒流，从而引起不育。顺其自然为好，如果出于身体健康的考虑，可适当降低性交次数，而不是忍精不射。    六 可导致死精，以至于不能有宝宝！！！！！</t>
  </si>
  <si>
    <t xml:space="preserve">哪里能买到免费区的银票阿？！！！！ </t>
  </si>
  <si>
    <t>进官网免费区，左边的 我要购卡！另外，中国网卡等也有售。还有，去淘宝可以淘到低价的。</t>
  </si>
  <si>
    <t>一道高中数学题在长方体ABCD</t>
  </si>
  <si>
    <t>连结E,O,F,O1过E做EG垂直AD于G,连结OG.过F做FH垂直B1C1于H,连结O1H.易得出EC=FH,OG=O1H,角EGO=角FHO1=90°则△EGO全等于△FHO1所以EO=FO1.同理EO1=FO所以EOFO1是平行四边形所以EO平行且等于FO1That's All!加分哦!附图为几何画板文件.</t>
  </si>
  <si>
    <t xml:space="preserve">在做爱时带避孕套和不带感觉有什么不一样，有经验者来说说 </t>
  </si>
  <si>
    <t>呵呵，如果你是一个讲究卫生的人，就一定要带呀，因为性交会发生好多女人病的，不要为了一时的快活，就搞到自已XXXX。。。。。如果男仔会体贴你话，就最好啦所以我就建意你要带先做啦~~~~</t>
  </si>
  <si>
    <t xml:space="preserve">6大元素.火,水,风,大地,神圣,黑暗的问题.请问6大元素中:火 </t>
  </si>
  <si>
    <t>在楼上的基础上补充：火=术士,破坏 ，人大刀水=咒术诗人 ，元素（因为马也是用水攻击的）风=狂咒,大地,深渊 神圣=圣殿 ,圣骑 ，主教，主教，长老（单练杀不死系）黑暗=死灵，深渊，狂咒（死纠死刺用），暗ＱＳ，鸟人破魂，ＸＬＱＳ楼下的，你怎么解析我在兽营里两下纠一个？还没带ＸＬ．部分ＢＵＧ吗?狂咒爱用风就加风，爱死纠就加黑暗．有钱的就两个．加属性是要看技能的，像鸟人的，死灵，暗ＱＳ．ＸＬＱＳ的技能都是暗属性的．破坏有个炼狱之躯，点满火后有１７０的属性攻击，所以，这些都是固定的．弓，ＣＫ，基本上点什么都行（看怪物），但，深渊有大量的黑魔法，所以我才主张点暗属性召唤点什么，要看自己的宝宝是什么属性．所以才主张元素点水，暗招之所以点暗，是到了下章他有死刺了．法魔看自己常打的怪点．主教，长老点神圣，不是用来加血的，是用来杀不死怪的，不信的话，你可以去亡者试下，带个ＸＬ更好．你要是只组队，就可以不点了．最后，我承认我说错了点：圣ＱＳ，圣殿ＱＳ的属性是＂暗＂不过是点在衣服上的，不是在武器上．那两个家伙，攻击少得可怜，点了也是浪费．点衣服加暗抗性，这是在体验Ｆ对抗巴列斯的经验，不过没有机会再去了</t>
  </si>
  <si>
    <t xml:space="preserve">没什么太大的问题？？？游戏里是不是没有定位传送轴呀！就是你在那里 </t>
  </si>
  <si>
    <t>有` 不过一般挺贵  一般是玩家通过游戏网充点卡（人民币）在网页上买的```你在游戏里面也可以买到```有的玩家就有卖 ``一般在26W到29W SLB  有的更贵</t>
  </si>
  <si>
    <t xml:space="preserve">关于金叉及死叉各位大师:MACDDMAKDJ三指标中谁第一个出现 </t>
  </si>
  <si>
    <t>kdj先叉,其次是macd.dma.盘中短线操作可看30,60分钟</t>
  </si>
  <si>
    <t xml:space="preserve">动画片~宇宙刑警~和~秀逗魔道士~的作者是不是同一个人啊？画出来 </t>
  </si>
  <si>
    <t>你说的没错。主角声优一样都是林原惠除了这个名字，还有宇宙特警/失落的宇宙/宇宙骑警作者：神坂一是失落的宇宙和魔剑美神（秀逗魔导士)二篇长篇小说的作者.而义仲翔子是它们的人设和漫画作家,所以不能说将神坂一和义仲翔子混为一谈哦，神坂一附责文字写作而义仲翔子附责把文字画为漫画.说实话在我知道的神坂一的作品里,好象都是义仲翔子附责人设和漫画.可以说义仲翔子是神坂一的御用画家哦作者（故事）2个都是神版一，画面是义仲翔子2人好像不太出名，可能后来在没有什么好作品了人物虽然不错，但是很没有自己的特色，有些平庸，所以后来消声匿迹了，没办法，市场是残酷的，呵呵。</t>
  </si>
  <si>
    <t xml:space="preserve">请帮我分析一下航天机电我是１４．７５买的，现在应该怎么办？ </t>
  </si>
  <si>
    <t>明日低点可补仓,谨慎的话可对冲筹码</t>
  </si>
  <si>
    <t xml:space="preserve">请大家帮我宝宝起个名字男孩子，建？女孩子，建？我想了好多都觉得不 </t>
  </si>
  <si>
    <t>取名如下：男孩：建文建功建鹏建凯建坤建璋建钦女孩：建雯建婷建茹建蓉建莉建欣建美建芸</t>
  </si>
  <si>
    <t xml:space="preserve">傲慢10楼问题10搂的酶杜莎暴绝对屏障吗法师多少抗魔才不被亚力安 </t>
  </si>
  <si>
    <t>网站上说暴，主要是看运气运气好就暴魔防早80%上就不容易被木住，挂20的人多，10楼好点人少点！要快的话当然是20！！！！！！！！</t>
  </si>
  <si>
    <t xml:space="preserve">我想做服装生意。谁能告诉我在那里进货呢。 </t>
  </si>
  <si>
    <t>上海在七浦路 北京在大红门 感问你老兄你是在哪做生意啊 下次麻烦你描述的清楚的 这样才可以帮到你啊</t>
  </si>
  <si>
    <t xml:space="preserve">工伤未解决请告诉我该如何赔偿我在工作中,由于工件倒在地上击起水泥 </t>
  </si>
  <si>
    <t xml:space="preserve">此为工伤赔偿。赔偿程序是先由单位或个人向劳动部门申请工伤认定，再进行伤残鉴定确定等级，再根据伤残等级向工伤部门请求赔偿，如果单位没有给你办理工伤保险，则由单位赔偿。赔偿适用的法规是《工伤保险条例》第五章 工伤保险待遇 　　第二十九条 职工因工作遭受事故伤害或者患职业病进行治疗，享受工伤医疗待遇。 　　职工治疗工伤应当在签订服务协议的医疗机构就医，情况紧急时可以先到就近的医疗机构急救。 　　治疗工伤所需费用符合工伤保险诊疗项目目录、工伤保险药品目录、工伤保险住院服务标准的，从工伤保险基金支付。工伤保险诊疗项目目录、工伤保险药品目录、工伤保险住院服务标准，由国务院劳动保障行政部门会同国务院卫生行政部门、药品监督管理部门等部门规定。 　　职工住院治疗工伤的，由所在单位按照本单位因公出差伙食补助标准的７０％发给住院伙食补助费；经医疗机构出具证明，报经办机构同意，工伤职工到统筹地区以外就医的，所需交通、食宿费用由所在单位按照本单位职工因公出差标准报销。 　　工伤职工治疗非工伤引发的疾病，不享受工伤医疗待遇，按照基本医疗保险办法处理。 　　工伤职工到签订服务协议的医疗机构进行康复性治疗的费用，符合本条第三款规定的，从工伤保险基金支付。 　　第三十条 工伤职工因日常生活或者就业需要，经劳动能力鉴定委员会确认，可以安装假肢、矫形器、假眼、假牙和配置轮椅等辅助器具，所需费用按照国家规定的标准从工伤保险基金支付。 　　第三十一条 职工因工作遭受事故伤害或者患职业病需要暂停工作接受工伤医疗的，在停工留薪期内，原工资福利待遇不变，由所在单位按月支付。 　　停工留薪期一般不超过１２个月。伤情严重或者情况特殊，经设区的市级劳动能力鉴定委员会确认，可以适当延长，但延长不得超过１２个月。工伤职工评定伤残等级后，停发原待遇，按照本章的有关规定享受伤残待遇。工伤职工在停工留薪期满后仍需治疗的，继续享受工伤医疗待遇。 　　生活不能自理的工伤职工在停工留薪期需要护理的，由所在单位负责。 　　第三十二条 工伤职工已经评定伤残等级并经劳动能力鉴定委员会确认需要生活护理的，从工伤保险基金按月支付生活护理费。 　　生活护理费按照生活完全不能自理、生活大部分不能自理或者生活部分不能自理３个不同等级支付，其标准分别为统筹地区上年度职工月平均工资的５０％、４０％或者３０％。 第三十五条 职工因工致残被鉴定为七级至十级伤残的，享受以下待遇： 　　（一）从工伤保险基金按伤残等级支付一次性伤残补助金，标准为：七级伤残为１２个月的本人工资，八级伤残为１０个月的本人工资，九级伤残为８个月的本人工资，十级伤残为６个月的本人工资；（二）劳动合同期满终止，或者职工本人提出解除劳动合同的，由用人单位支付一次性工伤医疗补助金和伤残就业补助金。具体标准由省、自治区、直辖市人民政府规定。 </t>
  </si>
  <si>
    <t xml:space="preserve">关于眼睛闪光的一些问题具体什么才是闪光，闪光度数大了会对眼睛有什 </t>
  </si>
  <si>
    <t xml:space="preserve">     进入眼球的平行光线各经线焦点不在一个截面上则称为散光。引起散光的原因很多，比较常见的有：    （1）曲率性散光：为角膜弯曲度发生异常变化引起。如屈光力最大的子午线与屈光力最小的子午线互相垂直，则引起规则散光，多为先天性，而且散光度数较大。如为角膜表面不规则变形、弯曲不平，在视网膜上无法形成焦点，则称为不规则散光，如角膜外伤性瘢痕、圆锥角膜、角膜变性等。   （2）偏心性散光：以前多见于晶体移位，如先天性偏斜、晶体半脱位等；近年来，由于屈光性角膜手术的增多，临床也可见因PRK、LASIK手术光斑偏离光学中心引起的散光?   （3）屈光率性散光：为晶状体各部的屈光指数发生变化所致。散光度数一般比较小，如老年性白内障，晶状体皮质发生水隙、羽毛状混浊，造成晶状体的屈光指数改变，都可形成散光。      散光可根据屈光情况分为不规则散光和规则散光。不规则散光是指各子午线的弯曲度不一致，用一般柱镜无法矫正；规则散光是指弯曲度最大的子午线与弯曲度最小的子午线正好垂直，用柱镜矫正能获得较好的视力。其中规则散光又可分为： （1）单纯近视散光：为一条主要子午线上的平行光线在视网膜上成像，和它垂直的另一条子午线上的平行光线在视网膜前聚焦成像。 （2）单纯远视散光：为一条主要子午线上的平行光线在视网膜上成像，和它垂直的另一条子午线上的平行光线在视网膜后聚焦成像。 （3）复性近视散光：两条互相垂直的主要子午线上，平行光线都是在视网膜前成像，但是它们屈光力不相等。 （4）复性远视散光：两条互相垂直的主要子午线上，平行光线都是在视网膜后成像，但是它们屈光力不相等。 （5）混合散光：两条互相垂直的主要子午线上，平行光线一条是在视网膜前成像，另一条子午线上的平行光线在视网膜后聚焦成像。      高度散光患者应以柱镜矫正，如不能适应全部矫正，可先予以较低度数，以后再渐增加。      不规则散光不能用柱镜矫正，可试用接触镜矫正。不规则散光矫正起来比较困难，疗效常不满意，可试戴隐形眼镜，部分患者可以得到较好的效果。戴隐形眼镜确实有一些注意事项，只有注意好了，才能戴出效果。戴隐形眼镜不可以；戴隐形眼镜可以化妆，最好先戴镜，后化妆，先取镜，后卸妆。一副隐形眼镜绝对不能永久戴下去，建议配戴时间最长不要超过10个月；隐形眼镜不可以带着睡觉，易致角膜缺氧。硬性隐形眼镜可以矫正轻中度散光，软性隐形眼镜可以矫正轻度散光，较高散光病人可选用散光隐形眼镜。本身度数已稳定者，戴隐形眼镜不会加深度数。每天用全护理液清洗，镜片还会脏，故清除沉淀物最佳的方法是尽早更换镜片。隐形眼镜度数与框架眼镜度数不同，需注意。      药物治疗疗效不显著。近视并散光一般建议你配戴隐形眼镜 或者接受近视眼手术。</t>
  </si>
  <si>
    <t xml:space="preserve">请教短线选股方法请教高手短线实用选股方法，谢谢 </t>
  </si>
  <si>
    <t>短线选股还是传统的macd、kdj等指标较为好</t>
  </si>
  <si>
    <t xml:space="preserve">请问组队可以排奥山吗？如果可以要怎么排 </t>
  </si>
  <si>
    <t>可以组...但是不能够组40个人一起...好像只能组15个...要40个组的话...可以组个40个人的团...然后在团里约时间...倒数 . .2.1.0然后一起点首选排队...这样就可以大部分人一起进去了...</t>
  </si>
  <si>
    <t xml:space="preserve">你要是霍利菲尔德，会咬泰森哪个部位？ </t>
  </si>
  <si>
    <t>咬掉泰森头上的光环和金腰带</t>
  </si>
  <si>
    <t xml:space="preserve">天津有几个区 </t>
  </si>
  <si>
    <t>和平，南开，河西，河东，河北，红桥----市内6区北辰，西青，东丽，津南,大港，塘沽，蓟县，汉沽，宝坻，西郊，南郊大港，塘沽市开发区</t>
  </si>
  <si>
    <t xml:space="preserve">预产期在3月份的姐妹们进来聊聊我的预产期在3月30号,最近总是做 </t>
  </si>
  <si>
    <t>我是三月三十号的，33周时看是男宝宝，现在150，挺重的，今天检查大夫说宝宝不小，不知道是不是过大的意思，想自己生，不知道能不能行。</t>
  </si>
  <si>
    <t xml:space="preserve">想给宝宝改名难吗?. </t>
  </si>
  <si>
    <t>1 你想更改身份证的名字,首先要更改户口簿上的名字。 2 每个公民都有自己的名字，法律也都赋予每个公民姓名权，更改姓名是每个公民的权利。但姓名是一个人的重要标志，是人与人相互区别相互识别的主要手段，如果每个人的名字都经常变动将会造成户籍管理乃至整个社会的混乱。所以国家对人的名字有着较为严格的管理，既不许公民随便取名也不许任意改名。根据《中华人民共和国户口登记条例》第十八条规定，公民变更姓名，如果是未满十八周岁的人需要变更姓名的时候，由本人或者父母、收养人向户口登记机关申请变更登记；如果十八周岁以上的人需要变更姓名的时候，由本人向户口登记机关申请变更登记。根据公安部门的有关规定，未满18周岁或者已满18周岁但有特殊情况的，凭有关证明，可以更改姓名。但是正在被刑事处罚、劳动教养和其他正在羁押的人员，不予更改姓名。所以说如果不是因为你的名字给你造成很大的麻烦，如因为重名而影响了正常生活、名字会引起他人的误解等非改不可的原因，请不要随便改名。</t>
  </si>
  <si>
    <t xml:space="preserve">Everymandesirestolivelong,butnom? </t>
  </si>
  <si>
    <t>每个人都期望QQ 昵称长存,但是没有人愿意老去</t>
  </si>
  <si>
    <t xml:space="preserve">阴阳八卦五行是什么意思? </t>
  </si>
  <si>
    <t>你这问题问得也较为广泛，难以作全方面的回答。既然你将问题发到命理栏，就从这方面来简答：1、阴阳，有一门阴阳学说，可将宇宙间的万物分为阴和阳。最简单的划分是将动、强、旺分为阳，静、弱、衰分为阳。但阴阳之间会转变。2、五行，也有一门五行学说。可把万物分为五行。五行通常是指：木、火、土、金和水，而五行又可分为阴阳。在中医学中同时也将五脏六腑分作五行。3、八卦，是阴阳、五行的延续，也或将万物分作为八卦。八卦是：乾、坎、艮、震、巽、离、坤和兑。八卦通常运用在方位、测卦、风水等学科上。而最能将八卦发挥得淋漓尽致是梅花易数这学科。4、三者间的大致关系：五行八卦中可分阴阳，八卦中可分五行。但一般没有五行分八卦，阴阳分五行或八卦之说。</t>
  </si>
  <si>
    <t xml:space="preserve">伟哥有什么副作用？现在有人提倡小JJ不行了就吃伟哥！请问伟哥有那 </t>
  </si>
  <si>
    <t>你好，伟哥没必要的话最好是不要吃，它有以下的副作用：勃起不倒：有尿道炎、白血病的男子，服用后能长时间勃起不倒，结果将伤及阴部肌肉组织，甚至加重阳痿。如果勃起超过4小时就必须马上求医。 头晕：临床试验中发现，每10名病人中就有1名罹患剧烈头痛，且服用剂量越大，头痛越剧烈。 眼花：约有3%的服药者可发生短暂的视力模糊，有的还会出现看见蓝光的幻觉。 昏晕：该药可能有造成血压骤降的作用，如果同时服用硝酸甘油等药物，立即会产生头昏甚至晕倒症状。 心血管疾病：阳痿可能是心脏疾病、糖尿病或癌症的先兆，服用该药可能掩盖真正的病情。 血压降低：服用伟哥可引起血压降低，而含三硝酸甘油或硝酸盐等心脏病药物也会降低血压。所以，伟哥与这些药混用，血压会大大降低，可能危及生命。 永久性阳痿：因伟哥是外源性药物，长期服用可产生药物依赖性，形成永久性阳痿。 青光眼：香港专家警告，服用伟哥可导致血压下降，但青光眼患者血压较高，这样便有3%-5%的人可能出现急性青光眼，而急性青光眼可使人一夜失明，即使治好也不能恢复原来的视力。</t>
  </si>
  <si>
    <t>全场完马德里竞技0</t>
  </si>
  <si>
    <t>中了两注，不知道有多少钱？同样恭喜已经中奖的朋友！</t>
  </si>
  <si>
    <t xml:space="preserve">我真的很迷茫,担心自己的电脑玩不了啊,555~求高手指点(R)4 </t>
  </si>
  <si>
    <t>没什么可指点的，能玩！</t>
  </si>
  <si>
    <t xml:space="preserve">赏诗松下问童子，言师采药去。只在此山中，云深不知处。请解释本诗之 </t>
  </si>
  <si>
    <t>寻隐者不遇（唐）贾岛 --------------------------------------------------------------------------------        松下问童子，言师采药去。    只在此山中，云深不知处。        【注释】：        1、云深：指山深云雾浓。        【译文】：        苍松下，我询问了年少的学童；他说，师傅已经采药去了山中。他还对我说：就在这座大山里，可是林深云密，不知他的行踪。</t>
  </si>
  <si>
    <t xml:space="preserve">40岁的男人当着很多人的面跟我暗示性，是啥意思，他对我是怎么想的? </t>
  </si>
  <si>
    <t>他学历高，知识渊博，要不然的话他怎么做博士呢，接受的可能是西方生活习惯、生活方式、语言表达方式比较多，好在众人面前出风头，当众示爱在西方是很平常的事，国人可能一时难以接受，没什么的，说说而已，不要太认真了，要是真的喜欢你，他很快就会找你聊的。</t>
  </si>
  <si>
    <t xml:space="preserve">[花心][花心]有谁知道这是哪个电视剧的？快点更新啊。 </t>
  </si>
  <si>
    <t>是泰版的浪漫满屋</t>
  </si>
  <si>
    <t xml:space="preserve">怎么搞的，憋很久了！！！！！！这一阵子打架遇到太多问题了，想来大 </t>
  </si>
  <si>
    <t>楼主的情况我所有都有，以前也发过几次帖子，后来被和尚感化了。给了我3个字：要习惯。1：老虎一闪一闪BUG，天希原话“修正了老虎动作不连续的BUG”，就是挂羊头卖狗肉啊！2：关于冰，改前改后对我来说貌似没影响，至于瞬解，本人还不会..3：最坑爹的玩意来了，攻击为0，打又打不得，杀又杀不得，有无双帮队友激无双，没无双就干看着队友被虐，网络明明是蓝色的，不卡很流畅，确偏偏出现这玩意，上不起啊，有木有？？哎，已经麻木地习惯了，砸键盘也没用！！！</t>
  </si>
  <si>
    <t xml:space="preserve">我家孩子是否营养不良，发育迟缓陈奕含女宝父身高173厘米母身高1 </t>
  </si>
  <si>
    <t>您好，您真仔细，通过您描述的宝宝生长发育情况看，宝宝各方面发育指标还可以的，是正常的范围内的。一般来讲，宝宝满3个月后体重增长会稍微放慢的。现在是需要注意开始添加辅食的，一般来讲，满4-6个月后就可以的，您的宝宝已经6个月，注意添加辅食，可以从米粉开始</t>
  </si>
  <si>
    <t xml:space="preserve">圣光石那种怪爆得最多，谁能提供个挂机地图的坐标同上 </t>
  </si>
  <si>
    <t>做密实任务有的掉,掉的也少,要问,什么怪掉,我就不知道咯..</t>
  </si>
  <si>
    <t xml:space="preserve">请大灰狼老师指教000552大灰狼老师000552/8.30，如 </t>
  </si>
  <si>
    <t>看周提示。。。。。。。。。。。。</t>
  </si>
  <si>
    <t xml:space="preserve">FS连续技能怎么编？我是61FS可是不知道连续技能怎么编的，，F </t>
  </si>
  <si>
    <t>打怪么？……—天灯，涌泉， 物理的用涌泉和沙陷，法术的可惜衣物凌杀减对方的攻击指数</t>
  </si>
  <si>
    <t xml:space="preserve">米粉什么牌子的比较好？ </t>
  </si>
  <si>
    <t>韩国万朝。我家宝宝挑吃，享氏他不吃，其它品牌的他也不吃。后来一个朋友介绍说他家的宝宝吃这个牌子的米粉，长得可达医院的标准，即够高又够重。我后托她买来一试。果然管用，宝宝一顿就能吃一碗满满的（宝宝六个多月了）。他有好多种味道可供选择，番茄煮鱼，牛肉，蔬菜。。。而且价钱也不贵，RMB29。00/罐。确实值得一试！</t>
  </si>
  <si>
    <t xml:space="preserve">工业聚集的优点和缺点?条理讲清楚就好了~! </t>
  </si>
  <si>
    <t>优点比较多谢吧，我能想到的有这些：可以加强企业间信息的交流与合作；降低中间产品的运输费用和能源消耗；共同利用基础设施，节约了生产建设的投资；有利于生产效益与利润的提高，从而有利于降低生产成本，取得规模效益。当然也有缺点：就是工业的集聚会使得当地的污染加重，不利于环境的保护。</t>
  </si>
  <si>
    <t xml:space="preserve">讨论鬼王飞合欢还是合欢飞合欢,哪个更适合PK我看鬼王飞合欢技能可? </t>
  </si>
  <si>
    <t>两者差不多，但是，注意但是啊，鬼王厉害，可他的机动性实在太差了！</t>
  </si>
  <si>
    <t xml:space="preserve">上海什么地方买自考教材!最好是大型图书商城. </t>
  </si>
  <si>
    <t>推荐去上海外国语大学门口有很多的书店（原来的上外，大连西路550号），每口共有至少3家书店，经常就是7-8折的样子，比较划算！</t>
  </si>
  <si>
    <t xml:space="preserve">请教专家，爷爷去世后，房产过户问题我爷爷于今年初去世，现在还剩下 </t>
  </si>
  <si>
    <t xml:space="preserve">   你爷爷去逝的话,那么此房产就属于遗产（估计此房产为你爷爷婚姻存续期内取得，故其产权应为你爷爷与你奶奶共有）,如果老人有立遗嘱,那就按遗嘱里面所讲的去办.如果没有遗嘱,那么就按法定的第一继承人继承产业。第一继承人为直系亲属及配偶，比如你奶奶、你爸爸、叔叔等等均为第一继承人，可以去公证处，做一份继承公证。如果你想变更成你奶奶一个人的名字，那么其他所有有继承权的均应放弃继承权，单独由你奶奶一个人继承。这样做完公证后，带上公证书、派出所出具的死亡证明、产权证、身份证、户口薄等就可以去房交所（或产权交易登记中心）去办理继承过户手续了。     继承的话是不需要交什么税的（福州目前是这样的，不知道你当地情况是如何）只要交一下工本费，公证费即可。</t>
  </si>
  <si>
    <t xml:space="preserve">香干可以长吃吗？我喜欢吃豆制品，最近老是吃“香干”我知道它不是很 </t>
  </si>
  <si>
    <t xml:space="preserve">    香干、熏、熏鸡、火腿、腊肉和熏肠等熏制食品风味独特，香气诱人，许多人都喜欢吃，而且一些人是经常吃。然而，常吃熏制食品容易诱发各类癌症。 　　熏制食品中含有3、4－苯并芘等多种环芳烃类化合物。3、4－苯并芘有很强的致癌作用它主要来自于：在熏制过程中，熏烟中含有这类物质能污染食物；肉类本身所含的脂肪在熏制过程时如果燃烧不完全，也会产生苯并芘；烤焦的淀粉也能产生这类物质。在烧烤或烟熏的牛肉、鱼等表面的焦痂物质有很强的导致基因突变性。在熏烤的动物性蛋白如牛、猪、羊、鸡、鱼的肉类、蛋品及加工产品、咸肉、火腿等食品中都能检出此类物质。 　　熏制食品致癌性的大小决定于许多因素：吃得越多，危险越大；熏制食品致癌性的大小还与熏烤方法有关，熏烤时食物不宜与火直接接触，熏烤时间不要过长，尤其不能烤焦；不同的熏制食品其致癌性的大小也不同：肉类熏制食品中致癌物质的含量大于淀粉类熏烤食品，如烤红薯、面包等含量相对较小。因此，人们在品尝熏制食品，特别是肉类熏制食品时，应以尝尝风味的角度偶尔为之，不宜经常、大量的食用。 </t>
  </si>
  <si>
    <t xml:space="preserve">为什么喝了中药，喝了菊花茶，喝了白开水，还是上火？血的问题？体内? </t>
  </si>
  <si>
    <t>那就试试排毒养颜胶囊吧，效果不错哦，诚心为你解答，麻烦给好评哦，谢谢！</t>
  </si>
  <si>
    <t xml:space="preserve">我是魔兽世界的玩家，我的职业是盗贼，我的盗贼是敏锐天赋，我把出血? </t>
  </si>
  <si>
    <t>LZ所问的问题应该是指练级打怪的时候，我个人感觉出血和影袭伤害差不多，当然了，是指打单个怪的时候，要是怪多，战斗天赋会比敏锐快，毕竟战斗天赋里有群攻的技能，还有，在练级的时候，能量是个很重要的问题，出血所用的能量会比影袭用的少</t>
  </si>
  <si>
    <t xml:space="preserve">不接吻正常吗？我老公结婚前都有接吻，可是现在一年多了，接吻的次数 </t>
  </si>
  <si>
    <t>刷牙是卫生问题～接吻是心理因素～这两者好像没什么关系哦～我老公平常也不会和我接吻，但ML的时候会～你尝试在ML时候吻他，看他愿意不～如果连这时候都不愿意，你们有谈谈的必要了～有时候男人的压力是很大的，如果他不主动，你可以挑起他的感觉啊～不要计较谁先主动，和谐就美满了，对吧～祝你性福哦～</t>
  </si>
  <si>
    <t xml:space="preserve">怎样考取初级会计师？有什么条件？我是一位高中毕业生，现在已经工作 </t>
  </si>
  <si>
    <t>你的条件可能不够，具体如下：按修订后的《会计专业技术资格考试暂行规定》执行，参加考试具体报名条件如下：（一）报名参加会计专业技术资格考试的人员，应具备下列基本条件：1、坚持原则，具备良好的职业道德品质；2、认真执行《中华人民共和国会计法》和国家统一的会计制度，以及有关财经法律、法规、规章制度，无严重违反财经纪律的行为；3、履行岗位职责，热爱本职工作；4、具备会计从业资格，持有会计从业资格证书。（二）报名参加会计专业技术初级资格考试的人员，除具备第（一）条所列的基本条件外，还必须具备教育部门认可的高中毕业以上学历。（三）报名参加会计专业技术中级资格考试的人员，除具备第（一）条所列的基本条件外，还必须具备下列条件之一：1、取得大学专科学历，从事会计工作满五年；2、取得大学本科学历，从事会计工作满四年；3、取得双学士学位或研究生班毕业，从事会计工作满二年；4、取得硕士学位，从事会计工作满一年；5、取得博士学位</t>
  </si>
  <si>
    <t xml:space="preserve">个人所得税返还款的处理参照相关规定1.如果单位用于奖励：借:银行 </t>
  </si>
  <si>
    <t>我这儿有一份参考文章，请参照处理</t>
  </si>
  <si>
    <t xml:space="preserve">糖尿病并发症怎么治疗啊我父亲今年65岁，出现糖尿病并发症:糖眼， </t>
  </si>
  <si>
    <t>现在的治疗以血液透析为主，延续生命，为治疗其他并发症赢得时间。你所说的情况已经是严重的并发症了。但肾功能维持是第一位的。否侧将会因肾功能衰竭而危及生命。</t>
  </si>
  <si>
    <t xml:space="preserve">头痛问题最近经常头痛，位置在左边，头顶往后面的地方，阵痛，头动一 </t>
  </si>
  <si>
    <t>这种情况，最好去医院进行检查，去做一下CT等。千万不要去找民间郎中。</t>
  </si>
  <si>
    <t xml:space="preserve">咋办好？高手指点！谢谢！二手房，没装修，是找家装公司装修好还是自 </t>
  </si>
  <si>
    <t>83平米,3--4万元,按你说的情况差不多;但是有一条,装修的弹性比较大,钱多装修出来的档次就高点;钱少装修出来的档次就低点,道理就这简单;比方说:你列了那么多材料的名称,表面上看似乎都不错,而你忽略了材料等级与价格的关系,装出来的效果是有一定差异的,也就是说,你原来准备3--4万装的,而把材料的质量降低,3--4万以下,或者还少点,同样也是可以装的;业内把装修分为四个等级,就你的情况和提的要求来看,基本上可套在中档装修稍弱的档次上;因为,你要求的海尔整体橱柜,特别是:TOTO或美标的洁具档次有点高,如资金使用不当,会影响整体装修效果的;材料:可以国产中高档产品为主;如果你还在行,统筹得好,把工艺跟上,装出来的效果还是很不错的.</t>
  </si>
  <si>
    <t xml:space="preserve">泰坦之旅CDKEK错误？我重新装了系统，怎么改CDKEY？求所有? </t>
  </si>
  <si>
    <t>重新安装就好了</t>
  </si>
  <si>
    <t xml:space="preserve">癌症病人放疗、化疗完后，有必要吃中药吗我的弟弟患了鼻咽癌，刚做完 </t>
  </si>
  <si>
    <t>建议使用扶正类中药。可减轻放化疗反应。汤剂、成药均可。成药有扶正女贞素胶囊，是中科院肿瘤医院孙燕院士指导研制的，临床已用近20年，全国大城市可能都能买到，可使用。</t>
  </si>
  <si>
    <t xml:space="preserve">哪位大侠能告诉我不用饿肚子就能减肥的妙招，定会感激涕零�，求扩? </t>
  </si>
  <si>
    <t>五个迅速燃脂的有效运动，每周花3个小时，居家就能完成，经济又有效。1、椅子桥式:锻炼部位：臀部、大腿准备：仰卧，弯曲膝盖，把脚后跟放在椅子上方，手臂自然放在身体两侧。动作：抬高臀部，脚后跟往椅背方向移动，直至背部完全离地，保证肩膀到膝盖部位成一直线，然后慢慢放下臀部，回到准备动作。次数：第一周做2组，每组重复10次，中间休息1分钟，第四周开始每周做3-4组，每组重复10-12次。2、站姿推臂:锻炼部位：胸部、肩膀、手臂、腰腹准备：站姿，双腿保持一前一后，膝盖略微弯曲，收紧腹部，把弹力绳的中间部位放在后脚的脚掌下方，手肘往两侧弯曲，手持绳子绕在手臂后方。动作：往天花板斜45度的方向伸直双臂，然后回到准备动作。次数：第一周做2组，每组重复10次，第四周开始每周做3-4组，每组重复10-12次。3、下蹲:锻炼部位：手臂、腿部、臀部准备：站姿，双腿分开略比肩宽，弹力绳的中间段放在双脚的脚掌下方，双手持绳子的两端，弯曲手肘，拳心放在肩膀的前方，收紧腹部，目视前方。动作：弯曲膝盖，身体往前倾，然后回到准备动作。次数：第一周做2组，每组重复10次，第四周开始每周做3-4组，每组重复10-12次。4、单臂拉伸：锻炼部位:背部，手臂，腹部准备：站姿，右脚前，左脚后，弹力绳的中间段放在右脚脚掌下方，左腿膝盖稍微弯曲，双手握住弹力绳两端，身体往前倾约45度角，眼睛看地面。动作：左手肘弯曲往上伸展，使手肘弯曲呈90度，然后回到准备动作。5、卷腹运动：锻炼部位：腰腹部准备：仰卧，膝盖弯曲，脚掌平放地面，双手弯曲交叠放在头部下方，眼睛看向天花板。动作：慢慢抬起头部，直至肩胛部位离地，收紧腹部，然后慢慢回到地面。次数：第一周做2组，每组重复10次，第四周开始每周做3-4组，每组重复10-12次。次数：重复10次，然后换边做，每周做2-4组。</t>
  </si>
  <si>
    <t xml:space="preserve">出句：闲耍纹枰趣 </t>
  </si>
  <si>
    <t>出句：闲耍纹枰趣对句：戏说历史谜</t>
  </si>
  <si>
    <t xml:space="preserve">请问南京仙林附近有没有教拉丁舞的培训班啊？ </t>
  </si>
  <si>
    <t>你可以上百度找找.打你那地区的舞蹈培训中心.一般来说舞蹈培训中心都有自己的网站</t>
  </si>
  <si>
    <t xml:space="preserve">一条常染色体上某一基因座，有5种不同复等位基因，那么在这个群体的? </t>
  </si>
  <si>
    <t>根据概率论原理和生物学知识，纯合子有5种，杂合子为C2/5=5x4/2=10,所以共有5+10=15种</t>
  </si>
  <si>
    <t xml:space="preserve">我现在要离婚了？我害怕？？？我要和我现在的老婆离婚是她先对不起我 </t>
  </si>
  <si>
    <t>你好！你不想让这女孩知道我看不大好。有个女孩的情况跟你一样，女孩对男孩说：“我告诉你这些是想让你重新做一个选择，我怕现在不告诉你，你以后自己知道了会恨我。你可以选择放弃的。”女孩知道说出这样的话会伤男孩，可是她不得不说，她不得不对男孩诚实！因为爱着他，所以不愿意一直瞒着他。</t>
  </si>
  <si>
    <t xml:space="preserve">请问清泉老师，600130波导股份6.00元买入，如何操作？谢谢? </t>
  </si>
  <si>
    <t>暂参与震荡.</t>
  </si>
  <si>
    <t xml:space="preserve">中国移动飞信免费短信无限量发送是真的吗？现在说什么今起商用，免费 </t>
  </si>
  <si>
    <t>不花钱的业务移动要开展吗？1，你如果手机上网包月的，拿飞信手机客户端发消息确实不收钱，但是对方拿短信回复要收短信费用，2，电脑上下个飞信软件（很像QQ和MSN杂交出来的）也不花短信钱3，流量是521个汉字1KB，一般是3分/KB</t>
  </si>
  <si>
    <t xml:space="preserve">73期布莱克12月14日南　锡3费耶诺12月14日克拉科3西班牙 </t>
  </si>
  <si>
    <t xml:space="preserve">布莱克 12月14日 南　锡 费耶诺 12月14日 克拉科=3西班牙 12月14日 维也纳=3 威尔郡 12月14日 阿贾克=1 0日尔曼 12月14日 帕纳辛=31巴勒莫 12月14日 塞尔塔=费内巴 12月14日 法兰克 3格拉斯 12月15日 游　击=3 欧塞尔 12月15日 利沃诺=热　刺 12月15日 布拉迪 310勒　沃 12月15日 贝西克=31塞维利 12月15日 阿尔克 3帕尔马 12月15日 奥萨苏海伦芬 12月15日 朗　斯= </t>
  </si>
  <si>
    <t xml:space="preserve">有关天宫的问题天宫的傲世诀练到满级（160级）相当于多少级强身啊 </t>
  </si>
  <si>
    <t>天宫的傲世诀每级0.3%的气血加成，160级是48%的气血加成，相当于48级的强身。</t>
  </si>
  <si>
    <t xml:space="preserve">当天参与集合竞价的委托是否不能撤单?我4.139:15以前收盘的? </t>
  </si>
  <si>
    <t>9:15以前的委托为无效委托,即费单.9:26的应该能撤.</t>
  </si>
  <si>
    <t xml:space="preserve">嘉宝莉有易洗白乳胶漆吗 </t>
  </si>
  <si>
    <t>有的，麻烦好评，谢谢</t>
  </si>
  <si>
    <t xml:space="preserve">泰信优质哪个行可申购?农行可以吗?目前可是火极了呀... </t>
  </si>
  <si>
    <t>中行可以买的</t>
  </si>
  <si>
    <t xml:space="preserve">血精灵盗贼职业任务1。贪婪那任务在哪啊？2。我在AG接到碎手氏族 </t>
  </si>
  <si>
    <t>10级任务讲解:在“亡灵”村子下面左边点的位置，有个血精灵LR，就是他，他会给你1个去偷暗夜精灵女队长手帕的任务，看好路线在偷，她在和其他的暗夜精灵聊天，不然容易被发现，之后把东西给他后，他就让他的蝙蝠去袭击营地，你直接去交职业任务后就可以领到匕首。其他任务现在还没有详细介绍,相信国服的WOWER都在给大号冲级,小号血精灵还没有开始练,所以没有详细介绍.但给楼主一个建议,所有职业除了10级任务有所不同外,20级以上重要职业任务都是训练师给的,所有级别到了后去找职业训练师吧.</t>
  </si>
  <si>
    <t xml:space="preserve">关于宫外孕我上个月的例假是推迟了十天，本来该16号来的，25号才 </t>
  </si>
  <si>
    <t xml:space="preserve">※※什么是宫外孕？宫外孕，也叫异位妊娠，凡受精卵在子宫腔以外的任何部位着床者，都称为宫外孕。根据着床部位不同，有输卵管妊娠、卵巢妊娠、腹腔妊娠、宫颈妊娠及子宫残角妊娠等。异位妊娠中，以输卵管妊娠最多见。输卵管妊娠的发病部位以壶腹部最多，约占55～60%；其次为峡部，占20～25%；再次为伞端，占17%；间质部妊娠最少，仅占2～4%。占90%以上。宫外孕是最常见的急腹症之一，常常被漏诊和误诊，这就增加了潜在的危险性。 比较常见的宫外孕是输卵管妊娠，在停经后一至两个月内，受精卵越来越大从而撑破输卵管，造成大出血，引起休克甚至危及女性生命。宫外孕患者在早期与正常妊娠没有明显区别，但随着胚胎的长大可以穿破输卵管壁或自输卵 管伞端向腹腔流产，造成腹腔内出血，甚至因失血性休克威胁孕妇的生命。所以，要尽早诊断并及时作出相应处理。※※宫外孕的主要表现 　　 1停经：输卵管妊娠流产或破裂前，症状和体征均不明显，除短期停经及妊娠表现外，有时出现一 侧下腹胀痛。检查时输卵管正常或有肿大。　　 2腹痛 ：下腹坠痛，有排便感，有时呈剧痛，伴有冷汗淋漓。破裂时患者突感一侧下腹撕裂样疼痛 ，常伴恶心呕吐。　　 3阴道出血： 常是少量出血。 　　 4其他症状 ：可以有恶心、呕吐、尿频。 　　 5晕厥与休克　由于腹腔内急性出血，可引起血容量减少及剧烈腹痛，轻者常有晕厥，重者出现休克。　　6检查： 妊娠试验阳性，B超扫描或腹腔镜可协助诊断。 　　 宫外孕的症状常常是不典型的，有的病人因大出血而发生休克，面色苍白，血压下降。这时应考虑是否发生了宫外孕，及时救治。※※发生宫外孕的主要原因有以下几方面：　　1 慢性输卵管炎 炎症使输卵管内膜粘连，导致管腔狭窄，管壁蠕动减弱，使卵子可以进到输卵管内受精，而受精卵却不能回到宫腔。2 输卵管发育不良畸形、子宫内膜异位、以及结扎后再通，使受精卵运行受到阻碍，而停留于输卵管内着床并发育。3 盆腔肿瘤压迫或牵引，使输卵管移位或变形，阻碍受精卵通过。4 受精卵外游 孕卵在一侧输卵管受精后，沿着伞端能游到对侧输卵管，由于时间延长，尚未走到子宫腔内就具备了着床能力，而形成异位妊娠。※※宫外孕的病理 　　 （一）输卵管妊娠：　输卵管妊娠时，孕卵的种植与宫内妊娠时有所不同。由于输卵管粘膜不能形成完整的蜕膜层，以致抵御绒毛的侵蚀能力减弱，孕卵遂直接侵蚀输卵管肌层，绒毛侵及肌壁微血管，引起局部出血，进而由蜕膜细胞、肌纤维及结缔组织形成包膜。输卵管的管壁薄弱、管腔狭小，不能适应胎儿生长发育，当输卵管膨大到一定程度，可能发生下列后果： 　　 1．输卵管妊娠流产　孕卵如种植于输卵管粘膜皱襞内，发育中的胚囊易向管腔膨出，终至突破包膜&gt;而出血，胚囊也可与管壁分离而出血，结果如整个胚囊剥离，落入管腔，并经输卵管逆蠕动排至腹腔，即形成输卵管完全流产，腹腔内出血一般不多。如胚囊剥离不完整，尚有部分绒毛附着于管壁，则为输卵管不全流产。此时滋养细胞继续侵蚀输卵管壁，使之反复出血，形成输卵管血肿或输卵管周围血肿。由于输卵管肌壁薄、收缩力差，开放的血管不易止血，血液积聚在子宫直肠陷凹，形成盆腔血肿，甚或流向腹腔。 　　　 　　 2．输卵管妊娠破裂　孕卵如种植于输卵管粘膜皱襞间，胚囊生长时易向管壁方向侵蚀肌层及浆膜，最后穿通浆膜，造成输卵管妊娠破裂。输卵管肌层比粘膜处血管丰富而粗大，因此输卵管妊娠破裂所致的出血远较输卵管妊娠流产时为剧。如在短时间内大量出血，患者迅即陷入休克；如为反复出血，则腹腔中积血形成血肿，周围由大网膜、肠管包绕，日久后血肿可逐渐机化吸收，亦可继发感染化脓。 　　 壶腹部妊娠，以上两种结局均可发生，但以输卵管妊娠流产为多。壶腹部管腔较大，一般在妊娠8～ 12周发病。 　　 峡部妊娠时，因管腔狭小往往发生输卵管破裂，且发病时间甚早，在妊娠6周左右。 　　 间质部妊娠虽少见，但后果严重，其结局几乎全为输卵管妊娠破裂。输卵管间质部为通入子宫角的肌壁内部分，管腔周围肌层较厚，故破裂时间最晚，约在妊娠4个月时发病。间质部为子宫血管和卵巢血管汇集区，血运丰富，该部位破裂时症状极为严重，往往在极短时间内发生致命性腹腔内出血。 　　 3．继发性腹腔妊娠　输卵管妊娠流产或破裂发生后，随血液排至腹腔中的胚胎，绝大多数迅速死亡而被吸收。偶尔胚胎存活，绒毛组织仍附着于原位或排至腹腔后重新种植而获得营养，胚胎在腹腔中继续生长，可发展为继发性腹腔妊娠。如破裂口在阔韧带内，可形成阔韧带妊娠。 　　 （二）子宫的变化　输卵管妊娠具有与宫内妊娠时相同的内分泌变化，滋养细胞产生的hCG维持黄体生长，使甾体激素分泌增加，子宫增大软变，子宫内膜出现蜕膜反应。若胚胎死亡，蜕膜退行性变，可排出三角形蜕膜管型，如将排出的蜕膜置于清水中，肉眼见不到漂浮的绒毛，镜检也无滋养细胞。内膜表现出增生期变化，有时可见Arias-stella（A-S）反应。 ※※诊断 　　 急性宫外孕症状、休征典型，多数病人能及时作出诊断，诊断有困难时，应进行必要的辅助检查。 　　 （一）后穹窿穿刺　由于腹腔内血液最易积聚在子宫直肠陷凹，即使血量不多，也能经后穹窿穿刺吸出。用18号长针自阴道后穹窿刺入子宫直肠陷凹，抽出暗红色不凝血为阳性结果，说明有腹腔内积血存在。 　　 （二）妊娠试验　胚胎存活或滋养细胞具有活力时，合体细胞分泌hCG，妊娠试验可呈阳性。由于异位妊娠患者体内的hCG水平较正常妊娠时为低，故一般的hCG测定方法，阳性率较低，须采用更为敏感的β－hCG 放射免疫法或单克隆抗体酶标法进行检测。 　　 （三）超声诊断　早期输卵管妊娠时，B超显象可见子宫增大，但宫腔空虚，宫旁有一低回声区。此种图象并非输卵管妊娠的声象特征，需排除早期宫内妊娠伴有妊娠黄体的可能。用超声检测妊娠囊和胎心 搏动对诊断异位妊娠十分重要，如妊娠位于宫外，即可诊断为宫外妊娠；妊娠囊位于宫内，则多可排除宫外妊娠。B超早期诊断间质部妊娠有重要临床意义，可显示一侧子宫角突出，局部肌层增厚，内有明显的妊娠囊。 　　 （四）腹腔镜检查　有条件及必要时可采用腹腔镜检查。 　　 （五）子宫内膜病理检查　诊断性刮宫仅适用于阴道出血较多的患者，目的是排除宫内妊娠。宫腔排出物应常规送病理检查，切片中如见到绒毛，可诊断为宫内妊娠，如仅见蜕膜而无绒毛，虽应考虑为异位妊娠，但不能确诊。 ※※宫外孕鉴别诊断　 　　 输卵管妊娠应与宫内妊娠流产、急性阑尾炎、黄体破裂及卵巢囊肿蒂扭转等鉴别。 ※※宫外孕的应急措施　　1 怀疑宫外孕，应立即送医院救治。避免活动，平躺。通常要施行急诊剖腹手术。 　　 2 距医院较远，可依据条件给予补充血容量再运送，或酌情应用止血药物。 　　 ※※宫外孕的治疗 　　 （一）手术治疗　输卵管妊娠的治疗原则以手术治疗为主。一般在确诊后即应进行手术。手术方式一 般采用全输卵管切除术。有绝育要求者可同时结扎对侧输卵管。对有生育要求的年轻妇女，如对侧输卵管已切除或有明显病变，可行保守性手术，以保留输卵管及其功能。根据患者全身情况、孕卵着床部位及输卵管病变程度选择术式，如伞端妊娠时行孕卵压出术，壶腹部妊娠行切开术取出孕卵，峡部妊娠可行病灶切除及断端吻合术，采用显微外科技术可提高妊娠率。输卵管间质部妊娠的处理，可根据病变情况行患侧子宫角切除或全子宫切除术。近年来国内外开展腹腔镜诊断和治疗输卵管妊娠。 　　 自体输血是抢救急性宫外孕的有效措施之一，尤其在缺乏血源的情况下更为重要。回收腹腔内血液必须符合以下条件：妊娠时间小于12周，胎膜未破，出血时间小于24小时，血液未受污染，镜下红细胞破裂率小于30%。 　　 （二）药物治疗　中医治疗仍是我国目前治疗输卵管妊娠手段之一。优点是免除了手术创伤，保留患侧输卵管，还可治疗并存的炎症及粘连，从而恢复输卵管功能，中医根据八纲辨证论治，本病属于瘀阻下腹，不通则痛的实征，故以活血祛瘀、消止血为治则。主方为丹参、赤芍、桃仁，再随症加减。急性出血型加用独参汤或参附汤；血肿包块型则加用三棱、莪术。中西医结合治疗时应严格掌握手术指征，凡间质部妊娠、严重腹腔内出血、保守治疗效果不佳或胚胎继续生长者均应及早手术。 　　 目前有用氨甲喋呤、5－氟脲嘧啶治疗早期宫外孕。※※宫外孕一定要手术吗？　　 随着科学技术的进步，并不是所有的宫外孕都需要开腹手术，是否手术依病情而定。　　 1.严重内出血并发休克的患者，应在积极5d正休克，补充血容量的同时，手术抢救，迅速开腹夹住出血部位，控制出血，然后行输卵管切除。　　 2.停经时间长，怀疑为输卵管间质部妊娠或子宫残角妊娠者，应争取在破裂前确诊并手术，以防止可能威胁生命的出血。　　 3.对有生育要求的年轻妇女，在输卵管破裂前，可行保守性手术，以保留输卵管及其功能。随着显微外科技术的发展，宫外孕施行保守性手术后，相当一部分患者可获得宫内妊娠，4％一15％再次发生宫外孕。另外，近年来国内外开展的腹腔镜诊断和治疗，对于一部分患者可替代开腹术。至于病情较轻，腹痛轻或不明显的，还可通过药物杀死胚胎，不仅免除了手术创伤，保留了患侧输卵管，还可治疗并存的炎症 和粘连，从而恢复输卵管功能。当然这一切都要根据具体情况由医生处理。 　　 </t>
  </si>
  <si>
    <t xml:space="preserve">为什么机械表需要定期保养？ </t>
  </si>
  <si>
    <t>为什么名表需要定期保养？（转贴）再好的东西也离不开保养，只有长久的保养才能体现它的价值，不要以为花很多钱买的手表一定比便宜的手表更耐用，更准时，也不用保养，有的人是买得表却花不起保养名表的钱，或者怕名表打开后会漏气，怕别人偷换零件等等，其实不然。　　　　一、手表密封问题。　　大多数名表都注明是防水的，如30M、50M、100M等等。也有一部分注明是不防水的。虽然注明是防水的手表，但绝对不能戴着去洗桑拿浴和热水澡，因为垫胶冷缩后，热空气进入密封囊中，不能出来，造成雾气也不及时处理，造成腐蚀、生锈，所以手表手表只能在正常情况下佩带。其实手表防水主要靠很小的几个橡胶圈起作用，时间一长橡胶圈就会老化，失去弹性后就有缝隙，就可能导致进水，进气，所以要定期更换密封橡胶圈才能保证手表防水。　　二、机械运作问题。　　名表一般都是机械手表，是机械手表就都靠齿轮运作，手表上会标明多少钻的手表，这个多少钻并不是说手表有多少钻石，而是说明手表有多少个齿轮轴是用钻眼的，一般都用人造钻石代替，由于人造钻石耐磨损，所以表的钻眼越多，手表相对走时寿命长一点。但是手表的齿轮不可能用钻石这样硬的物料来加工，它只能用钢料来作为轮轴，手表越小越簿，轮轴越细，每天几万转的转数完全靠在钻眼里面微量的油来降低磨损，一旦油干了，轮轴处于干磨损，几年下来，这个表的寿命也就到了。世界钟表网　　三、外观保养。　　名表外观一般用K金、K白金，高级动物皮料。K金尽管主要原料是黄金，但人手上的汗是酸性加上空气的腐蚀，时间一长就远没有新的时候漂亮，这就需要经常清洗抛光，使名表保持长新。如果是K白金，时间一长外面银白层磨损，里面黄金暴露，就没有以前那么白，所以也需要定期保养镀白，才能保养长新。皮表带就更不用说了，汗渍的腐蚀会使皮带过早硬化开裂，正常保养应该避免多汗多雨时期戴皮带表。如果手表是用钢做壳带，经常打磨翻新，更能体现其价值。　　所以对于名表来说，保养的好坏，将会对其价值有着直接的影响。</t>
  </si>
  <si>
    <t xml:space="preserve">女友这样的家庭，我不知道该怎么对付了我今年22周岁，女友19周岁 </t>
  </si>
  <si>
    <t>直接跟老板说明情况，告诉他你会好好工作的，个人问题也会处理好的。再告诉你的女朋友说，一定努力创造未来，会给你幸福的。对她们的家人，干脆装作什么也不知道，反正还小，奋斗两年以后再说，用行动证明你完全可以撑得起一个属于自己的家。</t>
  </si>
  <si>
    <t xml:space="preserve">再问一个：士兵刚创人物怎么加点？往后又怎么加点？最好具体点？比如 </t>
  </si>
  <si>
    <t>一:我认为士兵应该100敏120攻其他血(练级.任务为主)或者满血90攻-100攻其他敏(任务.PK为主)这样生存力强点任务.PK的持久性好点,技能选暗杀.跳舞.洁净.抗混.抗石.乾坤或者迅速.单补或者恢复(练级为主就学单补,任务.PK为主就学恢复).气绝.攻吸或者攻无.魔反,要是纯粹是练级和任务不PK的话可以删了抗石学个气功蛋.</t>
  </si>
  <si>
    <t xml:space="preserve">将目的基因与载体结合,最常用的载体是动物病毒.为什么不是质粒?将 </t>
  </si>
  <si>
    <t>这要看是动物基因工程还是植物基因工程。动物将目的基因与载体结合,最常用的载体是动物病毒。而植物则是质粒。</t>
  </si>
  <si>
    <t xml:space="preserve">请问这是什么鸟？在河边的芦苇里很多，叫声很嘈杂。 </t>
  </si>
  <si>
    <t>中文学名： 大苇莺 拉丁学名： Acrocephalus arundinaceus 别称： 苇串儿、芦稿鸟、剖苇 背羽棕褐色，具淡黄色眉纹，下体淡白色，胸部有不明显的灰褐色的纵纹。</t>
  </si>
  <si>
    <t xml:space="preserve">糙米茶如何制作？制作过程 </t>
  </si>
  <si>
    <t xml:space="preserve">糙米 基本材料： 糙米180CC（一碗）约4两，水八合（八碗）约3斤 做法： 用没沾过油的锅，把糙米翻炒而不能爆裂，炒到黄褐色为止盛起，同时在锅内放八碗水煮开后，放进炒过的糙米，马上停火，原封不动放五分钟，然后将糙米过滤后当茶喝。二次茶的做法更简单，同样的八碗水．煮开以后放进上次过滤的糙米 渣子．用小火青五分钟，过滤后即可饮用．但可以将一次茶和二次茶混合饮用。 注意事项： 1、糙米茶不要与含蛋白质的食物一起喝，如牛奶。 2、茶汤与糙米茶不要同时喝，因效果会减半，望务必遵守。 （间隔要15分钟以上，中药隔1小时，西药隔两小时） 作用：糙米茶的利尿作用非常明显，可以帮助糖尿病人分解体内的糖和增加胰岛素，还能帮助除去腹膜里的积水。糙米茶还有净化血液和血管的能力，心脏病人一日饮用0.8公升以上， 20天以后可以见到明显疗效。 人如果想要身体健康，新陈代谢的功能一定要顺畅．就是要做到“人体三通”，什么叫“人体三通”呢7就是血液通、大便通、小便通。糙米茶有清血及分解胆固醇的作用．能使血液在血管中流得更顺畅；糙米茶中含有主富的天然植物纤维，可以帮助通便：糙米茶还有利尿的作用，所以，糙米茶的“三通”作用不可忽视。 1、促进血液畅通 糙米茶有清血作用及分解胆固醇，能让血液在血管里流动更畅通，可预防高血压，与脑中风，血液如果畅通，供给血液的养分和氧气充足，自然全身各器官就会健康，免疫能力就会增强而达到预防疾病的效果。 2、促进小便畅通 糙米茶天然的利尿剂，有促进新陈代谢的作用，排除体内过剩的养分及毒素，更有帮助胰脏分泌胰岛素之功能，能降低血糖，是糖尿病患者的最佳食疗饮料。 3、促进大便畅通 糙米茶因含有最丰富的天然植物纤维，有助于排出肠内的宿便，预防大肠、直肠及结肠癌。 </t>
  </si>
  <si>
    <t xml:space="preserve">QQ牧场，动物产崽后没收取，会被偷更多吗？产崽后没有及时收取，被 </t>
  </si>
  <si>
    <t>偷到一定的数量就不让偷了，得给主人留点。如果你忘收了，被偷的只剩基本数量的了，如果收的不及时，还没等第二个人来偷得时候你就收掉的话损失的要少些。如果你发现自己的动物已经被别人抓起来了，你在那和别人一起等，有时都会被别人抢走几只</t>
  </si>
  <si>
    <t xml:space="preserve">阴茎被牙齿刮伤涂什么药 </t>
  </si>
  <si>
    <t>紫药水就可以.避免感染.</t>
  </si>
  <si>
    <t xml:space="preserve">VS2010用了啥技术达到开发窗口多屏幕显示的？ </t>
  </si>
  <si>
    <t xml:space="preserve">卵泡监测问题？卵泡监测是把仪器放到小腹上检测吗？因没做过？想请教 </t>
  </si>
  <si>
    <t>要看是做那一种了，有阴道ＢＣ，还有是普通B超，普通的就是把仪器放到小腹上监测，需要憋尿的，阴道ＢＣ就不用憋尿。 祝福你～</t>
  </si>
  <si>
    <t xml:space="preserve">如果现在和台湾发动战争,美国和日本都有帮台湾,中国胜算大吗? </t>
  </si>
  <si>
    <t>７０、不启用驻日韩基地，美国在亚洲打不了任何仗从一九五零年六月，美国第七舰队进入台湾海峡插手两岸事务开始，由于我们没有与美国海上一战的能力，武力解放台湾计划就此搁浅。美国在与中国建交后，还要搞“与台湾关系法”，在台湾问题上用“模糊”战略威慑大陆，就是想用台湾这把利剑顶住大陆的腹部。但是，大陆真的对台湾开战，美国会不会直接介入？按常理说不会。因为冷战以后美国显牛的国家，如格林那达、海地、巴拿马、索马里、苏丹、利比亚从上说都只能算个叁流四流国家，碰到伊拉克、南斯拉夫可是费了九牛二虎之力，动用了整个西方世界的力量，才打了个不死不活，尤其干伊拉克时还有阿拉伯兄弟倪墙。实在想不出美国为了台湾就有与中国打仗的勇气。那些“战斧”、“F-22”、“尼米兹”犹如“好莱坞”大片，经过那些所谓的“战争”被“包装”的挺吓人的，其内涵也就和那些大片一样全是胡编乱造。再说自核武器产生以来，核大国之间的“代理人”战争没少打，但从没有直接交手的记录，美国人深明这一点。五十年代朝鲜战争时，中国多次警告“联合国军”不得越过“叁八线”，美国人根本不当一回事，理也不理；但到了六十年代越南战争时，刚进入核门槛的中国警告美国“地面部队不得越过北纬十七度线”，嘿，美国人这么着，用他们人的话说“就象遵守自己宪法那样严格遵守中国人在橄榄球场上划的这条界线”。历史难道还没有昭示现在和未来？所以，现在台湾、日本或美国有些人散布“中国攻台美国肯定会攻击大陆”的言论，隐隐约约感觉是美国“模糊战略”的一部份，让众多帮闲者将“不确定”信息传给大陆，以动摇我决策者使用武力的意志。战略设计并不高明，但总有些人犯“恐美症”，与五十年前抗美援朝时一样，鸦片战争导致的缺钙，只有让胜利这个“医生”去治。“美帝国主义及其一切走狗都是纸老虎”，我坚信毛泽东他老人家讲的这句话。当然，冷战结束后，美国一“极”坐大，有点忘乎所以，没有人再放在它眼里。所以，“战略上藐视敌人，战术上重视敌人”，凡事从坏处着眼也免得轻敌。那么就算美国要干涉，会采取何种方式呢？这涉及到我们的对策，干那些提供情报、送点武器之类的偷鸡摸狗的事不算，可以讨论可能的直接军事干涉。如果美国不使用日韩美军基地，仅仅用几个航母群摆在西太平洋上作为作战平台，再加上几艘核攻击潜艇对我实施海空作战或导弹炸弹点穴，那么会有很大的麻烦，但构不成对我军的毁灭性硬打击，而且其本身也有受到我军导弹以及海空威胁，没那么便宜。虽然美国的“超视距”武器利害，但要靠这个来决胜，还玄了点。抵近前线，除了美国的核攻击潜艇有可能抵近台湾东边（海峡里面浅水区还进不了），航母作战群至少须摆在离台湾２００－５００公里（以我方导弹和Ｅ－２Ｃ监视目标距离测算）以外，航母上起飞的战机即使视距外发射空空、空地导弹，飞机也要经过几百公里奔袭，弹药、油料（就算核动力航母，可飞机还要吃油）补给如依赖本土，几千公里（就是离关岛也有２０００公里）运输线，美军根本就拼不起消耗，就这样想阻止解放军渡海，岂非神话？更何况我们现代级上的“蚊子”和苏霍伊也不是吃素的；０９３型也会对航母群造成威胁；“基洛”静音效果好，突破航母群反潜网也是有可能的；巡航导弹打航母虽难了一点，但０６６搞出的那玩意儿，试验时也不是没有成功过。使上各种方法，敲掉它一两艘航母完全有可能！一艘航母完蛋，可就要死两千人啊，过着好好日子的美国人就是死不起人。甚至我们还可以合纵连横，向卡斯特罗、卡扎菲、萨达姆或伊朗输出点中近程导弹什么的，以毒攻毒，往他眼皮里戳几针，在西方“血管”（中东石油运输线）里输点病毒，美国及其盟国可能都忙活不过来。美国启用关岛基地，用Ｂ－５２携ＡＧＭ－８６Ｃ巡航导弹空袭，那么我们６１２为歼１０（又一说“飞豹”改进型也能用）特制的空射巡航导弹也可以拿出来比试比试，还有库存的东风３正没地方去玩，一起泄到关岛把安德森空军基地炸个底朝天；发急了，全国人民凑个几十亿，用ＤＦ－３１Ａ装上常规高爆弹头送十几个到美国本土，在旧金山、洛杉矶、休斯敦放放“鞭炮”，美国国内还不炸了窝？美国人民会允许政客们为了万里之外的台湾，头顶挨炸弹？其实，海湾战争中，美航空兵作战主要是依赖印度洋迪戈加西亚基地以及沙特等国的前沿地面机场，从航母上起飞的飞机只占８.７％，科索沃战争离开意大利基地，也是打不 下去的。总而言之，航母作战群威慑的效果大于实战效果，想完全依赖航母作战群的飞机、导弹来迫使解放军放弃攻台，无异于天方夜谭！７１、美国敢用日韩基地，那里的美军就是“人质”当然战前我们必须申明，日韩如果允许美军使用其基地与中国作战，中国将对日韩本土实施报复。韩国和日本如果真的允许美国动用其领土上的基地攻击中国，问题的性质就不一样了。第一，日本、韩国等于参战，韩国与我们陆地连结（虽有朝鲜隔着），日本离我们也不远，美军驻日主要基地冲绳岛离得还更近；第二，战争已不局限于海上空中，不管美国人怎么打法，只要启用亚洲基地，对我们来说就是可以对日本韩国的本土的美军下刀，真的可以把日韩从美国压迫下“解放”出来！对日本本土，快要淘汰的０９１型上的ＪＬ－１潜射导弹和东风２１可以先来点穴，或轰炸日本的美国基地（抗战时蒋介石还派飞机轰炸过日本），叫它死人；潜艇出门不远到达台湾东面，既可封锁台湾，又可割断日本经济命脉──南下航道；对冲绳岛，岛上居民本来就对美国驻军不满，就先用导弹把美军机场炸瘫痪，再出动空军轰炸，并申明只要美军不用这些基地，我们就不轰炸冲绳，没准冲绳岛上的愤怒的游行队伍就把美军的基地给占领了！日本虽然搞了个“周边事态法”，也曾有自卫队高官私下里对人狂言“海上自卫队可以３小时搞掉中国海军”，但其目前的综合军事力量还只能“狐假虎威”庇荫在美国核保护伞下做“亚洲大王”梦，以美国“代理人”身份跳出来单打独斗，它还没有这个能量。台海一旦开战，日本的商船为避开危险区绕道走，日本的进出口货物成本就至少要增加３０％，日本制造业的利润本来就不足１０％，这一下全完。就这绕道，还要“八八舰队”（或九八）警戒护航，如果我们潜艇再去敲一棒搞个“破交战”，日本人可能就要拿着“购货券”在超市门口排长队了，日本人有过这样“叁年自然灾害”苦日子的准备吗？对韩国，我们应该温柔些，历史上大家都是受美日欺负的“阶级兄弟”，所以不用导弹、飞机空袭，也不对韩国军队使用武力。但是，韩国的美军地面部队，就是战争的“人质”，美国不是怕死人吗？“杀手□”就是叫它多死人。华北东北平原放着的两支王牌中的王牌──第３８军、第３９军干吗吃的，就是要用这机械化“双雄”去杀美国鬼子的。台湾只是一个小卒子，杀牛刀要留着往美国这条“蛮牛”的眼睛里戳的！我们可以从北朝鲜借一条道（现在想来，当初不应该完全从朝鲜撤军），让第３８军、３９军再一次跨过鸭绿江，穿过叁八线，直奔美军基地，杀他狗娘养的美国鬼子；或者从辽东半岛或胶东半岛直渡到叁八线附近（航渡距离与台湾海峡差不多），黄海里面不象台湾海峡南北“透风”，美国军舰可不敢进来，美韩主要军事力量都针对叁八线北面，靠海的侧翼就象“马其诺”防线的背面。与五十年多前调个个儿，该解放军玩玩“仁川登陆”，背面过去直杀驻韩美军！还可以把当年创下用活塞式轰炸机击落美国Ｆ-８６喷气机先例的“大和岛空战”英雄师─ ─轰炸航空兵第８师请来，先发制人对美国军事基地来个狂轰滥炸，炸得它人仰马翻！这一次不是“抗美援朝”，而是“抗美攻台”、“驱美救朝”，五十年前的帐总决算，一不做二不休干脆把美国佬赶出亚洲去！美国以“解放者”、“保卫者”的姿态进驻五十多年来，档案一页一页翻开，“老根里”、“草幕村”、“倭馆”，屠杀百姓的事没少干，强奸民女更是屡禁屡犯，韩国民众早就怒藏心底。解放军去那儿，实行“叁大纪律八项注意”，专打美国兵，为民除害。有“两万五千里长征”传统的陆军是我们的骄傲，美军的指挥官一定会记得在西点军校的课堂上，教官引述的那句蒙哥马利元帅的至理名言“如果在陆地上作战，最好不要碰到中国陆军”。美国近年来参战的经验告诉我们，美国是什么东西？欺软怕硬的软蛋，打仗还不想死人。我们就要叫他死人，只要干掉他一个师，一个团，甚至一个营，美国国会就会为是否要“保卫台湾”吵翻天。美国在韩国有近叁万驻军，那些鬼子就是美国在亚洲的“人质”！３８军、３９军要再来个“长津湖战役”，那美国面子就丢大了，整个世界可能就会成为一壶开水，有中国在，亚洲谁都别言战。说到底，美国真的铁着心撒手要跟中国练，咱们就跟他来持久战，让他远道消耗，把他拖死，美国获得的结果只会比越南战争更惨，世界格局重新洗牌，美国佬是生意人，会作这买卖？对于中国，统一是最高国家利益所在，只要获得台湾，就是赢家。借此一战，洗掉鸦片战争一百年来留下的那点晦气，重整河山，让世界迎接大中华！沙盘推演，美国人会懂得，要是还想在亚洲驻军，维护它在亚洲的既得利益，扼制住自己二战的死对头──正在复活的日本军国主义，那么美国人一定会在“两利相权”之间“取其重”：不要与中国硬碰硬的作对，在芝麻和西瓜不可兼得时，还是抱住西瓜吧！７０、不能忽视中亚，防止美国背后一击俗话说，“明枪好躲暗剑难防”。东部虽是我们软肋，但我们的眼睛也天天瞪着那里，美国人要找空档出拳，也不那么容易。可是西部却是我们的脊背，眼睛不容易看见的空档不少，美国人如果在那里捣乱，弄不好会有致命的一击，需未雨绸缪早作提防。美国如果要在我们的背后出击，穴位在哪儿？中亚！如果在亚太、中东之外，美国还要控制一个属于全球性的战略据点的话，那一定就是中亚地区。随着中东石油资源的日益枯竭，海上石油资源开发的困难，寻找第二个陆地石油来源地，已成为西方发达国家的战略目标。而位于中亚的里海及周边国家，蕴藏着丰富的石油资源，这里正在成为继中东之后的第二个能源基地，该地区的石油储量在５００亿桶到２０００亿桶之间。美国挖俄罗斯传统势力范围的墙角，早在九十年代中期就开始，近年围绕着里海石油输出管道的走向，争夺更趋于白热化。中亚虽然大多是穆斯林国家，但穆斯林世界从来就没有捏成过拳头，美国在这里动作难度虽大，但如能得手获利也同样巨大。控制这一地区，不仅能控制里海油气资源，为美国及西方盟国新开辟一个石油来源，缓解过于依赖中东石油的被动局面，而且能扼穆斯林世界神经中枢，向北遏制俄罗斯南下及瓦解其对苏联时期各中亚国家的控制，向东可挑动穆斯林对中国新疆少数民族分离势力的支持，激化中国西部本已不稳定的局势。一箭数雕，本小利大。中亚各国多数政局不稳，经济状况恶化的多，美国花钱找几个类似科威特、沙特这样“盟友”，或输血或建基地，可让“盟友”与中国作对，或以此为支撑点，直接对中国的背部来几下，我们想还手都难找下手的地方！目前，美国在那里只有一个土耳其可算盟友，敌人却不少──伊拉克、伊朗都是死敌，对手则无疑是俄罗斯、中国。美国要插手那里，俄罗斯不会袖手旁观，中国也要防止那里出现一个亲美联盟，要合纵连横，建立广泛的“反美统一战线”，尽可能防止美国在这一地区的势力坐大。八十年代，中美联手助阿富汗穆斯林反击苏联的入侵，世移境迁，现在中俄同样可以联手，助中亚国家抵御美国势力渗入。现在，江泽民推动建立与中亚五国的“上海会议”机制，走出了用政治手段构筑西部安全屏障的第一步；中国石油天然气公司在哈萨克斯坦等中亚国家，投入巨资取得油气资源的开采权，既为西部开发提供稳定的能源，又为经济不断扩张的中国找到一个战略投资场所，为建立一个以中国（或包括俄罗斯）的主导的中东亚“共荣圈”打下了经济基础。中国虽在那里有了上述动作，但是，对这一地区我们的眼光还要放远。应该参加国际大财团联手对里海油气资源的开发，增 们在这一地区的发言权。同时，在里海油气输出管道的铺设上，应该支持俄罗斯，取得与美国谈判的筹码。要利用印度在这一地区与以巴基斯坦为首的穆斯林世界的矛盾，让克什米尔永远成为印度向这一地区扩张的死墙，从政治、外交、经济、军事等多方面，屏蔽这一地区对中国的可能的威胁，不让美国有隙可乘。中国在这里玩弄外交或经济手段时，需要铭记的是，不能让阿里巴巴们借“东土耳其斯坦”死魂渗入中国，点燃西部分离之火，伤及自身。</t>
  </si>
  <si>
    <t xml:space="preserve">我抽掉了2升血会死吗？人有多少血可以抽啊？ </t>
  </si>
  <si>
    <t>人体平均含有约4.7升血液,你抽掉大约一半的血，会威胁生命。医疗行业的相关业务知识，你可以到行业圈（ )来看看，众多业内同仁的意见会对你有所帮助的，^_^。</t>
  </si>
  <si>
    <t xml:space="preserve">请问大连哪个酒店好？ </t>
  </si>
  <si>
    <t>棒棰岛宾馆。是国宾馆啊。看看 比较一下吧。</t>
  </si>
  <si>
    <t xml:space="preserve">谁了解中联实创投资担保有限公司？公司正规吗？ </t>
  </si>
  <si>
    <t>公司挺大的，看起来也很正规，我在他们公司签过合同，不像其他公司连个人都没有。建议你过去看看。..</t>
  </si>
  <si>
    <t xml:space="preserve">电话录音和短信有法律上的证据效用吗婚姻 </t>
  </si>
  <si>
    <t>民事就没用!!!因为大多都没有经过对方许可!!!刑事就有用!!!不受上述条件的限制!!!</t>
  </si>
  <si>
    <t xml:space="preserve">请问今天是更新80级?RT </t>
  </si>
  <si>
    <t>你做梦就开80级</t>
  </si>
  <si>
    <t xml:space="preserve">交通银行借记卡丢失怎么处理好？我的一张交行借记卡丢失了，可以办一 </t>
  </si>
  <si>
    <t>这样，请您直接到开户银行进行“挂失”，这样做最好。“我的一张交行借记卡丢失了，可以办一张新卡，然后把钱直接转到新卡上不补卡可以吗？”不可以，除非您以前开通了“网上转帐”功能，并且现在没有被取消，否则您丢失卡的资金，无法转入新开的卡中。“如果丢失的那张卡被别人捡到了，无意中又知道了密码，那么过了临时挂失期后，原来的那张卡还可以用吗？”应该是可以用的，但是也不一定，由于有的银行，是采取了临时挂失不过期的做法。备注：最好的做法，就是到开户行进行挂失，一般需要交纳10-15元左右的费用（包括：挂失+补卡等），谢谢！</t>
  </si>
  <si>
    <t xml:space="preserve">关于网址的写法一般网址前面都会有“WWW”，请问"www"是什么 </t>
  </si>
  <si>
    <t>www 是word wide web 的英文缩写，称之为环球信息网,也称万维网或WEB服务平常口头都读3W.WWW是以"超文本"方式将INTERNET上的信息数据连接在一起,让用户能以非常简单的方式获取世界各地的信息.超文本是用来形容文档的,它是一种结构化的文档采用超文本标记语言(HYPERTEXT MAEKUP LANGUAGE 简称HTML)书写而成,又称为HTML文档.WWW之所以如此吸引 迷惑众多用户,除了应用超文本的技术外,还结合了超媒体于其中.这使得网上用户只要坐在计算机前,世界名地以文字 图片 声音视频等形式存储的信息就可以看到.</t>
  </si>
  <si>
    <t xml:space="preserve">泳池周边、淋浴、更衣室等场所买普通防滑垫好还是防滑地板好？ </t>
  </si>
  <si>
    <t>防滑垫能使一年半载，而畅悠防滑地板使用寿命达到10年以上，你决定！</t>
  </si>
  <si>
    <t xml:space="preserve">B顶的基本兵器可以做副职业任务吗？副职业任务最后用B顶换A1的时 </t>
  </si>
  <si>
    <t>+3B顶卖掉给别人点高。 去买QY武器店里买2把色长合双色长1000W多点再+455纯石去亚丁合双刀 任务武器换TL刀 自己再合S双刀或卖人</t>
  </si>
  <si>
    <t xml:space="preserve">孩子之间发生冲突后只会哭怎么办？我的孩子刚满4岁，性格偏外向，喜 </t>
  </si>
  <si>
    <t>先跟宝宝分析一下原因,比如有的小朋友性格比较暴躁,不像他一样友爱,遵守规则,这是那个小朋友的不对,肯定他没有以同样的方法对待那个小朋友,不然会产生更不好的后果,先表扬他.然后再跟他分析一下他所用的哭的办法是不是很好,最后有没有解决问题呢?你哭了以后那个小朋友有没有跟你玩呢?让他知道哭是没有用的.然后让他想几个有用的方法,比如与小朋友商量,一起玩或者轮流玩,最好你先在家里教他说说看,然后带他玩的时候陪他试试看.小孩之间总会有很多矛盾,让他知道解决方法以后就不必过多介入,随着他们长大,很多时候在你没注意的时候,他们就自己解决了.祝你家宝宝健康成长^^</t>
  </si>
  <si>
    <t xml:space="preserve">经常头疼怎么办?自从有了孩子之后,就经常头疼,是太阳穴胀疼.吃过 </t>
  </si>
  <si>
    <t xml:space="preserve">脑神经痉挛,最有效的办法是锻练身体,如慢跑,但要坚持经常并且每次不少于半小时再加上有规律的睡眠定能好转!  </t>
  </si>
  <si>
    <t xml:space="preserve">怀孕8周，化妆品过敏，对胎儿有影响吗怀孕8周，使用十月天使孕妇专 </t>
  </si>
  <si>
    <t>您好！  如果您的过敏症状比较轻微，那么一般脱离过敏源会自行恢复，但是如果出现皮肤瘙痒，过敏疹严重，那么需要您到医院请医生开些对孕妇及胎儿没有影响的药物，如炉甘石洗剂，氟轻松软膏等，您的情况建议您定期产检，密切观察。祝您健康！</t>
  </si>
  <si>
    <t xml:space="preserve">请问,清朝一共有几个皇帝? </t>
  </si>
  <si>
    <t>12位啦！</t>
  </si>
  <si>
    <t xml:space="preserve">夜里阴茎可以勃起硬度也还可以,可是……夜里阴茎可以勃起硬度也还可 </t>
  </si>
  <si>
    <t>心理因素</t>
  </si>
  <si>
    <t>金砖四国</t>
  </si>
  <si>
    <t xml:space="preserve">    发达国家没有明确和唯一的定义。目前世界公认的划分标准有以下几种体系：    一、按经济因素，即人均收入为标准，以世界银行为代表。世行把世界各国按人均收入划分为四类国家：高收入国家、中高收入国家、中低收入国家和低收国家。按世行2008年公布的标准，只有年人均收入超过11906美元的才算高收入国家。    据世行统计，目前全世界有67个国家或地区达到这一高收入国家标准，算是发达国家或地区。如果排除像关岛、维京群岛这些附属发达国家的地区，应该是56个国家和地区达标。俄国以9660美元排第63位，巴西以7300美元排第71位，两国算中高收入国家。中国以2940美元排第113位，印度以1040美元排第145位，均属中低收入国家。    二、按人文发达程度计算，国际货币组织为代表，每年发布世界人文发展报告，综合考虑人均收入、人均寿命、社会保障等各个因素打分，0.9分以上算“极高人文发展程度国家”，属“先进国家”，即发达国家，其它均为发展中国家。    据此标准及2009年的世界人文发展报告，全球有38个国家算得上属“极高人文发展程度”的发达国家。俄国仅以0.817分排全球第71位，巴西以0.813分排第75位，两国均属“高人文发展程度”的发展中国家。中国以0.772分排第92位，印度则以0.612分排第134位，两国均属“中等人文发展程度”。     除掉联合国的这些硬指标，传统意义上，通常把美国、加拿大、日本、亚洲四小龙和多数欧盟国家算发展国家或地区，其余的连中东和其它地区靠石油等资源发横财的富国都不算，而俄国和东欧既不算发达国家，也不算发展中国家，而叫“转型经济体”。    近年来，又流行许多新名称，比如把高速发展的动量也考虑进去，将快速发展的发展中国家称为“新兴国家”，中国、俄国、巴西和印度作为“新兴大国”，按国家名称打头字母称为“BRIC”，即金砖四国。还有排除俄国而加入南非，缩写“BASIC”，即基础四国。    总之，无论从哪个角度看，俄罗斯都还不是发达国家，俄国自己也不这么认为，普京计划的重要内容之一就是近快加入发达国家行列。但俄各方面都很接近这一门槛，这也是事实。个人认为，解体前的苏联是可以被认为是发达国家的，现在不过是衰退后重振旗鼓而已。    附图为世界银行眼里的世界各国人均收入分布图，蓝、绿、紫、红分别代表高、中高、中低和低收入国家。    </t>
  </si>
  <si>
    <t xml:space="preserve">000005今天能介入吗?请各位股林高手多多指教 </t>
  </si>
  <si>
    <t>000005 世纪星源震荡中可逢低轻仓.</t>
  </si>
  <si>
    <t xml:space="preserve">问道内测专区和别的区有什么不同啊？越详细越好 </t>
  </si>
  <si>
    <t>我先要提醒楼主一句话：内测区是最不好玩的，如果你不是专业测试人员就别去了。正如楼上所说，内测版本比公测总是先一步，而且元宝是免费的，但是，跟公测一样是需要一定在线时间才能领的，于是很多人都是弄N个小号在那挂机，所以可以经常看到东海渔村、无名小镇这些地方遍地是人，但都一动不动的，全是挂机的（我没截图，人多得吓死你）。而内测又只有2条线，所以造成“人满为患”的假象，实际上内测的人少得可怜。由于元宝是送的，所以道具一文不值，所以不存在“RMB玩家”，不存在冲点卡卖游戏币，因此游戏币相对很值钱，而这样玩起来会比较累，当然这也不同于公测那样满是铜臭，你可以体验最原始的游戏生活：做师门，杀鬼，刷材料赚钱。由于灵引在帮派有领，所以TJ不值钱，罩子云300W一只满街都是。由于只有2条线，BOSS少，所以首饰特别贵。由于道具免费，绿装备便宜，藏宝箱会比较贵（钥匙多箱子少）。内测人少，而且基本都是满级的大号，所以去内测区是不会有人带你的，你只能自己弄5个号玩。内测人心冷漠啊~~我就这些吧，没事不要去内测了，无聊得很。</t>
  </si>
  <si>
    <t xml:space="preserve">如果抚养权判给女方，但男方不给孩子，怎么办？急盼复！ </t>
  </si>
  <si>
    <t>及时向原一审法院申请强制执行。最迟不能超过一年。</t>
  </si>
  <si>
    <t xml:space="preserve">问道什么样的装备算是最好的~ </t>
  </si>
  <si>
    <t>其实很简单，装备武器以颜色分，白→蓝→金→粉→绿。白色装备武器40级包括40级都可以在商店购买和打怪中获得。50-90级装备武器可以在打怪中获得，也可以用名声去神秘商人那购买。改招这要钱就可以了！~蓝色装备武器1-90级都以打怪获得，有指引任务也可以获得，还可以用白色装备改招或用黑水注入白色装备后获得。改招蓝色装备需要单色任意2个石头（但有武器和装备之分）当然钱是不能少的。金色装备武器1-90级打BOOS或黄色名字怪有的，改招要有五色石头任意2个（但有武器和装备之分）当然钱也不能少。粉色装备武器60-90级要用一个粉色石头（收费道具）和合成材料还有一把蓝色装备或武器。改招也要五色石头和钱绿色装备武器也称为套装，分金木水火土5种并切有光圈。要绿色石头（收费道具）和材料加金色装备或武器，改招要用五色石头加钱单色石有5种颜色，每5种颜色可以合成一个五色石，但有武器和装备之分。装备和武器的属性，武器有TS天伤 属性所有加层 相性所有加层  单属性或单相性加层（公用）技能加级，师门使用技能消耗减少。（法用）必杀 连击 反击 （力用）装备有加血 加法力 加防御 属性所有加层 相性所有加层  单属性或单相性加层（公用）鞋子主要要有速度加层（公用）装备有反击反震等（力用）有师门技能消耗减少，强性克属性等（法用）</t>
  </si>
  <si>
    <t xml:space="preserve">我妈妈越来越瘦是什么原因我妈妈今年五十五岁，一辈子辛苦劳碌，但以 </t>
  </si>
  <si>
    <t>如果不是短时间内，突然瘦的，并且平常精神状态蛮好的话，你也不用担心。不过最好能去医院做个全身检查，也只会有好处哦。</t>
  </si>
  <si>
    <t xml:space="preserve">谁能给我推荐一部好动漫剧情一定要吸引人，不要太短了，一定要已经有 </t>
  </si>
  <si>
    <t xml:space="preserve">彩云国物语：红秀丽--彩云国贵族红门的小姐，虽然说是名门，但是家里却穷得可以，不得已秀丽只好四处打工维持家计，上次为了五百两黄金假扮贵妃调教昏君，任务完成离开后宫以后，正为国王刘辉的追求感到苦恼。 刘辉--前任国王最小的儿子，本来无论如何都轮不到他做国王，被推上国王.. 故事的舞台架设在中国风格的虚构国家——彩云国。虽是名门却很穷的红家小姐秀丽因为小时候对动乱的记忆而想要成为“能够帮助人们”的官吏，然而，女性却无法参加官员的录用考试。某一天，她突然被引荐去做新登基的国王的教师，以此为契机，她打通了通向官员录用考试的道路而成为了官员。秀丽和新王的恋情，秀丽和同僚的友情的温馨故事中牵扯着宫廷中权力的斗争和豪门中涌动的暗流，绚烂华丽的宫廷浪漫剧慢慢展开…… 楸瑛——武将，刘辉的重臣之一。 绛攸——吏部官员，刘辉的重臣之一，也是秀丽叔叔的义子。这次是他请秀丽女扮男装到户部帮忙的。 燕青——晕倒在红家门口的大汉。与静兰是老相识，似乎与都城突然猖獗起来的土匪盗贼有莫大联系。在静兰调入羽林军的时候，他负责保护秀丽的安全，跟秀丽一起到户部打工挣钱。 邵可——秀丽的父亲，当朝小官一个，看似是个非常闲散的人，其实是个深藏不露武功高手，有很多秘密。 黄奇人——户部尚书。真实姓名除了同在户部工作的景侍郎和其他少数几人以外已经没有人知道，大家除了知道他是个男的以外，年龄、长相和声音均不详，原因是他一直戴着面具，而他戴面具的原因似乎跟红家有很大的关系…… 大叔——秀丽在户部打工时，经常在朝廷里碰见的一个官员，他总是非常热心的帮秀丽搬东西、问寒问暖，唯一的要求就是要秀丽叫他大叔……每次听秀丽叫大叔就乐到手舞足蹈-_-||有人发现这个大叔似乎总是事先埋伏在秀丽必经之地…… 宵太师——百官之首，当朝第一重臣，平时看起来是个糊涂老头，其实有极其残酷的一面，刘辉就经常吃他的苦头，这次为了报复他，刘辉在宫中散布了一个谣言，差点没要了宵太师的命。 KiraRin Revolution：聪明可爱，活力四射的超级偶像KiraRin回来了。在小学馆出版的少女漫画杂志《ciao》上连载的人气漫画作品《KiraRin☆Revolution》终于将要在2006年的4月改编成动画。在2月号的《KiraRin☆Information》之中还公开了制作中的动画画面以及来自原作中原杏先生的访谈，该作的广播剧声优为松下未佑、羽多野涉、三本政树、比嘉久美子。樱兰高校美少年公关部：私立樱兰学院是一所超级贵族学校。资助生春绯迷路闯进了第三室，邂逅了「男公关部」的6位美男子。春绯要为打烂活动室800万日圆的花瓶负起责任，不得不进入男公关部工作，从此开始了与6位美少年生活....又是一个由于某些原因女扮男装的故事…………不过BG场面很少，为同人女服务的暧昧镜头倒是不少~~各色美男任君挑选（当然大部分内部解决了），看起来轻松愉快不费脑筋，搞笑情节也层出不穷，是想被好好作者伺候着的不二选择~~ 说到“男公关”会想到什么？珠光宝气的富婆那肥硕多油的身躯挤在众多闪闪发光的帅哥当中，她咧开嘴笑着，发黄的牙齿上粘着脱落的口红印和菜叶……请放心，这种情况不会在这里发生。马赛克大神不允许这种事发生。这里只有帅哥，各种各样的帅哥，华丽的帅哥，沉默的帅哥，孩子气的帅哥，调皮的帅哥，知性的帅哥，为您提供各种服务。女生？也让她扮成帅哥，没有扮成帅哥的女生除了成为会动的背景之外没有存在的意义。随时欢迎您光临樱兰高校男公关部公主公主：转校生河野亨生来就外形俊美，虽然自己并不在意美型的外表，但还是被选为了「?沟暮蜓a。起初，亨拒绝了于出演「?沟难耄谔盗顺鲅菡呖梢缘玫浇鹎蟊阈廊淮鹩ΑＴ谘г褐谢褂凶帕礁鲋氨黄牢?沟乃Ц纾耆两凇?沟睦秩ぶ械乃姆焦仍Ｊ防珊拖胍永搿?.在男校被称之为「公主」的制度。那就是：在校内活动中必须要在只有男生的男子学校中挑选出一些天生丽致的学生扮演女生的制度。而且，衣服是COS LOLI装。学院天堂：故事主要讲述了一个平凡的少年伊藤启太突然收到了贵族学园的入学许可证，又惊又喜的启太满怀希望入学，他的身边满是卓越才能的老师、前辈和同学，哭过笑过恋过，究竟在这所贵族学校中什幺样的命运正等待着他呢？90年代活跃于耽美漫坛的漫画家冰栗优的作品以唯美华丽的画风和曲折的男男故事见长，她在角川书店、秋田书店、集英社等多家出版社的杂志上发表过不少作品，其中不乏《禁断毒天使》、《圣魔传》和《苍月迷情》等名作。惊爆草莓：阿斯特拉艾亚山上有三所女子学校。圣米亚特尔女学园，圣史毕加学院，圣露·莉姆女子学校。三所学校有着共通宿舍，草莓宿舍。阿斯特拉艾亚山……这是个不允许男子踏入的圣地……由于某些原因而转入了圣米亚特尔学园的4年级学生（初高中连读，其实也就是高中一年级）“渚砂”在..这是一部正统的百合剧，原作及衍生的剧情CD都相当走红，画风和声优都相当不错，对于喜欢看百合类作品的观众来说，是个不错的选择。喧嚣学院第二季： 喜欢，真是不可思议的一句话。冢本天满是一个迷糊可爱的高中生。某天，她突然得知心仪的对象乌丸大路要转学了。天满要怎么办才好？播磨拳儿对冢本天满的一片痴心到底会不会得到响应…？他是怎么迷上小满的呢…？乌丸大路原来还有一个不为人知的秘密…！轻松活泼的校园喜剧就此展..最具爆发力的喜剧动画，又名《校园迷糊大王》。主角是个性格迷糊的高中少女。喜欢轻松搞笑类动画的朋友千万不要错过。声优白书： 目标成为声优的桃子、凛花、祜理花、翼、天音，带着各自的梦想进入培训学校。桃子一心想遇到憧憬的声优，凛花是个同人声优，祜理花非常喜欢动画，翼喜欢配男角，天音就想成为声优偶像。但是，培训学校比想像中严格很多。即使如此，五人还是渡过难关考验，作为新人首次出道，巧被.. 声优，已经是日本动画不可或缺的主打之一。冲着某位名声优去欣赏某部动画，这已非什么希罕事。继《甜蜜声优》之后，又一部有关声优的故事也出现在4月的新番行列中，让我们看看这个让无数人憧憬的职业究竟有怎么样的魅力～ </t>
  </si>
  <si>
    <t>谁有极品9的GTR我想要看泥桑的GTR</t>
  </si>
  <si>
    <t>9里没有那款车。。。。我不知道你是咋玩的</t>
  </si>
  <si>
    <t xml:space="preserve">关于上投股基从明天开始,上投已开通农行卡.是个好消息.请问,网站 </t>
  </si>
  <si>
    <t>最低是1000元，费用是0.9％（六折）</t>
  </si>
  <si>
    <t xml:space="preserve">我的豪杰加点，有什么好建议 </t>
  </si>
  <si>
    <t>豪杰还是走统智体的路子为好。因为豪杰的装备多数是加体和武力的。加智的比较高，而且豪杰的体成长也是仅次于猛将的，所以体需要加，但是不是最主要的。而且豪杰智力成长不如军师，没有一定的智力。你的强命学了就用起来效果差。不利于以后发展。当然统还是主要的。没有统。豪杰的优势体现不出来。</t>
  </si>
  <si>
    <t xml:space="preserve">民事诉讼起诉年限1968年我姐承租公房一间，当时共同居住。197 </t>
  </si>
  <si>
    <t>1968年我姐承租公房一间，当时共同居住。1971年姐嫁人搬出，我就更改了承租人名字。现在我姐提起民事诉讼，要求判令房屋租凭协议无效！（先原老房已拆迁）请问我该要准备点什么！！！民事诉讼不是有年限限制的啊？ 我知道有年限，但法院已经受理，请教我该这么做！一、1968年是计划经济时代,其承租公房是由相应的政策性要求的,并非一般的民事主体都能承租当下的公房居住。比如农村村民是绝对不可能享有承租主体资格的，事实上也的确是这样的现实。那么，在当下是没有什么可以用来调整和规范该承租关系，仅是用当下的政策来调整。二、用法学理论来理解，该承租关系应当是具有行政性与民事性兼备，而在更大程度上是具有行政给予性。并非是平等民事主体之间根据我国民事关系法律关系设定的权利与义务之间的关系。用民事关系规范该具体行政行为，应当是于法无据。三、诉讼时效的问题是在一九八六年四月十二日第六届全国人民代表大会第四次会议通过,１９８７年１月１日起施行的《中华人民共和国民法通则》中规定的。尽管《最高人民法院关于贯彻执行中华人民共和国民法通则若干问题的意见试行》第一百六十五条规定：“在民法通则实施前，权利人知道或者应当知道其民事权利被侵害，民法通则实施后，向人民法院请求保护的诉讼时效期间，应当适用民法通则第一百三十五条和第一百三十六条的规定，从１９８７年１月１日起算。” 一百六十六条规定：“民法通则实施前，民事权利被侵害超过二十年的，民法通则实施后，权利人向人民法院请求保护的诉讼时效期间，分别为民法通则第一百三十五条规定的二年或者第一百三十六条规定的一年，从１９８７年１月１日起算。” 一百六十七条规定：“民法通则实施后，属于民法通则第一百三十五条规定的二年诉讼时效期间，权利人自权利被侵害时起的第十八年后至第二十年期间才知道自己的权利被侵害的，或者属于民法通则第一百三十六条规定的一年诉讼时效期间，权利人自权利被侵害时起的第十九年后至二十年期间才知道自己的权利被侵害的，提起诉讼请求的权利，应当在权利被侵害之日起的二十年内行使；超过二十年的，不予保护。” 但也仅限于民事法律行为范畴。四、既便原承租关系是属于民事法律关系调整的范畴，但也因“原老房已拆迁”的事实行为而导致原租赁关系消灭。而新的承租法律关系是在你与公房管理单位之间在新的物权上设定的一个权利义务关系，严格地说与第三人没有任何法律关系。本人基于以上的理解，认为从法律关系入手进行抗辩可能对你更为有利。以上观点，仅供参考。</t>
  </si>
  <si>
    <t xml:space="preserve">有什么方法可以忘记一个人 </t>
  </si>
  <si>
    <t>时间是最好的良药！！！</t>
  </si>
  <si>
    <t xml:space="preserve">恋爱后才知道女友在我的追她时和前男友还没分手，经常在一起。追她时? </t>
  </si>
  <si>
    <t>这种女人值得你去伤心吗？ 就像你说的 她跟你在一起 可能真的是因为你物质上的东西 现在社会人都很现实 有钱 你就是上帝 想干什么都可以 没有钱 你就什么也不是了 。。。。好好考虑考虑 不要让自己以后的生活有更多的麻烦 也不要让这个女人继续增加你的烦恼了 该闪的时候就闪吧！</t>
  </si>
  <si>
    <t xml:space="preserve">大家能不能教教我，红烧鲶鱼怎麽做才好吃呢？ </t>
  </si>
  <si>
    <t>原料：鲶鱼，酒、葱、蒜、辣椒猪油、调味料各少许。做法：1.将鲶鱼洗净、切块；2.放入热油锅内先煎煎至鲶鱼皮呈黄色见硬时，把鱼捞出。3.锅内加熟猪油、酒葱、蒜、辣椒、调味料煸炒，再放入肉清汤烧开，将鲶鱼放入。然后用小火焖烧十分钟左右，见鱼肉熟汁呈胶状后，加味精并晃动，使卤汁裹包鲶鱼块，即成。</t>
  </si>
  <si>
    <t xml:space="preserve">感情高手进一个女的可以随便叫你亲随便摸为什么就是不说我爱你呢。 </t>
  </si>
  <si>
    <t>你好，恕我直言，你太幼稚了！如果女孩不爱你，是不会让你那么随便的···难道连这最起码的道理你都不懂啊！除非是个对任何的事情都随便的人列外！自我感觉 ，自我定夺。话说回来，如果不是一个随便的人，说与不说爱你有什么意义？也许从女孩的内心来讲，已经用行动表现出来爱你了，之前说的····反思一下，你是需要口是心非的人，还是需要一心一意的人相伴？当然，无论是谁都需要后者。我只想告诉你，如果彼此有好感，女孩又给你机会表现自己，你就好好的把握，好好珍惜。祝你心想事成！</t>
  </si>
  <si>
    <t>CD</t>
  </si>
  <si>
    <t>CD-R是CD Reader，可读CD驱动，不能刻写。CD-RW是CD Reader&amp;Writer，可读写驱动。普通的刻录机应该注明CD-RW就是可以刻录的。</t>
  </si>
  <si>
    <t xml:space="preserve">当爱情出现分支的时候咋办？也就是说，爱上了一个人，同时又爱上了另 </t>
  </si>
  <si>
    <t>“爱上了一个人，同时又爱上了另一个人”直接把“爱”字去掉即可。。。。。。</t>
  </si>
  <si>
    <t xml:space="preserve">文科生能否报教育类的数学系我是一名文科生数学成绩不错想当一名数学 </t>
  </si>
  <si>
    <t>当然不可以咯，不过你可以自己学啊，老师教和自己学还是自己学自由</t>
  </si>
  <si>
    <t xml:space="preserve">买化妆品时应怎样索要小样呢?我喜欢到专柜买化妆品而且每次去之前必 </t>
  </si>
  <si>
    <t>几点建议：1。穿的好一点，背个GUCCI的包包啊什么的，一看就是有钱的，为了有回头客，会给你。2。说你之前用过什么什么（要大牌子的），不管你用没用过，说最近用完了，想试试其它的。3。与BA建立良好的关系，和她聊一些其他的东西，这样就会给你了4。就说这是你家公司的规定，可以拿。</t>
  </si>
  <si>
    <t xml:space="preserve">5分送上，高中函数最大值问题O为坐标原点，点A(1,1),若点P </t>
  </si>
  <si>
    <t>∵x^2+y^2-2x-2y+1≥0表示以(1,1)为圆心，半径为1的圆的边界及其以外的区域又∵1≤x≤2,1≤y≤2所以点p为如图所示阴影部分区域内的任意点，显然当x=y=2时x+y取到最大值4</t>
  </si>
  <si>
    <t xml:space="preserve">为什么我的文章的计数器不工作了呢?永远显示0阅读!我的最新的2个 </t>
  </si>
  <si>
    <t>这个是系统的问题，但是你的计数器是会改变的</t>
  </si>
  <si>
    <t xml:space="preserve">浅薄的女人是啥样子的捏？ </t>
  </si>
  <si>
    <t>回答你：浅薄的女人就象幽默与滑稽的管理员那样的。此人真是很讨厌之极了！那个女人“温柔是什么样子的”已经烂得不能再烂的提问了，还以权某私飘在上面，真让人受不了！</t>
  </si>
  <si>
    <t xml:space="preserve">我女朋友给我口交的时候每次她含住我的时候我都抱着她的头想使劲向里 </t>
  </si>
  <si>
    <t>慢慢来，我刚开始也不适应和老公做爱，他对我做什么我都不愿意，时间长了，他每次都要口交才觉得做爱完整，你要引导她，女人是需要男人来培养的</t>
  </si>
  <si>
    <t xml:space="preserve">他还爱我吗?我和他相识了五年了!开始我并不喜欢他,而且还明确的的 </t>
  </si>
  <si>
    <t>他是爱你的，只是有时女性可能更敏感一些，不要怀疑，多给对方一些包容和理解好吗</t>
  </si>
  <si>
    <t xml:space="preserve">求学好数学的方法！！另求复习资料，高一！ </t>
  </si>
  <si>
    <t>我觉得数学首先要喜欢它 或许你会觉得它很烦 我也有过这样的感觉 个人认为 理科比文科要简单得多 理科要背诵的不多 而且往往很多数学公式都是要“日久生情”的 多做练习 “熟练”才是最重要的 公式熟练了 题型熟练了 就不用怕了 至于复习资料 本人还在读初二 没有 抱歉我的建议是上课好好听课，下去把老师布置的作业完成了，练习册完成了，你就可以了，要独立完成。  不需要什么复习资料，每个学校都会有配发的练习册，它就是你最好的复习资料，老师还会讲。</t>
  </si>
  <si>
    <t xml:space="preserve">为什么不能用中国银行的网银？什么时候能用的？ </t>
  </si>
  <si>
    <t>中国银行暂时没有开通网上支付功能（目前只有上海和广州地区有开通网上支付）。目前中国银行的网上银行只能进行一些理财操作。建议您使用其他银行的卡，如兴业银行，现在兴业银行没有收年费和帐户管理费</t>
  </si>
  <si>
    <t xml:space="preserve">我这是什么心理？我在去年的这个时候和我舅舅家饭店的一个服务员A好 </t>
  </si>
  <si>
    <t>任何男人都会有一种想要支配自己希望支配的人的欲望.而消除这种欲望的方法就是 眼不见心不烦.你和你的女友有一个很幸福的生活,又何必去想一个过去的人呢?</t>
  </si>
  <si>
    <t xml:space="preserve">再来看看哦!我一个手要拿碗.另一个手要拿筷.你们又回得很快!你叫 </t>
  </si>
  <si>
    <t>不吃了</t>
  </si>
  <si>
    <t xml:space="preserve">怎样做网址 </t>
  </si>
  <si>
    <t>网址是申请的，不是做的，可以去互联中心申请一个，要收费的饿</t>
  </si>
  <si>
    <t xml:space="preserve">鸭和鸡为何鸭比鸡贵？请回答、谢谢。 </t>
  </si>
  <si>
    <t>1. 鸭子比鸡大，肉多，因此，鸭子比鸡贵；2. 鸭肉比鸡肉好吃，因此，鸭子比鸡贵；3. 物以稀为贵，鸭子少，消费的也少，因此价格高；鸡多，到处都是，竞争激烈，因此便宜。</t>
  </si>
  <si>
    <t xml:space="preserve">去印度旅游的注意事项？需要注意些什么呢？ </t>
  </si>
  <si>
    <t>印度有很多城市旅游景点，这里就不一一描述了，你直接到梦之旅去看看吧！他们最近不是再推印度骆驼节—12天摄影之旅的嘛？比较经济实惠，可以去看看到印度去旅游就要注意他们的语言，货币还有就是电源这些，若果跟团的话这些导游会跟你讲的，对了，梦之旅最近也在推印度骆驼节—12天摄影之旅，要去的可以卡率哈</t>
  </si>
  <si>
    <t xml:space="preserve">每天晚上这个时候右耳朵就发烧，这是哪里出问题了？ </t>
  </si>
  <si>
    <t>由于头面部、耳朵的皮肤很薄，里面布满了丰富的血管，当大量血液流经耳朵时，血管便扩张变粗，耳朵发红，由于血液具有一定温度，所以会感到耳朵发热。再就是当外界温度较低时，血管遇冷后收缩，脸色苍白，此时如果走进温度较高的室内，血管骤然遇热变粗，耳朵也会感到发热，发红。</t>
  </si>
  <si>
    <t xml:space="preserve">关于Word2003为什么我的word的字体里面没有隶书、方正舒 </t>
  </si>
  <si>
    <t>你可以从网上下载,然后再安装</t>
  </si>
  <si>
    <t xml:space="preserve">600028后面怎么走 </t>
  </si>
  <si>
    <t>长期缓慢下跌</t>
  </si>
  <si>
    <t xml:space="preserve">用灵石加强分身的问题把分身升到28级的灵石是用一个30点的，还是 </t>
  </si>
  <si>
    <t>在元神２８级前，你用任何７魄的石头只要总和到３０点，如果不好带，就让有分身的朋友把石头合成在一起，只要够３０点就可以，多了就浪费了．记得身上不要带其他的任何石头，那老头是来着不拒的，是照单全收．然后去中州祭坛，找老头加强分身就可以了！！我是２０级　去的，分身到了２８级零１万多经验！！我算过了，总和还是４００万．如果分身级别低最划算．呵呵　祝你好运！！！</t>
  </si>
  <si>
    <t xml:space="preserve">解释下我的算命结果五行生克原理制化宜忌水旺得土,方成池沼.水能生 </t>
  </si>
  <si>
    <t>您那是在网上按电脑编排好的程序测算的，如果把生日加减十天，会发现电脑得出的结果是一样的。所以，要确切地回答您的问题，应该发来准确的出生时间（阳历或阴历），以及出生地点，作具体分析才行。</t>
  </si>
  <si>
    <t xml:space="preserve">奇迹玩家帮帮我奇迹里到处都有复制装备的，可我不会，请问怎么复制啊 </t>
  </si>
  <si>
    <t>复制交易过程中～把物品放在交易栏上～把物品取出～在一瞬间将物品放在仓库中（速度快点）～在按键盘ＥＳＣ就ＯＫ了～听同学口述的不知道是否准确合成合成+１０。１１，１２，１３的东西,先和的票,看成功率,暴过两次的话在去和,成功率就高了</t>
  </si>
  <si>
    <t xml:space="preserve">请问，一部电脑能同时下载两种浏览器吗？比如IE浏览器和Firef? </t>
  </si>
  <si>
    <t xml:space="preserve">当然可以 浏览器一般分为两类，有IE核心的（如IE7.0，Maxthon，The world等）和非IE核心的(如Firefox，Opera等)两类。以IE为核心的针对目前的网络浏览，兼容性较好，页面、图像的显示等均不错。只不过由于用户群较大，被发现的漏洞也不少，安全性似乎略不尽人意。非IE内核的浏览器，据说安全性好，但是对网络的兼容性稍差，如opera 有些网站显示不正常，有时不太方便。但这些浏览器有些功能很有特点，如opera 具有标签页，挺独到。从资源占用的角度来讲，非IE内核占资源最小，运行速度快，但有些网页只支持IE内核，用非IE内核的浏览器就无法观看。所以建议你在使用非IE内核的浏览器时，不要删除IE，只需要将IE的默认地位取消。从网页的兼容性来说，还是IE最好。其他浏览器，包括现在最流行的Firefox(火狐)都或多或少的存在兼容问题。每个浏览器都有优缺点，要看你的习惯了。浏览器大全网站  </t>
  </si>
  <si>
    <t xml:space="preserve">为什么说中国经历了五年的熊市呢？不是前年就有一个高点吗？股市不是? </t>
  </si>
  <si>
    <t>十人炒股九人输，专门申购新股那个是替补。这样的股票市场难道不是熊市？！在这个市场上投资人快乐吗？能赚钱吗？身处这个血腥的屠宰场中怎么能雄起？牛敢进场？！股票市场走势与国民经济发展增长相左，权贵们无责无过？</t>
  </si>
  <si>
    <t xml:space="preserve">考会计证要学哪些课程？？《基础会计学》、《财务会计学》、《财务管? </t>
  </si>
  <si>
    <t>三门《基础会计与实务》《会计电算化》《财会人员职业道德》请到：中华会计网上流览相关信息。</t>
  </si>
  <si>
    <t xml:space="preserve">梦幻情天跑商需要在哪几个城市？ </t>
  </si>
  <si>
    <t>风来镇、翔鹤城、凄凉荒漠和夜幕镇四张地图中每个场景包含两个商人。</t>
  </si>
  <si>
    <t xml:space="preserve">由于家里的压力,和我最爱的男朋友分手了,如今他也快结婚了,在我刚? </t>
  </si>
  <si>
    <t>如果因为家里的压力和你喜爱的人分手了，我想有两种可能一是你有些软弱，二是你还不够爱他。如果现在看到他要娶别的女孩了，而自己是因为软弱分手的话，那现在争取还来得及，如果他还爱你当然好，如果他拒绝了也不要太伤心，起码你战胜了自己，祝福他也祝福你自己吧。如果是你不够爱她的话（因为我觉得如果真的没有他不可以，那么一切压力都是可以承受的）那就不需要难过了，或许你的真名天子还没有出现哦。打起精神来吧，无论怎样失意都不是好办法，无论你的幸福在哪里，但关键是要勇敢的抓住，不要在失意的时候让幸福在身边溜走：）</t>
  </si>
  <si>
    <t xml:space="preserve">什么动物寿命最短? </t>
  </si>
  <si>
    <t>是 蜉蝣它们只有几个小时的生命所以 它们会在水上 迅速交配繁衍后代</t>
  </si>
  <si>
    <t xml:space="preserve">电影伊人再见是哪些演员演的???? </t>
  </si>
  <si>
    <t>《伊人再见》/Silent romance出品时间：04/08/1984导演：陈勋奇编剧：王家卫、黄炳耀演员：王家卫是这个吗？我只能查到这么多！：）</t>
  </si>
  <si>
    <t xml:space="preserve">婴儿肺炎出院后的护理我宝宝现在快两个月了.新生儿期吃奶睡眠精神状 </t>
  </si>
  <si>
    <t>您好！你在这里提问，首先你对你所提问题的问题认识不清楚！如果您真的需要完整正确的解答，我建议您应该去正规的医院向专业的医生咨询！毕竟那里才是权威的地方，那样才是对自己负责，为了健康，切记不要草率盲目！</t>
  </si>
  <si>
    <t xml:space="preserve">爬坡时闻到一股焦糊味,会有什么后果?长城哈弗载了7人,2档爬一个 </t>
  </si>
  <si>
    <t>你的车跑了几万公里了,如果是六万以上那可能是离合片烧坏的味道.再跑一段时间看一下吧,如果真是它的话,车子肯定跑不起来,伴有严重的焦味.不然你试着把手刹拉住,挂一档起步.看发动机是不是转速上升,还是死火?要是死火的话就正常.不然则是离合片的问题了.</t>
  </si>
  <si>
    <t xml:space="preserve">为什么我用暴风影音看的都是倒着的画面希望别说让我下REAL我有但 </t>
  </si>
  <si>
    <t xml:space="preserve">    由于一些编码的问题或者解码器的兼容问题，会使极少数视频 (通常是 AVI) 播放的画面出现上下颠倒的问题，虽不常见但很烦人，但是一般都可以轻易解决　　1、如果该视频有外挂字幕，请利用 VSFilter 的设置功能，在任务栏的绿色箭头上单击右键，选择“翻转图像”即可　　2、如果该视频没有外挂字幕，可以通过在 VSFilter 设置程序中的“常规”项，将载入方式设为“始终载入”来强行启动 VSFilter，然后参考情况 1，不过缺点可能会导致系统开销较大　　3、对情况 2，也通过在暴风影音综合设置程序的“MPEG-4 解码选项”功能组中对 FFDShow“启用 raw 视频解码”功能，然后播放时在 FFDShow 的任务栏图标上单击右键，选择“翻转”即可——直接被 FFDShow 支持的格式无需 Raw 视频支持亦可实现此功能。　　推荐你使用KMPlayer，我用它从未发生过上述现象，这是来自韩国的影音全能播放器，与 Mplayer 一样从 linux 平台移植而来的 Kmplayer (简称KMP)几乎可以播放您系统上所有的影音文件。通过各种插件扩展 KMP 可以支持层出不穷的新格式。强大的插件功能,直接从 Winamp 继承的插件功能，能够直接使用 winamp 的 ，输入，视觉效果插件，而通过独有的扩展能力，只要你喜欢，可以选择使用不同解码器对各种格式进行解码。内含中文语言包支持。　　KMPlayer  5 多语言版下载地址：　　 </t>
  </si>
  <si>
    <t xml:space="preserve">谁知道宋朝的嫔妃制度? </t>
  </si>
  <si>
    <t>皇后之下立惠妃、丽妃、华妃，以为三夫人，正一品；又置淑仪、德仪、贤仪、顺仪、婉仪、芳仪、贵仪、妃仪，以为八仪，正二品；美人四人，为正三品；才人七人，为正四品；尚宫、尚仪、尚服各二人，为正五品；自六品至九品，即诸司诸典职员品第而序之，事实上就是晚唐的制度，只是改六仪为八仪罢了</t>
  </si>
  <si>
    <t xml:space="preserve">请教一个DOT魔法和状态魔法的问题请问在PVP中敌人中了DOT魔 </t>
  </si>
  <si>
    <t>只要掉血或者掉蓝，魅惑、昏睡、变羊状态就会消失。</t>
  </si>
  <si>
    <t xml:space="preserve">一个会计的问题求解~~~刚看到一个公式..不懂...我知道这个是 </t>
  </si>
  <si>
    <t>你知道为什么你错了吗，因为你在后面两个都在除流动资产，但只能除以一个的，给你举个例子，5-1/4,如果减数和被减数都初以5，那么就等于1-1/20懂吗，不是1/5//4/5。</t>
  </si>
  <si>
    <t xml:space="preserve">服装宝箱活动问题现在开箱子一般都中啥?想问问开的多的``开10个 </t>
  </si>
  <si>
    <t>开箱子一般都是积分开10说不定，RP好2个就叫你中！开不好100个都中不了！永久道具不是那么好中的，这些东西都是靠运气！最后，祝你好运！</t>
  </si>
  <si>
    <t xml:space="preserve">小妹85WX带2D+2血煞去黄昏总是捡不到东西是不是攻击不够高要? </t>
  </si>
  <si>
    <t>跟攻击没关系，MM基本不攻击，不照样拿东西么，下黄昏就是看运气了，还有就是包里东西尽量少，东西太多就很少得到东西了</t>
  </si>
  <si>
    <t xml:space="preserve">注册拥护今天问道怎么注册不了用户。总是出现验证码错误，这是怎么回 </t>
  </si>
  <si>
    <t>网站有问题，多等几天再来注册吧。</t>
  </si>
  <si>
    <t xml:space="preserve">滴水观音是什么肥好？我家滴水观音的叶子瘦长，站不起来，是否要施肥 </t>
  </si>
  <si>
    <t>滴水观音喜湿润、肥沃土壤，生长期间要多浇水。追肥可用腐熟的豆饼水等液肥与无机肥（复合肥或磷酸二氢钾）轮换施用，每隔2周追施一次。追施液肥时，切忌肥水浇入叶鞘内以免腐烂。夏季需要在遮阴情况下，经常喷水降温保湿。盆栽介质过碱或因长期不换土及时更新营养的话将会导致植株叶黄、倒叶。滴水观音生长非常快，所以在其生长过程中，肥水一定要适量，避免造成茎部下端空秃，影响观赏价值。盆栽滴水观音，追施硫酸亚铁能使叶片变大、变厚、变绿，平滑有光泽，叶柄不易伸长，避免瘦长倒伏，从而保证叶片和株型美观。同时能促进花蕾形成，延长花期。具体方法是：将硫酸亚铁稀释成2%的溶液，每隔1个月浇施一次，每次要浇透。</t>
  </si>
  <si>
    <t xml:space="preserve">拼音间隔word中打汉语拼音,拼音间间隔用空格实现,但是有时按一 </t>
  </si>
  <si>
    <t>一个空格占一个字符的位置，你要找适合你的间距可以在“格式——字体——字符间距”里设置磅值。</t>
  </si>
  <si>
    <t xml:space="preserve">没有安全感，怎么办？各位出高见！本人来上海工作多年6年多拉，没大 </t>
  </si>
  <si>
    <t>哈哈,现在比你惨的人多的去了,何必要那没钱,租房住,看人爱开车,自已骑自行车环保又健身,人爱吃汉堡,自已吃大米,比那拉圾食品那多了.想要有自已的事现这得慢慢来,急不得结婚后你们两个同心同力,就算不会发财,安安稳稳这生活还是可以的.祝你早日发财.财源广进.</t>
  </si>
  <si>
    <t xml:space="preserve">最近做什么事都提不起劲来,,对什么都不感兴趣,,觉的什么都无所谓? </t>
  </si>
  <si>
    <t xml:space="preserve">可能你有些焦虑或抑郁的情绪，一般是由于某种挫折感引起。静下心来仔细想一想，最近究竟有什么变化，是工作学习使你担心力不从心，还是周围的人不能与你很好的沟通？其实，只有自己最了解自己，关键是自己有没有勇气去了解自己面对自己。或者换个省事的办法，找心理医生谈谈吧，因为他们是有责任为你保密的，又具有专业知识和训练，你可以放心的求助于他们。 </t>
  </si>
  <si>
    <t xml:space="preserve">他这样对我我要下怎样的决心六天前同事给我介绍了一个男朋友看了后感 </t>
  </si>
  <si>
    <t>不要主动联系他，看看他是什么反应，如果不联系你了，就证明他不喜欢你，你就要另做打算了，不要把感情放在他身上</t>
  </si>
  <si>
    <t xml:space="preserve">处女膜破掉后有什么反应阿？？？？流血的话大概多长时间停止阿？我从? </t>
  </si>
  <si>
    <t>这个分为小出血,中出血和大出血,一般情况下都是小出血 啦,一会就没了,不过我连续几天发生关系,都出血,当时吓坏了，后来看了书才知道也很正常，如果你觉得不放心就到医院去看看吧.</t>
  </si>
  <si>
    <t xml:space="preserve">我接了好几个成语收集的任务，现在只完成了一个，那个卡片有什么用吗? </t>
  </si>
  <si>
    <t>成语卡片本来应该成为游戏的一大亮点，不知道为什么成了现在的鸡肋，花了半小时到一个小时收集的卡片只能用一次应该没人愿意去做吧？完成任务后成语收集里也看不到，用过以后也看不到。。。     　如果卡片能够成为永久性的，应该大家都会去做吧。最好是卡片能存到成语收集里，而且也能取出放到包包里。   　卡片本身是有技能的，放到成语收集里的时候最好可以增加人物的一定属性，比如技能的被动效果，有的被动加防御，卡片放到收集包的时候就加人物的1%防御。目前所有的72个被动应该对应的是攻击、防御、法攻、法防、气血、灵气、命中、回避，虽然没有全部开放，我想应该是每种9个吧，收集满以后加9%的攻击防御等等，9%当然是不够的，最好收集到加攻击的9个后效果翻倍18%，收集满72效果再翻倍36%，这样大家应该都成成语迷了吧</t>
  </si>
  <si>
    <t xml:space="preserve">体验服是什么意思! </t>
  </si>
  <si>
    <t xml:space="preserve">经过国家部批准，国际版第三部资料片“国色天香”将在元旦期间全球同步发行。比起前两部，第三部将实现重大突破，内容也将要有很大变化。主要卖点是开放109新修真，超神器问世，开放国战，开放家园和生儿育女，开放新职业： 第一点：全新的大地图，109级修真副本和超神器问世。 1.将在原大地图的未开发地区增加一座特级都市（轩辕城），一块1级领地（天机城），两块2级领地（冰凌要塞和蓬莱阁），十块3级领地。 2.仙魔地图里将要开放各自的109级修真副本和两个修真级别“大罗金仙”“大魔神王”，每个副本各设九大超级BOSS。这些BOSS将要掉新的超级职业套装，高级技能书。 3.仙魔109级副本的最终BOSS将有一定几率掉落制造神器（橙色）的铸具和超神器（七彩霞光颜色）的铸具。 第二点：帝国的建立和国战。 1.当一个帮派的领土超过五块，可向各主城的国战管 理 员申请建国任务（也可以由几个领土相加超过5块的帮派联合申请）并完成建国任务将可以建立国家，可得到领土内商店消费的一部分做国库税收。 2.成功建立国家以后的帮派帮主自动升级为领主，可任免官职和本国各项指令，购买NPC守卫和守城设施。本国玩家在自己国内购买商店物和消费将有一定的优惠，打怪所得经验也有所增加 。 3.一个国家可以对另一个国家宣战，宣战需要向系 统上缴一定金额的战争押金。宣战时间为每月上旬的1.2.3号和下旬的16，17，18号，国战开始时间为宣战结束后的24小时自动进入为期三天的战争状态，战争直接在大地图上进行。晚上20点至23点可攻占对方领地，其它时间在交战双方的国土内杀死敌国玩家不会红名还增加国家贡献度，在中立国和非大地图区域除外。 4.国战结果分为“灭国”“占领”“败退”等三种。“灭国”要求双方在战争状态时间内占领敌国首都和一半领土以上，可得到战败国的领土和国库50％资金，90％的战争押金，战败国自动灭亡，剩于领土变为无主领土。“占领”要求进攻方在战争时间状态内攻占敌国两块以上的领地。可得到已占领土和75％的战争押金。“败退”是指进攻方未在战争状态时间内占领两块领土，防守方将得到90％的战争押金。 5.国家分为“帝国 ”“王国”“公国”三级，国主的称号分为“皇帝”“国王”“领主”，可根据领土的扩大而升级，每次升级将遇到怪物攻城，国家等级越高，本国玩家享受到的福利待遇也越好 第三点：打造自己的个性家园，我爱我家 1.国际版的家园将很大的区别于国内版。只要玩家等级超过89级过了仙魔修真就可向房地产官员申请购买地皮。 2.住宅区分为“轩辕城住宅区”“天机城住宅区”“祖龙城住宅区”“万流城住宅区”，每个住宅区的地理位置不同，房价也会各有差异，玩家可以按照自己的喜好和能力购买家园，每位玩家在同一处住宅区只能购买一座家园。有一处以上家园的玩家将得到“家园产权证”。 3.每个住宅区都有自己独特的风景，茶余饭后悠闲的在家园小区道路上散步或与好友聊天是每个玩家的梦想，运气好遇到NPC“小偷”杀死他可得到大量的金钱，技能书残页和稀有道具。住宅区虽非安全区，但有大量的高级NPC守卫巡逻，而且对恶意杀人惩罚严重，红名时间加倍并罚24小时不能进此住宅区 4.家园按占地大小和档次分为“宫殿”“庄园”“别墅”“小楼”“民房”，喜欢宁静的玩家可以在自己的家园随意布置摆设添置各种家具，一些平时用不上的武器装备和战利品也可以放到家里，有空在家欣赏自己的收藏也是不错的选择。喜欢热闹的玩家空余时间还可以请三五好友来家里做客，遇到重大的喜事叫上帮朋友来开“party”。家园的档次越高相对应的功能也越强。家园内有完善的来客设置，可以限制“好友”“陌生人”“黑名单”进屋来打搅，也可以开放给玩家参观。 5.拥有家园的夫妻玩家同时在自己共有的家园中选择“恩爱”将有一定几率“受孕”，失败要等24小时以后再试。成功受孕后一星期，系 统会在双方帐号的角色里面同时增加个新角色“某某和某某的儿子（或女儿）”，新角色在夫妻双方的帐号**数据是互通的，夫妻双方可分别用新角色上游戏但两人不能同时选新角色进入游戏 .玩家之间私下不能交易家园，买卖双方要到房地产管 理 员 那里缴纳成交价10％的手续费办理过户手续。每个星期拥有家园的玩家都要缴纳金额不等的物业管 费 理，金额不足将停止家园的功能，超过两个星期不缴将没收“家园产权证”。 注明1：别墅任务得到的神秘物品将在家园有大用处。 注明2：“家园产权证”的记录将对玩家属性有很大的提高。 注明3.一对夫妻只能拥有一个孩子。 第四点：新的职业新的功能等于玩新的游戏（待完全开放） 1.开放新的人族职业“僧侣”，开放新的妖族“妖灵”。 2.开放各项的排行榜。 3.开放NPC赌场老板的功能。 4.开放“天书碎片”更多的用处，使用若干“天书碎片”可随机解除身上某件已天人合一的道具。 5.增加新的各族飞行器，时装 </t>
  </si>
  <si>
    <t xml:space="preserve">帮帮忙！连词写话！！！欣慰苦尽甘来望而却步醒目企盼 </t>
  </si>
  <si>
    <t>连词写话！！！欣慰 苦尽甘来 望而却步 醒目 企盼  许庆拿着北京大学的录取通知欣慰地笑了,她想终于苦尽甘来!但是她看看通知书上的收费栏目,再想想穷得连病都看不起的父亲,她对北大望而却步了.许庆反复地看着通知,几个醒目的大字跳入她的眼帘:免费贷款!许庆笑了,她多么企盼自己马上进入北大啊.</t>
  </si>
  <si>
    <t xml:space="preserve">英语翻译的问题Thebiaswillbelessinacross </t>
  </si>
  <si>
    <t>在对所有公司的抽样分析中，倾向性会减弱，而仅对一个时期内留存下来的公司做定组研究，倾向性会不断增加。</t>
  </si>
  <si>
    <t xml:space="preserve">鲁迅美术学院艺术设计研究生学费多少 </t>
  </si>
  <si>
    <t>艺硕 一年18000</t>
  </si>
  <si>
    <t xml:space="preserve">武汉包装厂有哪些？哪家比较好？ </t>
  </si>
  <si>
    <t>别的不太清楚，就我们合作的武汉精简至上来说，无论从服务，价格，和产品的质量都是很不错的，合作很多年了，每次公司印制手提袋和礼盒找的都是他们，还送货上门。</t>
  </si>
  <si>
    <t xml:space="preserve">怎么呵护眼周肌肤？ </t>
  </si>
  <si>
    <t>BOKANI很好用，现在很多人都在用的！</t>
  </si>
  <si>
    <t xml:space="preserve">怎么知道他们说的是不是真话哪！~请有经验的人进来看下是我敏感了嘛? </t>
  </si>
  <si>
    <t>那要看什么情况了，用抢这个字来形容确实让人很难判断，如果自己确实是没有能力给对方与爱，而现在他们真的真心相爱且很幸福，那就祝福他们吧。 如果是什么乱七八糟的原因，一时冲动之类的，就会当生活中从来没出现过他们一样，放弃反而对你有好处。</t>
  </si>
  <si>
    <t xml:space="preserve">棋圣之魂怎么用？ </t>
  </si>
  <si>
    <t xml:space="preserve">棋圣之魂是天弈战场旁边的中间那堆骨头召唤用的。一个人单刷是不可能完成的，召唤出的那老头超猛，2组人都不好打啊。杀完随机爆装备魔图。 用１００００仙基＋图样＋５０个天晶珠就可以换对应的150战场真仙装备。 </t>
  </si>
  <si>
    <t xml:space="preserve">sos求救汽车（桑塔纳）停了一夜后，早上起来要把油门踩到底才能发 </t>
  </si>
  <si>
    <t>油嘴漏油了，火花塞被淹。油门踩到底是最有效的起动方法。</t>
  </si>
  <si>
    <t xml:space="preserve">闻一多的事迹要详细的 </t>
  </si>
  <si>
    <t xml:space="preserve">闻一多(1899．11．24—1946．7．15)原名闻家骅，号友三，生于湖北浠水。自幼爱好古典诗词和美术。1912年考入北京清华学校，喜读中国古代诗集、诗话、史书、笔记等，1916年开始在《清华周刊》上发表系列读书笔记，总称《二月庐漫记》。同时创作旧体诗。　　1919年五四中，积极参加学生运动，被选为清华学生代表，出席在上海召开的全国学生联合会。　　1920年4月，发表第一篇白话文《旅客式的学生》。同年9月，发表第一首新诗《西岸》。　　1921年 11月与梁实秋等人发起成立清华文学社，次年3月，写成《律诗底研究》，开始系统地研究新诗格律化理论。　　1922年7月赶美留学。年底出版与梁实秋合著的《冬夜草儿评论》，代表了闻一多早期对新诗的看法。　　1923年9月出版第一本新诗集《红烛》，具有唯美倾向。　　1925年5月回国，任北京艺术专科学校教务长。1926年参与创办《晨报.诗镌》，发表了著名论文《诗的格律》。　　1927年任武汉国民革命军政治部艺术股长。同年秋任南京第四中山大学外文系主任。　　1928年1月出版第二本诗集《死水》。1928年3月在《新月》杂志列名编辑，次年因观点不合辞职。1928年秋任国立武汉大学文学院院长兼中文系主任，从此致力于研究中国古典文学。　　1930年深秋去山东任青岛大学文学院院长兼国文系主任。　　1932年8月回北平任清华大学国文系教授。抗日战争爆发后，随校南迁，同学生一起从长沙步行到昆明，此后在西南联大任教8年，积极投身于抗日运动和反独裁、争民主的斗争。在学术上，他广泛研究祖国的文化遗产，著有《神话与诗》、《楚辞补校》等专著。　　1944年加人中国民主同盟。抗战胜利后出任民盟中央执委，经常参加进步的集会和游行。　　1946年7月15日在悼念李公朴先生大会上，愤怒斥责国民党暗杀李公朴的罪行，发表了著名的《最后一次的讲演》，当天下午即被国民党特务杀害。著作书目：《冬夜草儿评论》与梁实秋合著，1922，清华文学社《红烛》(诗集)1923，泰东；1981，人文《死水》(诗集)1928，新月；1980，人文《闻一多全集》(1一4册)1948，开明；1982，三联《闻一多选集》1951，开明《闻一多诗文选集》1955，人文《闻一多青少年时代诗文集》1983，云南人民《闻一多论新诗》(评论)1985，武汉大学出版社《楚辞补校》(古典文学研究)1942，重庆国民图书出版社《神话与诗》(古典文学研究)1956，古籍《古典新义》(上下册，古典文学研究)1956，古籍《唐诗杂论》(古典文学研究)1956，古籍《闻一多论古典文学》1984，重庆出版社《离骚解诂》(古典文学研究)1985，上海古籍闻一多（1899－1946）原名闻家骅，湖北浠水人。现代著名诗人，学者和民主战士，被称为三重人格。他不仅精于新诗创作，而且在新诗格律的创作上取得重大成就。新诗集《红烛》、《死水》、《太阳吟》、《忆菊》、《发现》、《一句话》都是现代诗坛经典之作。对《周易》、《诗经》、《庄子》、《楚辞》四大古籍的整理研究，曾被郭沫若称为：前无古人，后无来者。他一身正气，抗战蓄髯八年。1946年夏在昆明遇刺身亡。如果说，闻一多是一支诗坛上焰光迸射的“红烛”，那么他对祖国和人民的爱则是他的“烛芯”。据《闻氏宗谱》记载，浠水闻氏是南宋民族英雄文天祥家族的后裔，从江西到湖北避难，并改“文”为“闻”。从某种意义而言，闻一多身上确实传承着这位民族英雄的血气：大义凛然，宁为玉碎，不为瓦全。“五四”之夜，闻一多抄贴岳飞《满江红》于校园，表达其激愤之情。这年暑假他破例没有回家。他给父母写信说：“男在此为国做事。非谓有男国即不亡，乃国家育养学生，岁糜巨万，一旦有事，学生尚不出力，更待谁人？”他与同学们一起进城宣传，并作为清华代表出席了全国学生联合会成立大会。留学美国时，闻一多饱尝了弱国子民所受的歧视与屈辱，愈发激发了其对祖国和家乡的思念和悠久文化的热爱，他说：“诗人的主要天赋是爱，爱他的祖国，爱他的人民。”他要骑着太阳“每日绕行地球一周，也便能天天望见一次家乡”（《太阳吟》），“我要赞美我祖国的花；我要赞美我如花的祖国！”于是“诗兴总比画兴浓”，由此诞生了他的第一本诗集《红烛》。1925年，闻一多怀着一腔挚爱回到他日思夜想的祖国，看到的却是“五卅”惨案的斑斑血迹，“如花的祖国”满目疮痍。他失望、他愤懑、他迸着血泪沉痛地叫喊：“这不是我的中华，不对，不对！”（《发现》）他迷茫、他悲伤、他呐喊：“我追问青天，逼迫八面的风，我问，拳头擂着大地的赤胸，总问不出消息：我哭着叫你，呕出一颗心来———在我心里！”（《发现》）祖国沉沦，山河破碎！闻一多痛心疾首不已，他深情地把澳门、香港、台湾等七个被割让、租借的地方比作从母亲身边掳走的七个孩子，声声啼血地泣喊：“母亲！我要回来！母亲！”（《七子之歌》）70年来，这撕心裂肺的呼唤时时刻刻地撞击着炎黄子孙的心扉！朱自清称他是“是个爱国诗人，而且几乎可以说是惟一的爱国诗人”。1928年1月，闻一多的第二本诗集《死水》出版，集中体现了他所倡导的“音乐的美”、“绘画的美”、“建筑的美”新格律诗理论，从而也奠定了他在中国现代新诗发展史上的地位。 附录:闻一多诗选1.红烛闻一多　 “蜡炬成灰泪始干”──李商隐红烛啊！这样红的烛！诗人啊吐出你的心来比比，可是一般颜色？红烛啊！是谁制的蜡──给你躯体？是谁点的火──点着灵魂？为何更须烧蜡成灰，然后才放光出？一误再误；矛盾！冲突！"红烛啊！不误，不误！原是要“烧”出你的光来──这正是自然的方法。红烛啊！既制了，便烧着！烧吧！烧吧！烧破世人的梦，烧沸世人的血──也救出他们的灵魂，也捣破他们的监狱！红烛啊！你心火发光之期，正是泪流开始之日。红烛啊！匠人造了你，原是为烧的。既已烧着，又何苦伤心流泪？哦！我知道了！是残风来侵你的光芒，你烧得不稳时，才着急得流泪！红烛啊！流罢！你怎能不流呢？请将你的脂膏，不息地流向人间，培出慰藉的花儿，结成快乐的果子！红烛啊！你流一滴泪，灰一分心。灰心流泪你的果，创造光明你的因。红烛啊！“莫问收获，但问耕耘。” 2.死水作者: 闻一多　 这是一沟绝望的死水，清风吹不起半点漪沦。不如多扔些破铜烂铁，爽性泼你的剩菜残羹。　也许铜的要绿成翡翠，铁罐上绣出几瓣桃花；在让油腻织一层罗绮，霉菌给他蒸出些云霞。　让死水酵成一沟绿酒，漂满了珍珠似的白沫；小珠们笑声变成大珠，又被偷酒的花蚊咬破。　那么一沟绝望的死水，也就夸得上几分鲜明。如果青蛙耐不住寂寞，又算死水叫出了歌声。　这是一沟绝望的死水，这里断不是美的所在，不如让给丑恶来开垦，看他造出个什么世界。　 </t>
  </si>
  <si>
    <t>世界杯胜负彩实图（9）2304元</t>
  </si>
  <si>
    <t>13080还不够啊，祝好运，</t>
  </si>
  <si>
    <t xml:space="preserve">世界杯分档了,你心目中的"死亡之组",大家说说自己的看法.哈哈, </t>
  </si>
  <si>
    <t>巴西，喀麦隆，澳大利亚，塞尔维亚</t>
  </si>
  <si>
    <t xml:space="preserve">大鹅的排五单　大家PP看看到底能坚持　多少　期才能中 </t>
  </si>
  <si>
    <t>恭喜你能中，我也去买一单</t>
  </si>
  <si>
    <t xml:space="preserve">终极一班第四部哪时播出？ </t>
  </si>
  <si>
    <t>终极4会考虑终3的好评度再来想4的问题。飞轮海不会再次拍摄终极一班4，汪东城已经签约了海瑞，退出了可米，亚伦和其他都在外地，所以飞轮海出现在终极一班4的几率几乎是没有的。  如果对您有帮助，给我的答案一个好评哦，亲，谢谢</t>
  </si>
  <si>
    <t xml:space="preserve">急需一段描写人物神情的片段!!!细致描写人物神情的片段!200字 </t>
  </si>
  <si>
    <t>呵呵，放到文学栏目中去提这个问题吧，会有满意答案的。。。祝你好运！！</t>
  </si>
  <si>
    <t xml:space="preserve">唱歌的为什么非得要伴舞的?如果没有伴舞,唱歌效果是不是就差了? </t>
  </si>
  <si>
    <t>不是说唱歌非得要有伴舞的.但如果有,而且伴得恰当会活跃气氛,会使唱者临场发挥更好些.如果是纯歌赛是不需伴舞的.表演性的就要根据具体情况而定.比如星光大道的参赛者有的有伴舞,有的没伴舞.但不一定没伴舞就不好.星光大道参赛者95%以上都有伴舞,但阿宝在周赛,月赛都没伴舞,年赛也只是象征性的有一点,但他仍以自己的实力最后拿下了年度冠军.所以不能绝对的一概而论.</t>
  </si>
  <si>
    <t xml:space="preserve">您会被什么事情感动呢？昨天晚上在医院门口瞎溜达，看到有小贩卖玉米 </t>
  </si>
  <si>
    <t>。。。~~~~(&gt;_&lt;)~~~~我对这些没有抵抗力，不要测试我。。。。每一位有良知的人都该具备悲天悯人的情怀乖乖！那明明是根甘蔗！你被一根质量差的玉米感动，我被你感动了。真的很感人啊。。。你确定他啃的是你吃过的那根吗。。。我奇怪都是一锅里煮的为啥那根没熟。。。</t>
  </si>
  <si>
    <t xml:space="preserve">cpu的温度应该是多少?我的是酷睿2E6300.从BIOS查看温 </t>
  </si>
  <si>
    <t>按理说酷睿2的CPU功耗是非常低的，正常温度应在30，40度左右，如果楼主没超频（E6300默认频率1.83)也没有刚玩大型游戏或进行文件压缩就这个温度那就不太正常，就是用原装风扇风冷正常也不会超过45度。式一式主板赠送的那些硬件优化软件会对你有些帮助，但如果一般方法不行那就是你的CPU有问题了……</t>
  </si>
  <si>
    <t xml:space="preserve">高手请进来你们做爱一晚上能做几次啊，会不会肾虚中 </t>
  </si>
  <si>
    <t>我最高记录是8次，是挺累的，那时很兴奋所以也不觉得累</t>
  </si>
  <si>
    <t xml:space="preserve">小明的妈妈有三个孩子，老大叫大毛，老二叫二毛，老三叫什么呢？ </t>
  </si>
  <si>
    <t>小明</t>
  </si>
  <si>
    <t xml:space="preserve">有没有创作剧本的软件?有写作之星及作文之星,有没有创作成本的专门 </t>
  </si>
  <si>
    <t>好像没有吧，这方面自由度太大，很难的，找几个中文系的高才吧，爱莫能助。。。</t>
  </si>
  <si>
    <t xml:space="preserve">开眼角割双眼皮要多少钱？贵吗 </t>
  </si>
  <si>
    <t>以下几方面的因素都会影响割双眼皮多少钱。　　1、手术材质　　割双眼皮需要的材料主要是缝线，缝线有着不同的种类，大致可分为可吸收缝线和不可吸收缝线。可吸收缝线在人体中可以慢慢被吸收，不需要进行拆除。不可吸收缝线只能短时间地留在人体中，在术后恢复到一定程度需要特意进行拆除。手术材质功能不同，价格自然也不相同。　　2、手术方案　　现在的双眼皮技术比较成熟，正规的整形都会为爱美者提供了多种不同的割双眼皮方案。爱美者可以选择开一般式双眼皮方法，这种方法比较老旧，但术后创伤区域要稍大一些，恢复期也要稍长一些。也可以选择韩式双眼皮方法，这种方法比较新颖、先进，创伤小、痛苦少，恢复期更短，而且还不留疤痕。不同的手术方案，自然也就成为了影响开双眼皮价格的因素。　　3、医院的实力、等级　　开双眼皮虽然看起来像是个小手术，但由于其部位特殊——眼睛非常重要，因此，割双眼皮手术对医师的掌控能力、设备的精准度要求都比较高。那些非正规的小门诊甚至是黑门诊，不仅技术不过硬，甚至价格还藏有陷阱。</t>
  </si>
  <si>
    <t xml:space="preserve">为什么总是不小心问到动物身上？我又不是动物学家。 </t>
  </si>
  <si>
    <t>您指定不是..........动物学家您只是兽医............</t>
  </si>
  <si>
    <t xml:space="preserve">买的号又没了我在买了个游戏帐号没玩几天又被卖家用密码保护给弄回去 </t>
  </si>
  <si>
    <t xml:space="preserve">尊敬的客户:     您好！5173客户服务028很高兴为您服务！帐号交易存在一定的风险，我们只担保卖家所提供的密码保护资料是正确的，不保证卖家会不会用其他非法手段找回帐号，对此我们只能为您提供力所能及的帮助！买家下订单支付成功之后，联系接手客服交易，客服会告诉买家交易地点，买家上线交易就可以了。您也可以致电我们的客服热线：4007115173，　0579-83225173 ，免费电话：8008579173 (请用固话或小灵通拨打)进行查询。感谢您对5173的支持!!!                                                     </t>
  </si>
  <si>
    <t xml:space="preserve">DF怎么加点啊各位好心的GGJJ我想拜DF告诉我怎么加点好不好. </t>
  </si>
  <si>
    <t>楼上的是复制官网的吧，没水平，我就是玩DF的，玩DF以血为主，3血2耐可以，不推荐全血，全攻也可以，不过太难练.</t>
  </si>
  <si>
    <t xml:space="preserve">我家的房屋该如何装修房屋平面图嘿不会画房子总使用面积85平米我最 </t>
  </si>
  <si>
    <t>最好是有平面图，建议找一家正规装修公司，找设计师给您详细设计一下，他们想的比我们周全。我们家就找了一家正规的广东公司，叫京广华艺的，人家设计出来的东西有的自己都想不到。设计的很好的。现在我们家装修完了。还有这家还讲风水呢。</t>
  </si>
  <si>
    <t xml:space="preserve">面对人的虚荣心，该怎样理解现在人的虚荣心真是太重了，要面子，重场 </t>
  </si>
  <si>
    <t>虚荣心，从角度来说是一种追求虚荣的性格缺陷，是一种被扭曲了的自尊心。人人都有自尊心，都希望得到社会的承认，这是一种正常的心理需要，但虚荣心强的人不是通过实实在在的努力，而是利用撒谎、投机等不正常手段去渔猎名誉的。想把虚荣心转化为自尊心，应注意以下几点进行调整。认识虚荣心带来的危害虚荣心强的人，在思想上会不自觉地渗入自私、虚伪、欺诈等因素，这与谦虚谨慎、光明磊落、不图虚名等美德是格格不入的。虚荣的人为了表扬才去做好事，对表扬和成功沾沾自喜，甚至不惜弄虚作假。他们对自己的不足想方设法遮掩，不喜欢也不善于取长补短。中学生正处在生理和心理的成熟期，这种虚荣的心态对迫切要求上进，正处于成长之中的中学生是十分有害的。虚荣的人外强中干，不敢坦露自己的心扉，给自己带来沉重的心理负担。虚荣在现实中只能满足一时，长期的虚荣会导致非健康情感因素的滋生。了解虚荣心的一些表现，及时控制和纠正虚荣心理的表现是多方面的：对自己的能力、水平过高估计；处处炫耀自己的特长和成绩，喜欢听表扬，对批评恨之入骨；常在外人面前夸耀自己有点权势的亲友；对上级竭尽拍马奉承；不懂装懂，打肿脸充胖子，喜欢班门弄斧；家境贫寒却大手大脚，摆阔气赶时髦；处处争强好胜，觉得处处比人强，自命不凡；对生活中的失误归咎于他人，从不找自身的原因；有了缺点，也寻找各种借口极力掩饰；对别人的才能妒火中烧，说长道短，搬弄是非；等等。认清虚荣心与自尊心的区别与联系随着生理发育，青少年的自尊心也得以发展，并明显增强。随着人生理和心理上的成熟，人的社会认识能力与自我意识也逐步提高，开始了个体社会化。随着自尊心的发展，虚荣心才开始介入人的情感领域。虚荣心实际上是一种扭曲的自尊心。自尊心强的人对自己的声誉、威望等比较关心。做了好事，心理高兴是荣誉感的表现；珍惜荣誉，顾全面子是维持自尊心的正常要求；而为了表扬去做好事，甚至不惜弄虚作假，这就是虚荣心的表现了。自尊在谦虚、进取、真实的努力中获得。有自尊的人不掩盖缺点，而是取长补短；不会通过有权势的亲友或压低别人来抬高自己；不会不懂装懂，夸夸其谈；也不会把失败和不如意归咎于他人，而是可以进行深刻的批评与自我批评来改进自己。端正自己的价值观与人生观自我价值的实现不能脱离社会现实的需要，必须把对自身价值的认识建立在社会责任感上，正确理解权力、地位、荣誉的内涵和人格自尊的真实意义。中学阶段，学生开始为追求一定的价值目标而学习，学习成为自觉、主动而持久的活动。但是，随着社会主义市场经济体制的建立，人们的观念发生了新的变化，加上社会上某种消极因素的影响，不少学生对生活、前途、人生的态度过分追求外在的虚华，讲排场，摆阔气，大吃大喝，攀比是时髦的象征，否则就会由于跟不上形势而遭讥讽，这都为虚荣心的滋长提供了土壤。只有着眼于现实，把自己的理想与国家、民族的前途结合起来，通过艰苦努力，克服前进道路上的困难和障碍，才有可能实现自己的远大理想和抱负。摆脱从众的心理困境从众行为既有积极的一面，也有消极的另一面。对社会上的一种良好时尚，就要大力宣传，使人们感到有一种无形的压力，从而发生从众所为。如果社会上的一些歪风邪气、不正之风任其泛滥，也会造成一种压力，使一些意志薄弱者随波逐流。虚荣心理可以说正是从众行为的消极作用所带来的恶化和扩展。例如，社会上流行吃喝讲排场，住房讲宽敞，玩乐讲高档。在生活方式上落伍的人为免遭他人讥讽，便不顾自己客观实际，盲目任意设计，打肿脸充胖子，弄得劳命伤财，负债累累，这完全是一种自欺欺人的做法。所以我们要本着清醒的头脑，面对现实，实事求是，从自己的实际出发去处理问题，摆脱从众心理的负面效应。调整心理需要需要是生理的和社会的要求在人脑中的反映，是人活动的基本动力。人有对饮食、休息、睡眠、性等维持有机体和延续种族相关的生理需要，有对交往、劳动、道德、美、认识等社会需要，有对空气、水、服装、书籍等的物质需要，有对认识、创造、交际的精神需要。人的一生就是在不断满足需要中度过的。可人毕竟不能等同于动物，马克思指出：“饥饿总是饥饿，但是用刀叉吃熟肉来解除的饥饿不同于用手、指甲和牙齿啃生肉来解除的饥饿。”在某种时期或某种条件下，有些需要是合理的，有些需要是非合理的，对一名中学生来说，对正常营养的要求是合理的，而不顾实际摆阔的需要就是不合理的。对干净整洁、符合学生身份的服装需要是合理的，而为了赶时髦，过分关注容貌而去浓妆艳抹、穿金戴银的需要就是不合理的。要学会知足常乐，多思所得，以实现自我的心理平衡。　参考文献：《自我识知、自测与咨询》</t>
  </si>
  <si>
    <t xml:space="preserve">怎么粉装备啊？看别人粉的装备都卖很多钱，想自己粉个，问一下怎么粉 </t>
  </si>
  <si>
    <t>看别人粉的装备都卖很多钱，想自己粉个，问一下怎么粉装可以到无名小镇的武器店中找NPC驭剑仙进行粉装备的练化，等级大于60级未经过改造的蓝色装备都可以进行练化，练化成功后，装备会被打上“某某玩家出品”的字样材料要求，粉水一个，同等级的金色粉才3个。</t>
  </si>
  <si>
    <t>补丁是怎么回事啊,怎么用不成啊?我双击了529</t>
  </si>
  <si>
    <t>没有关系的我的也是这样子不过你打开游戏运行程序可以进入不会影响游戏运行的！</t>
  </si>
  <si>
    <t xml:space="preserve">帮我看看这个双J看一下锻炼槽2325还能再断一体力吗？突的 </t>
  </si>
  <si>
    <t>把那个G消掉后，锻3T上去，带符水。既耐打，3G用无双秒人又足够了。</t>
  </si>
  <si>
    <t xml:space="preserve">蚌埠的面积是多少 </t>
  </si>
  <si>
    <t>蚌埠市辖4个市辖区、3个县。共设镇36个，乡19个（其中民族乡1个），街道办事处19个，村民委员会1247个，社区居民委员会204个。市人民政府驻安徽省蚌埠市东海大道　　市辖区　　蚌山区　面积　83平方千米，人口 22万。邮政编码233000。区人民政府驻南山路。　　辖 天桥街道、青年街道、纬二路街道、胜利街道、黄庄街道、宏业村街道、龙湖新村街道、雪华乡、燕山乡　　龙子湖区　面积 162平方千米，人口 23万。邮政编码233000。区人民政府驻解放路。　　辖 东风街道、治淮街道、东升街道、解放街道、曹山街道、延安街道、长淮卫镇、李楼乡　　禹会区　面积 125平方千米，人口 22万。邮政编码233010。区人民政府驻红旗一路。　　辖 大庆街道、张公山街道、纬四街道、朝阳街道、钓鱼台街道、秦集镇、长青乡　　淮上区　面积 232平方千米，人口 20万。邮政编码233002。区人民政府驻淮上大道。　　辖 淮滨街道、小蚌埠镇、吴小街镇、曹老集镇、梅桥乡</t>
  </si>
  <si>
    <t xml:space="preserve">贵州台今天晚上演的什么电视剧 </t>
  </si>
  <si>
    <t>《绝战》（竭力为您解答，希望给予【好评】，非常感谢~~）</t>
  </si>
  <si>
    <t xml:space="preserve">骨灰级玩家的心声以前的传奇3。上百人同时跑船，人群中刷了3只飞机 </t>
  </si>
  <si>
    <t>绝对的骨灰级玩家，说的很有道理。不过每个游戏也都有自己的成长周期，这个游戏已经进入衰退期了吧。现在有很多玩家都在批这个游戏</t>
  </si>
  <si>
    <t xml:space="preserve">导游的就业情况怎么样 </t>
  </si>
  <si>
    <t xml:space="preserve">应该蛮好 </t>
  </si>
  <si>
    <t xml:space="preserve">急求帮助！我的融通巨潮100基金今天是分红的权益登记日，但我今天 </t>
  </si>
  <si>
    <t>如你今天将基金全部卖出是享受不到分红的,如是除权上市日是可以享受到的.</t>
  </si>
  <si>
    <t xml:space="preserve">嘉实策略,功夫不负耐心人啊!昨天晚上坚持到11点多,不行!今早起 </t>
  </si>
  <si>
    <t xml:space="preserve">虽然嘉实策略可能是个胖子了!但这个基金是好公司、好经理！我看了基金经理的投资思路感觉不错！昨天晚上我坚持了2个小时给朋友的帐户认购了5W！明年的大盘蓝筹股时代！相信它不会让我们大家失望！ </t>
  </si>
  <si>
    <t xml:space="preserve">用调理洗面洗奶洗脸时会有刺痛感是什么原因？是否要停止使用？前段时 </t>
  </si>
  <si>
    <t>你的皮肤已经严重缺水~~~~~~~~~可伶可俐的产品化学含量很高，很容易过敏，尤其是去痘系列的，很严格控制你脸上的油份和水份，所以不适合秋冬系列用这个产品，秋冬季节本来就十分得干燥，要注意补水，你再用控油产品的话就不适合你的皮肤了。脸上长痘痘有很多原因，很有可能遗传，还有可能是你体内内分泌失调引起的，建议你去咨询一下医生，从根本上改变你的肤质，光靠往脸上涂东西是没用的，治标不治本，就像很多收缩毛孔的产品，都是没用的。从现在开始马上用补水产品H2O（水之澳）和碧欧泉矿泉系列的产品很好，兰芝的差一点，但也不错，比较便宜。专补水，不补油的。我是做化妆品生意的，我从来没有听说哪个控痘系列真的有效，想要皮肤好，还是从根本做起，多喝水，多睡觉，少吃油炸的东西，这样对你的体型和健康都是有好处的。</t>
  </si>
  <si>
    <t xml:space="preserve">作纺书应该放到作纺生产装备拦的哪个地方 </t>
  </si>
  <si>
    <t>作坊秘籍不是价值原料也不是生产原料。直接点秘籍然后使用，就会弹出一个生产界面，这个界面是秘籍所记录的作坊等级熟练。网这个界面里添加原料生产就可以了。</t>
  </si>
  <si>
    <t xml:space="preserve">一般纳税人辅导期必须每个月去窗口申报缴税吗？辅导期－定要6个月？? </t>
  </si>
  <si>
    <t>如果是商贸企业辅导期为6个月，而且进项发票是当月认证，下月抵扣，但必须每个月都报税，即使应交税金是0，也要申报，你如果没有办理自行申报，也没有办理代理申报，那只能到爽窗申报了，不过时间长了大厅工作人员会不耐烦的</t>
  </si>
  <si>
    <t>土话</t>
  </si>
  <si>
    <t>访</t>
  </si>
  <si>
    <t xml:space="preserve">哪一个比较漂亮? </t>
  </si>
  <si>
    <t>画很美，人也很美。</t>
  </si>
  <si>
    <t xml:space="preserve">请问X型垂尾相比十字垂尾的优劣看现代的新战机大都是X型垂尾了，请 </t>
  </si>
  <si>
    <t xml:space="preserve">    所谓“X垂尾”，可能是歼20给你的印象。但它下面那个“反V型”的是腹鳍，不是可动的操作面，而且今后是否取消还很难说。    西标第四代战机，大多采用“V”型垂尾，这个基本上就是你说的出于隐身的考虑，避免让入射的雷达波原路返回。    至于气动方面的影响，至少目前不是刻意追求的。因为这种V型垂尾的调整航向的效率恐怕比不上同等面积的两片垂直的垂尾，至少是操作起来非常复杂。在这些第四代战机中，F22和F35的V型垂尾最为保守，它保留了原来的平尾，所以垂尾基本上就是原来垂尾的作用；而T50略微新潮些，它虽然也有平尾，但垂尾搞成全动式的，这意味着它的V型垂尾将发挥更大的作用；而最前卫的当属歼20，它根本就没有平尾，它的“V型垂尾”同时发挥了垂尾和平尾的作用，准确地讲应该叫“V型尾翼”，而非单纯的垂尾。而且它还是全动加差动式的，加上前面的鸭翼、边条和升力机体，它的气动设计最复杂，操纵面多，还是全动加差动的，所以歼20的飞控将是空前复杂的，未知数很多，需要海量的计算、吹风洞和试飞才能解决。当然，一但解决，它的机动性也将是最值得期待的。    可见，至少在敢“第一个吃螃蟹的”歼20给人带来惊喜之前，我们还很难说V型尾翼比传统的“倒T型”气动布局有什么优势，只知道它肯定很复杂难做。    而关于潜艇X舵和十字舵之争，前面那位朋友讲得已经很好了。传统的十字舵布局，舵面长度必须小于潜艇直径，否则坐潜海底时垂直舵会先撞海底而损坏。另外，潜艇在靠码头时，它的水平舵过长了也很碍事，容易碰坏的。如果改成X舵，在垂直和水平方向上安全距离不变情况下，舵面可以做得更长些，这样操纵性会更好。    此外，X舵与十字舵的流体力学特征也不一样。通常认为，十字舵对潜艇在垂直方向的运动更有利，但潜艇的垂直运动主要是靠压载水舱，本来就没怎么指着舵面，所以十字舵这优点不明显。而水平方向的运动上则是X舵效率更高，潜艇在水平运动上只能靠舵面，所以这个优点是很管用的。    虽然X舵在流体力学上占了便宜，但它的缺点是复杂，操作起来麻烦。比如原来无论做垂直还是水平的机动，都只动水平或垂直舵面即可，而现在四个舵面全得跟着动。当然，可以用操纵软件自动实现它，但那个软件也得你花很多计算和试验才做得出来，复杂而昂贵。    所以目前，装X舵的主要是部分发达国家的常规潜艇，它们需要在复杂浅海和较小码头上使用，狭窄的作战海域也需要更强的机动性（比如回旋半径较小等），而且它们也不差钱，可以忽略X舵的缺点。而目前核潜艇就很少用它，虽然它们的拥有国更不差钱，但美苏核潜艇经常要跑到北极海域活动，在上浮撞开冰层时，X舵很容易损坏，而十字舵的水平舵面可以旋转过来向上，与垂直舵面一样切开冰层，就不容易损坏了。另外，核潜艇码头大活动海区深度大，也不大在乎X舵的优点。    总之，X舵与十字舵各有各的适用方向，不能简单地说谁优谁劣。如果你把飞机与潜艇并在一起看，我只能说，相同点是倾斜的操纵面比垂直的操作起来更麻烦，都需要复杂的操作软件才能实现，而且技术和成本代价较大。而飞机付出这个代价，主要是为隐身，而潜艇付出这个代价，主要是为了改善操纵性（前面说的加长舵面也是为操纵性）。</t>
  </si>
  <si>
    <t xml:space="preserve">一道线代题数学已知A是3阶矩阵，a1,a2,a3是线性无关的3维 </t>
  </si>
  <si>
    <t>省略求特征向量的步骤：</t>
  </si>
  <si>
    <t xml:space="preserve">有没有可以录制屏幕的软件？并且可以把鼠标录上的。 </t>
  </si>
  <si>
    <t xml:space="preserve"> 上面网址中的"豪杰屏幕录像机 v2.0.2 中英文版"  肯定适合你。                      豪杰屏幕录像机 v2.0.2 中英文版“课件制作”的全新突破，跟踪录制屏幕上所有区域的动作和键盘、鼠标的声音，可保存为EXE，AVI，GIF和HSR格式，编码速度快，高保真，也常被应用进行计算机监控管理。 录制/保存/播放功能 可以录制全屏幕，活动窗口，固定区域，指定区域的屏幕动作，包括鼠标的声音和键盘的声音，然后保存为EXE，AVI，GIF，HSR四种格式，保存完后可以进行播放。后期编辑功能 可以对HSR格式的文件进行后期的编辑，编辑内容包括对文件每一帧添加图板说明，删除帧，添加声音，合并两个以上的HSR文件。设置功能 可以在录制过程中设置是否要添加时间显示，添加标题，添加图板说明，鼠标是否显示以及显示形式，对视音频编码的设置，快捷键设置等。浮动窗口的切换 可以在原始窗口和浮动窗口之间进行切换，方便操作。 </t>
  </si>
  <si>
    <t xml:space="preserve">请问600000后市如何? </t>
  </si>
  <si>
    <t>600000浦发银行，冲高遇阻，调整在所难免，逢高派发。个人观点，仅供参考。</t>
  </si>
  <si>
    <t xml:space="preserve">头发很毛躁怎么保养 </t>
  </si>
  <si>
    <t>少用化学制剂的东西，例如洗发次数不要过多，烫发染发发型整理尽量减少，多吃蛋白质含量高的食品</t>
  </si>
  <si>
    <t xml:space="preserve">退伍军人学什么技术有发展？ </t>
  </si>
  <si>
    <t>有发展的技术可以学汽车专业啊，现在学汽修比较好就业，况且汽车行业前景很不错的，如果你想学的话，可以到安徽万通去看看，他们学校还可以。</t>
  </si>
  <si>
    <t xml:space="preserve">怎么分身我的包里有一个像火苗一样的东西叫元神，天魂地魂命魂灵力均 </t>
  </si>
  <si>
    <t xml:space="preserve">在你到达46级以后可以修炼分身 1.先到公告栏领取分身任务,(第一栏) 2.需要收集天魂36地魂36命魂36点,凑齐后可以到中州玄玄老人(店往城门口走的那个鉴定未知腰带靴子那里)处领取元神.并且在三个不同的地方找NPC帮你将三魂注入元神(中州魔法阵祭司.土城玄玄弟子.跃马平原孤独老人) 3.再按提示到中州祭司那里接七魄任务,分别在两个地方将你收集的灵石找NPC帮你注入元神(武馆教头,落霞书店老板),其中力魄.灵慧.天冲要30点以上(要战士就力魄,道士灵慧,天冲法师),什么职业就加到最大,一般要高四十点以上,如果到100就机会比较大. 4.最后到中州魔法阵那里找祭司释放元神,准备一样装备(圣战.法神.天尊.金鹏.勋章,宝石都行),释放元神后,输入名字,到灵台仙境,往右走,找到仙子,完成对话就可以了. 5.我的元神是法师,在西域药剂师接元神书的任务,我的元神一出来11级, 6.如果有灵石的话,可以到中州魔法阵祭司那里强化分身,要30点以上的七魄(天冲.山海.力魄.昆仑)任意一种就行了,可以直接升到28级.接下来你就带分身练级吧. 7.有分身以后,点击你的装备.可以看到一个黄色的元神,双击可以释放元神. </t>
  </si>
  <si>
    <t xml:space="preserve">SHE谁最漂亮SHE </t>
  </si>
  <si>
    <t>都算不上漂亮，相比较的话是Hebe!</t>
  </si>
  <si>
    <t xml:space="preserve">怎么才能到高潮？xj时，我只要一碰lp，jj就勃起,我很想跟她进 </t>
  </si>
  <si>
    <t>你俩是配合上的问题，不够默契造成的。你在关照她的时候，冷落了你的GG，所以它当然“生气”了。夫妻做爱应该是双方共同努力才能达到高潮，这里要求谁都不要“闲着”，相互帮忙，这很重要。建议你俩多用“96”式，这样彼此就不会冷却了。</t>
  </si>
  <si>
    <t xml:space="preserve">由同事变为上级该怎样相处 </t>
  </si>
  <si>
    <t>相处是两个人的事，任何一方的努力都是没有效果的。同事变成上级后双方的心态都会出现些变化，对于他来说也许会觉得和平时的同事更难相处，是摆领导的架子怕别人说他小人得志，如果还是和以前一样怕难以开展工作。所以我觉得这个问题对于他来说更难解决。对于你来说我觉得相对好办点：1、调整自己的心态，不要觉得同事变上级后自己心里不平衡，坦然面对这些积极发现同事的优点。2、注意保持一定的距离，有些玩笑话也许就不能随便说了。毕竟同事关系和上级关系不一样，走的太近会让大家都感觉别扭。3、不要故意疏远和同事的关系，虽然已经是上级了，某种意义上来说还是同事。离了太远不利于开展工作。4、总之保持一颗平常心，有礼有节的和他正常交往即可。以上只是个人意见，仅供参考！</t>
  </si>
  <si>
    <t xml:space="preserve">偶而来坐坐。。。别的不多说了，先看看这个单。。前面英超难的都已过 </t>
  </si>
  <si>
    <t>哥我当然可以猜出来的，肯定只剩下不莱梅的31 ？01 博尔顿 vs 朴茨茅 02 赫尔城 vs 桑德兰 03 西汉姆 vs 维　冈 04 狼　队 vs 布莱克 05 阿森纳 vs 曼　城 06 纽伦堡 vs 多　特 07 勒　沃 vs 汉诺威 08 门　兴 vs 拜　仁  09 美因兹 vs 法兰克 10 不来梅 vs 科　隆 == 31 11 赫　塔 vs 沙尔克 == 0 12 瓦伦西 vs 拉科鲁 == 3 13 巴　萨 vs 萨雷斯 == 3 14 萨拉戈 vs 皇　马 == 0我的是买单，还剩下 不莱梅31 瓦伦西亚3 萨拉戈萨0 吗？01 博尔顿 vs 朴茨茅 == 31 02 赫尔城 vs 桑德兰 03 西汉姆 vs 维　冈 04 狼　队 vs 布莱克 05 阿森纳 vs 曼　城 06 纽伦堡 vs 多　特 07 勒　沃 vs 汉诺威 == 31 08 门　兴 vs 拜　仁 == 01 09 美因兹 vs 法兰克 == 31 10 不来梅 vs 科　隆 == 31 11 赫　塔 vs 沙尔克 == 0 12 瓦伦西 vs 拉科鲁 == 3 13 巴　萨 vs 萨雷斯 == 3 14 萨拉戈 vs 皇　马 == 0</t>
  </si>
  <si>
    <t xml:space="preserve">数学题已知正三棱锥的侧棱长是底面边长的2倍，则侧棱与底面所成叫的 </t>
  </si>
  <si>
    <t>已知正三棱锥S--ABC的侧棱长是底面边长a的2倍，则侧棱与底面所成角α的余弦值等于多少？解:底面边长a→侧棱长2a,SA=2a正三棱锥S--ABC的高SO通过底面正△ABC的中心O延长AO交BC于D,AD为正△ABC底边BC上的高AD=a*sin60=√3a/2AO=(2/3)AD=(2/3)*(√3a/2)=√3a/3直角△SOD中,∠SOD=90°,∠SAO即侧棱与底面所成角αcosa=AO/SA=(√3a/3)/2a=√3/6</t>
  </si>
  <si>
    <t xml:space="preserve">长沙哪家医院治疗肝病效果好 </t>
  </si>
  <si>
    <t>得了肝病选择一家好的治疗医院对于尽快治疗好疾病很重要，建议去品牌医院治疗肝病，这样有利于尽快康复。肝病患者有的时候会盲目听信别人，相信一些偏方，擅自用药，给自己的身体造成了不好的影响，在这里建议最好去正规的治疗，以免耽误病情。得了肝病是很苦恼的一件事，不但威胁自己的健康，更给家人的健康带来威胁，所以早治疗对患者本身和家人都是有好处的。</t>
  </si>
  <si>
    <t xml:space="preserve">一般奶嘴吃多久要换？奶嘴吃多久要换新的了啊？ </t>
  </si>
  <si>
    <t xml:space="preserve"> 一般，一个奶嘴用的时间不要过长，要及时更换才好。通常小号适合0——4个月宝宝，中号适合宝宝4个月到断期间使用，所以，等你的宝宝到4个月以后，就可以换中号的奶嘴了。 </t>
  </si>
  <si>
    <t xml:space="preserve">关于怪物前缀名的问题我知道有:野蛮的：力量属性增长强于其他宠物， </t>
  </si>
  <si>
    <t>不是的，你所说的是宠物的前缀名，不是怪物的像你说的勇猛的蛾蛹怪和远古的地藏小妖是怪物boss的名字，而不是宠物的所以不一样</t>
  </si>
  <si>
    <t xml:space="preserve">访问银行网站，提示说要下载安装控件，不会是木马吧？ </t>
  </si>
  <si>
    <t>是不是木马要看这个控件有没有被证书认证。有的银行网站设置了特别的控件保证用户输入密码时得到保护，这种控件要在用户端下载安装的。但是可能会出现控件被黑客改成木马的情况，所以要看你所下的控件有没有被证书认证。 代码签名 在木马和病毒横行的环境下，由于互联网缺乏提供软件额外信息的机制，用户通过互联网下载或打开软件时，通常会看到一个消息框，警告运行该软件可能造成的危险，使得用户对缺乏完整性保护并且发布者不详的软件产品的信任度降低。为此需要对程序代码进行代码签名。而代码签名证书则是VeriSign针对网上发布控件、应用程序、驱动程序等产生的代码安全问题提供的一种安全、可信的工具。 VeriSign 代码签名证书又分为支持 PC 应用软件的代码签名证书和支持移动设备应用软件的代码签名证书两大类，主要包括： (1) 代码签名数字 ID(Code Signing Digital IDs) ： 主要包括：微软代码签名证书 ((Microsoft Authenticode Digital ID) ：数字签名 .exe, .dll, .cab, .ocx(ActiveX) ； Java 代码签名证书 (Sun Java Signing Digital ID) ：数字签名 Sun J2SE/J2EE 的 Java Applet 文件，以及数字签名 J2ME MIDlet Suite 文件，支持业界最多型号和最多品牌的手机。 (2) 微软产品徽标认证证书 ("Designed for Windows logo" Digital IDs) ：用于数字签名微软 Windows Logo 认证的各种软件、硬件驱动程序等，提交已经签名的软件给微软测试认证，还包括微软 Windows Hardware Quality Labs (WHQL) testing programs(Windows 硬件质量实验室测试计划 ) 认证。 (3) 微软移动代码签名证书 (Authenticated Content Signing for Microsoft Windows Mobile)(ACS)：支持使用微软 Windows Mobile 和 SmartPhone2002/2003 移动终端操作系统的移动应用软件的非特权签名和特权签名，以确保移动下载的软件代码在移动终端 ( 如智能手机和 PDA) 的安全。 VeriSign是全球最为知名的代码签名证书提供者，拥有VeriSign旗下VeriSign、GeoTrust、Thawte三各品牌证书产品，其中VeriSign和Thawte品牌提供代码签名证书。目前VeriSign在中国区不提供直接数字证书服务，其中国区授权的合作伙伴是天威诚信数字认证中心，该机构为VeriSign在中国区首席合作伙伴，可以访问VeriSign中国区官方网站  或其合作伙伴天威诚信  查找详细的信息。</t>
  </si>
  <si>
    <t xml:space="preserve">定型文胸（金庸笔下人物一） </t>
  </si>
  <si>
    <t>乔峰</t>
  </si>
  <si>
    <t xml:space="preserve">武汉长江大桥是苏联人修的吗? </t>
  </si>
  <si>
    <t xml:space="preserve">著名的武汉长江大桥，是一九五五年九月一日开始施工的,开始是苏联专家帮助修建的,但是中苏关系破裂之后,苏联专家全部撤走之后,最后是由茅以升修完的。 </t>
  </si>
  <si>
    <t xml:space="preserve">家畜买卖技能在马赛具体什么地方亲切 </t>
  </si>
  <si>
    <t>马赛王宫里的孔德公爵！！！</t>
  </si>
  <si>
    <t xml:space="preserve">我该怎么办?大家帮帮我?我是一个已婚8年的女人,曾经的爱情早已变 </t>
  </si>
  <si>
    <t>现在的人都"尊重"自己的感情。如果一个结了婚的人，也还有个幸福的家，为什么还要去求更多的感情？是因为你现在的不够，还是你现在处在离婚状态？如果都不是，为何不谈此时的幸福，还要贪望更多？走入误区的不是我们的感情，而是我们的头脑里太把“自己”当回事，忘记了和我们生活在一起的“别人”的感情！自家看法，供参考！</t>
  </si>
  <si>
    <t xml:space="preserve">什么是平衡车？要多少钱？ </t>
  </si>
  <si>
    <t>平衡车是一种电力驱动、具有自我平衡能力的个人用运输载具，是都市用交通工具的一种，是一种前所未见的崭新交通工具。也叫思维车，应用于个人交通、工作巡视。当然也有一种是代步的小型的。不知你说哪种。根据大小功能不同，一般几千到几万都有的。建议你去天猫上就有得卖的。</t>
  </si>
  <si>
    <t xml:space="preserve">青海实心轻质隔墙西宁实心轻质隔墙有吗？ </t>
  </si>
  <si>
    <t xml:space="preserve"> 青海强士力节能材料有限公司是一家从事节能建筑材料的研发，生产销售，服务于一体的专业化公司。我公司拥有自主知识产权，引进专业技术人才，以精端的科研技术生产国内最先进的：发泡水泥A级防火保温板（防火隔离带）和水泥发泡轻质隔墙板，目前我公司该技术已经非常成熟，，并且通过国家检测认证... 咨询电话：137--0974--1988</t>
  </si>
  <si>
    <t xml:space="preserve">剖宫产一年后再次怀孕，小孩可以生下来吗？您好，我于去年做过一次剖 </t>
  </si>
  <si>
    <t>您好，一般情况下，剖腹产后再生育,需在两年后再孕.因为剖腹产后子宫壁的刀口在短期愈合不佳.过早的怀孕,由于胎儿的发育使子宫不断增大,子宫壁变薄,尤其是手术刀口处是结缔组织,缺乏弹力.新鲜的瘢痕在妊娠末期或分娩过程中很容易胀破,而造成腹腔大出血甚至威胁生命.因此,再次妊娠最好是在手术两年以后较为安全，您现在的情况建议您 去医院做下产检，与医生沟通，看看您现在的情况是否适合继续妊娠。</t>
  </si>
  <si>
    <t xml:space="preserve">性能力有问题了！！我是不是残废了？？急急....我和老婆一直都挺 </t>
  </si>
  <si>
    <t>去检查下~~估计问题不大~~，应该是前列腺的问题~~确诊后可用中西医药来调养的~~不用那么担心~~~</t>
  </si>
  <si>
    <t xml:space="preserve">这样是般配吗？我也不知道怎么描述我的疑惑，前几天相亲认识一个男孩 </t>
  </si>
  <si>
    <t>需要时间去磨合，牵手的事不能敷衍马虎。</t>
  </si>
  <si>
    <t xml:space="preserve">煤气灶打不着火煤气瓶有气，气管是通的，灶头是固定的为什么还是打不 </t>
  </si>
  <si>
    <t>先用火柴点，要是着了，点火方面有问题，（更换电池，或直接到卖炉具的小店维修），要是没有着就是没有燃气，需要查找管路是否有煤气残渣物，铁管腐灼锈灰等等。</t>
  </si>
  <si>
    <t xml:space="preserve">英语词典中的sing.和pl.是什么意思sing.pl.常sin </t>
  </si>
  <si>
    <t>sing.--singular (单数的)pl.--plural(复数的)常sing.--常作单数常pl.---常作复数</t>
  </si>
  <si>
    <t xml:space="preserve">僵尸一定是改的好吗，不改可以练吗？现在一般大家练的都是改僵，但是 </t>
  </si>
  <si>
    <t>改僵尸属性是 16没改的是 12想当于每样掉了4挡,就是掉满20档的改僵你抓个满档的僵尸和最差掉20挡的僵尸是一样的你觉得有人会练吗?样子一样哦,也不会个性到哪,不说人家肯定不知道</t>
  </si>
  <si>
    <t xml:space="preserve">怎么才能让积分快点涨啊 </t>
  </si>
  <si>
    <t>怎么可以快速有高积分?您问的好！我也知道一些。[见笑]说不好听的，得分和帮助别人既相关又不相关。得分嘛：1、网络速度快；2、寻找到好的工具[软件]——光百度什么的是不行的；3、找到合适的分类——太冷的不行；4、回答态度要好，要平和[当然也要顺楼主的意]；5、回答质量要高——比别人强；……您自己琢磨吧。[这都与作弊无关]每天涨100差不多，还不太累。好运！您去top20榜看，光靠回答高悬赏很难上榜的[当然也有]</t>
  </si>
  <si>
    <t xml:space="preserve">都洗洗睡,明天再战.........没有希望了再战,还是睡觉好. </t>
  </si>
  <si>
    <t>呵呵，好运。。。。。。。。。。。。</t>
  </si>
  <si>
    <t xml:space="preserve">有人相信缘分吗？缘份真的存在吗？有人相信吗？有的事是真得很巧合啊 </t>
  </si>
  <si>
    <t>你一定要相信缘分，你可以不相信鬼神，可以没有宗教信仰，但你不能不相信缘分，这是我们传统文化的一部分。但是你决不能期待它给你带来什么，主要还是要靠自己努力。缘分。。。。。。。</t>
  </si>
  <si>
    <t xml:space="preserve">我的耳朵上的这个东西如图，耳朵上面有一个小洞洞,说天生的!里面有 </t>
  </si>
  <si>
    <t xml:space="preserve">    这是耳窦道炎,是感染细菌后而形成的.应该请医生进行清洗,并且应用抗生素治疗,必要时,还可能需要手术治疗.</t>
  </si>
  <si>
    <t xml:space="preserve">600811谢谢各位回答!近期如何操作? </t>
  </si>
  <si>
    <t>继续持股 注意半年线的压力</t>
  </si>
  <si>
    <t xml:space="preserve">谈谈你认为催化思想成熟的有效方式方法 </t>
  </si>
  <si>
    <t>实践，是广泛的社会实践，除此之外，没有别的办法。</t>
  </si>
  <si>
    <t xml:space="preserve">十大品牌杰克涂的加盟热线是多少？ </t>
  </si>
  <si>
    <t>上官网看一下就行啦</t>
  </si>
  <si>
    <t xml:space="preserve">征途第一个仓库的问题朋友送了我一些金子，我能用这些金子去高级钱庄 </t>
  </si>
  <si>
    <t>不可以。第一个仓库。。不管玩家到多到级。只要冲值。一定要冲的哪个号里。那个号才可以有仓库。。。。。。。。。。。。要冲的钱数。没有限制。只要冲。就给。</t>
  </si>
  <si>
    <t xml:space="preserve">游戏里怎么制造药品啊怎么制造药品 </t>
  </si>
  <si>
    <t>你是问的什么游戏啊!老兄!真服了你了!问不清楚怎么回答?</t>
  </si>
  <si>
    <t xml:space="preserve">血精灵练什么好？同上，问个额外的问题，如果练法师是血精灵好还是德 </t>
  </si>
  <si>
    <t>针对血精灵的种族技能，练盗贼是最好的选择，其次是骑士，种族技能对法系而言，打怪时有些用，补充法力，但PK时用途就不大了，法系PK一般都需要拉开距离，总不能为了去沉默对方2秒而去近身吧。</t>
  </si>
  <si>
    <t xml:space="preserve">我家宝宝一直吃的是日本原装进口奶粉〈明治〉，不知道有没有问题，合? </t>
  </si>
  <si>
    <t xml:space="preserve"> 这个奶粉没有事的,我的儿子就是吃这个牌子的</t>
  </si>
  <si>
    <t xml:space="preserve">自由足球怎么充值？？？？？？ </t>
  </si>
  <si>
    <t>《自由足球》目前还在测试阶段，尚不支持充值功能。</t>
  </si>
  <si>
    <t xml:space="preserve">如何去除脸上的癣？ </t>
  </si>
  <si>
    <t>你可以试试 第二代美国可雷乳膏  治疗脸上的癣是有很明显的效果的、我老姨上次就不小心得了这病、就是用它治好的、是在吉林天一生物公司购买的、你可以试试看、</t>
  </si>
  <si>
    <t xml:space="preserve">技能＋10以上的枪是这么改造的呢，大家帮帮忙啊 </t>
  </si>
  <si>
    <t>那个都是做出来的枪，蓝色的改成粉的，系统随机在给增加一条属性，如果加的是技能，就有了技能+10以上的枪 ,那个是先天的的用粉水晶吸附随即增加一条属性。就有机会技能+10以上了,再要有高的RP,在改之前把武器修好,再去做寻山任务,然后去给每个乞丐5万以上,那机会可能会更高,我是听朋友说的,我试了一次,果然成功了,试试吧。</t>
  </si>
  <si>
    <t xml:space="preserve">野菜部落刷弹子棋的脚本请问刷弹子棋的脚本在那里能下载 </t>
  </si>
  <si>
    <t>目前还没有，只有在黑网上可以找到，但是最好不要上</t>
  </si>
  <si>
    <t xml:space="preserve">请问红色度量石和蓝色度量石是做什么用的? </t>
  </si>
  <si>
    <t>红色度量石是去傲慢10楼用的蓝色好象是去龙洞用的没见过~~绿色是去傲慢1楼用的</t>
  </si>
  <si>
    <t xml:space="preserve">常规检查偶然在超声波中发现阴影无明显疼痛症状超声描述：子宫：7. </t>
  </si>
  <si>
    <t>建议到医院进行妇科检查，结合自身症状、妇科检查结果及超声结果评估治疗方案。首先明确诊断，是子宫肌瘤还是妇科其他疾病。如考虑子宫肌瘤，目前超声检查提示有5cm以上，也是可以考虑手术治疗的，手术可以结合具体情况选择经腹、经阴道或宫腔镜或腹腔镜手术。子宫肌瘤药物治疗一般是针对症状轻或近绝经期或全身情况不适合手术者。祝早日康复！</t>
  </si>
  <si>
    <t xml:space="preserve">价格不一样是什么原因?我是开封的,四月份我在家打了一针乙肝疫苗, </t>
  </si>
  <si>
    <t>如果是在正规化的医院打的就没什么问题,因为地区与地区之间有个差价是很正常的.而且不同的生产厂家也会有不一样的进货价.</t>
  </si>
  <si>
    <t xml:space="preserve">```哪为帮我答答完``：）谢谢了二.多选题:1、下列有关GB2 </t>
  </si>
  <si>
    <t>一.单选题:（1）A  （2）A  （3）D  （4）C  （5）D  （6）A  （7）B  （8）A  （9）C  （10）A二.多选题:（1）AD （2）BC （3）BD （4）AD （5）CD （6）BD （7）CD （8）BC （9）CD （10）AC三.判断题:（1）T  （2）T  （3）T  （4）T  （5）T  （6）T  （7）T  （8）F  （9）T （10）F四.填空题:（1）页面视图  （2）选择全文  （3）创建文本框链接  （4）绘图层  （5）1280  （6）文档窗口  （7）默认制表位  （8）域代码  （9）页面  （10）d6d0</t>
  </si>
  <si>
    <t xml:space="preserve">山东三月去哪旅游山东省内三月至四月份去哪旅游最适合 </t>
  </si>
  <si>
    <t xml:space="preserve"> 三至四月份，山东半岛的沿海地区气候还比较凉爽，有时还比较冷，那里的春季和冬季差不多，因此要去的话必须多带衣服！沿海的青岛，烟台，威海，日照等都是很好的旅游城市。 内陆气候已经很暖和，旅游景点集中的首推济南，泰安，曲阜，其次潍坊，淄博，临沂，济宁，聊城等地，全省各地各有特色，都适合旅游。 简单的说，要去海边到青岛烟台和威海去，要去内陆到济南曲阜和泰安去，这几个城市旅游景点又多又好，海内外都有名。 如果你要看单个景点： 参观武松打虎的地方到江北水城聊城去； 参观“台儿庄战役展览馆”到“铁道游击队”的发生地枣庄去； 参观蒲松龄故居，王渔洋的故乡到淄博去； 参观风筝展览馆，潍县木版年画到潍坊去； 参观《莱芜战役展览馆》到莱芜去； 参观王羲之故居，银雀山竹简墓到临沂去； 游览山东的南四湖到济宁去；等等。</t>
  </si>
  <si>
    <t xml:space="preserve">高手们过来帮帮小弟啊我30级了不过11级那个驾御神兽的任务没做， </t>
  </si>
  <si>
    <t>可以去飞行师那里学习飞行器精通 然后自己可以制作飞行器</t>
  </si>
  <si>
    <t xml:space="preserve">怀孕36周了，贫血怎么办？安利铁质叶酸片可以补血吗？现在怀孕进入 </t>
  </si>
  <si>
    <t>我怀孕２０周了，我的的血红蛋白才１０１，不过医生说怀孕贫血是正常的，我也在吃安利的铁质叶酸片，不过我吃的很少，一天一片，我也是想药补不如食补，前几天去检查我问了医生，他说也可以吃，我想应该没有什么吧．</t>
  </si>
  <si>
    <t xml:space="preserve">请问哪些网站购物比较好，比较可信？ </t>
  </si>
  <si>
    <t>这看你要买的具体东东了像我在网上购物，到目前为止觉得最好的就是DHC网站了。流程特别的好，选择的快递公司也好，服务也超级好，自己选择打折的时候买东东，也比较合适，不过这里的化妆品不是所有人都能用到了。另外，如果想买书的话可以去当当或是贝塔斯曼书友会网站。想在其它网友处买些小东东的话就可以选择淘宝了。</t>
  </si>
  <si>
    <t xml:space="preserve">银监会是干什么的？请说得通欲易懂一点，是不是管银行工作人员违法的 </t>
  </si>
  <si>
    <t>通俗说，管的不是银行工作人员违法，而是银行本身违法，非法集资等事的。</t>
  </si>
  <si>
    <t xml:space="preserve">电脑死机从启不了怎么办？ </t>
  </si>
  <si>
    <t>解决方法一，如果自己会，重装系统解决方法二，送到电脑维修站解决方法三，请告知电脑具体情况，是显示屏没有反应了，还是能进入登陆界面，进入不了桌面。</t>
  </si>
  <si>
    <t xml:space="preserve">《赤壁》DVD高清版的观看地址 </t>
  </si>
  <si>
    <t xml:space="preserve">昨晚看的，绝对是DVD效果的，骗人是小狗 </t>
  </si>
  <si>
    <t xml:space="preserve">介绍文昌鱼? </t>
  </si>
  <si>
    <t>文昌鱼，是厦门名贵的特产，俗名鲤鱼虫，又名蛞蝓鱼。它的主要产地厦门市同安刘五店，并因刘五店海屿上有个文昌阁而得名，刘五店是世界上惟一的文昌鱼渔场。近年来，在厦门岛东部的前埔村与大担之间，又发现文昌鱼的新渔场。 　　厦门文昌鱼体形较小，只有三四厘米至五六厘米长，每斤有本五千尾之多，全身半透明，头尾两头尖，国外又称“双尖鱼”，其蛋白质含量达７０％，而且含有多种无机盐和碘质，肉质鲜嫩，味道清津甜美，制成干品，可存放一二年。 　　文昌鱼不仅有很高的营养价值、经济价值，而且有很高的科学价值。文昌鱼名为鱼，却不是鱼，头部没有成对的眼睛，两侧没有胸鳍，其他构造也与鱼不同。在动物进化系统上，文昌鱼介于脊椎动物与无脊椎动物之间，既有脊椎动物的特征，又有无脊椎动物的特征。因此，文昌鱼是研究脊椎动物进货的宝贵资料。有人为了得到一条文昌鱼标本，煞费苦心。可是，如到厦门来，不仅可以得到标本，还可在餐桌上品尝到它的美味。</t>
  </si>
  <si>
    <t xml:space="preserve">因为鱼鳞病纹理很严重怎么办如题告诉我点好办法~~~ </t>
  </si>
  <si>
    <t>我也是鱼鳞病，纹理有点明显。我现在一直在用于氏护理液，纹理现在开始变淡了，我觉得挺好</t>
  </si>
  <si>
    <t xml:space="preserve">帮忙找医院脑出血后,留下颠痫后遗症;经常大发作;每次发作都非常危 </t>
  </si>
  <si>
    <t>你如果在上海，并且又一定经济承受能力的话，我建议你去看华山医院神经外科，找个叫孙伯民的医生，他主刀过许多癫痫症手术!(全自费)</t>
  </si>
  <si>
    <t xml:space="preserve">食用油抹在了纸张上，有没有什么办法把油污除去且不使纸张破损？ </t>
  </si>
  <si>
    <t>放在清水中漂~</t>
  </si>
  <si>
    <t xml:space="preserve">绝代双娇铁心兰版，如何灭点沧派绝代双娇三里面我去了四海也鉴定出了 </t>
  </si>
  <si>
    <t>去延維塔,救人吧,那把?匙就是開門的,那??是表示已完成的任???K且有的任?湛赡苡衎ug,有的就是完成了,但顯示?是未完成的?色</t>
  </si>
  <si>
    <t xml:space="preserve">妖精射箭与力量有关吗? </t>
  </si>
  <si>
    <t>妖精射箭跟力量唯一的关系也就是多背些箭了,呵呵</t>
  </si>
  <si>
    <t xml:space="preserve">我真的很爱很爱他可他甩了我不理我我该怎么办？？我真的很爱他可他一 </t>
  </si>
  <si>
    <t xml:space="preserve">缺乏知识，观念陈旧。处女膜与处女之间，并不能一律划上等号。处女膜破裂与行为不检之间，更不能胡乱划上等号。一般来说，大多数未婚健康女性在没发生性关系前，处女膜是完好无损的，在新婚之夜会“见红”。但有的女孩可能先天就没有处女膜孔，处女膜破裂时就不会大量出血，有的只有几滴或几十滴血，有的甚至可能一滴没有。 </t>
  </si>
  <si>
    <t xml:space="preserve">我想问一下老师600383这个股票可否买？什么时候可以买进？辛苦 </t>
  </si>
  <si>
    <t>地产兰筹,基金重仓股周一有补涨机会,走势良好,以波段操作控制风险为宜.</t>
  </si>
  <si>
    <t xml:space="preserve">企业认证和个人认证有什么区别？ </t>
  </si>
  <si>
    <t>一个是公司的，一个是名人滴！</t>
  </si>
  <si>
    <t xml:space="preserve">网页打不开我的电脑突然打不开网页了，我该怎么办呢？可能是中毒了 </t>
  </si>
  <si>
    <t>你可以到 开始 运行 CMDPING 一下你的 网关 DNS 网站如果可以PING通 就是 浏览器的问题你可以修复 如果不可以PING通 就是 网络 或者是网站有问题希望你玩的开心</t>
  </si>
  <si>
    <t xml:space="preserve">苹果5s怎么设置打开或者关闭软件时的效果 </t>
  </si>
  <si>
    <t>设置通用辅助功能，减少动态效果</t>
  </si>
  <si>
    <t xml:space="preserve">服装问题哪些动漫作品中的哪些人物从第一话到最终话都只穿同一套衣服 </t>
  </si>
  <si>
    <t>楼上说的不是全对，戈薇就换过不少套，巫女服、家居服、校服等等，不过，犬夜叉里面的男士们就从头到尾没换过。圣斗士星矢好像除了女神，都没换过衣服，记不清楚了！一些比较老的片子容易出现这种现象，仔细找应该一大堆吧</t>
  </si>
  <si>
    <t xml:space="preserve">到底端午节有几个来历呢？五月初五，是我们中国年历的一个节日－端午 </t>
  </si>
  <si>
    <t>　　关于端午节的由来，说法甚多，诸如：纪念屈原说；纪念伍子胥说；纪念曹娥说；起于三代夏至节说；恶月恶日驱避说，吴月民族图腾祭说等等。以上各说，各本其源。    据学者闻一多先生的《端午考》和《端午的历史》列举的百余条古籍记载及专家考古考证，端午的起源，是中国古代南方吴越民族举行图腾祭的节日，比屈原更早。但千百年来，屈原的爱国精神和感人诗辞，已广泛深入人心，故人们“惜而哀之，世论其辞，以相传焉”，因此，纪念屈原之说，影响最广最深，占据主流地位。在民俗文化领域，中国民众把端午节的龙舟竞渡和吃粽子等，都与纪念屈原联系在一起。    介绍四种： 　　    源于纪念屈原　　据《史记》“屈原贾生列传”记载，屈原，是春秋时期楚怀王的大臣。他倡导举贤授能，富国强兵，力主联齐抗秦，遭到贵族子兰等人的强烈反对，屈原遭馋去职，被赶出都城，流放到沅、湘流域。他在流放中，写下了忧国忧民的《离骚》、《天问》、《九歌》等不朽诗篇，独具风貌，影响深远（因而，端午节也称诗人节）。公元前278年，秦军攻破楚国京都。屈原眼看自己的祖国被侵略，心如刀割，但是始终不忍舍弃自己的祖国，于五月五日，在写下了绝笔作《怀沙》之后，抱石投汨罗江身死，以自己的生命谱写了一曲壮丽的爱国主义乐章。　　传说屈原死后，楚国百姓哀痛异常，纷纷涌到汨罗江边去凭吊屈原。渔夫们划起船只，在江上来回打捞他的真身。有位渔夫拿出为屈原准备的饭团、鸡蛋等食物，“扑通、扑通”地丢进江里，说是让鱼龙虾蟹吃饱了，就不会去咬屈大夫的身体了。人们见后纷纷仿效。一位老医师则拿来一坛雄黄酒倒进江里，说是要药晕蛟龙水兽，以免伤害屈大夫。后来为怕饭团为蛟龙所食，人们想出用楝树叶包饭，外缠彩丝，发展成棕子。　　以后，在每年的五月初五，就有了龙舟竞渡、吃粽子、喝雄黄酒的风俗；以此来纪念爱国诗人屈原。　　源于纪念伍子胥　　端午节的第二个传说，在江浙一带流传很广，是纪念春秋时期（公元前770--前476年）的伍子胥。伍子胥名员，楚国人，父兄均为楚王所杀，后来子胥弃暗投明，奔向吴国，助吴伐楚，五战而入楚都郢城。当时楚平王已死，子胥掘墓鞭尸三百，以报杀父兄之仇。吴王阖庐死后，其子夫差继位，吴军士气高昂，百战百胜，越国大败，越王勾践请和，夫差许之。子胥建议，应彻底消灭越国，夫差不听，吴国大宰，受越国贿赂，谗言陷害子胥，夫差信之，赐子胥宝剑，子胥以此死。子胥本为忠良，视死如归，在死前对邻舍人说：“我死后，将我眼睛挖出悬挂在吴京之东门上，以看越国军队入城灭吴”，便自刎而死，夫差闻言大怒，令取子胥之尸体装在皮革里于五月五日投入大江，因此相传端午节亦为纪念伍子胥之日。　　源于纪念孝女曹娥　　端午节的第三个传说，是为纪念东汉（公元23--220年）孝女曹娥救父投江。曹娥是东汉上虞人，父亲溺于江中，数日不见尸体，当时孝女曹娥年仅十四岁，昼夜沿江号哭。过了十七天，在五月五日也投江，五日后抱出父尸。就此传为神话，继而相传至县府知事，令度尚为之立碑，让他的弟子邯郸淳作诔辞颂扬。　　孝女曹娥之墓，在今浙江绍兴，后传曹娥碑为晋王义所书。后人为纪念曹娥的孝节，在曹娥投江之处兴建曹娥庙，她所居住的村镇改名为曹娥镇，曹娥殉父之处定名为曹娥江。　　源于古越民族图腾祭 　　近代大量出土文物和考古研究证实：长江中下游广大地区，在新石器时代，有一种几何印纹陶为特征的文化遗存。该遗存的族属，据专家推断是一个崇拜龙的图腾的部族----史称百越族。出土陶器上的纹饰和历史传说示明，他们有断发纹身的习俗，生活于水乡，自比是龙的子孙。其生产工具，大量的还是石器，也有铲、凿等小件的青铜器。作为生活用品的坛坛罐罐中，烧煮食物的印纹陶鼎是他们所特有的，是他们族群的标志之一。直到秦汉时代尚有百越人，端午节就是他们创立用于祭祖的节日。在数千年的历史发展中，大部分百越人已经融合到汉族中去了，其余部分则演变为南方许多少数民族，因此，端午节成了全中华民族的节日。</t>
  </si>
  <si>
    <t xml:space="preserve">谷维素引起体重增加，停用体重会自动复原吗?最近我连续服了大约4、 </t>
  </si>
  <si>
    <t xml:space="preserve">它有促进生长发育的作用,所以会造成体重增加.谷维素 Oryzanol 存在于米糠油中，系以三萜（烯）醇为主体的阿魏酸酯的混合物。 【性状】白色或微黄色粉末，无臭、难溶于水，能溶于乙醇、氯仿等。 【药理及应用】据称能调整神经功能，减少内分泌平衡障碍，改善精神神经失调症状。现用于植物神经功能失调（包括胃肠、心血管神经官能症）、周期性精神病、脑震荡后遗症、精神分裂症周期型、更年期综合征、月经前期紧张症等，但疗效不够明显。 【用法】口服：每日3次，每次10mg。有时可用至每日60mg。疗程一般3个月左右。 【注意】服后偶有胃部不适、恶心、呕吐、口干、皮疹、皮痒、乳房肿胀、油脂分泌过多、脱发、体重迅速增加等反应，但停药后均可消失。 【制剂】片剂：每片10mg。 过量或长时间服用谷维素，有时会出现胃部不适，恶心、呕吐、口干、皮疹、皮痒、体重增加、油脂分泌过多、脱发等不良反应。所以，服用谷维素时不要擅自加大用量，连服时间不能超过七天。停用谷维素后，不良反应会逐渐消失。 （《大众卫生报》6.15） </t>
  </si>
  <si>
    <t xml:space="preserve">【庚寅端午节诗词联活动通知】农历五月初五日,我国传统的民间节日， </t>
  </si>
  <si>
    <t>这次由东方为大家安排出题号，欢迎踊跃参加！【2010年“端午节”征联活动】报名 6月15日：1)龙哥，2)恐哼哼，3)煮酒人，4)东山再起，5）海的烟，6）一阵风吹过去，7）时差半日， 8）曲径通幽； 6月16日(端午节)：9)春飞雪，10)木雨，11）笑语盈盈，12）不亦乐乎，13）山外云，14）痴迷，15）静静，16)浪子规； 6月17日：17）青春之星，18）鹿边一涩郎，19）姑苏寒士，20）人民群众，21）听雪，22）千古醉人，23）凡夫俗子，24）还不晚；6月18日：25）周之梦，26）东方棋韵，27）海上逍遥生，28）冷月如钩，29）御风骑士，30）红袖暗香，31）江适意，32）履端扬尘，33）平子的守望，34）随风，35）香间韩梅.36)清风客； 附一：参加【2010年“五一劳动节”征联活动】发帖人员名单：三星高照  龙哥  蓝蝶非梦  静静  木雨  海的烟  东方棋韵  煮酒人  桃花盛开  笑语盈盈  冷月如钩  清风客  痴迷  时差半日  恐龙恐哼哼  履端扬尘  浪子规  周梦之  东山再起  一阵风过去  云外山  不亦乐乎  落雕都督  香间韩梅  粉丝 海上逍遥生附二：参加【庚寅清明节诗词联活动】发帖人员名单： 龙哥 煮酒人 香间韩梅 笑语盈盈 一阵风吹过去 不亦乐乎 三星高照 秋歌虹韵9707 东方棋韵 春飞雪 仲尼雪砚 资水愚人 木雨 海的烟 静静 东山再起 春天的梦 履端扬尘 浪子规 冷月如钩 痴迷 暗香浮动 江适意 醉墨 时差半日 蓝蝶非梦 海上逍遥生 桃花盛开 清风客.附三：参加【庚寅年春节诗词联活动】发帖人员名单： 龙哥  江適意  冷月如钩  恐龙恐哼哼  顺有一人  海的烟  随风  春天的梦  小孔子  静静  木雨  笑语盈盈  红袖暗香  楹联醉客  凤舞天翔  东山再起  暗香浮动  蓝蝶非梦  乌鸦粉丝  秋歌虹韵  朝中员外郎  痴迷  玉玲珑  清风客  履端扬尘  浪子规  资水愚人  三星高照  时差半日  东方棋韵  贝啃鲍耳88  pyd1756  罗玉凤  落雕都督  爱惹是非  海上逍遥生附四：参加【2010年元旦诗词联活动】发帖人员名单：龙哥 冷月如钩 东山再起 履端扬尘 浪子规 秋歌虹韵9707 静静 舞花风 海的烟 凤凰涅?? 无语东流 恐龙恐哼哼 木雨 时差半日 前尘往似 江適意 痴迷 陈?正平 红袖暗香 春天的梦 贝啃鲍耳88 清风客 顺有一人 永州青士 笑语盈盈mmbb  东方棋韵 玉玲珑 海上逍遥生 落雕都督 暗香浮动 随风。说明：参加发帖人员名单统计以在报名栏复制发帖地址为准，部分联友没有将发帖的内容复制到报名栏里，东方在“待解决问题”和“已解决问题”里找寻两遍，发现有发帖者而未将发帖地址复制到报名栏里，东方已作补统计，如参加【庚寅年春节诗词联活动】的“周梦之”“东山再起”“桃花盛开”等联友，其他未复制发帖地址者，东方又未查询出，很可能遗漏统计，如有，请说明发帖地址，以便补上。</t>
  </si>
  <si>
    <t xml:space="preserve">维生素E吃多了会有什么副作用?有人说：　维生素Ｅ是一种可以扩张血 </t>
  </si>
  <si>
    <t>VE当然不是血管扩张药,如果那种说法是正确的话你服用以后就会脸红,但是事实上你从来没有因为吃了VE而发生脸红对么?血管的通透性增加的说法也没有依据.它的作用机理是抗氧化作用.长期大量服用可以引起视力模糊、乳腺肿大、腹泻、头晕等不良反应.人体的脂肪组织可以储存大量维生素E,据说最多可以供身体4年消耗.所以维生素E只需补充少量即可,体内大量蓄积反而会有不良反应.</t>
  </si>
  <si>
    <t xml:space="preserve">要崩盘了吗？　？？？？？？？？？？？？？ </t>
  </si>
  <si>
    <t>又一个 515 值得记忆的历史行情。</t>
  </si>
  <si>
    <t xml:space="preserve">墙和卧室壁柜是白色的,门和门框能用浅米粉色吗我家56平，还是二楼 </t>
  </si>
  <si>
    <t>朋友你好！    如你所说，我家56平，还是二楼，我想装的温暖亮堂一些，我也来谈谈我的看法：    1）我想用浅米粉色的门框和窗框，这一颜色没有一个明确的概念，我的建议如做清油可用原木色、白枫、白橡等浅色系饰面（这些饰面颜色，供货商都能提供色板，你应该能有感官的认识）    2）如用混油可选牙白、牙黄等色（油漆供应商也能给你提供调色色板）应该不难。    3）墙面和卧室的墙柜都想用白色，地板也用浅米色，问题不大，墙面也可选浅色活跃的色系，如粉色、米黄、藕荷等色，顶面尽量用白色，不然过于压抑。地面选材切莫过深。因你的空间不大，建议你所有房间的地面尽量选同一色系，显得空间视野开阔。    4）厨房的墙是白砖，能用什么颜色的橱柜和操作台，操作台的颜色，我认为只要与白色墙面稍有区分就好，不宜过深。柜门我建议你用颜色搭配，不过于呆板。如白+酒红、白+米黄等等也不可以。    但愿我的回答能对你有所帮助！</t>
  </si>
  <si>
    <t xml:space="preserve">8+8+8等于爱吗？ </t>
  </si>
  <si>
    <t>不等于，没有为什么。</t>
  </si>
  <si>
    <t xml:space="preserve">奥德格陵兰，快进球啊！！老天啊，求你快进个球，行么？14场我赌你 </t>
  </si>
  <si>
    <t>顶，我的进球彩也是选12，别急啊兄弟，快要进了</t>
  </si>
  <si>
    <t xml:space="preserve">周末放假去哪里玩好！ </t>
  </si>
  <si>
    <t>我们是公司几乎每一月组织一次去昌平游玩，所以我感觉昌平是个不错地方，虽然老去但是还没有去玩所有景区，去昌平可以爬山，泡温泉，采摘，射击等等，游玩的太多了，我也说不清楚，为什么推荐你去昌平呢，因为我老去感觉综合方面来说是个可以推荐的好地方，不知道这位朋友去没去过，如果没去过不妨尝试一下，交通很方便而且资费也不是很贵</t>
  </si>
  <si>
    <t xml:space="preserve">怎么样培养儿子男子汉的性格? </t>
  </si>
  <si>
    <t>每个父母都希望自己的孩子望子成龙、望女成凤。但真的那么容易吗？只有为人父母的才深有体会！秀秀急是没有用的，要耐心去和孩子慢慢地交流，如果有时间就多去学校找老师商谈。因为老师的鼓励将是孩子学习的动力！让孩子在一个有爱、有自信心的家庭中不断征服困难中树立起来，做个真正的男子汉吧！</t>
  </si>
  <si>
    <t xml:space="preserve">我可以买600582,天地科技吗如题 </t>
  </si>
  <si>
    <t xml:space="preserve">2005年全年净利润较上年同期增长50%以上.可以买,后市有潜力. </t>
  </si>
  <si>
    <t xml:space="preserve">高档场所隔音装修选什么材料好需要注意什么吗 </t>
  </si>
  <si>
    <t>选购隔音毡对于绝大部分人而言，不是一件容易的事情。因为一方面绝大部分人没有专业的声学知识，也有可能首次选购隔音毡，不知道如何去分别隔音毡的性能，不清楚在选购过程中应该注意什么事项;另一方面，选购隔音板的过程中，您很难使用普通的方法(比如肉眼观察、手触摸)和经验来判断鉴别隔音板的隔音性能。关键是隔音板必须在搭建成墙体之后，才能感觉或测量出其隔声量的高低。如果搭建成隔声墙之后，墙体的隔音达不到预期的效果，您几乎不可能将墙板撤下来退回厂家。这种情况下，要么接受墙体隔音不理想的现状，要么采取补救措施。因此，为了避免浪费您的金钱、时间和精力，适当地掌握一些选购隔音板的基本知识对您非常有必要。在高档商业建筑(比如星级酒店、高档娱乐场所等)和一些家庭住宅的装修过程中，常常会遇到一些墙体和吊顶需要隔声的问题，比如会议室、办公室、卧室的墙体以及天花板吊顶隔声。为了明显提高墙体和吊顶的隔声，仅仅依靠普通建筑材料很难达到理想的效果。比如：在100轻钢龙骨两侧各钉一块12毫米厚石膏板，龙骨空腔内填充岩棉，墙体隔音效果35分贝左右;如果在两侧各钉两块石膏板，墙体隔音效果提高到39分贝左右。如果希望将墙体隔音效果提高到50分贝以上，需要在龙骨两侧各安装很多块石膏板(实际上很难安装很多块)，所以使用普通建材(比如石膏板)进行墙体隔音，不仅原材料浪费大、墙体厚(损失宝贵居住空间)、工期长，而且工程综合造价高。因此，人们在一些隔音要求非常高的地方，通常会使用高性能隔音毡(或材料)。</t>
  </si>
  <si>
    <t xml:space="preserve">帮忙看看这电脑值几钱2手货 </t>
  </si>
  <si>
    <t>多二手了找到不如意的地方狂砍价，最好砍成一纹不值，在花个百来快收走。呵呵。</t>
  </si>
  <si>
    <t xml:space="preserve">看小说的各位亲们,有什么好看的小说推荐吗?我看了一下午都没找到合? </t>
  </si>
  <si>
    <t>暗夜寒尊、战神七小姐、 重生—错养魔帝、 绝色炼妖师、 凤七邪、 傲风、 紫恒逍遥仙</t>
  </si>
  <si>
    <t xml:space="preserve">冬季迷宫的怪都掉什么书?什么样的怪掉什么样的书? </t>
  </si>
  <si>
    <t xml:space="preserve">迷?m狂暴史奈奇 Lv54 发呆.背叛 年轻的迷?m翼魔 Lv56 超级治愈.魔力燃烧黑豹小黑豹 Lv56 不死生物逆转.神圣爆破B5迷宫监视者领导 Lv54 泯灭.魔力反噬严寒雪人 Lv63 召唤诅咒骨头.魔力风暴.超级集体治愈.清醒 迷宫野牛 Lv60 回收与酷寒野牛一样!严寒野牛 Lv61 终极保护盾.群体风陷.战争颂歌,大地颂歌      回收 火龙之首.炼狱之主60卷 严寒狼蛛 Lv58 群体火之陷落 回收B5.群体水之陷落 迷宫钢铁高仑 Lv59 群体风之陷落熊 .群体 Lv62 神圣防护,邪恶抵抗 刺角羚羊 Lv57 群体暗影诅咒,群体恐惧严寒钢铁高仑 Lv59 群风陷.终极力量 </t>
  </si>
  <si>
    <t xml:space="preserve">中奖单（图）终于中了！！！虽然只中了5块方案信息总金额倍数份数每 </t>
  </si>
  <si>
    <t>兄弟，淮安的啊？我只爱一品梅这烟，老家的习惯了</t>
  </si>
  <si>
    <t xml:space="preserve">回合制游戏好多啊，哪个比较有特色的，求人推荐！ </t>
  </si>
  <si>
    <t>推荐几款1、梦幻，经典游戏了2、梦想世界，玩法很多很创新，比较有特色的游戏3、神雕，新出的，轻功有点小意思</t>
  </si>
  <si>
    <t xml:space="preserve">您能进来看看。帮帮吗？谢谢！我妈妈最近不知道怎么了一下就瘦了很多 </t>
  </si>
  <si>
    <t>带你母亲作个T3T4化验就可以确诊是不是甲亢。还应做一个血糖检查，血糖偏高也会出现这种症状。</t>
  </si>
  <si>
    <t xml:space="preserve">我的女朋友的心事我是济宁人，我女朋友是济南人。我们毕业后为了不失 </t>
  </si>
  <si>
    <t>这实质上不是她的问题，而是你的问题，你太自我，根本没有顾及她的感受！！！济南毕竟是省会，她的内心肯定有落差，只是认为你会对她好，才跑下来，这一点你应该明白、多体贴、积极帮助她渡过这一个难关。要学会换位思维，凡事不能总从你自己的角度去考虑。应该多从对方的角度去考虑，以对方的身份去思考问题。相信你能够处理好你们的问题。</t>
  </si>
  <si>
    <t xml:space="preserve">液相色谱法有几种类型？在这些类型中，最适宜分离的是什么？ </t>
  </si>
  <si>
    <t>液相色谱有以下几种类型:液-液分配色谱; 液-固吸附色谱; 键合色谱;离子交换色谱; 离子对色谱; 空间排阻色谱等.其中;液-液分配色谱的保留机理是通过组分在固定相和流动相间的多次分配进行分离的。可以分离各种无机、有机化合物。液-固吸附色谱是通过组分在两相间的多次吸附与解吸平衡实现分离的.最适宜分离的物质为中等相对分子质量的油溶性试样，凡是能够用薄层色谱分离的物质均可用此法分离。化学键合色谱中由于键合基团不能全部覆盖具有吸附能力的载体,所以同时遵循吸附和分配的机理,最适宜分离的物质为与液-液色谱相同。离子交换色谱和离子色谱是通过组分与固定相间亲合力差别而实现分离的.各种离子及在溶液中能够离解的物质均可实现分离，包括无机化合物、有机物及生物分子，如氨基酸、核酸及蛋白质等。在离子对色谱色谱中,样品组分进入色谱柱后,组分的离子与对离子相互作用生成中性化合物,从而被固定相分配或吸附进而实现分离的.各种有机酸碱特别是核酸、核苷、生物碱等的分离是离子对色谱的特点。空间排阻色谱是利用凝胶固定相的孔径与被分离组分分子间的相对大小关系,而分离、分析的方法。最适宜分离的物质是：另外尚有手性色谱、胶束色谱、环糊精色谱及亲合色谱等机理。</t>
  </si>
  <si>
    <t xml:space="preserve">五毒打杀手的加点这样可以吗？试了一个小时的成果本人79级的五毒一 </t>
  </si>
  <si>
    <t>你这种加点简直是胡乱加，正确的加法（以79级为准）：首先20镇派是必须加，下面20五毒掌法，20五毒刀法，1无形，1点万古，2点穿心，剩下的全加在百毒上。如果你的装备再好点，打杀手BOOS是不成问题的，但是有一点你要注意，打BOOS没有幸运是不出好东西的。</t>
  </si>
  <si>
    <t xml:space="preserve">很好的大学同学结婚啦，送点什么好呢？大家有推荐的吗？[好喜欢][? </t>
  </si>
  <si>
    <t>既然是结婚，那么不免俗的肯定要送现金红包哈，这个多少的合适得看你们互相的，说白了到时候都得还的。如果是关系非常好的朋友还可以送点小家电，他家里没有的你都可以考虑看看，不用太贵的。当然送一些茶具，情侣杯，情侣衣服都是很不错的哦，如果不介意的话，将来孩子的小衣服哈哈，这个可能有点早~反正你可以都考虑下哈。【如果解决了您的问题请设为好评哈^^】</t>
  </si>
  <si>
    <t xml:space="preserve">港式云吞粉/面怎么做呢？自从吃了云吞面以后，就成了我的最爱。可是 </t>
  </si>
  <si>
    <t>云吞:猪肉剁成泥,加葱姜泡的水,盐,味精,胡搅粉等调味料,馅要调的稀稠适中,那样云吞下锅后,很快就能熟,不会把云吞皮煮坏!面:面粉,水,碱,做成面条,面条煮后要用清水过一下,要不面里的碱味太重!</t>
  </si>
  <si>
    <t xml:space="preserve">虚拟卡怎么用？我买了一个300点的虚拟卡，选择充值后，看不出有什 </t>
  </si>
  <si>
    <t>老星际的话你直接玩就可以了,新星际你要在游戏中的商城里兑换紫晶,之后可以购买商城里的东西(最建议先画1000紫晶扩充一下银行,你可以用300点兑换3000个紫晶)你换了之后还可以在基地一层的[星际邮递员]那里领取8个陨石,之后在提炼厂一层找陨石研究员鉴定,可以砸奖!!(要快换才可以)</t>
  </si>
  <si>
    <t xml:space="preserve">什么事能给人深刻感触 </t>
  </si>
  <si>
    <t>刻骨铬心的爱情！至死不渝的恋情！惊天动地的亲情！不离不弃的友情！大灾大难后的援助之情！要说有哪些是最感触的，只能看你是遇到哪些了，不过无论是哪一种，凡是自己经历的事都会有一定的感触，看是不是深或浅了。</t>
  </si>
  <si>
    <t xml:space="preserve">企业所得税年度申报B类企业12年每个季度税都交纳了企业所得税（B </t>
  </si>
  <si>
    <t>1、所得税属于季度预缴，年终汇算清缴（年报），多退少补。汇算清缴，是指纳税人在纳税年度终了后规定时期内，依照税收法律、法规、规章及其他有关企业所得税的规定，自行计算全年应纳税所得额和应纳所得税额。根据月度或季度预缴的所得税数额，确定该年度应补或者应退税额，并填写年度企业所得税纳税申报表，向主管税务机关办理年度企业所得税纳税申报、提供税务机关要求提供的有关资料、结清全年企业所得税税款的行为。2、按照年报要求填写“企业所得税年度纳税申报表（B类）”。“收入总额”：填写本年度累计取得的各项收入金额，并填报《核定征收企业收入总额明细表》，金额等于《核定征收企业收入总额明细表》第25行的金额。收入总额包括：主营业务收入、其他业务收入、营业外收入、利息收入等。</t>
  </si>
  <si>
    <t xml:space="preserve">Foobar2000不支持WMA格式?新浪上下的最新版Fooba </t>
  </si>
  <si>
    <t>应该可以的为你的电脑重新安装WMA解码器如不行卸载本软件重新安装</t>
  </si>
  <si>
    <t xml:space="preserve">大连周大福的项链或耳钉最近有打折的吗？他们家的东东确实挺好看的， </t>
  </si>
  <si>
    <t>金银饰品很少有打折的，但是好象最近辽宁的黄金价格普遍有下降的趋势吧。</t>
  </si>
  <si>
    <t xml:space="preserve">公司在百度的网络推广每月消耗的费用计入什么会计科目公司在百度的网 </t>
  </si>
  <si>
    <t>直接计入“营业费用（或销售费用）--业务宣传费”科目。</t>
  </si>
  <si>
    <t xml:space="preserve">紧急求助ETF50基金问题我昨天0.775买入了ETF50基金3 </t>
  </si>
  <si>
    <t>向开户的营业部查询。</t>
  </si>
  <si>
    <t xml:space="preserve">手写手机的显示屏可以贴膜吗？会不会影响它的手写质量。 </t>
  </si>
  <si>
    <t>不会的。只要贴的细致，毫无影响！我的手机屏一买来就请人贴了，毫无影响。</t>
  </si>
  <si>
    <t xml:space="preserve">问一下从中国大陆邮东西到新加坡多少钱 </t>
  </si>
  <si>
    <t xml:space="preserve"> 你看看上面的网址，希望对你有帮助</t>
  </si>
  <si>
    <t xml:space="preserve">脑筋急转弯什么东西永远吃不饱？？？？什么东西永远吃不饱？？？？ </t>
  </si>
  <si>
    <t>答：是吃空气！！！</t>
  </si>
  <si>
    <t xml:space="preserve">PDA是什么啊？ </t>
  </si>
  <si>
    <t>掌上行业是自九十年代以来新近兴起的。它的发展史与掌上电脑产品及市场需求有着密切的关系。　　掌上电脑带的代表产品PDA全称为“个人数字助理”（Personal Digital Assistant），是美国APPLE公司执行总裁JOHN SCULLEY于1992年1月提出的产品概念，并于1993年初正式发布了世界上第一个PDA产品-NEWTON MESSAGEPAD。以此为标志，掌上电脑正式诞生。但由于速度慢、体积大、营销不力等原因，Newton未在市场上取得成功，最终不得不于1998年停产。　　掌上电脑自进入中国市场，在1998年以前基本上都处于一个缓步发展的阶段；真正让中国人认识并了解掌上电脑的是在1999年。这一年，商务通凭借林立的宣传攻势和独到的营销手段打造出一个鲜活的PDA市场，也让国人对这一行业有了全新的认识。　　自1999年下半年开始，PDA市场逐渐被启蒙。涉足PDA领域的厂商迅速由最初的30多家扩展到100多家，伴随而来的是众多厂家对于概念的混乱：电子记事本、电子辞典、PDA、掌上电脑，这些看似清晰实则模糊的概念却令很多人感到混乱和迷惑。尽管许多业内人士认为PDA与掌上电脑是两个截然不同的产品，但在中国，PDA已经既成事实地被信息产业部门纳入了掌上电脑的范畴。　　PDA（Personal Digital Assistant）,是一种用于处理个人事务的数字设备。其产品功能主要表现在记录和处理个人信息的通讯录、名片册、计算器、日程安排、约会信息提示等。它们的共同特点是：应用程序是预装的而且是固化在负责计算和存储的芯片组里，其功能的多少取决于出厂时的设定。其软件和应用的升级只能用不断推出新型号来实现。　　掌上电脑行业发展至今，根据市场需求的不断变化，其产品的发展正在经历"三代"的变化。一代是静态信息固化PDA阶段---它的缺点在于操作系统是封闭的。软件和系统不能升级，通讯功能不够完备； 第二代升级版--除具有一代的功能外，还可以进行软件升级和资料下载功能。其功能比较完备，增强了通讯功能，能够收发电子邮件，具有完全开放式的操作系统，软件和系统均能进行升级， 是一种有限双向信息互动产品。第三代产品则是无线双向信息互动产品--那将是一个无比广阔的移动互联的时代，真正体现移动互联时代4A（任何人、任何时间、任何地点、任何方式）精神，其应用领域将无比广阔，人们可以通过掌上电脑去与外界完成无限的信息交互--掌上电脑时代才真正来临。　　目前，围绕国内掌上电脑市场的争夺战，已悄悄形成四大势力集团。一类是以商务通为首的掌上电脑专业厂商，他们更强调高科技与人性化的结合，产品的实用和易用，宣称在产品上废弃一切使用率低于5%的功能；另一类是以摩托罗拉为代表的通讯厂商，强调在通讯产品上附加电脑的功能；第三集团是联想、TCL为代表的IT厂商，其产品强调上网和收发E-MAIL等功能；以另外，从去年开始，另一股势力也在悄悄地崛起，这就是以3COM、IBM为代表的掌上电脑。　　业内人士预测，未来的掌上电脑将呈现多样化发展的特点。表现在多种操作系统并存、多种应用并存、多种发展方向并存。无线产品将成为其中方向之一。 21世纪掌上电脑将会得到飞跃性发展，掌上电脑产品市场将是个更细分的市场。具体分为面向个人事业管理的掌上电脑，按照上网、理财、连笔等功能不同可以分为高、中端以及普及型产品；针对专业用户和有深度需求的特殊用户开发功能强大但简单易用的Win CE产品，并为企业用户开发专门的企业应用解决方案；面向移动信息处理需求的用户，推出即时收集多种信息的产品；面向特殊交易需求的用户提供针对性强的系列产品。因此只有致力于提供全线产品及为用户创造增值的服务， 满足不同消费的需求的企业，才能在日趋激烈的掌上电脑竞争中处于不败之地。</t>
  </si>
  <si>
    <t xml:space="preserve">黑影...有时候我会回过头来,刹那间会有个黑影迅速的消失,有几次 </t>
  </si>
  <si>
    <t>每个方向的光线明暗不同，眼睛要有短暂适应，这种情况出现很正常，有时候是心理作用，不要多想．</t>
  </si>
  <si>
    <t xml:space="preserve">上火脸上总是起痘痘，看了很多医生说是内里有火，喝了好多中药也不行 </t>
  </si>
  <si>
    <t>日常喝些夏桑菊吧，我也是上火就会长些痘痘，其实跟我们身体的健康有很大的关系，你平时要注意饮食起居的健康，还要做好日常维护，比如煮些绿豆汤啊，多吃梨子啊~时常喝些星群夏桑菊也不错，我自己比较常喝，觉得清热去火的效果不错！</t>
  </si>
  <si>
    <t xml:space="preserve">别人都说有高血压人喝猫须草茶有效，请问一般饮用多久后见效呢？我听 </t>
  </si>
  <si>
    <t>是啊，你找对了，说牌子，那就是美而康马来西亚的好啊。一般来说，因人而已，饮用过后你会在第一个星期内发现情况变得好转。但对于高血压、高胆固醇、高尿酸或痛风、糖尿病、类风湿性关节炎等等的人士通常在饮用此茶一至二个月后才会有所改善。您可以找我T*E*L壹@叁@叁@伍@贰@捌@捌@玖@叁@玖@贰。</t>
  </si>
  <si>
    <t xml:space="preserve">光速是能量在真空中传递的唯一速度嘛？如果你认可我这种问法，请严谨 </t>
  </si>
  <si>
    <t>不是。高能粒子也携带能量，它们以低于光速的速度传播，比如，太阳风。据估算，太阳风所造成的质量流失每年约有107 吨，但与太阳的总质量相较，仍微不足道。 太阳风的 传播速度约为450公里/秒，太阳探测船–尤里西斯号(Ulysses)最近传回来的数据显示，由太阳极区流出来的太阳风之速度更可高达750公里/秒。这个速度远低于光速，但是这是真空中的能量传播。</t>
  </si>
  <si>
    <t xml:space="preserve">我要投票，如何投?在哪个窗口投? </t>
  </si>
  <si>
    <t>点开"问题排行榜",里面第二栏"最新投票",当里面有投票问题时,点开问题,查看问题的回答,在你满意的回答下面点击"投他一票". 也可以进入“用户信息”栏点击“我的投票”，再点“找投票中的问题”进行投票。</t>
  </si>
  <si>
    <t xml:space="preserve">请各位高手帮帮忙,我电脑上的任务管理器不知被谁锁定了，要怎么恢复? </t>
  </si>
  <si>
    <t>方法一：打开“注册表编辑器”，找到[HKEY_CURRENT_USER\Software\Microsoft\Windows\CurrentVersion\Policies]，在右侧窗格中创建名为DisableTaskMgr的Dword值，将其值设置为1即可禁用“任务管理器”，设置为0则为启用。方法二：在“开始”菜单中的“运行”对话框中输入“gpedit.msc”命令，就会启动“组策略”设置窗口。在组策略窗口中，执行“本地计算机策略→用户配置→管理模板→系统→Ctrl+Alt+Del选项”命令。在右边的“删除任务管理器”的属性中，设置为“已启用”。如果有人按Ctrl+Alt+Del键的时候，系统就会禁止操作，从而防止对任务管理器的错误操作。在“Ctrl+Alt+Del选项”中，还有另外三个可供设置项，分别是“删除锁定计算机”，“删除改变密码”，“删除注销”，通过修改这三项的属性，可以实现相对应的功能。</t>
  </si>
  <si>
    <t xml:space="preserve">如果中国和小日本真的打起来谁更厉害些？ </t>
  </si>
  <si>
    <t>无论从哪一方面来说，中国都已是今非昔比了，况且解放军又是“钢铁之师”“不倒的长城”，赢小日本更是不在话下。但是，纵观全人类的发展史就不难发现，战争给国家和人民所带来的创伤和痛苦往往是那么的令人不堪回首。我们不希望战争，我们更爱好和平、更渴望和平、更追求和平。 因此，对我们来说，发展和壮大我们的综合国力才是当务之急啊。勤奋务实，刻苦工作，提高我们的综合国力就是最好的抗日了。如果真的发生战争，象我们这样的热血青年就一定要到最前线去，毅然接受血与火的考验。</t>
  </si>
  <si>
    <t xml:space="preserve">关于购买魔兽世界账号的安全问题我想买个魔兽世界的账号，身份证是可 </t>
  </si>
  <si>
    <t>没有办法避免,看卖家人品</t>
  </si>
  <si>
    <t xml:space="preserve">男人会因为性而爱上一个女人吗？假如这个男人喜欢那个女人，那么之后 </t>
  </si>
  <si>
    <t>性和食是一样的，如果说喜欢吃一样东西的话，那饿了就吃了，你吃饱了还会去想它吗？而没有精神上的沟通怕是不长久的</t>
  </si>
  <si>
    <t xml:space="preserve">我想出售游戏帐号，结果审核失败，原因是我的安全邮箱错误，可是我游? </t>
  </si>
  <si>
    <t xml:space="preserve">尊敬的客户:     您好！5173回复客服01很高兴为您服务！  建议您登入游戏官方网站，利用注册信息修改邮箱。修改后在重新提交出售申请。                                              </t>
  </si>
  <si>
    <t xml:space="preserve">我是19级S，我的技能兽王之怒的效果怎么看不出来啊！还有上面写的? </t>
  </si>
  <si>
    <t xml:space="preserve">你的级低真元也不是那么的多  那技能是你用了以后前一半怪打你的时间  你的真元能迅速的恢复  假如站着恢复是不可能的 </t>
  </si>
  <si>
    <t>华铄A6Q22Je</t>
  </si>
  <si>
    <t>华硕的笔记本最近质量滑坡很厉害！注意。售后服务很差。突出问题CPU温度高、风扇异响、漏电。宏基没使过，不敢胡说。我觉得多花点钱买联想的，应该没问题。</t>
  </si>
  <si>
    <t xml:space="preserve">请问怎么才可以吃胖 </t>
  </si>
  <si>
    <t>一般情况下，体重过轻与遗传因素有关系，同时，一些情绪容易亢奋的人，由于内分泌的影响就可以加速热量的消耗。有些人容易紧张，结果可能是漏掉一餐或者食欲不振，一次损失上千卡热量自然不在话下，这样肯定不会胖。 　　如果发现自己的体重过轻，身体过瘦，首先要查一下是不是疾病的潜在影响。如甲状腺、糖尿病、肾上腺、消化系统疾病等，都容易造成体重过轻。排除了疾病的情况，才可以实施增肥计划。 身心愉快 　　瘦弱男女在饮食方面，有不少都存在挑食和偏食现象。因此，应改掉这些不良习惯，增加膳食的摄入量，膳食应丰富多样。多吃碳水化合物，面食最管用，此外，高蛋白食品、蔬菜和水果一样都不能少，平日里更要口不离那些健康的零食，如花生、奶糖等，喝完啤酒再喝点果汁也是不错的主意。 　　在摄入足够蛋白质的情况下，宜多进食一些含脂肪、碳水化合物（即淀粉、糖类等）较丰富的食物。这样，多余的能量就可以转化为脂肪储存于皮下，使瘦弱者体态健壮起来。胃肠功能较弱的瘦子，可选择鸡、鸭、鱼、羊的肝脏来食用，除此，鱼类也易消化和吸收。 饮食多样 　　要想增肥，首先应当做到增肥，为健康增肥。平衡饮食外，还应保持充足而良好的睡眠。人的睡眠若比较充足，胃口就比较好，而且也有利于对食物的消化和吸收。不少瘦人喜欢过夜生活，动不动就玩个通宵，第二天又要强打精神去上班，严重影响了睡眠的质量，这样下去不瘦才怪。 　　还要注意的是个人心理健康。工作中的紧张和压力、生活中一些小事的想不开、超出人体负荷的“疯狂”学习或工作等，都会使人愈加消瘦。相反，愉快的心理状态、和谐的人际关系则有助于增肥。 适当运动 　　对于那些长期坐办公室的瘦人来说，每天应抽出一定的时间来锻炼，这不仅有利于改善食欲，也能使肌肉强壮、体魄健美。人体的肌肉是“用进废退”，如果长期得不到锻炼，肌肉纤维就会相对萎缩，变得薄弱无力，人也就显得瘦弱。 　　在运动方式上，慢跑是个不错的选择，因为人在慢跑的时候肠胃蠕动次数明显增多，这样可以消耗人体能量，在进餐时胃口就好。一般来说，大运动量运动、短时间运动和快速爆发力运动都能起到增肥效果，也是欲减肥的人最应忌讳的。附：食物增肥一方山药粥 　　成分：山药、乳酪、白糖。　　其制法可分为两种。一种是将鲜山药洗净，捣泥，待大米粥熟时加入拌匀，而后调入乳酪、白糖食用；另一方法是，将山药晒干研粉，每次取30克，加冷水调匀，置炉上，文火煮熟，不断搅拌，两三沸后取下，调入乳酪、白糖即可食用。　　山药性味甘平，可补虚赢，长肌肉、润皮毛，为治消瘦、美容之妙品。乳酪可养肺润肤、养阴生津。两者合用，可健运脾胃，资助化源，故于虚瘦病人，效果甚佳。 常常听到体瘦者抱怨，现在减肥药满天飞，就是没有增肥药。其实，一般瘦弱欲增肥健身，无需求助于药物，只要恰当饮食，用食疗来调补，就能收良效。　　体瘦之人，多有阴虚、血亏津少，故饮食上宜多食甘润生津之品，如牛奶、蜂蜜、鸡蛋、鳖（甲鱼）、海参、银耳等。常用有效食疗方有：核桃牛乳饮，蜂蜜饮料，海参膏，龟肉百合红枣汤，甲鱼滋肾羹，参麦甲鱼，银耳鸽蛋，百合鸡子黄汤等。　　阴虚往往内心热，体瘦者多见烦躁易怒、口干咽痛、性欲亢进等虚热内生现象，故在滋养的同时，还要注意清虚火，可选食蛤蜊麦门冬汤、菊花肉片等。1.均衡的饮食　　可以使用奶油或其它食用油、果酱、糖类等高油脂、高糖类食物来增加热量，虽然体重增加较为快速，但长期或过量食用，会破坏食欲，并可能带来慢性疾病危及健康。采用均衡饮食及渐进式的增加食量，避免强迫性的供给，破坏食欲。2.养成良好的饮食习惯　　定时定量，少量多餐，细嚼慢咽。3.改变进餐的程序　　先吃浓度高，营养密度高的食物，再吃其它食物。4.选择适度烹调的食物　　选择经适度烹调的食物，如：蒸、炖、卤、炒、煮..等，避免因油炸、煎、烤..等导致食物坚硬，不易消化。</t>
  </si>
  <si>
    <t xml:space="preserve">怎么才能使自然卷发变直？有没有什么方法可以使自然卷发变直？ </t>
  </si>
  <si>
    <t>我经常去烫离子烫，现在头发都到腰部以下了，还没有分叉。你可以这样：找一家专业的店，找一位了解你发质的资深发型师，让他帮你选择适合你发质的产品。千万不要让助理为你烫发，要求有经验的发型师亲自操作，操作时间不能太长。烫后注意保养，每两周定期做一次专业的护发倒膜（找我的话可以打折HUIHUIHUI26@SINA.COM.CN）。洗发时一定要用护发素。</t>
  </si>
  <si>
    <t xml:space="preserve">鱼丸和肉丸请教怎么做 </t>
  </si>
  <si>
    <t>1》彭城鱼丸 【特点】 鱼丸清淡洁白，滑嫩爽口，尤宜老入食用。 【原料】 活鲤鱼一尾（重约1000克）。 猪肥膘50克、水发粉丝100克、熟菜心25克、熟火腿片15克、鸡蛋清25克、水发冬菇10克。绍酒25克、葱15克、姜10克、盐3.5克、淀粉25克、味精2克、芝麻油15克、鸡清汤500克。 【制作过程】 将鲤鱼治净。斩下头尾，取净鱼肉，洗净后同猪肥膘一起斩成茸，放入钵内，加绍酒、葱姜汁、鸡蛋清、鸡清汤、精盐搅拌上劲后，加入斩碎的粉丝和干淀粉，调成糊状。将鱼头尾洗净，下水锅焯水后加精盐、绍酒、葱姜上笼蒸熟。将锅置火上，放入冷水，将鱼糊挤成大桂圆形状的丸子放入水锅中，待水沸时，鱼丸即熟，捞出。锅置火上放熟猪油，放入葱姜炸黄出香时捞出，加入鸡清汤，倒入鱼丸、菜心、火腿片、冬菇片，加入绍酒、精盐。味精，烧沸后勾芡，淋入芝麻油，”装入长腰盘中，将蒸熟的鱼头尾饰在盘子两头即成。 　2》煲仔鱼丸 【特点】 鱼丸是广东人喜爱的日常食品。一般以淡水鱼为主料，将鱼肉搅碎制成丸状。鱼丸可煮、蒸、炸、熘、炒，以煮制 【原料】 搅碎鲮鱼肉２２５克，腊肠１条 浸软发菜２０克，粉丝５０克，鸡清汤１００克，生菜１８０克 酱油、油各２０克，生粉、香油各１５克，精盐、胡椒粉各５克，切碎香菜、葱、虾各１０克 【制作过程】 虾粒、腊肠粒、发菜段、香菜、葱和鱼肉搅拌均匀； 鸡汤倒入锅中加热，鱼肉挤成鱼丸下到汤中，煮熟后捞出； 将粉丝、生菜放入汤锅中，随后放酱油等调味品稍煮，将鱼丸排在上面；另用锅将淀粉勾芡，浇在鱼丸上即可。3》鱼丸制作的技术关键:说起鱼丸，大家并不陌生。其制作方法是：将鱼治净后，除皮去骨刺，并剔去红鱼肉，放入清水中略为漂洗，再至砧板上用刀背排捶，至鱼肉松散后改用刀刃排斩成茸泥，然后分数次加入冷鲜汤及葱姜汁，用手顺一个方向搅成稀浆状，调入精盐，继续搅打至呈极富粘性的泥茸，然后分次加入已搅散的鸡蛋清、油脂和淀粉，快速搅打，一口气搅成色泽乳白而明亮、细腻滋糯而松泡的鱼糁。这时可将鱼糁挤成荔枝大小的丸子，入冷水锅中加热至锅边冒小泡而不沸腾状并保持一定时间，至丸子汆熟，捞出漂入冷水中，即成。鱼丸制作是否成功，原因自然很多。有时我们虽然如法操作，但却总是达不到理想的效果。究其原因，多半是未能抓住制作中的技术关键。为此，笔者特将自己制作鱼丸时的一些经验体会介绍如下，供大家参考。一、鱼肉的选择制作鱼丸，我们通常用草鱼、鲢鱼、白鱼、鲶鱼等鱼肉。由于鱼的种类不同，它们肌肉组织中的肌球蛋白和肌动蛋白的含量也不一样，所含纤维与结缔组织也有一定的差异，因而不同的鱼肉对鱼丸的质量是有一定影响的。制作鱼丸一般宜选用蛋白质含量高，而脂肪含量低的鱼肉。鱼肉的脂肪含量高会降低鱼丸的弹性，这是因为脂肪会阻碍蛋白质分子网状结构的形成。其次，鱼肉的新鲜程度也将影响鱼丸的质量。新鲜鱼肉不会发生蛋白质变性，因而它是制作鱼丸的前提条件。反之，如鱼肉超过其自溶期，那么制做鱼丸的质量是会受到影响的。二、如何提高成品的色泽要做出色泽乳白光亮的鱼丸，应该从鱼肉的漂洗及如何排捶加工两个细节方面入手。漂洗鱼肉可以除去鱼肉中的血污、杂质及肌肉中的血红色素。但须注意，漂洗鱼肉时不能久漂，久漂则鱼肉发硬，排捶时难以成茸，且降低其粘凝度。排捶原料的手法对鱼丸色泽的影响较大。一般应以先轻后重的手法对原料进行排捶，切忌一开始就急于求成而用力过大，结果造成鱼肉颗粒不仅难以成亲合之茸外，还会带起砧扳上的木屑等杂质。另须注意的是，排捶时中途翻动切勿用手，同时要把握好节奏，缩短排捶时间，这样有利于鱼茸的色泽及质地。三、辅料对鱼丸的影响川菜中制糁素有“一水、二盐、三蛋、四油、五淀粉”之说，可见对制糁辅料的加料是有讲究的。水能起到稀释鱼茸的作用，鱼茸可以强烈地溶剂化，使大量水分子排列在周围。由于水分子的排列是有方向性的，同时因起电荷的作用，所以搅拌时一定要朝着一个方向，否则会破坏水分子的排列，便鱼茸吐水。制作鱼丸用盐量非常重要。从根本上讲，制作鱼丸就是利用蛋白质的盐溶性、热凝聚的特性而成形。如盐的用量过少，肌球蛋白和肌动蛋白溶出量不多，形成溶胶粘性不强，形成力弱；盐的用量过多，会起到一定的脱水作用，使鱼丸的持水性能降低，产生变性而使蛋白质性状被破坏，降低了鱼丸的弹性，影响其口感。制作鱼丸需要加入适量鸡蛋清和油脂。鸡蛋清具有吃水性强、凝固效果好的特点，添加的目的就是增加胶结性，保持鱼丸的弹性和嫩度。加入油脂的目的是增加鱼丸细腻、滑嫩的口感，并有增白的效果。但须注意，对蛋清和油脂都不能加得过多。由于鸡蛋清具有膨胀性，加多了，在鱼丸加热时会使其表面不光滑，影响鱼丸的外观；而油脂加多了，则容易使鱼丸内部成蜂窝状，造成口感质粗且油腻。淀粉本是一种粘合剂、增稠剂。鱼丸中加入淀粉会使其增强吸水性，同时增加鱼丸的可塑性，有利于成形。但淀粉的用量要适量，过少，鱼丸的粘性不够；过多，则鱼丸会发硬、色泽不白且浮力差。四、鱼丸的加热及火候加热会使鱼肉蛋白质凝固至鱼丸熟透。但是，应掌握好汆煮鱼丸的火侯。其方法是：鱼丸生坯应下入冷水锅中，然后移至火口，随着锅中水温的升高，鱼丸的弹性就增强，直至锅中水在锅边冒小泡时，转小火保持水温约半小时，鱼丸便汆煮熟了。但须注意的是：若水温低于６０℃时，鱼丸会变性而失去粘性，成品结构松散，甚至散碎不成形；而水温若超过１００℃，鱼丸又会出现多纤维状，而影响其口感。理想的鱼丸加热温度以控制在８０～９０℃之间，保持半小时为好。总之，我们要做好鱼丸一定要做到调制鱼茸六不伤、六不缺（水、盐、油、蛋、粉、味）；搅打好的鱼糁色白、滋润、细嫩、光滑、无杂质；汆煮时掌握好火候，就一定能做出高质量的鱼丸来。 4》鱼丸制作方法:一、工艺流程 选料（鲜鲢、鳙鱼等）—洗净—采肉一漂洗一脱水一精滤一排斩—调料—成型一水煮（或油炸）一冷却一包装（或直销）。 二、辅料配方 按鱼肉50kg计，取食盐1kg，淀粉3kg，砂糖0.5kg，味精0.075kg，姜汁适量，含水量—般为鱼肉重量的50～60%。 三、操作要点 1.选料：选择重1.25～2.5千克、肉质厚实、鲜度较高的鲢、鳙鱼。 2.刮肉：鱼剖杀洗净，从尾到颈，去内脏，去脊骨，取下背部两块肉，先冷藏一下再刮取鱼肉。操作时，要顺纤维纹路刮，刀的倾斜角以45度为宜，将鱼肉刮成薄片。将刮下的鱼肉漂浮于清水中，以去除血筋和混浊杂质，使鱼肉早白色，然后用洁净新纱布滤去水。 3.排斩：将鱼肉平放在砧板上，用双刀有节奏地按顺序排斩，至鱼肉稍有转白，手感有粘性时为好，注意要斩透，使鱼肉全部成泥。此工序也可用绞肉机操作，但加工的鱼丸口味较差。 4.搅拌：将鱼肉泥放于容器内，先加7成左右的清水，水的总量为鱼肉的1.7倍，用竹筷将鱼肉泥划散，成粘糊状后，放入辅料，用力搅打以后，鱼糜蛋白质疑胶，呈透明状。 5.挤丸：洁净铁锅—口，盛以清水，另备边缘光滑的羹匙一个，左手攥鱼糜，从虎口处挤出成圆形颗粒，右手用羹匙接住，放入清水锅中，动作要干净利落，鱼丸的形状要圆，光泽度要高。挤出的鱼丸在清水中漂浸半小时左右，防止煮制时粘连。 6.煮（或炸）：煮（或炸）负丸要用旺火，火不旺鱼丸只热不熟，时间—长会变味。煮制时，也要防止水过沸腾，以免将鱼丸冲撞破碎。鱼丸煮至熟透后捞起出锅，即为成品。1》东江牛肉丸 用料：    鲜牛肉(500克)、精盐(40克)、味粉(4克)、清水(100克)、菱粉(30克)制法：　　一、将鲜牛肉切薄片，用圆形小铁槌捶烂，有清水、精盐、菱粉拌匀，打成牛肉胶。　　二、用手将牛肉胶搓成丸形，放进锅中，加清水，用文火浸熟(水清，丸浮不面为准)取起，焖、炒等咸宜。附注：　　一、牛肉必须新鲜，否则没有胶质，捶不烂也易出水，制成的牛肉丸便不爽滑。　　二、牛肉丸要用文火浸熟，如用武火不断沸滚，会使牛肉丸变韧2》豆腐肉丸粉丝煲（图）    1 放油，豆腐下锅，放水，盐，辣椒，花椒，煮长一点时间，小火    2 加肉丸（我的是熟的，买的罐头肉丸，当然用自己做的更好），最后加入泡好的粉丝    3 ok，记住，粉丝不能煮太久，太烂不好吃的3》柠檬蔬菜蒸肉丸 配料：　　2杯鲜鸡汤、1/2杯新鲜豌豆、2茶匙橄榄油1盒（5．66盎司）蒸肉丸、1/2杯切碎的胡萝卡、3/4杯紫色洋葱丁、西葫芦和西红柿丁各1杯半、3/4杯切碎的羊奶酪、1/4杯柠檬汁、1/2杯碎薄荷叶、盐和胡椒各1/4茶匙；做法：　　1、将鸡汤、豌豆放入长柄煮锅中，加入5茶匙橄榄油煮沸。放入西葫芦、胡萝卜关火、加盖焖５分钟。　　2、在不粘锅中，加入2茶匙橄榄油烧热。放入洋葱，煎3分钟左右，至微黄。再放入西葫芦，煎2分钟，西葫芦皮焦肉嫩后关火。　　3、用叉子将蒸肉丸弄松，放入煮锅中。加入剩余的橄榄油和做好的配料，饰以烤杏仁和柠檬片即可。4》丹麦大肉丸 原料：    肉末（猪、牛肉各半）500克 面粉 100毫升 牛奶或冷肉汤 200毫升 鸡蛋 1个 猪油或菜油 30克 洋葱 1个 精盐 2小勺 胡椒粉 1/4小勺配食：热土豆沙拉、酸奶土豆沙拉。作法：    1、洋葱切细，与其它原料一起放入大盆内，用力搅拌3~5分钟，直至肉馅均匀“有劲”为止。    2、将拌好的肉馅放入冰箱冷藏柜（4℃）内，至少15分钟。时间长些更好。    3、取平锅烧热下油，用一大勺子将肉馅做成直径约为4厘米的大肉丸子（如果肉馅粘勺，可将勺子先在热油中蘸一下就可以防粘）。作好一个即放入锅中，并在表面上淋一遍热油，待肉丸放满后，将火调小，炸4~5分钟。将肉丸翻面，同时调大火炸1分钟，即铲起沥干油出锅。吃法：    每盘盛肉丸2~3个，配热土豆沙拉或酸奶土豆沙拉3~4勺。用刀叉进餐。特点：    此菜肉质松软，味美可口。是典型的丹麦风味菜。历史悠久，目前仍享有很高的盛誉，是家庭中最常见的一种主菜。注意：本菜谱的量为4份。5》三色肉丸原料：    精肉300克，鸡蛋两个，菠菜汁15克，精盐5克，味精1克，料酒5克，淀粉45克，葱、姜水30克，鲜汤500克。　制作过程　　　1．将猪肉切碎，剁成泥，分成均匀的3份，放入碗内。　　2．将1份肉泥内加入精盐、葱姜水、鸡蛋1个、鲜汤60克及淀粉少许搅匀，调成红色肉馅。　　　3．将1份肉泥内加入菠菜汁、精盐、鸡蛋1个、鲜汤60克及水淀粉少许搅匀，调成绿色肉馅。　　　4．将另1份肉泥加入鸡蛋清、精盐、葱姜水、鲜汤60克及水淀粉搅匀，调成白色肉馅。　　　5．将上述3种肉馅分别挤成小丸子，下入温水锅内，等熟捞出。　　6．把炒锅置火上，放入余下的鲜汤，下入三色丸子，加入精盐，味精、料酒，烧开后用淀粉勾芡即成。 6》肉丸烧玉环（图）原材料：　　瘦肉50克、老南瓜150克、生姜10克、葱10克、花生油30克、盐10克、味精8克、湿生粉10克、白糖5克、清汤50克。制作过程：　　1、瘦肉剁成泥，做成肉丸，金瓜切去1/3，把瓜囊挖净，用开水煮透，摆入碟内，生姜切片，香葱切段。　　2、烧锅下油，待油温130度时放入肉丸，炸至金黄捞起。　　3、锅内留油，放下姜片、肉丸煸炒，加清汤、盐、味精、白糖同烧透，放入葱段，然后用湿生粉勾芡即可。7》家常肉丸    家常肉丸是江苏淮安地区的一道传统名菜，它是用猪五花肉、山药、糯米粉等制成丸子后，再经油炸而成的。成菜色泽金黄，外酥内嫩，味道鲜美，深受人们的喜爱。原料：    去皮猪五花肉（肥四瘦六）500克，山药200克，糯米粉30克，鸡蛋1个，生姜10克、大葱30克、精盐适量、胡椒粉适量、料酒适量、味精适量、干淀粉适量、色拉油1500克（约耗75克）、生菜叶若干张制法：    1、猪五花肉洗净，与生姜、大葱一起剁成肉茸（或用搅拌器绞成肉茸）；山药去皮洗净，剁成山药碎粒。    2、将五花肉茸纳盆，加入精盐、胡椒粉、料酒、味精、干淀粉、磕入鸡蛋，顺一个方向搅打上劲，再加入山药碎粒、糯米粉及少许清水，继续搅打上劲，即成山药肉茸。    3、炒锅置火上，注入色拉油烧至六七成热，将山药肉茸挤成3．5厘大小的丸子下入锅中，同时改小火，炸3～5分钟后再改大火，炸至丸子色呈金黄且外表酥脆时，捞出装入垫有生菜叶的盘中，即成。8》番茄肉丸（图）原料：    五花猪肉、鸡蛋、菜心、葱、姜、盐、鸡精、胡椒粉、食用油、水淀粉、高汤做法：    1、将五花猪肉切成肉末，番茄用热水烫一下去皮切成块，葱、姜洗净，葱切成段，姜切成片；    2、将肉末放入鸡蛋液、盐、水淀粉、清水顺一方向搅拌均匀成馅挤成丸子，倒入开水中汆一下捞出待用；    3、坐锅点火放油，油热放入葱段、姜片煸炒出香味，倒入高汤，捡出葱段、姜片，加入肉丸、盐、胡椒粉、鸡精、菜心，用水淀粉勾薄芡，放入番茄块出锅即可。特点：红白绿相间，肉丸细嫩，清香鲜美。天天提示：    番茄含有蛋白质、脂肪、糖类、维生素A、B1、B2、E、烟酸、胡萝卜素、维生素D、矿物质、钙、磷、铁、钾、锌、微量元素、游离氨基酸。常吃可防治坏血病，保护血管防止高血压。西红柿甘酸而凉，生津止渴，促食欲，平肝降压，清热之功效。9》牛肉丸汤（图）用料：    新鲜牛腿包肉1.5公斤，肥猪肉150克，味精15克，特级鱼露150克，生粉100克，虾米100克，沙茶酱50克，胡椒粉0.5克，麻油5克，芫荽50克。制法：    （1）将牛腿肉用刀把筋去净后，再切成大片，放在大木砧板上，用特制的不锈钢锤刀两把（每把约1.5公斤重），上下不停地用力把牛肉捶成肉浆（动作要迅速均匀，掌握捶20分钟左右），然后先加入生粉、鱼露、味精的一半，继续捶15分钟，随后用大钵盛装着，然后把虾米洗净切碎，肥肉切成细粒和剩下的鱼露、生粉、味精一同放入，用手使力搅挞至肉浆用手抓起不会掉下为止。    （2）用左手抓牛肉浆在手掌心里，握紧拳把丸子从拇指和食指弯曲的缝中间挤出来，右手拿羹匙把丸子从手缝中挖出，随即放进盛着70℃温水的盆里。这个工序完成后，再用慢火煮丸，煮约10分钟（注意水不能煮至大滚，否则会影响牛肉丸的爽滑），然后用笊篱把牛肉丸捞起。    （3）食时用原汤和牛肉丸下锅煮至初滚时，加入麻油，胡椒粉，盛碗时加入芫荽即成。食用时配上沙茶酱佐食。特点：    丸表面光滑，柔脆有弹性，味道鲜美香郁。 10》杨梅肉丸的做法【特点】:     状似杨梅、外脆里嫩，酸甜适口。 【原料】     河虾茸300克，肥膘茸75克，火腿末35克，黄酒20克，盐10克，番茄酱、糖各35克，湿生粉20克，精制油750克，上汤25克，葱花、姜汁各少许。 【制作过程】     1、河虾和肥膘茸加入姜汁、葱花、黄酒、盐、湿生粉拌上劲。    2、锅上火，放油烧至五成热，将虾茸挤成杨梅状的丸子，滚上火腿末入油锅炸熟，沥油。    3、锅上大火，留少许油，放入番茄酱、糖、汤，煸炒，下入杨梅虾丸，湿生粉勾芡，颠匀即可。11》三菇肉丸汤材料：    绞猪肉，萍菇，白蘑菇，金针菇，姜末，鸡蛋一只，太白粉，白胡椒粉，盐，葱段步骤：    1、绞肉中加入姜末，鸡蛋一只，太白粉，盐，白胡椒粉，少量水，搅拌匀    2、烧开一锅水，用勺把绞肉推成球形，放入锅中煮至浮起    3、另烧开一锅水，加入姜丝，盐，加入萍菇，白蘑菇煮5分钟    4、加入肉丸和金针菇，再煮5分钟，熄火，加入葱段12》红烧肉丸煲 用料：    梅肉1斤，虾肉3两，姜茸1茶匙，蒜茸1汤匙，生菜1棵，葱头、蒜头各1粒。做法：    1、猪肉洗净抹干剁烂成茸，以盐1/4茶匙，生抽、糖、生粉及酒各1茶匙，水2汤匙，胡椒粉少许及油1汤匙捞匀腌20分钟。    2、虾去肠洗净压烂成茸，与姜、葱茸一同加入肉茸中，以手挞至起胶，擦成丸子，放在生粉上打滚。    3、生菜洗净，     4、油半镬煮沸，放下肉丸炸至金黄色。捞起隔去油。    5、砂锅放油2汤匙，炸香葱、蒜头，放下肉丸兜炒片刻，赞酒加水及白酒1茶匙，蚝油2茶匙，生抽1茶匙，糖1茶匙，麻油半茶匙，胡椒粉少许，水适量煮8至10分钟，至水分将干时，放入生菜，加油1汤匙拌匀，原煲上台。 13》肉丸糊辣汤    可用猪肉，牛肉或是羊肉作馅，加入料酒，花椒末，姜末，香油，味精，盐，一只鸡蛋，一点面粉（千万不可多加）拌好，淹半个小时或是10分钟。泡好木耳黄花菜，洗干净，撕成小片和小条。    煮锅加辣椒丝，花生米和水煮至水滚花生米8成熟，用手把肉馅挤成肉丸下入锅中（用勺子作肉丸也行，但没有手挤的味道好），下黄花菜，过8-10分钟左右肉丸就熟了，下圆粉条，下木耳。    调一碗淀粉汁，加入大量花椒末，白胡椒，少量五香粉，粉条煮熟的时候就可以下这碗调味汁。    锅中的汤汁粘稠的时候，可以打蛋花进去，也可以加弄碎的嫩豆腐。    冬天喝这个汤很舒服，也可以有不同汤底，猪骨，牛骨，羊骨，也可以加枸杞一类的中药。14》番茄肉丸用料：     肉馅250克，番茄250克，时鲜蔬菜150克，鸡蛋1个，葱段、姜片、盐、胡椒粉、鸡粉、水淀粉适量。做法：    1、将肉馅放在碗内，加入鸡蛋、淀粉、鸡粉、盐和少许清水，用力搅拌成厚糊状；蔬菜择洗干净；番茄用开水烫后去皮切成块。    2、锅中放清水适量烧沸，改用小火，用一小勺蘸清水把肉馅在碗边摔打成肉丸，边做边往锅里放，用小火将肉丸煮熟后捞出待用。    3、炒锅置旺火上，放油烧至五成热，放入葱姜炒出香味，加入刚才煮肉丸的汤（约250毫升）烧沸，捞去葱姜不要，放入肉丸，鸡粉、盐、胡椒粉、蔬菜烧沸，用水淀粉勾芡，加入番茄块推匀起锅即可。Dawnrain:     肉馅要顺一个方向用力搅拌上劲；煮肉丸时火力别太大，否则肉丸易散。此菜红白绿相间，是夏令佳肴。 15》翡翠肉丸 【原料】       瘦猪肉500克，蛋白100克，干生粉60克，菜远300克。精盐、味粉、胡椒粉、湿生粉、麻油、花生油等适量，淡汤少许。 【制作过程】       1、先将瘦肉切成肉片，放入盆中加水漂洗30分钟，捞起肉片，吸干水分，用刀剁烂成茸，再改用刀背剁至起胶，放入盆内，加入蛋白、干生粉、精盐、味粉、胡椒粉、麻油、花生油搅匀后搅至起胶。    2、将肉馅唧成肉丸，滚水下镬，文火浸熟，用笊篱捞起，滤去水分。    3、烧镬下油，将菜远炒熟，起镬后排入在碟上。    4、再起镬下油，加入肉丸、淡汤，调入精盐、味粉、胡椒粉、湿生粉打芡，加麻油、包尾油后拌匀，将肉丸连汁铺放在菜远上。 的，除净筋膜，捶打泥烂，且一定要充分打起胶质。 16》菇香肉丸粥 原料    大米1杯，猪肉馅50，盐、白胡椒粉、淀粉各5，雪菜末10，小香菇2朵，胡罗卜1/2根，姜1块，香菜适量（未注单位为克）    各家各户的吃食习惯真是不同，这家偏油盐，那家好酱醋的，没有个统一。然则只要精心煲上一碗靓粥，香气扑鼻又容易入口，用心做的美味，相信没有人能够抗拒。    其实煲粥需要耐心，就是喝粥也要费神呀。粥刚端来，烫，闻着香，下不得嘴。如果放一会儿，冷热合适了，可上面也起了一层皮，米和米都糯在一起，用勺搅和一下，整个一碗糊涂。喝冷粥不好，容易冷了肠胃，喝就要趁热，喝热粥就要全神贯注，边用勺搅和边往嘴里送。所以说喝粥并不是一件轻松的事。但也只有认真的喝，才对的起认真煮粥的人。    肉丸的制作是一门挺讲究的工夫。猪肉馅加淀粉和少许水搅打成糊状，加盐及胡椒调味，用个小碗装了。先用小勺来回的拨成丸子形状，再弹落到煮得白浪翻滚的水里。肉丸一浮到水面上来，就是煮好了，捞出来，还能得一锅鲜汤，下面条或直接喝都可以.雪菜末用水泡去除多余盐份。香菇泡软切丁，胡罗卜切丁.    姜丝要多准备一点。光是看姜丝的样子都能猜出为什么姜字要写成美女姜。且黄且嫩，用妙手切成细细的长丝，看起来娇嫩新鲜，让人想起妩媚可爱的婉约佳人。舍得吃掉么？   将米准备好之后就可以正式开始煲粥。首先要选用稍大型的瓦煲，装水之后可以预留1/4到1/3的空间，防止粥滚的时候溢出。将水煲滚之后，要一边搅拌一边煲——大米的温度较低，会沉底，粘锅。直至大米会在水中自动翻滚为止。等到这个时候能把材料全放进去：放入肉丸、姜丝、雪菜末、香菇、胡罗卜和其它所有物事，煮十分钟，最后撒上少许的香菜末即可。认真尝一口，粥料鲜味爽滑，粥底香绵无比。小贴士   用牛肉馅做成牛肉丸，煮在这款粥里也很好喝。如果愿意，再试试将鱼肉刮成茸，和上淀粉打成鱼丸。或者干脆不嫌麻烦“三丸齐下”，乖乖哝地咚，怎么一个鲜字了得。  17》五彩肉丸汤材料     猪肉一磅绞碎、蛋白一个、盐少许、红萝卜丝三大匙、香菇丝三大匙、蛋丝三大匙、盐少许、麻油少许、料酒一小匙、芹菜末一大匙。 作法     1、将猪肉、蛋白、盐拌匀搅拌后挤成丸子。丸子外裹以红萝卜丝、香菇丝、蛋丝各色彩丝。然后放在抹油的盘子，覆胶膜，以“高”电力煮三分钟取出。    2、取一大锅，加入所要之清水或高汤，以“高”电力煮十分钟后，放入丸子，再煮三分钟，最后加入盐、麻油、料酒、芹菜末调味。 18》清茶肉丸 原料：    猪肉末250克，绿茶20克，精盐2.5克，味精1克，清汤适量。制法：    1、先把肉末放入大碗内，加入精盐、味精，用筷子搅拌上劲，边搅边加水，待搅成肉泥状时，用小勺做成20个肉丸子，下入开水锅中氽熟，捞入汤盘内。    2、绿茶放入茶杯，冲入90°开水泡开待用。    3、锅坐火上，添入清汤，烧沸后加入泡好的绿茶汤烧开，盛在汤盘中，同时再加入几片绿茶嫩叶，即成。特点：此菜清香鲜美爽口，汤清碧绿，为家常茶馔菜肴烹制法之一 。 19》香芹肉丸 材料：     五花肉末300克，芹菜1棵，精盐少讦，味精半匙，白糖1匙，酱油、芝麻油、酒各1大匙，胡椒粉半匙，香菜适量，葱6根操作：    1、将芹菜、葱切末。    2、将芹菜末、葱末加入肉末内，加上精盐少讦，味精半匙，白糖1匙，酱油、芝麻油、酒各1大匙，充分搅拌，做成椭圆形的丸子，约可做30只，排于器皿中，覆微波薄膜，高火4分30秒，趁热与香菜同食即可。20》金珠肉丸（图）材料：    免冶猪肉400克；葱粒1汤匙；蒜粒半茶匙；鸡蛋l只；酒l汤匙；盐半茶匙；酱油1汤匙；麻油1汤匙；牛粉2汤匙；面粉2汤匙；珍珠肉丸（11个）：糯米半杯；水100毫升；金肉丸子（11个）：鸡蛋1只；盐少许；蛋黄1只；水3汤匙装饰料：    油炸豌豆120克；五香辣油少许；食盐及胡椒粉适量做法：将各材料拌匀，用茶匙做成均匀的肉九；（一）珍珠肉丸11个：    1．用清水浸糯米3小时，捞出沥干；    2．用肉丸滚粘糯米后，放入装有半杯水的容器中，加盖用微波"高"档加热3分半-4分半钟，观查其色味生熟成度调整时间；（二）金肉丸子11个：    1．将鸡蛋，蛋黄和盐搅匀；    2．用热锅将蛋液烙成薄蛋皮，切成细丝；    3．肉丸滚蛋丝后，用装少许水的容器加盖以微波"高"档加热3分半-4分半钟，注意观查；将（一）和（二）摆好于同一盘中，并做装饰，即可</t>
  </si>
  <si>
    <t xml:space="preserve">澳大利亚消费问题请问在澳大利亚墨尔本,悉尼学习留学生的一般生活费 </t>
  </si>
  <si>
    <t xml:space="preserve">找工作的形势比国内严峻，特别是会计的master。国外并不是学历越高越好的。关键是实用和专业水准。这边本科毕业是可以直接申请博士的。找工作是一个人综合素质的考验，不是单看专业和学校了。那是90年代中国国企的用人标准了。现在首先是个人能力，因为上天大个学，最后还是要转化为生产力的，只是理工类是直接转化为生产力的，其他的比如管理类（会计是属于管理的），比较人性化，同样的学术背景，同样的同事，同样的工作环境，同样的工作能力，同样的社交能力，同样的应变能力，同样人格魅力，同样的。。。。。。才会带来同样的生产力。会计是与人打交道，不是在电脑面前就能搞定的。所以先给自己定位，再想什么样的工作。我是从国内省会城市税务局辞职出来的，在学校是学生会主席，一直在关注现在大学生的就业形势。很欣赏，徐小平老师骑驴找马的原则，不要想一口吃个胖子。慢慢来。祝你成功！！！ </t>
  </si>
  <si>
    <t xml:space="preserve">微博绑定手机有什么用？？？？ </t>
  </si>
  <si>
    <t>安全无毒无副作用！</t>
  </si>
  <si>
    <t xml:space="preserve">《栖霞寺1937》读后感？谁有关于影片《栖霞寺1937》的读后感 </t>
  </si>
  <si>
    <t xml:space="preserve">    影片放映完毕，灯光亮起。“这部影片太感人了。”他说，看了这部影片，更让人觉得和平的可贵，也更觉得中国军民的伟大。    1937年，日军疯狂屠戮整个南京城。三九严冬，流离失所的百姓四处逃命。在南京城郊的栖霞寺，成为24000多名难民的庇护所。栖霞寺当家和尚寂然法师带领寺庙僧人，不顾个人安危，以过人的胆识和智慧，与残暴的日本侵略者展开斗争，不但保护了难民的生命安全，还为他们提供了生活保障……    枪声、炮声、惨叫声……1937年冬，南京城在日军的屠戮中骤成“人间地狱”。城郊栖霞古寺的石阶前，一名僧人正在扫地，他一抬眼，发现山脚下黑压压一片人群正向寺庙涌来……　　　这，既是昨日在南京公映的影片《栖霞寺1937》的主要剧情，更是68年前发生在南京栖霞寺的真真切切的历史事实。当这段国难史、抗争史通过影视艺术手段得以再现，给人带来的震撼简直难以言表！同时，因为这部影片，长期鲜为人知的栖霞寺难民营，也前所未有地展现在了公众面前。</t>
  </si>
  <si>
    <t xml:space="preserve">机战格纳库问题格纳库到底能存几个机体我的怎么只能存两个呢我以前有 </t>
  </si>
  <si>
    <t>格纳库可以存放五个机体。</t>
  </si>
  <si>
    <t xml:space="preserve">本人52级BL贼,装备一般,敏250,暴机才15%,低么?大家都? </t>
  </si>
  <si>
    <t>对啊,52怎么才250的敏啊,我54有300+的敏啊,找点+敏的装备啊.</t>
  </si>
  <si>
    <t xml:space="preserve">宠物问题...请问为什么我买了只1级的绿鬼当时算的D数是9D不掉 </t>
  </si>
  <si>
    <t>宠物一级算的时候用2次分析，上面会给你一个大致掉哪几个数值的百分比，除非是0%，不然都可能会掉。。。掉3魔。。。。只能说你运气不好吧</t>
  </si>
  <si>
    <t xml:space="preserve">办结婚证一定要体检吗？ </t>
  </si>
  <si>
    <t>2003年10月1日婚姻登记取消了强制婚检，以后婚姻当事人是否婚检采取个人自愿，政府提倡婚检、婚检有利于当事人。结婚到民政部门,现在一般都在县级行政服务中心的民政窗口年龄：男不得早于22周岁，女不得早于20周岁①申请：取男女双方各自的身份证原件(临时身份证)、户口本原件(户藉证明/集体户口页)、三张2寸近期免冠合影照。离过婚的请带上离婚证或判决书;军人持《军官证》或《士兵证》、部队团以上政治机关出具的《婚姻状况证明》②受理：到一方户口所在地民政部门的婚姻登记办公大厅，双方亲自到场递交上述手续③审查：查看户口本，身份证，看身份证是否过期，照片是否与当事人相同④登记：问双方是否自愿，交纳登记费9元，双方书写声明书，签名、按指印，登记人员编号、登记打印结婚证，填写&lt;结婚登记审查处理表&gt;⑤发证：办理登记手续后，相关登记手续存档，当场发给双方结婚证书，正式宣告缔结夫妻关系，法律对双方当事人的婚姻关系予以确认</t>
  </si>
  <si>
    <t xml:space="preserve">爱上已婚男人—寂寞还是依赖他，是酒店里的一个经理，已婚有一个很爱 </t>
  </si>
  <si>
    <t xml:space="preserve">感情是人类最为复杂的社会现象，且它不受我们主观意志的控制。在现实中，大多数第三类情感者的内心都充满着矛盾和痛苦，但却无法控制自己的感情，常常在理智和情感中挣扎。我想此时你最需要的是支持。在这里提供一些简单的方法给你，希望可以帮助你走出困境，开始属于你自己的全新生活！1、 从思想上，要认清他对你是不适当的，你们之间是不会有结果的　　拖延下去，只会增加彼此的痛苦。下面列举出几位婚外恋者的心理感受，以帮助你认清现实，斩断情丝。　　“婚外情的确很刺激，你的感觉如入云霄。但是，你要苦等电话，相聚也只不过一、两小时。星期日是最苦恼的，因为你的“他”不在身边，却在家陪老婆。天下最痛苦的事，莫过于爱上一个你无法拥有的人”。　　一位女人婚外恋者对其它外遇者的忠告是“别陷进去，每个女人都认为，自己的情况与众不同，就是她遇到的那个男人一定会离婚。可是，往往天不如人愿”。　　“外遇使你面对周围许多人深受伤害的愧疚，这些阴影将会一辈子伴随着你，即使你与新欢从此过着幸福、美满的生活，在你的内心深处，都将永远盘据着歉意与罪恶感”。2、 保持距离　　如果你们在一起工作，你要使用敬语对他讲话。离开你以前常去的地方，停止对他的关心。如果你暂时还忘不掉他则很正常，你需要时间，但要记住不要再与他约会或打电话。尽量避免你们在一起，如有可能，可调部门或另找工作。距离和时间是可以冲淡彼此之间的感情的。3、 不要为自己找借口　　感情的复杂性就在于有时我们自己也难以把握，爱一阵恨一阵。道理、利害冲突也都明白，就是控制不住自己的感情。甚至，常常为自己的行为寻找借口，自欺欺人。请记住不要借一些特别的日子，如生日、情人节等，给自己以借口，使婚外情死灰复燃，从而前功尽弃。4、清理与他相关的物品　　见物思情是人之常情。 一件小小的礼物也会引起你美好的回忆，幸福的向往。总之，他的每一件物品都能牵动你的心，唤起你对他的思念。因此，要把他忘记最好是把与他相关的一些物品毁掉或收藏起来。5、 调动我们自身的心理防御机制，平衡自己的心态　　心理防御机制是当一个人在心理上受到挫折或困难时，他使用许多的方式来应对与适应，比如：采取行为直接去处理问题，消极的逃避或用幼稚的方式去应对等。　　心理防御机制几乎每个人都在不知不觉中使用，它是在潜意识中进行的，只是我们没有意识到。在我们的生活环境里，时时处处都有许多的挫折与困难，如不能直接采取行动去处理应付，就需要依赖心理上的机制与措施来适应，它是一种正常且健康的心理现象。 下面介绍几种常见的心理防御机制，你可以根据自己的不同情况进行选择。压抑：　　这是最基本的成熟的心理防御机制，当一个人的欲望冲动或本能因无法达到满足或表现时，就有意识或潜意识地去压住、控制，想办法拖延其满足的需要。例如：路上的男子看到漂亮的姑娘等。    我们常人之所以能保持正常的人际关系、社会秩序，都是依靠每个人的压抑作用来管制我们的行为，越是成熟，有修养，越能使用压抑的作用。你应该充分发挥压抑的力量。但如果让你压抑住自己的情感，不去想他，可能不太容易。你可以从控制自己的行为入手，不再与他约会或打电话。开华作用：　　有的时候，人原有的冲动或欲望，如直接表现出来，就可能受到处罚或产生不良的反应，因而不能直接表现出来，必须改头换面，把原有的冲动或欲望导向比较崇高的方向。具有创造性、建设性、有利于社会与本人，称之为开华作用。如：人们在遇到挫折时，将压力变动力，努力工作和学习等。你可以将心理上的痛苦转变为向上的动力，让自己的欲望在符合社会道德规范的范围内得以实现。成功的喜悦会减轻你失去情人的痛苦。合理化作用　　一般说来，对每种现象或事件的发生都可以用许多方法与理由来解释。如果为了自己心理上的需要，从众多理由当中选择其中一些合乎自己内心需要的理由，去强调而忽略其他理由，以避免精神痛苦者，称为合理化作用。如：在追求某一项事物而得不到时，为了冲淡自己内心的不安，为自己的失败找一个理由，常常会贬低对方。用以安慰自己。这就是“酸葡萄心理”。男人追不到女人，就说这个女人不好。容貌平平的女人就说漂亮的女人“红颜薄命”等。这种心理防御机制，可以帮助人们接受现实，但不要过度使用，因为它会妨碍人们去追求他们真正需要的东西。但此时你可以运用“酸葡萄心理”，把情人的负面特质（不好的地方）列成表，每天看几遍或想几遍，并想象他与他的家人欢聚的场面。这样你与他的离心力会增加，从而帮助你从感情的漩涡中拔出来。消耗作用：　　当人们遇到心理压力或挫折时，欲望不能满足，他们就倾向于以暴饮暴食、冲动购物、酗酒等方式，满足自己的欲望。 当你准备离开情人的时候，自卑和失败的感觉会不断的浮现，使你痛苦。这时，你不妨潇洒一点，花钱买一些衣服或做一些健身、美容的活动。它能帮助你恢复应有的自信。6、 参加一些户外活动及社会活动　　社会交往有助于你摆脱目前的困境。美丽的户外风光，可以使你心情舒畅，调节情绪。认识的一些新朋友也有助于你转移自己的注意力。7、 做一些你真正关心或感兴趣的事　　婚外情带给你的甜蜜和温馨不是任何事物都能与之抗衡的，唯一能够和它进行较量的是你真正感兴趣的事情。从事你喜欢的工作会给你带来巨大的乐趣，从而补偿你由于婚外情的终止而失去的欢乐。8、改变一些会影响你自信的行为和外表　　婚外情的终止可以使你心情郁郁寡欢、自卑、沮丧。对前途丧失了信心。这时你可以做一些修饰和美容或做一些你拿手的工作，这样可尽快的帮助你恢复自信，找到自我的价值。9．学会表达自己的感受　　如果你是一个内向或意志坚强，不愿轻易表达自己感觉的人，你需要进行学习。不要强抑悲痛，将它说出来或写出来，这样可以使你的痛苦在一定程度上得到宣泄，使你感觉舒服一些。祝你快乐！ </t>
  </si>
  <si>
    <t xml:space="preserve">请问各位股民朋友,你们当中有没有全职做股票的?投入30万,全职好? </t>
  </si>
  <si>
    <t>这里的职业股民不少，我就是其中的一员。资金也控制在与你相近的水平。而且，前两年离开中户室，自己在家网上交易。我估计你的年纪还不算老，要走出职业炒股这一步，一定要慎重、慎重、再慎重。1.股市的将来，现在很难估计，2001年14/6以来的持续下跌给我们老股民留下了不可磨灭的心痛，有个别的股友永久离开了我们，惨痛的教训，一生难忘。2.股市有很多不确定因素，你自己要实事求是地客观地评估自己，能不能保证自己能够在股市赚钱？这个问题很重要。3.不知到你现在搞什么工作，也不知道你的家庭状况，你自己要反复比较，你走上职业炒股路，究竟对自己、对家庭有多大影响？把利和弊都要分析清楚，作详细比较。然后，与家人深入探讨。一家人意见一致了，才可行。一旦你真的走上职业炒股之路，那可真是开弓没有回头箭。我建议，你还是不要急于决定，走出这一步，一定要三思而后行。仅供参考。</t>
  </si>
  <si>
    <t xml:space="preserve">“ながら”，翻译成英语是什么单词？ </t>
  </si>
  <si>
    <t>…ながらthough.while.</t>
  </si>
  <si>
    <t xml:space="preserve">BIOS里面哪项进去可以关闭板载声卡？通常在ＢＩＯＳ的哪一项里面 </t>
  </si>
  <si>
    <t>进入BIOS设置界面以后，以Integration 这个单词开头的选项里面有集成声、显、网的设置，具体在里面是第几项，不同的主板并不完全相同。最好有计算机英语基础，如果自己没有把握，最好找专业的人员来搞，如果把不该修改的项目修改了的话会有影响。。。。祝顺利！</t>
  </si>
  <si>
    <t xml:space="preserve">求基和维数(题目不复杂,来看一下吧)求R^4的子空间V={(x1 </t>
  </si>
  <si>
    <t>x1-x2+x3-x4＝0，则x1＝x2－x3+x4，令（x2，x3，x4）＝（1，0，0），（0，1，0），（0，0，1），得v1＝（1，1，0，0），v2＝（－1，0，1，0），v3＝（1，0，0，1）。这是线性空间V的一组基，维数是3。寻找一个向量v4与v1，v2，v3组成的向量组线性无关，可以选择v4与v1，v2，v3都正交，即v4是方程组Ax＝0的解，A是由v1，v2，v3作行向量组的矩阵，取v4＝（1，－1，－1，－1）。则向量组v1,v2,v3,v4是R^4的一组基。</t>
  </si>
  <si>
    <t>函数问题1设f(x平方</t>
  </si>
  <si>
    <t xml:space="preserve"> 解： f(x^2-1)=lg[x^2/(x^2-2)] =lg{[(x^2-1)+1]/[(x^2-1)-1]}   所以y=f(x)=lg[(x+1)/(x-1)]=lg[1+2/(x-1)]   f(g(x））=lg{1+2/[g(x)-1]}     已知 f(g(x））=lgx，得lg{1+2/[g(x)-1]}＝lgx   1+2/[g(x)-1]=x  g(x)=(x+1)/(x-1)</t>
  </si>
  <si>
    <t xml:space="preserve">回家以后电脑开不了机，主板灯亮，按启动键没任何反映，这是烧了主板? </t>
  </si>
  <si>
    <t>拔掉电源线，开机箱完了把内存条拔下了，擦干净后再装上，开机</t>
  </si>
  <si>
    <t xml:space="preserve">想过过“性瘾”就跟我来如果一直有性的冲动。那还不赶快加入来看看！ </t>
  </si>
  <si>
    <t>要钱就没人去</t>
  </si>
  <si>
    <t xml:space="preserve">足球最让你伤心的一刻 </t>
  </si>
  <si>
    <t>我在看阿根廷世青赛，就是沈祥福那届，阿根廷ＶＳ法国，阿根廷１７号，我也不知是谁．好象对中国进中国球的，那场他腿被踢断了．我真的很伤心，虽然不认识他，但我也踢球，我真的看不下去了，我只看了一遍，我真的没想到我喜欢的足球还有这一面，他的腿真的断了，太惨了！！！还有维维安．福，那场我也看了．这些不属于足球，但都发生在球场上，在这些面前胜负都不重要了．</t>
  </si>
  <si>
    <t xml:space="preserve">孕17周+4天，做了唐氏筛查。请专家帮忙看一下结果。年龄28岁。 </t>
  </si>
  <si>
    <t>唐氏筛查的检查结果的确不能完全作为唐氏儿的依据。据专家承认唐氏筛查的准确率只有70％。而进一步做羊水穿刺的准确率高达99％。但做该项检查风险比较高。一般35岁以上的孕妇得唐氏儿的比例也较大。从你的检测结果来看宝宝很正常。</t>
  </si>
  <si>
    <t xml:space="preserve">电热水器怎么使用安装后使用说明书不见了，好像要先开水再开电，怕烧 </t>
  </si>
  <si>
    <t>电热水器第一次使用时，必须先将热水器注满水再接通电源。接好水管后，打开出水阀指向热水一边，然后把进水阀打开，慢慢进水，出水阀慢慢排空气，等到花洒出水后再进水一分钟就可以关掉出水阀了。然后插电加热，要把温控器调到65度左右，再放一会水。 其他注意：1．电源插座必须有可靠的接地线。2．严禁湿手拔电源插头，长期不用时应拔下电源插头。3．安全阀不得自行调整其泄压压力。4．若要在安全阀的泄压口接排泄管，排泄管口必须朝下，并保持与大气相通。5．冬天，热水器若长期不用，应将内胆里的水排空，以免结冰损坏内胆，注意：排空前务必切断电源。6．热水器最高温度可达75℃以上，初使用水，应先试水温，以免烫伤。7．不同地区的水质及硬度不同，应定期将热水器内的水排空，清洗、除垢。8．清洗外壳，不要用水直接喷洒，应先断电，用柔软的湿布轻轻擦拭，然后用干布抹干。9.打雷时，最好不要使用热水器</t>
  </si>
  <si>
    <t xml:space="preserve">台湾地区的县长的年收入是我们国家的直辖市的县长和地级市的县长的几? </t>
  </si>
  <si>
    <t>不比个人收入比贡献。</t>
  </si>
  <si>
    <t xml:space="preserve">什么品牌的铣床好现在我要买铣床,但是不知道怎么对比那种好? </t>
  </si>
  <si>
    <t>沈阳机床厂出的铣床质量很好,关键是耐用,皮实.我们厂有一台沈阳机床厂出的立式铣床,用了30多年了,还很好用.楼上几位提到的北京,上海,济南制造的机床等都不错,捷克的是进口机床,那是更高级的了.至于河北守信机械制造铣床知名度就不值一提了.</t>
  </si>
  <si>
    <t xml:space="preserve">一天喝4000ML水,多么?包括所有的水,进2壶水把多么? </t>
  </si>
  <si>
    <t>是够多的。人一天需要的水是5斤，你却一天喝8斤的水，这会增加肾脏的负担。每天喝水适量最好，不要过量，就算是每天作强烈的运动，那也没必要喝8斤的水呀。</t>
  </si>
  <si>
    <t xml:space="preserve">亮剑好看吗? </t>
  </si>
  <si>
    <t>我个人感觉很不错,值得一看.对人物性格的塑造很成功</t>
  </si>
  <si>
    <t xml:space="preserve">公积金贷款买房怎样还贷合算我现在有公积金9万元每月有900元的公 </t>
  </si>
  <si>
    <t>选择5年的,利率较低委托银行每年支取一次这样20万-9万还有11万,5年可冲掉900*12*5=5万4千算下来你每月只要用工资还款1000元多一点.房子有了,公积金用活了,五年解决了,美死你</t>
  </si>
  <si>
    <t xml:space="preserve">酷派手机用什么软件免费看小说 </t>
  </si>
  <si>
    <t>书旗 手机小说阅读软件，我就是用这个看的</t>
  </si>
  <si>
    <t xml:space="preserve">这个老师不应该几天前，为了应对省里的卫生检查，儿子学校进行了建校 </t>
  </si>
  <si>
    <t>这个老师是不应该,而且她从头到尾都不应该.打扫卫生应该学生做,学生小做不了的,应该老师做.老师带着学生一起做,既可以拉近与学生的关系,也可以培养学生的动手能力和劳动精神.而且老师可以在劳动中观察了解学生,对她做好班主任是很有好处的.可惜老师失去了一个接近学生,了解学生的机会.这也说明老师的敬业精神欠缺.所以她才会在学校在家长面前把红领巾仍进垃圾桶,她忘了教师"为人师表"的职业道德.古人说"学高为师,身正为范",这个教师素质低下,严格说不是一个好老师.</t>
  </si>
  <si>
    <t xml:space="preserve">求各位大神帮忙桂城中学怎么去？ </t>
  </si>
  <si>
    <t>只要你到了桂城找到桂01公交就可以了，然后上车吧</t>
  </si>
  <si>
    <t xml:space="preserve">美国国会大厦受力分析急求美国国会大厦的受力分析 </t>
  </si>
  <si>
    <t>美国可能削减棉花的出口预测，这是由于向中国的销售下降所致。美国的棉花出口将比政府一月前预测的少，销售和发货低于一年前的水平，特别是向中国的销售，美国乔治亚州第一国会大厦集团的分析师莎纶.约翰逊在4月9日说。</t>
  </si>
  <si>
    <t xml:space="preserve">07年7月考到了从业证，08年大专毕业，今年能报中级会计职称考试? </t>
  </si>
  <si>
    <t>必须有从业经验5年，包含5年，你的会计证如果在公司注册的话，明年可以考了!</t>
  </si>
  <si>
    <t xml:space="preserve">DNA中碱基对具体如何构成?据说与氢键有关…… </t>
  </si>
  <si>
    <t>粗略给你说一下，这是我在资料上查的：在碱基对的组成过程中，嘌呤只能与嘧啶配对，嘌呤之间或嘧啶之间不能配对，而且腺嘌呤(A)一定与胸腺嘧啶(T)配对，鸟嘌呤(G)一定与胞嘧啶(C)配对，而A与C之间或G与T之间不能配对。这是因为DNA分子两条链之间的距离是一定的，为2nm，嘌呤和嘧啶的分子结构不同，嘌呤是双环化合物，嘧啶是单环化合物。因此，若两条链上对应的碱基都是嘌呤环，则所占的空间太大；若两条链上相对应的碱基都是嘧啶环，则相聚距离太远，不能形成氢键。只能是一个嘌呤与一个嘧啶配成碱基对，其长才为2nm，所以碱基配对必须嘌呤与嘧啶配对。另外A与T配对是通过两个氢键相连，G与C配对是通过三个氢键相连。这里有图</t>
  </si>
  <si>
    <t xml:space="preserve">二次根式都是无理式吗 </t>
  </si>
  <si>
    <t>不是的，根号4不就是有理式吗？</t>
  </si>
  <si>
    <t xml:space="preserve">谐音取英文名我叫亚萍`想取一个跟我的名字有谐音的英文名``但是一 </t>
  </si>
  <si>
    <t>April （爱普利尔）第一、二个字母有阿、萍的读音,求个大概吧。april （拉丁语）开始的意思。据说：当人们听到april时，大家想像的是优美的少女，甜美，活力奔放。</t>
  </si>
  <si>
    <t xml:space="preserve">收1个经典的人族录象！不要求获胜的！只要有人族！1V1的！越经典? </t>
  </si>
  <si>
    <t xml:space="preserve">你可以到这个地址下载，全是人族的： </t>
  </si>
  <si>
    <t xml:space="preserve">vista系统USB鼠标不能用(鼠标是好的)，U盘可以用 </t>
  </si>
  <si>
    <t>出现鼠标问题大部分是鼠标自身的问题，需要到另外一台电脑做测试，首先排除鼠标自身的问题。如果是系统的原因请修复一下系统（修复系统自带的驱动）。1、开机按F8进入安全模式后在退出，选重启或关机在开机，就可以进入正常模式（修复注册表）。 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在BIOS中设置光驱为第一启动设备插入系统安装盘按R键选择“修复安装”即可。5、如果故障依旧，建议重装操作系统。</t>
  </si>
  <si>
    <t xml:space="preserve">改造QBT的问题.有分哦.求行家来判定我网通道具的.5组收了只改 </t>
  </si>
  <si>
    <t>先说说骑宠后能力的问题1。骑宠后宠和人的血敏累加 2. 骑宠后的攻防敏=人的攻防敏x10%+宠的攻防敏 3. 骑宠后的精神回复=（人的精神/回复-100）x10%+宠的精神/回复 ，-100后不会为负 如果是负数按0算 注：以上人形系和龙系有3级坐骑，2和3里面就应该是x30%QBT我没有练过，不过貌似常见加点分为4种，纯敏，纯魔，血魔混加，敏魔混加，满血魔加点的驯兽估精神（裸体）也就266左右，骑宠后能给的精神也就是16点左右。当然假如你要满敏加点的QBT骑上后精神到达303还是可以做到的，在装备上下点功夫就行了。回到重点，（后面只是个人看法，因为没有练过，说错的请大家原谅）推荐以下两种加点1。满魔，这样加点适合练级任务型，配合宠骑，估计血量也足够了，魔是超多，可以尽情使用技能。缺点不适合PK，原因不用多说了。2. 满敏，这种加法更适合PK，带上咒攻技能，同时也可魔法攻击，而且宠骑后又弥补了血量和魔量不足的缺点，但是精神有点不足，当然可以靠装备提升到303以上，但是一旦遇到精神偏高的就无法发挥足够的伤害。而且没有宠骑将沦为咒宠，同样无法打出高伤害。个人更推荐第2种加点。因为比较全面，任务/练级/PK都可以用</t>
  </si>
  <si>
    <t xml:space="preserve">高一数学向量加，减，乘法运算及其几何意义？这块主要掌握哪些并把其 </t>
  </si>
  <si>
    <t>（1）几何意义向量加减的几何意义主要源于运动的合成与分解、力的合成与分解；向量数量积的意义我想是源于物理学中力的做功——分力在运动方向上所做的功，所以向量数量积是一个数，而不是向量。向量之间的运算还有向量积、混合积等。（2）运算方法①如果向量的表达形式是“几何箭头”，那么向量加减运算就用“三角形法则”或“平行四边形法则”；向量数量积用定义。②如果向量的表达形式是“直角坐标”，那么向量加减运算就用“对应坐标的加减法”，即（1，2，3）+（4，5，6）=（1+4，2+5，3+6），（1，2，3）-（4，5，6）=（1-4，2-5，3-6），向量数量积用公式，（1，2，3）·（4，5，6）=1×4＋2×5＋3×6③向量加，减，乘法的运算性质请参考有关课本或参考资料。</t>
  </si>
  <si>
    <t xml:space="preserve">一只饿猫从一只胖老鼠身旁走过，为什么那只饥饿的老猫竟无动于衷继续? </t>
  </si>
  <si>
    <t>瞎猫遇见死耗子了</t>
  </si>
  <si>
    <t xml:space="preserve">做光子嫩肤多少钱？光子嫩肤美肤价格是多少？ </t>
  </si>
  <si>
    <t>　　皮肤的表皮基底层不断制造细胞，并输送到上层，待细胞老化之后，一般都会自然脱落，但如果毛孔阻塞，则会影响皮肤的新陈代谢，容易导致毛孔粗大。而T字区因为部位特殊，所以更容易出现毛孔粗大的问题。光子嫩肤是一项非介入性的治疗方法，旨在综合改善皮肤的状况，因为光子的波长是可调节的，因此它的能量选择可以做到因人而异，甚至因不同部位不同皮肤状况而异，对患者的伤害也就能够做到降低到最小程度。而且重要的是，在治疗毛孔粗大上能够保证一定的治疗效果。    光子嫩肤价钱还与选择的医生有关。    临床经验丰富、技术精湛的专家和一个初出茅庐的医生是有一定差距的，且大型医院的医生与一般美容机构的医生也是存在较大差别的，一般美容机构的医生在资质、资历上都无法与大型医院相比，因而手术价格也是不同的。</t>
  </si>
  <si>
    <t xml:space="preserve">请高手分析西甲巴萨VS阿拉维请你分析巴萨还会连胜吗? </t>
  </si>
  <si>
    <t>巴萨这场球取胜问题不大相信巴萨是本赛季西甲的冠军 足彩本场是稳胆 3</t>
  </si>
  <si>
    <t xml:space="preserve">猜一物*。*！电，方形，人 </t>
  </si>
  <si>
    <t>电视</t>
  </si>
  <si>
    <t xml:space="preserve">语文仿句花草树木，同样具有人的性格、人的风采、人的品德。物品喜欢 </t>
  </si>
  <si>
    <t>花草树木，同样具有人的性格、人的风采、人的品德。物品喜欢倾听竹的低唱，因为它有洒脱的风度和刚直的气节；我喜欢欣赏菊的风雅，因为它有清秀的姿态凌霜的傲骨； ______________________________________________________ ..我喜欢赞颂松的傲岸，因为它有搏风的气概抗雪的意志。</t>
  </si>
  <si>
    <t xml:space="preserve">问一个很白痴的问题:下划线怎么打?_请讲的详细一点。谢谢 </t>
  </si>
  <si>
    <t xml:space="preserve">    这个问题我来答吧，就不知道是不是你想问的那个意思。    在编辑文当时（Word、Wps、Excel等的方法都差不多，以Wps为例），先看你工具栏里有没有一个U下面带一横的符号。如果没有，可以在上面的“查看”下拉列表中找“工具栏”，在后面的“文字工具”前面打上对勾就可以了。也可以在上面的空白处直接点右键，在弹出的菜单中给“文字工具”前面打上对勾。    在操作时，只要选中想要加下划线的部分，点U下面带一横的那个符号，这部分下面就有下划线了。也可以在打字前先点一下这个符号，打出的字也就自动带有下划线了。    你也可以直接用快捷键。点Ctrl+u就可以了，和上面说的效果一样。    上面说的方法只要重复操作，就会反复增加和取消下划线。编辑时有无下划线都是默认前面的，要改变的时候就重复操作。全部和部分是一样的。    如果只是打下划线，可以先关掉输入法，然后按Shift＋-键，画到一定长度松开就行了。    不好意思，就知道这么多了！</t>
  </si>
  <si>
    <t xml:space="preserve">要做一个大型网上支付的网站需要办什么手续？要做一个大型网上支付的 </t>
  </si>
  <si>
    <t xml:space="preserve"> 答案就在这里</t>
  </si>
  <si>
    <t xml:space="preserve">精确预测9场奖金！经过本人统计，本期9场奖金在3333元左右，恭 </t>
  </si>
  <si>
    <t>我觉得应该在3500-4500.皇马输球，毕尔巴平，里昂平都具杀伤力。</t>
  </si>
  <si>
    <t xml:space="preserve">天平感量用天平称出某物体的质量是0.3529千克,问此天平的感量 </t>
  </si>
  <si>
    <t>是天平可以称出的最小质量这架天平的感量是0.1g</t>
  </si>
  <si>
    <t xml:space="preserve">衣柜里用花椒祛虫行吗？衣柜里放花椒能祛虫吗？（因为樟脑丸气味太难 </t>
  </si>
  <si>
    <t>貌似可以有熟花椒晒干</t>
  </si>
  <si>
    <t xml:space="preserve">新买的笔记本电脑，为什么不能格式化硬盘?在国外买的笔记本，配置不 </t>
  </si>
  <si>
    <t>winxp本身支持多国语言，只是进行一些设置就可以了： 打开控制面板，点击“Data, Time, Language , and Regional Options”，然后再点击“Regional and Language Options”，会弹出一个窗口，打开这个窗口的“Languages”选项卡，选中“Install files for East Asian languages(安装东亚语言支持)”，然后点击“Apply”。这时系统可能会要求你插入的安装光盘并复制一些文件，完成后会重启动。启动好，所有的中文文件和中文网页就都可以正常打开和使用了。 在安装了东亚语言支持后，所有的中文文件都可以打开了，不过在你安装和运行软件的时候可能发现有部分的中文软件还是不能正常安装和运行，因为其界面上显示的还是乱码。但为什么有些中文程序就可以正常显示呢? 其实，所有能够正常显示的中文软件都是符合Unicode标准的，例如微软的Office，不用额外的设置，这些软件就可以在任何语种的平台上使用(当然前提是已经在不同语言的平台上安装了中文的字体)。不过有些不符合Unicode标准的程序在使用上就有些麻烦了，好在Windows XP中有设置的地方。 同样是在控制面板的“Regional and Language Options”设置下，打开“Advanced”选项卡，在这里有一个“Select a language to match the language version of the non-Unicode programs you want to use”的设置，这里就是给你的非Unicode程序设置语言环境的。如果你比较常用简体中文的非Unicode程序，就在这里的下拉菜单中选择“Chinese(PRC)”，然后确定并重启动电脑。这样就可以正常使用这些程序了。 不行的话，你再试试上面各位所说的网站吧！</t>
  </si>
  <si>
    <t xml:space="preserve">关于枇杷的小问题我想问一下有没有不用农药之类的化学用品就能去除枇 </t>
  </si>
  <si>
    <t>去除蚜虫，主要还是得用化学用剂，不过如果是少量的蚜虫就不用了，在蚜虫较多的情况下，可用25%阿克泰75%7500液喷雾，也可用2.5%功夫同0.5%阿维菌素混用。。</t>
  </si>
  <si>
    <t xml:space="preserve">怎样买电脑？我想买台电脑，兼容机，请问各路大虾，配电脑是应该注意 </t>
  </si>
  <si>
    <t>一. 1.做好准备工作，看书看报上网上论坛问朋友，把各项配件的性能和近期价格弄清楚， 花费时间：3天到一个月（你配的电脑的好坏和这个时间成正比）。不要怕花时间和精力 ，这总比你买来电脑之后，天天后悔的强得多。（还有记得把所有的驱动，测试软件等带 上。） 2.火力侦察，逛电脑商场，货比三家，询问多个商家（特别是代理商）每种配件的价钱，对比 一下各个商家的服务态度。如此目的只有一个，从竞争对手的嘴中打探彼此的消息，从中 分析出有用的信息加以利用。将各家报价仔细分析，找出最低价，做到心中有数。 注意：尽量不要在休息日逛电脑商场，这时人多，商家接待热情不够，也不要在接近下班 的时间逛电脑商场，那时商家已经疲惫不堪，根本没精力来招呼你。 3.记住，装机时，全部配件未到齐时，一定不要付定金（一般为100～200元），以免商家借口 没货，调换其他你不满意的配件。 4.先验好货 再缴定金 当配置和价格都谈好以后，就可以验货装机了。这个时候商家会要求你缴纳所谓的“定金 ”，理由是多方面的，但目的只有一条，就是怕你反悔走掉，他们白忙活一场。还有商家会 告诉你，有的配件是盒装的，拆开后如果你不要，就卖不出去了，因此要你缴定金。在这里 我们奉劝大家，不管对方怎么样说，你一定要先把包括鼠标键盘再内的所有配件全部检验 清楚之后，再缴定金让商家装机，50%以上的欺诈行为都是在这个环节完成的。 缴了定金后，商家有可能会以各种借口要求你更换配件，其唯一目的是做高利润。所以一 定要在定单之前让对方落实配件是否有货，并严格按照配置单验货。装机完成后要向商 家索要质保书和发票，需要注意的是，质保书上每个配件需要详细填写， “微星主版”、 “七彩虹显卡”等写法是肯定不行的，应该明确品牌、型号、主要指标等。一般来讲，如 果您需要商家提供发票，要提前跟对方沟通，不然很可能商家对要求你负担所谓的税点， 非常麻烦。 5.发生突发事件怎么办？ 在装机的过程中，有可能会发生一些突发事件，例如电脑装好后不能启动。这时一定不要 着急，只要配件本身没有问题，请尽量配合电脑公司的技术员尽快解决问题；如果问题迟 迟解决不了，就应当机立断，要么赶快协商更换配件，要么协商退款。如果协商不能解决 ，最好直接找到该电脑城的市场办公室，要求他们派人解决。 二.谈价格,在谈价格时要注意以下几点(如果JS不能答应的话,走人): 交定金前一定要说清楚,不然..... ①有坏点不要。 ②硬盘必须是5400rpm.8m缓存；内存必须是单根的512DDR2 SDRAM。主板是915PM-CHIC6-M 芯片组,电池是6芯的4800的. ③价格不能高于网上报价。 ④一定要先试机，包括安装好操作系统，完成所有测试等，看是否与官方数据相近，相差 太远的话不要。（这一点可不说出来） ⑤一定要发票，而且在发票处写上三包情况和退货条件。 ⑥一定要坚持先看货后交钱的重大原则。 ⑦如果一定要先付定金的话，则一定要在订金的发票上写清楚退钱的条件。白纸黑字的要 写清楚。一点也不能马虎。 [如果要收定金，哪万一你拿来的机器我看不上怎么办！如果回答是令我不满意的，则立 即走人.] ⑧问清JS是否有鼠标和包之类的赠品。无的话，可再转一下电脑城。千万不能心急。 ⑨如果发现是水货，样机，返修机的话，坚决不要。(总的来讲不是新的不要!) 三.谈好价格,拿到机后,就要进行仔细而漫长的验机过程. 主要包括三大过程: 1.外观标准:序列号,外包装,机器外观 一台机器拿来后，检查外观主要应该涉及以下三个方面: ㈠序列号: 认真检查一下笔记本电脑外包装箱上的序列号是否与BIOS中的序列号和机身的序列号 相符合。三个号都一致的，笔记本电脑的来源基本没有问题. (大部分的笔记本机身和电池上都应该贴有相同的序列号号，如果电池序列号和主机的 序列号不一致，本本极有可能被更换过电池) ㈡外包装: 检查完笔记本电脑的序列号后，还要检查一下机器本身的包装是否有破裂或毁损的痕迹 。也要确认笔记本电脑的屏幕是否有损坏，部件是否完整等. ㈢机器外观: 序列号和外包装都检查无误后，最后读者还要注意检查一下笔记本电脑本身的外观情况: 你要独自对照装箱单，一个一个的对，一个一个的摸，不要奸商动手。并且，要仔细的 逐一检查。 ①小心的拿起机器，钭对着阳光，看有没有指纹(如果可能，可以用放大镜，大力推荐)。 ②看机器底部的垫脚，有否磨损。 ③机器没开封时，电池肯定没有装上。我这次电池竟然赫然装在机器上。 ④看电池及机器电池触角。如果有接触部位有亮点，这机器肯定不是新的。 ⑤我遇到的这次遭遇，是奸商太蠢，太低估了消费者的智商，机器还热，特别是适配器，很 烫手，就送过来了(适配器是发热量最大的)。 ⑥发现奸商的欺骗行为时(机器不是新机时)，马上痛下决心：不要再进行任何交易，不管他 们说得多么漂亮，给你多大的优惠，都不能动心，你再也不能相信他们。 ⑦机壳表面是否有裂痕或滑伤。 ⑧开机后检查一下LCD屏幕是否有划伤、波纹或坏点。 ⑨多试试LCD在不同颜色下的表现:一般在纯红、纯黑的屏幕显示下，LCD的坏点可以立 即现形，一般不应多于3个，但最好是有一个也要更换，否则很容易增长哟。 ⑩看防盗锁孔。如果有印迹，说明插过笔记本防盗锁，极有可能是做过样机； 验机: ①开机时，标配系统的，系统是没有解包的，需要用户自已设置，更不要说装有其他的软件。 没有系统的，硬盘绝对是没有格式化，没有分区的，在DOS下，你可以查看。 ②机器的每个接口都要试，有时候USB接口不能用。 ③屏幕及音箱用Nokia-Test检测，有亮点的坚决不要，3-5个暗点还可以接受。 ④频繁的启动N次。不要心痛，现在没交钱，机器还不是你的。带光驱，不带光驱，带USB， 不带USB，分别启动，不要怕麻烦。 注:序列号和外包装的检查是购买笔记本电脑时需要注意的重中之重。  规格: ㈠在购买笔记本电脑的时候，随身带一款小巧的测试工具软件，利用软件来测试一下机器 的规格,认真检查一下笔记本原规格与出货规格是否相同。 ㈡测试内容包括: ①CPU 辨真伪: [常见问题] 在购买笔记本电脑时，我们面临的主要问题是检验笔记本电脑是否使用了专用的 移动型CPU，移动型CPU比台式机CPU具有更小发热量，利于系统稳定性。这里有一 点需要注意,由于主板方面的问题，我们从"我的电脑"的属性中看到的信息并不一 定是正确的。最简单的招数就是在冷启动开机显示厂商的标识时，按“ESC”键几 次，这样就能看到开机检测配置的界面,只要看清有“Intel”和“Mobile”字样, 就说明是英特尔的笔记本电脑专用芯片。（!注:此法不一定行） CPU测试内容包括:(测试软件为:Intel Processor Frequency ID Utility) 1.处理器、系统总线的预期频率和实际报告频率 2.理器的分类、封装形式和一级、二级高速缓存的大小以及其它一些特性 3.移动CPU还是台式机的CPU ②显示屏 找坏点 [常见问题] 　　 在LCD方面，我们面临的最关键的问题就是看是否有坏点，也就是失效点，失效的像 素表现为黑色(不透明)、白色(透明)或者固定于某种色上面，现在质量较好的厂 家已经承诺"无坏点"。其次，我们还可以看一下LCD的显示效果，如文字锐利度、 对比度等。 LCD测试内容包括:(测试软件为:NOKIA Monitor Test) 1.坏点 2.颜色纯度 3.屏幕亮度的均匀程度 4.是否存在几何扭曲 5.屏亮度 6.对比度 ③电池 测容量 [常见问题] 　　 电池对于笔记本电脑来讲是非常重要的，而且电池属于消耗品，一般能够稳定工作 的时间在一年左右，其后待机时间就会大大减少。所以检测的重点就是看是否是 原配新电池。 电池测试内容包括:(测试软件为:BatteryMark和BatteryMon) BatteryMark和BatteryMon：前者是一款专业的电池使用时间模拟测试软件，不仅较 权威，而且测试结果也很精确，其测试原理是利用内建的4个引擎，模拟实际的操作情 况来消耗电池的电量，从而获得测试结果。BatteryMark提供两种测试方案：Conditi oning Run和Life Test。 Conditioning Run是以最残酷的方式快速地将电池的电量 耗光。Life Test相对于Conditioning Run多了一个Think engine（即模拟实际使用 者的思考过程，实际情况当中大家不可能不停顿地完成大量的工作，肯定得有个思考 的过程），因而Life Test的测试时间要比Conditioning Run长约30％～40％。每过一段 时间Battery Mark就会将测试的数据自动到保存到你设定的目录下面，当电池彻底 到消耗殆尽的时候，电脑自动的关闭之前的最后一次保存的结果就将作为最终测试结 果。BatteryMon身材较为小巧，它可以让用户了解到电池的额定容量、满充容量，电 池充放电的速率以及放电的平稳程度，从这些数据中用户可以知道电池状态是否良好。 ④硬盘内存 抓隐患 [常见问题] 　　 对于新的笔记本电脑来讲，硬盘和内存不会有太大的问题，我们主要注意的应是其 存在的一些隐患，如损坏扇区、兼容性等问题。对于二手笔记本，由于使用寿命的 限制，这两个问题就更加突出了。如果哪个簇区用时过长或者出现硬盘转速改变 频繁、出现异常声音，说明该簇区一定有问题，哪就不能要了。 硬盘内存测试内容包括:(测试软件为:DOCMEMORY,Norton Disk Doctor诺顿磁盘医生) 1.内存的大小、速度、数量、老化测试 ⑤多媒体 看效果 [常见问题] 　　 对于多媒体，其实主要是性能的评定。此外，一般笔记本电脑都有内置音箱，其质 量的好坏也决定了笔记本电脑的音响效果。 多媒体测试内容包括: 1.3DMark 2000/2001 2.3DMark 2004 3.3DMark 2005 4.PCMark 5.High/Lowtest(小巧的音箱效果测试软件:较好的喇叭在80或者120Hz时能让你 听得到，当然如果在20~60H都能让你听得到那就更好啦。) Nero InfoTool：这是一款绿色测试软件，其中一项功能是光驱的测试，通过这款软件 我们可以了解到光驱的生产厂商和具体型号，还能看到光驱的读写速度、Firmware （固件）版本、缓存大小、支持的盘片种类以及一些DVD特性（如果光驱支持DVD的话） 等参数（图3）。虽然该软件个头不大，但功能较多，设计较为贴心。 ⑥整体 测性能 [常见问题] 　　 一般情况下，选购机器要以追求综合性能为目的，而且因为笔记本电脑的很多模块 都是集成的，所以对笔记本电脑来讲，综合性能更能体现它的价值，目前有很多软 件可以对笔记本电脑的硬件综合性能信息进行收集和评测。 测试软件 ☆AIDA:该软件可以详细的显示出PC每一个方面的信息，支持上千种主板，上百种显 卡，可以对并口/串口/USB这些PNP设备进行检测，支持对各式各样处理器的侦测， 并可以进行性能测试。 　 ☆Wintune:这是一个五星级的系统效能分析程序，它能帮你分析测试你的系统、CPU、 Standard2-D Video、OpenGL3-D Video、Direct3D3-D Video、Memory 和 Disk 的效能，然后列出一份详细的报告给你看。还可进行在线测试。 　　 ☆SiSoft Sandra Standard: 这是一套功能强大的系统分析评比工具，拥有超过30种以上的分析与测试模组， 测试对象包括CPU、Drives、CD-ROM/DVD、Memory、SCSI、APM/ACPI、鼠标、键 盘、网络、主板、打印机等，它还可将分析结果报告列表存盘。 　　 ☆HWINFO、CONFIG等: DOS版本的检测工具，虽然功能和操作赶不上Windows下的程序，但是可以对没有 预装操作系统的笔记本电脑进行检测。 　　 此外，像3Dmark这样的测试工具，虽然偏重于3D效果的测试，但是由于3D对机器硬件 要求较高，所以也可以作为机器总体性能评测的参考。 ☆《极品飞车》游戏: 这也是一个最全面、快捷的测试系统稳定性的软件。 在经过Super π 、3DMARK测试都没有死机之后， 就用《极品飞车》游戏最后测试整机的稳定性，至少要跑两三圈， 时间允许的话，跑1、2个小时。 Super π:是一款计算圆周率的软件，但它更适合用来测试CPU的稳定性。 即使你的系统运行一天的Word、Photoshop 都没有问题， 而运行Super PI 也不一定能通过。可以说，Super π可以作为判断CPU 稳定性的依据。 使用方法：选择你要计算的位数，（一般采用104万位）点击开始就可以了。 视系统性能不同，运算时间也不相同。当然是时间越短越好! ㈢在购买时还要注意认真检查说明书内说明机器的规格，以及检查盒子内所附送产品配件 ，附赠的操作系统与驱动程序等是否与说明书的配件包说明的相同。 ㈣如果产品确认都没有问题，再多试一下机器运行是否出现异常 ①操作系统运行是否正常。 ②多媒体播放音效、影像是否正常。 ③MODEM/LAN上网是否正常。 ④散热风扇工作是否正常。 ⑤笔记本鼠标定位是否正常。 ⑥变压器(ADAPTER)充电是否正常。 ⑦DVD光驱的读盘是否正常。 ⑧如果是CD-RW，就应该对其刻录光盘的能力进行测试。 3.索取承诺: ★内容: 　　 毕竟是个万元的大消费项目，再好的品质也不能保证一辈子不出问题，因此，在笔记本 购买的最后一步，请读者千万不要忘记向商家索取一个承诺，即拿到一份商家出示的 保修凭证。检查质量保证书之各项条件是否合理，确认商家当商品出现问题时，是否 可以退或换货、修等，并同时确认保修期限、维修地点、送修需要时间等，呵呵，还要 最后检查一下保证书是否有商家的盖章。千万别赚烦，很多事情意想不到哟。OK，如 果你现在还没有一款属于自己的笔记本电脑，看完本文后，是应该考虑配备一台的时 候了，呵呵. ★要点: ㈠千万不要忘记向商家索取一个承诺，即拿到一份商家出示的保修凭证。并填好质 保单。 ㈡检查质量保证书的各项条件是否合理，确认商家当商品出现问题时，是否可以退或 换货、修等，并同时确认保修期限、维修地点、送修需要时间等。 ㈢最后检查一下保证书是否有商家的盖章,签字。 适当“提醒”商家，别忘记给产品贴签。 一定要向商家索要发票或收据（盖章）。让商家在配置单上，写清楚所有配件的详细 名称 和 型号，保修期限（含包换期限和保修期限）（盖章、签字）。盯着商家在产品上打上标签， 并注意标签上的时间.切记，千万不要相信商家的口头承诺。对簿公堂的时候，法律只相信白 纸黑字的证据。（越详细越具体越好） 包装盒都要收藏好，因为有的配件在调换或维修时，需要附带原包装盒。 在装完机后，注意检查所有配件的包装盒、质保单以及配件(说明书上一般写有)是否齐全， 包修卡上的电脑配件名称是否齐全，发票是否正规等等，一有疑点马上提出来纠查到底，别让 JS用一些似是而非的说词搪塞过去。 电脑拿回家之后，用其他的各种测试软件烤验电脑，猛玩大型3D游戏（《帝国时代3》《极品 飞车9》《战地2》《魔兽》《天堂2》）。24～72小时不关机（正规的品牌机厂家，都有这个 烤机过程）。使劲的用，各个功能都要用，看是否有问题发生。如果这个阶段不出问题的话， 说明你的电脑稳定性基本过关，如果出现问题，立刻找商家解决，调换配件。（一星期内还可 以退啊。） 记住一：在交易过程中，你要大声说话，切不可小心翼翼，甚至情绪激动时，可以大力击拍桌子， 因为，付钱前，你就是老大，你要的就是这种强有力的感觉。相信：奸商有所顾忌你的气势，而 不敢有太多的造次。 最后买完电脑后，一定要立即走人，如果要买其他笔记本配件的话，则一定要上网先做好功课 才买，不要买自己没做过功课的东西。而且要去专门销售笔记本配件的地方去购买。 付款须知： 一般来说，为了表示诚意，在谈好装机配置和最后价格后你要交纳100元～200元的押金，这 是正常的。但如果JS要求先付全款再装机你可千万不要答应。现在的JS，收钱之前是一副 嘴脸，而收钱后马上翻脸。所以即使你对配置十分满意，也不要轻易付全款，切记切记！ 在装完机后，注意检查所有配件的包装盒、质保单以及配件(说明书上一般写有)是否齐全， 包修卡上的电脑配件名称是否齐全，发票是否正规等等，一有疑点马上提出来纠查到底，别让 JS用一些似是而非的说词搪塞过去。 这里没什么面子好讲，把问题谈清楚，不要把疑问带回家！ ******************************************************************************** 认清电脑配件保修规定 不吃哑巴亏! 个人电脑与普通家用电器不同，其有着组成配件众多，操作的不易性和不完全兼容性等问题，也 使得《电脑三包规定》的实施增加了不少难度。而相对于《电脑三包规定》中的电脑配件保 修更是要比品牌机要难得多。下文笔者将以电脑配件为中心与各位探讨一下的其有关保修的 话题。 电脑城的“行规”：三个月包换 经常逛电脑城的朋友一定听说过这个城里不成文的“行规”。但这“行规”只是商家给消费者所 作出的售后承诺，虽然有部分厂商确实做到了三个月包换，但并不代表所有的厂商都有如此承 诺！据《微型计算机与更换条例》（以下称为《三包规定》）第十一，十二条规定，对电脑配件 的包换期限为：自售出之日起7日出现《微型计算机商品性能故障表》(见附件3)所列性能故 障时消费者可以选择退货，换货或者修理。如果故障出现在售出后的第8日至第15日内，消费 者可选择换货或者修理。我们以微星的保修为例，其保修卡上的相关条例就说明了严格按照 《三包规定》进行保修。照此说来，虽然《三包规定》鼓励生产者制定条件优于三包的保修 条款，但如果生产厂家没有承诺三个月包换，那么这个优于三包规定及厂家保修条例的“三个 月包换”的承诺只能由商家去执行。 商家的口头承诺 在给这篇文章写题纲时，有位朋友说他购机时商家说他的显卡是一年包换，三年免费保修的。 然而笔者给朋友购买的该显卡却只是保修一年。于是笔者让他找出装机保修卡，也只看到： 以上配件除生产厂家另有规定外，均按照三包有关条例给予保修。再看该显卡的保修卡上写 的，也只说明了一年的保修。笔者只能告诉他，那只是商家的口承诺，是没有法律依据的，他 受骗了！。在此，笔者建议大家，如果商家所提出的保修条件优于厂家的规定，最好不要信，或 是要求商家在保修卡上详细立下相关保修字据，并加盖公章，以免到时商家不守承诺。 关于《三包规定》及现实中的实施 《三包规定》虽已经实施，但是实施起来并不那么如人愿。因电脑城默认的销售和保修操作 方式与《三包规定》的保修方式有一定的不同，电脑配件的保修要达到三包所定的要求，并不 容易。如在配件销售时，严格来说是要在所开具的发货票(注意：在三包规定同所指的“发货 票”不一定只是单纯的指发票，可以包括收据等具有法律效力的票据。)上记录所有配件的序 列号；在配件保修时应该由维修者填写维修记录。然而这些在电脑城里却是很少做得到，就算 消费者要求商家或是维修者填写，对方出不大乐意。 举个例子，《三包规定》第六条第7项规定：维修者必须认真、如实、完整地填写维修记录， 记录故障、修理情况和修理后的质量状况，向消费者当面交验修理好的微型计算机商品和维 修记录。对于这一点，据笔者所了解，一般电脑配件如主板，显卡之类的产品送修时只需要核 对标签，并不要求消费者提供保修卡或维修记录。我们再根据《三包规定》第十七条：在三包 有效期内，选购件出现本规定《微型计算机商品性能故障表》所列性能故障，销售者应当负责 为消费者免费调换新的选购件。选购件更换两次后仍不能正常使用的，销售者应当负责免费 为消费者退货，并按发货票上的价格一次退清货款。若是遇到这种情况，如果没有维修记录的 话，消费者就很难得到免费调换新的选购件或是退货的服务了！ 收费维修，三包的黑色地带？ 在三包或厂家规定的保修期内，如果出现《三包规定》第二十八条所列的情况，将得不到三 包服务。届时，消费者只能选择收费维修了。商家或者厂家的维修行为虽然是《三包规定》 所规定的义务，但是其具体的如何收费只是做了简单的规定，如：只收取相应材料费、维修费 等，并没有具体实际的收费标准。这样一来，厂家收取费用多少就难有一个相关的法律规定所 约束，乱收费现象也就难免出现。下面以笔者的亲身经历说一下收费保修。 去年9月，笔者的某牌子主板因硬件故障，送到代理商处维修，代理商的技术员检查主板时发现 IDE接口处的塑料卡子断了（但并不影响使用），就以人为损坏为由，要求收取100元的维修费 才给予维修！先不说主板坏了与该卡子断了是否有关，该技术员连主板哪里坏了都说不出来就 随便开个价，这不得不令人怀疑其乱收费了！ 又如某牌子显示器所推出的一年免费，两年收费保修的收费标准：人工费：15寸每台80元；17 寸每台120元；19寸每台300元；21寸每台450元。就比市面上的维修公司明显要高。 从上述两个例子，我们很容易看出厂家的收费维修不仅没有利用其自身的渠道优势使消费者 得到方便，反而通过身为厂家的专业优势收取比市面上高出很多的维修费用，这不得不令人怀 疑部份厂家在销售配件同时，把收费维修也当成了创收的主要来源之一了。 因此，面对这类型的收费维修，笔者建议消费者从厂家或是代理商那里得到相关的收费标准 后，不妨到一些专门的维修公司问一下同样的维修价格，以免被不良厂家或代理商敲诈！ 结语 电脑零售业属于第三产业。消费者购买电脑的费用里已经包含了相关的服务费用，所以消费 者有权要求销售者或厂家提供不超出其服务范围的服务。并注意在购买产品后保存好相关的 产品保修凭证，以免在售后服务上遇到阻碍。 **********************************************************************</t>
  </si>
  <si>
    <t xml:space="preserve">如何给一个文件设置密码？ </t>
  </si>
  <si>
    <t>采用专用的加密软件，如私人文件保密专家等，华军上有</t>
  </si>
  <si>
    <t xml:space="preserve">咖啡和牛奶一起饮用好不好？ </t>
  </si>
  <si>
    <t>牛奶不能和茶、咖啡和巧克力一起饮用?　　这种说法的理由是其中的草酸、鞣酸可能与牛奶中的钙发生沉淀反应影响吸收。　　实际上，即使不与牛奶同时饮用，这些物质在体内也可能与矿物质发生反应，与是否和牛奶同时饮用无关。有学者提出，牛奶或豆腐与草酸等发生沉淀，反而可以保护人体减少患结石的危险。此外，只要更多地饮用牛奶，就可以弥补损失的少量钙质。西方人经常食用牛奶巧克力，喝加牛奶的咖啡；蒙古人、藏人都有喝奶茶的习惯，并未给他们带来营养缺乏病，也没有影响其体格发育。</t>
  </si>
  <si>
    <t xml:space="preserve">什么是单反相机？ </t>
  </si>
  <si>
    <t>单反就是指单镜头反光，即SLR(Single Lens Reflex)，这是当今最流行的取景系统，大多数35mm都采用这种取景器。在这种系统中，反光镜和棱镜的独到设计使得摄影者可以从取景器中直接观察到通过镜头的影像。因此，可以准确地看见胶片即将“看见”的相同影像。该系统的心脏是一块活动的反光镜(如图浅蓝色部分)，它呈45°角安放在胶片平面的前面。进入镜头的光线由反光镜向上反射到一块毛玻璃上。早期的SLR照相机必须以腰平的方式把握照相机并俯视毛玻璃取景。毛玻璃上的影像虽然是正立的，但左右是颠倒的。为了校正这个缺陷，现在的眼平式SLR照相机在毛玻璃的上方安装了一个五棱镜。这种棱镜将光线多次反射改变光路，将影像其送至目镜，这时地影像就是上下正立且左右校正的了。取景时，进入照相机的大部分光线都被反光镜向上反射到五棱镜，几乎所有SLR照相机的快门都直接位于胶片的前面（由于这种快门位于胶片平面，因而称作焦平面快门），取景时，快门闭合，没有光线到达胶片。当按下快门按钮时，反光镜迅速向上翻起让开光路，同时快门打开，于是光线到达胶片，完成拍摄。然后，大多数照相机中的反光镜会立即复位。　　反光镜的这一必要的翻起动作同时也带来了一些其他问题：　　一、拍摄照片的瞬间，取景器会被挡住。由于被遮挡的时间只是刹那间的事情，因此这对于立即复位的反光镜来说并不是什么主要问题。但是，又引出了一些偶然性问题。例如，在使用频闪光拍摄时，将不能通过取景器看到频闪装置是否闪光正常。　　二、反光镜运动的噪声。这在需要安静的场所这可能会成为重要问题。由于测距取景式照相机中没有突然阻挡光路的移动反光镜，所以不会产生这种噪声。　　三、相机的震动，即由反光镜的翻起动作所造成的照相机整体的运动。假设用1/500秒的快门速度进行拍摄，那么不必担心。这种震动不至被察觉。但是，如果以较低的快门速度拍摄一幅精确照片的话，比如在微弱的光线下使用远摄镜头进行拍摄时，这种震动对成像就可能很成问题。　　除此之外，使用SLR取景还存在另一个问题。比如我们想使用f/32这样的小光圈进行拍摄，而光圈f/32允许进入镜头的光线是非常微弱的，这会导致取景器中看到的影像也很暗淡，可能会难以聚焦，甚至根本无法进行聚焦。　　实际上，SLR的解决方案相当巧妙， 它会先使用镜头的最大孔径让我们完成取景和聚焦，按下快门时，镜头的光圈会立刻收缩到预置的孔径，完成胶片曝光，在曝光完成的瞬间，光圈又会开到它的最大孔径，准备下一次拍摄。　　一、选择数码单反的几个理由： 　　数码单反相机的专业定位，决定了即使是面向普通用户和发烧友的普及型产品也拥有大量过人之处，这是许多发烧友选择数码单反相机的根本原因。我们可以把数码单反的专业特色归结成如下几个方面: 　　1、图像传感器的优势 　　对于数码相机来说，感光元件是最重要的核心部件之一，它的大小直接关系到拍摄的效果，要想取得良好的拍摄效果,最有效的办法其实不仅仅是提高像素数，更重要的是加大CCD或者CMOS的尺寸。无论是采用CCD还是CMOS，数码单反相机的传感器尺寸都远远超过了普通数码相机。因此，数码单反的传感器像素数不仅比较高（目前最低600万），而且单个像素面积更是民用数码相机的四五倍，因此拥有非常出色的信噪比，可以记录宽广的亮度范围。600万像素的数码单反相机的图像质量绝对超过采用2/3英寸CCD的800万像素的数码相机的图像质量。 　　2、丰富的镜头选择 　　数码相机作为一种光、机、电一体化的产品，光学成像系统的性能对最终成像效果的影响也是相当重要的，拥有一支优秀的镜头对于成像的意义绝不亚于图像传感器的选择。同时，随着图像传感器、图像引擎和存储器件的成本不断降低，光学镜头在数码相机成本中所占的比重也越来越大。对于数码单反来讲更是如此，在传统单反相机的选择中，镜头群的丰富程度和成像质量就是影友选择的重要因素，到了数码时代，镜头群的保有率顺理成章地成了品牌竞争的基础。佳能、尼康等品牌都拥有庞大的自动对焦镜头群，从超广角到超长焦，从微距到柔焦，用户可以根据自己的需求选择配套镜头。同时，由于传感器面积较大，数码单反相机比较容易得到出色的成像。更重要的是许多摄影发烧友手里，一般都有着一两只，甚至多达十几只的各种专业镜头，这些都是影友用自己的血汗钱购买的，如果购买了数码单反相机机身，一下子就把镜头盘活了，而且和原来的传统胶片相机构成了互相补充的胶片和数码两个系统。 　　3、迅捷的响应速度 　　普通数码相机最大一个问题就是快门时滞较长，在抓拍时掌握不好经常会错过最精彩的瞬间。响应速度正是数码单反的优势，由于其对焦系统独立于成像器件之外，它们基本可以实现和传统单反一样的响应速度，在新闻、体育摄影中让用户得心应手。目前佳能的EOS1D MARKⅡ和尼康D2H均能达到每秒8张的连拍速度，足以媲美传统胶片相机。 　　4、卓越的手控能力 　　虽说如今的相机自动拍摄的功能是越来越强了，但是拍摄时由于环境、拍摄对象的情况是千变万化的，因此一个对摄影有一定要求的用户是不会仅仅满足于使用自动模式拍摄的。这就要求数码相机同样具有手动调节的能力，让用户能够根据不同的情况进行调节，以取得最佳的拍摄效果。因此具有手动调节功能也就成为数码单反必须具备的功能，也是其专业性的代表。而在众多的手动功能中曝光和白平衡是两个重要的方面。当拍摄时自动测光系统无法准确地判断拍摄环境的光线情况和色温时，就需要用户根据自己的经验来进行判断，通过手动来进行强制调整，以取得好的拍摄效果。这也是数码单反专业性的体现，如EOS10D能够以每次100K为基准调整色温值，帮助使用者得到最佳的效果。 　　5、丰富的附件 　　数码单反和普通数码相机一个重要的区别就是它具有很强的扩展性，除了能够继续使用偏振镜等附加镜片和可换镜头之外，还可以使用专业的闪光灯，以及其它的一些辅助设备，以增强其适应各种环境的能力。比如大功率闪光灯、环型微距闪光灯、电池手柄、定时遥控器，这些丰富的附件让数码单反可以适应各种独特的需求，而普通的数码相机则大大逊色。　　补充：　　一、数码单反技术 　　首先让我们来认识一下什么是数码单反相机。说白了，数码单反相机就是使用了单反新技术的数码相机。作为专业级的数码相机，用其拍摄出来的照片，无论是在清晰度还是在照片质量上都是一般相机不可比拟的。这些都是单反技术成就了数码单反相机的高性能。 　　单反，也就是单镜头反光。采用这种技术的照相机只有一个镜头，这个镜头既负责摄影也用它来取景。这样一来就能基本上解决视差造成的照片质量下降的问题。而且用单反相机取景时来自被摄物的光线经镜头聚焦，被斜置的反光镜反射到聚焦屏上成像，再经过顶部起脊的“屋脊棱镜”反射，摄影者通过取景目镜就能观察景物，而且是上下左右都与景物相同的影像，因此取景、调焦都十分方便。在摄影时，反光镜会立刻弹起来，镜头光圈自动收缩到预定的数值，快门开启使胶片感光；曝光结束后快门关闭，反光镜和镜头光圈同时复位。这就是相机中的单反技术，现在的数码相机采用这种技术后就成为了专业级的数码单反相机。 　　单镜头反光的取景方式基本上就意味着专业定位，这也注定了数码单反相机的专业道路，即使是面向普通用户和发烧友的产品也拥有大量过人之处。 　　二、如何选择数码单反相机 　　DSLR（数码单镜头反光相机）对于一般家用玩家有必要吗？数码单反DSLR是专业用户（记者、摄影师）和发烧级摄影爱好者的不二追求！DSLR和消费级DC相比，两者的差距有一个不小的鸿沟：DSLR带来更大的动态范围（信噪比），可换镜头，更加优秀的成像画质，更短的快门时滞，更快的操作和处理速度，更真实的取景，更快的连拍速度和更专业的操控等等……这些是消费级DC无法比拟的。 　　最大的问题是体积重量比消费级别数码相机要大（重），附件如镜头闪光灯滤色镜都使得数码相机不是太方便携带。第二个问题就是数码单反相机的CCD/CMOS芯片容易沾染灰尘的问题，奥林巴斯的E－1通过超声波装置可以清除CCD/CMOS芯片表面的灰尘，可是其他品牌的数码单反相机对灰尘仍然是束手无策，严重影响成像质量和使用寿命。 　　因此索尼F828/美能达A2/富士S7000等准专业数码相机虽然面临普及型单反数码相机的极大打击，可是其因为“一镜走天涯”的方便性仍然会有较强的生命力。 　　1. 测光与曝光 在这个方面，尽管在技术细节上存在一些“卖点”上的差别，可实质上可认为毫无差别，不必细究。 　　2. 对焦速度、快门时滞、连拍速度 这些指标对于新闻摄影、体育摄影、野生动物摄影、快照摄影都非常重要。对数码单反相机来说，性能的提高是伴随着价格的急剧上升的。 　　3. 机身寿命 一般单反相机快门寿命为五万次，中高档单反相机的寿命可达8－10万次，专业单反相机寿命最长可达15万次以上。实际使用中，如果经常使用高速连拍功能，快门寿命将会降低。LCD液晶屏的使用寿命大概在1000个小时。影响数码单反相机寿命的部件还有反光取景系统，频繁的高负荷的使用，容易引发反光取景系统的故障。 　　4. 机身可靠性 高级的相机会做防尘、防水处理，而且能抗撞击（冲击）。由于采用了金属机身和特殊材料，这样的相机价格也会很高昂。 　　5. 色彩空间 除了作为Windows和喷墨打印机标准色彩空间的sRGB，还可以选择应用更加广泛的Adobe RGB。根据摄影目的可以选择最佳的色彩空间。 　　6. 闪光灯系统 对专业摄影师来说，闪光灯测光与曝光系统是非常重要的，各家厂商在闪光灯系统自动化方面都有各自的独门绝招，没有最好，也没有最差，只有最合适。 　　7. 镜头群 数码单反相机的优势就在于可更换镜头，原厂的镜头系列支持及独立镜头厂商的产品是否丰富到满足您的需要，是一个值得关注的问题。 　　8. 是否支持W/A读写加速技术 2003年秋季以后发表的数码单反相机都会支持W/A读写加速技术，采用此技术，可以读写CF卡达到40倍速（6MB/S）以上的速度。 　　9. 传输接口 2003年秋季以后发表的数码单反相机应该同时具备USB2.0和1394火线端子。某些相机还应该支持802.11b/g，蓝牙等无线网络传输。 　　10. 感光灵敏度与杂讯抑制 更高的感光度，更好的杂讯抑制是我们所追求的。 　　11. 快门 最高快门速度和最慢快门速度（B门），是数码单反相机快门的两个关键指标。快门的可靠性以及精确度也是需要关心的。最高闪光灯同步速度，这也是衡量一部数码单反相机是否高级的标志。 　　12. 手感、外形和重量 机身设计是否合心、是否合手，这往往是决定选购一部单反相机最重要的地方。在不考虑价钱的情况下，专业数码单反相机的体积和重量也并不是每一个人能接受的。体积小巧、重量较轻的业余数码单反相机更适合普通人使用。 　　13. 心理 最终起决定作用的往往还是心理作用，理性消费至关重要。 　　总结：数码单反相机目前被少数几个厂商垄断生产，一分钱一分货的道理在数码单反相机这个领域是绝对真理。为了满足高负荷、高强度的专业摄影用途，最好是选择价格昂贵的数码单反相机。如果只是平时爱好，玩玩而已的话选择价格经济的型号是上策。　　工作原理：　　在单反数码相机的工作系统中，光线透过镜头到达反光镜后，折射到上面的对焦屏并结成影像，透过接目镜和五棱镜，我们可以在观景窗中看到外面的景物。与此相对的，一般数码相机只能通过LCD屏或者电子取景器（EVF）看到所拍摄的影像。显然直接看到的影像比通过处理看到的影像更利于拍摄。　　在DSLR拍摄时，当按下快门钮，反光镜便会往上弹起，感光元件（CCD或CMOS）前面的快门幕帘便同时打开，通过镜头的光线便投影到感光原件上感光，然后后反光镜便立即恢复原状，观景窗中再次可以看到影像。单镜头反光相机的这种构造，确定了它是完全透过镜头对焦拍摄的，它能使观景窗中所看到的影像和胶片上永远一样，它的取景范围和实际拍摄范围基本上一致，十分有利于直观地取景构图。　　主要特点：　　单反数码相机的一个很大的特点就是可以交换不同规格的镜头，这是单反相机天生的优点，是普通数码相机不能比拟的。　　另外，现在单反数码相机都定位于数码相机中的高端产品，因此在关系数码相机摄影质量的感光元件（CCD或CMOS）的面积上，单反数码的面积远远大于普通数码相机，这使得单反数码相机的每个像素点的感光面积也远远大于普通数码相机，因此每个像素点也就能表现出更加细致的亮度和色彩范围，使单反数码相机的摄影质量明显高于普通数码相机。</t>
  </si>
  <si>
    <t xml:space="preserve">国产空调有那些品牌？ </t>
  </si>
  <si>
    <t>LG、海尔、美的、奥克斯、飞达仕</t>
  </si>
  <si>
    <t xml:space="preserve">我没有赶上28号之前的帐号互换,那我的魔力以前的帐号还有么? </t>
  </si>
  <si>
    <t>有!请广大《魔力宝贝》的玩家在11月21日10:00——11月28日10:00间，进入“易玩通网”( )的“帐号转换预申请”页面，并依照页面提示申请易玩通网通行证，然后将您所要转换的网星游乐园帐号进行登记。《魔力宝贝》将于11月28日10:00——12月9日10:00之间进行停机维护。您申请的帐号将被转换成为易玩通网游戏帐号(没有在此期间提交申请的玩家，在12月6日后仍可通过易玩通网的“帐号转换”功能，将自己在网星的魔力帐号转换成易玩通网的游戏帐号)。</t>
  </si>
  <si>
    <t xml:space="preserve">华联控股这家公司还与生产PTA有关吗？还有PTA题材的公司有哪几? </t>
  </si>
  <si>
    <t>S仪化(600871)、S上石化(600688)、珠海港(000507及荣盛石化(002493)请及时查看我的博客  纯述个人观点，希望对你有所帮助。</t>
  </si>
  <si>
    <t xml:space="preserve">GM现在是服务器维护嘛我怎嘛进不起老说维护啊一点游戏就说服务器维 </t>
  </si>
  <si>
    <t>你的电脑连不上服务器时也会说服务器维护！</t>
  </si>
  <si>
    <t xml:space="preserve">昆山包皮过长医院哪家好，治疗大概花费是多少 </t>
  </si>
  <si>
    <t>可以做包皮手术的医院有很多，建议到正规医院进行包皮手术为好，毕竟正规的医院做包皮手术还是比较放心的，正规医院的技术和费用也是比较放心的，因此要及时安排好自己的时间去正规的医院进行包皮手术为好，平时注意个人卫生，不要吃辛辣激发性食物。包皮手术是一个小手术，本身具有治疗的意义，无疼痛，没有风险性，但是，选择专业性男科医院和技术娴熟的医生进行治疗，是关键的和主要的。包皮手术的话，主要还是要看你的症状了，一般正规的医院都是根据物价局定制的价格来收费的，不会多收的。</t>
  </si>
  <si>
    <t xml:space="preserve">海e家的牛仔裤版型咋样，修饰腿型不 </t>
  </si>
  <si>
    <t>海e家的牛仔裤很不错，我就是那种腿型不好的，穿了海e家的牛仔裤腿看着还蛮好的，我现在的裤子都是在海e家买的</t>
  </si>
  <si>
    <t xml:space="preserve">怎么快速美白夏天晒黑后美白 </t>
  </si>
  <si>
    <t>将芦荟、黄瓜放入榨汁机榨汁后倒入小碗，然后放入蛋清、珍珠粉、适量面粉调成糊，以不往下流淌为准，把脸洗干净，将调好的糊抹在脸上，干后洗净，拍上柔肤水、护肤品即可，每周1-2次</t>
  </si>
  <si>
    <t xml:space="preserve">这种人怎么相处？我是刚到一家游戏公司的行政主管，以前这个公司一直 </t>
  </si>
  <si>
    <t>你已经知道他为什么这么做了，那就好办了。1、要求他摆正位置，端正态度，服从公司行政管理2、明确他的职权范围，提醒他不能越权3、他说话上的问题，不能迁就，要还之以眼，不能让他以为他在公司可以恣意妄为，否则你没有威信，也做不下去的</t>
  </si>
  <si>
    <t xml:space="preserve">为什么生活对我这么不公平？？无耐～生活也许有的时候真的好累，可是 </t>
  </si>
  <si>
    <t>老天会眷顾你的，过去的事就让它过去吧！正是因为你经历了这些酸楚的磨练，才能造就现在坚强的你。。你还年轻，好好享受多彩的世界，幸福的生活也会来临的。。</t>
  </si>
  <si>
    <t xml:space="preserve">还贷款 </t>
  </si>
  <si>
    <t>你好！     什么意思？</t>
  </si>
  <si>
    <t xml:space="preserve">现在很困惑，以前的第一个女朋友，我和她在一起的时候他用手抚摸我的? </t>
  </si>
  <si>
    <t>你的问题是心理问题，因为你阴茎能经常勃起，估计晨勃也没问题，那为什么面对女友就不行了呢？这就是操作焦虑，是因为你紧张，再说白一点，是因为你并没有专心做爱，而是紧张，怕自己不行，这样一来就出现问题。其实，每个男人都可能经历过，你并不是唯一的。因为男人和女人不一样，男人性爱比较依靠勃起，而勃起是生理和心理共同起作用，在生理没问题的情况下（阴茎血管、神经、海绵体正常），那主要受大脑控制和启动，而一旦分心必然会影响到勃起状态。还有一种情况也要注意，就是阴茎本身也会经历勃起—疲软—勃起的过程，这是一种自我保护，如果你不能正确对待，而是当作自己痿哥了，那么就不是火上浇油，而是釜底抽薪，那能不疲软吗？再讲深一点，人类性欲的起动和阴茎勃起，在神经系统层面主要是由交感神和副交感神经控制，副交感神经是你整个身心放松的时候起作用，而交感神经是人在激动、应激状态时起作用。而阴茎勃起勃起需要由副交感神经支配，射精则是交感神经支配，你因此就能明白，为什么焦虑的时候会发生勃起障碍了，因为那种情绪下，副交感神经是不起作用的。很多男人为阳痿苦恼，但是做邮票试验发现他们夜里有勃起，为什么会在夜里勃起呢？因为在睡眠状态中，人最放松，副交感神经在起作用。现在明白了吗？我的建议：同居总让人紧张，请做好私密工作，寻找安全的环境，不要总怕有人来了，快快快，那肯定不行，哪个男人也不行。二是做好避孕，不要给内心留紧张成分；三是适当运用性幻想，想像以前最让你激动的情境；四是适当节欲，间隔一段再试；五是让女友配合你，至少在你进入时，她不要像睡着了，要帮助你进入她的身体，这其实也是一种鼓励。</t>
  </si>
  <si>
    <t xml:space="preserve">皮肤干燥怎么办我的皮肤一进入秋天跟冬天,就脱皮,很干,没有润滑感 </t>
  </si>
  <si>
    <t>上面说得太多了,皮肤干燥就用好一点的保湿水和保湿霜呀,而且特别是晚上也必须要用这样你就会发觉你第二天的皮肤会很好啦.多吃点水果吧.</t>
  </si>
  <si>
    <t xml:space="preserve">关于回收站的问题请教一下，回收站里的东西在清空后去了哪呢？还会占 </t>
  </si>
  <si>
    <t>本身就回收站东西占用的就不是内存，是硬盘空间（外存）清理以后就不会占用了，清空后消失掉了</t>
  </si>
  <si>
    <t xml:space="preserve">解密帮助!我把我所知道的密码都输了一遍，无论怎么都不正确！请求哪 </t>
  </si>
  <si>
    <t>你好！诺基亚的原始密码是12345 你试试行不，不行的话就赶快去售后，一年之内免费解密 ！</t>
  </si>
  <si>
    <t xml:space="preserve">魔兽问题请问如果不在线的话，会扣分吗？扣多少分呢？ </t>
  </si>
  <si>
    <t>你是说扣点吧？只要你登录人物列表就开始扣了，要是离开了就不会扣了。</t>
  </si>
  <si>
    <t xml:space="preserve">在近视的时候怎样提高视力 </t>
  </si>
  <si>
    <t>少上网少看书少看电视</t>
  </si>
  <si>
    <t xml:space="preserve">如何提高注意力？？我注意力很差，容易受外界干扰。大家帮分析下，怎 </t>
  </si>
  <si>
    <t>一个人倘若对功课既无兴趣，也无法找出任何意义，这时要集中注意力是不可能的。 1、怎样才能对于乍看之下不感兴趣的工作或功课集中起注意力呢？ ①应用期限效果集中注意力。首先，只需设定一个期限，就能集中精神完成不感兴趣的学习。其次，对讨厌的学习订计划只需考虑终了时间，终了时间一到，就会强迫你去完成它。最后，设置几个中间站，每个中间站之前注意力最佳。在学习过程中，设置几个中途终点，则会防止中间松懈现象。 ②应用报酬效果集中注意力。首先，可以给自己定个奖赏，做为学习的报酬，这个报酬，可以依自己的需要和兴趣订立，其次，遇到困难的工作可用假想敌人和处罚来激励自己。 ③利用目标明确化集中注意力。首先，将大目标明确化。对学习不感兴趣时，往往只要能够明辨目标便能产生注意力。其次，把目标亲自用文字或图表来表示即能提高注意力。 ④应用愉快经验集中注意力。我们如果在学习上体验到成功的滋味后，便可拥有愉快的经验，这种愉快的经验会鼓舞我们的斗志，从而接受不愿意做的学习。 2、心有所虑时怎样集中注意力呢？ 阻碍注意力的另一个重要因素，即隐藏于自己内心的忧虑。要参加考试的学生是不能心猿意马的，因为经常胡思乱想或是为了感情问题而苦恼，读书时就不能专心，如果想考试考得好，就应集中精神读书，把杂念一律排除。 ①善于用心理因素集中注意力。首先，把没处理的杂事，记在备忘录上，则心理上就会感到轻松。其次，暂时抛开人际关系可提高注意力。要想高效率地完成工作、学习，必须有属于自己的时间，而不要单纯只为别人活着。再次，摒弃依赖心理，方能全力以赴。自己能够独立做的事，一定要自己去做，如果你在做某件事时，总想着一定会有人来帮忙的话，则就不会尽全力去完成它，也就不会有效率可言。 ②以形象控制来集中注意力。时常想着自己学习时的形象，相信自己学习时的形象能加强注意力。 ③利用代换效果集中注意力。首先，以其它事情来缓解精神。无法集中精神时，可以先做一些简单的事情，借此来消除杂念，稳定情绪，从而集中注意力。其次，在学习之前，去做好各种准备，做好准备工作，可以缓和心情、排除杂念，帮助你集中精神。最后，先做喜欢的事情并彻底做完，则对讨厌的事情也容易集中精神。 ④多种动作协调起来以集中注意力。在学习时，手、眼、口全部动起来，则易于抑制疲劳，提高学习效率，增进记忆能力。 以上介绍的一些方法，同学们可以根据自己的实际情况以及需要加以利用或修改。值得注意的是，一个习惯的形成至少需要21天的时间，那么对于养成了注意力不集中的习惯的同学们来说，需要对一种方法至少坚持21天才能改掉不良习惯。 神经衰弱的本质是一种功能性疾病，所以是可以治好的。有人认为患了神经衰弱就得休息疗养。刚入院治疗时见效，但是再往下住，症状又全部出现，仍觉四肢无力，头痛，失眠等。在休养过程中，有的为了保护脑子而不敢看书报，实际不然，脑子不用会渐渐的废退，不但不能因休养使其精神健康起来，反而会使自己的工作能力逐渐下降。神经衰弱治疗应以心理治疗为主，同时辅以药物、物理疗法 神经衰弱是一种常见的神经病症，患者常感脑力和体力不足，容易疲劳，工作效率低下，常有头痛等躯体不适感和睡眠障碍，但无器质性病变存在。神经衰弱主要症状有：1，容易疲劳，脑力不足、精神倦怠。2，容易兴奋，易喜善怒。3，睡眠障碍，失眠、多梦。4，情绪障碍，易烦多忧。5，紧张性疼痛和植物神经功能紊乱6，对内外刺激的敏感7，心理生理障碍 治疗神经衰弱的药物、物理疗法有很多，临床使用中可根据病情选用其中的一二种。 (1)胰岛素低血糖疗法：应用此疗法后，患者自觉症状改善很快，尤其是 对于消化系统的症状、衰弱状态、睡眠障碍和焦虑情绪的患者疗效较好。方法是每晨空腹，皮下注射4～20单位的胰岛素，以达低血糖为度，3～4 小时后口服糖水终止治疗。每周6次，30～40次为一个疗程。 (2)针灸和中药：可应用一般的针疗、耳针、梅花针和中草药治疗，如养血安神丸，酸枣仁汤等。 (3)抗焦虑药：对失眠者，可交替应用以下安眠剂，佳乐定0.4～0.8mg，或氯硝安定2～4mg，每晚睡前服。 (4)其他：对植物神经功能紊乱者，可应用谷维素10～20mg，每日3次。恒温水浴对促进睡眠疗效很好，轻微的体力劳动或疗法，气功和太极拳均是有效的。 心理疗法首先是收集详尽的病史，全面了解后，然后根据具体情况通过与患者交谈，进行以下措施： (1)使患者首先认识到神经衰弱的原因是精神创伤，而不良的个性是发病的基础。对原因，进行耐心细致的分析，若能解决问题当然更好，若不能解决问题，可使其提高认识能力，正确对待。特别要改造不良个性，坚信神经衰弱是完全可以治愈的。 (2)使患者从被症状所吸引的过程中解脱出来，树立乐观的精神，消除任何紧张情绪及思想顾虑。 (3)妥善安排好工作、学习和生活，注意劳逸结合，脑力劳动和体力劳动相结合，坚持锻炼身体，适当参加文娱活动，既注意消极的休息(睡眠，安静的休息等)，更应注意积极的休息 (文体活动等)，以巩固疗效和防止再复发。 根据中国传统医学的观点，神经衰弱的患者可依照不同情况，选用以下食疗方法调理。 肝火上升型症状心悸而烦、急躁易怒、失眠梦、脉弦细数。此类患者可选用具有清肝泻火、养心安神作用的食物，如：菠菜、油菜、荠菜、冬瓜、苦瓜、竹笋、鲜藕、芹菜、雍菜、黄花菜、小麦、桑椹、梨、桃、葵花子、绿豆、桂圆、鸡蛋、羊肉、鸭肉、乌骨鸡、蜂蜜等。 气血两虚型症状心悸失眠、梦多易醒、头晕健忘、食欲不振、精神倦怠、脉沉细弱。此类患者可选用具有健脾益气、补血养心作用的食物，如：粳米、糯米、小米、黄豆及制品、大麦、胡萝卜、南瓜、西红柿、奶类、人参、鲤鱼、桂鱼、猪肝、猪肚、牛肉、羊心、兔肉、鸽蛋等。 心肾不交型症状心悸不宁、虚烦不眠、健忘、盗汗、腰酸膝软、遗精、脉弦细数。此类患者可选用滋阴清热、通交心肾的食物，如：糯米、红枣、百合、酸枣仁、枸杞、银耳、鹅肉、猪肺、猪胰、冬瓜、苦瓜、茄子、鲫鱼等。</t>
  </si>
  <si>
    <t xml:space="preserve">注册完帐号怎么没有激活密码？？？ </t>
  </si>
  <si>
    <t>好想是要卖卡才能得到激活码</t>
  </si>
  <si>
    <t xml:space="preserve">梦幻中什么样的宠最好！分别说出法宠跟攻宠的一种！ </t>
  </si>
  <si>
    <t>其实现在最好的 应该是自己养的好的宝宝才是最强的  宝宝就可以分攻的和法的2种带啊 也就不用分了~看你如什么门派而已</t>
  </si>
  <si>
    <t xml:space="preserve">磁力泵和离心泵有什么区别 </t>
  </si>
  <si>
    <t xml:space="preserve">要知道两种泵的不同，就要知道他们的工作原理。磁力泵的工作原理： 磁力泵由泵、磁力传动器、电动机三部分组成。关键部件磁力传动器由外磁转子、内磁转子及不导磁的隔离套组成。当电动机带动外磁转子旋转时，磁场能穿透空气隙和非磁性物质，带动与叶轮相连的内磁转子作同步旋转，实现动力的无接触传递，将动密封转化为静密封。由于泵轴、内磁转子被泵体、隔离套完全封闭，从而彻底解决了“跑、冒、滴、漏”问题，消除了炼油化工行业易燃、易爆、有毒、有害介质通过泵密封泄漏的安全隐患，有力地保证了职工的身心健康和安全生产。离心泵是靠电动机将泵体内的工作叶轮，高速度旋转。液体在叶轮的离心力作用，吸入并派出泵体外。泵的进出口均采用铸钢体加固，以增强了泵的耐压性。实际使用显示，该泵具有耐腐、耐磨、耐高温、不老化、机械强度高、运转平稳、结构先进合理、密封性能严格可靠、拆卸检修方便、使用寿命长等优点。适用温度：-50℃~150℃。  </t>
  </si>
  <si>
    <t xml:space="preserve">我的老婆性欲很强怎么办啊晚上我都怕和老婆睡在一起，只要睡在一张床 </t>
  </si>
  <si>
    <t>呵呵！王子：想听我的意见为什么不悬赏100分呢？太小气了吧！我今天一整天都会为你有这样一个多情的，又很爱你的老婆感到自豪！好羡慕你哦！还是我们前任朱总理说得好，我将“鞠躬尽瘁，死而后已”去为人民工作，你只要拿出这种精神去上床做爱，就什么都不怕啦！振作精神，不要给我们男人丢脸，去迎接那不是残酷的震撼吧！</t>
  </si>
  <si>
    <t xml:space="preserve">怎样编队？ </t>
  </si>
  <si>
    <t>1编队：选中你要编进一队的单位，按住ctrl+数字键。2加入编队：选中你要加入编队的单位，按住shift+数字键3退编：选中你的编队，按住shift，用鼠标左键单击要退编的单位后，在按ctrl+数字键。</t>
  </si>
  <si>
    <t xml:space="preserve">光子嫩肤能祛除黄褐斑吗？生完小孩后,不知道怎么回事,脸上的斑斑越 </t>
  </si>
  <si>
    <t>海峡整形“360王者祛斑”祛斑美肤，是依据东南地区百万例女性综合肤质调查报告及海峡引进的数十台国际尖端美肤治疗设备的临床应用数据，由海峡整形美肤专家团队自主研发的一项祛除女性黄褐斑的美肤方案。　　女性黄褐斑多为内分泌失衡、气血不畅、紫外线、劣质化妆品等所致。针对这一病理性变化，“360王者祛斑”综合了激光360°美肤、宝石祛斑及祛斑王三项传统祛斑优势，能够迅速找出斑源、确定斑性、对肤层沉着色素进行分解及刺激肌肤的新陈代谢，抑制皮肤黑色素细胞生成，改善毛细血管的通透性；同时采用内调外治的治疗方式，辅以^??物治疗，以调节体内内分泌平衡，舒肝气、化血淤，排毒素彻底消除色斑的形成根源。治疗+修复，疗程式彻底解决黄褐斑问题。</t>
  </si>
  <si>
    <t xml:space="preserve">关于下载的问题我是个新手，我在下游戏时经常会看件‘ISO’和‘R </t>
  </si>
  <si>
    <t>ISO是光盘的镜像文件，RAR是最常见的压缩格式，网上的ROM常被打包进RAR文件中。相对而言，RAR格式更方便添加病毒或者木马。防范措施除了安装杀毒软件和专门的防木马软件外，就是在系统设置里不要隐藏文件扩展名，稍微安全些。</t>
  </si>
  <si>
    <t xml:space="preserve">企业所得税预缴的时候有个财务报表需要填。里面有本期金额和上期金额? </t>
  </si>
  <si>
    <t>中华人民共和国所得税月(季)度预缴纳税申报表(A类)填报说明一、本表适用于实行查账征收方式申报企业所得税的居民纳税人及在中国境内设立机构的非居民纳税人在月（季）度预缴企业所得税时使用。二、本表表头项目：1、“税款所属期间”：纳税人填写的“税款所属期间”为公历1月1日至所属月（季）度最后一日。企业年度中间开业的纳税人填写的“税款所属期间”为当月(季)开始经营之日至所属季度的最后一日，自次月(季)度起按正常情况填报。2、“纳税人识别号”：填报税务机关核发的税务登记证号码（15位）。3、“纳税人名称”：填报税务登记证中的纳税人全称。三、各列的填报1、“据实预缴”的纳税人第2行－第9行：填报“本期金额”列，数据为所属月（季）度第一日至最后一日；填报“累计金额”列，数据为纳税人所属年度1月1日至所属季度（或月份）最后一日的累计数。纳税人当期应补（退）所得税额为“累计金额”列第9行“应补（退）所得税额”的数据。2、“按照上一纳税年度应纳税所得额平均额预缴”的纳税人第11行至14行及“按照税务机关确定的其他方法预缴”的纳税人第16行：填报表内第11行至第14行、第16行“本期金额”列，数据为所属月（季）度第一日至最后一日。四、各行的填报本表结构分为两部分：1、第一部分为第1行至第16行，纳税人根据自身的预缴申报方式分别填报，包括非居民企业设立的分支机构：实行据实预缴的纳税人填报第2至9行；实行按上一年度应纳税所得额的月度或季度平均额预缴的纳税人填报第11至14行；实行经税务机关认可的其他方法预缴的纳税人填报第16行。2、第二部分为第17行至第22行，由实行汇总纳税的总机构在填报第一部分的基础上填报第18至20行；分支机构填报第20至22行。五、具体项目填报说明:1、第2行“营业收入”：填报会计制度核算的营业收入，事业单位、社会团体、民办非企业单位按其会计制度核算的收入填报。2、第3行“营业成本”：填报会计制度核算的营业成本，事业单位、社会团体、民办非企业单位按其会计制度核算的成本（费用）填报。3、第4行“利润总额”：填报会计制度核算的利润总额，其中包括从事房地产开发企业可以在本行填写按本期取得预售收入计算出的预计利润等。事业单位、社会团体、民办非企业单位比照填报。4、第5行“税率（25％）”：按照《企业所得税法》第四条规定的25％税率计算应纳所得税额。5、第6行“应纳所得税额”：填报计算出的当期应纳所得税额。第6行＝第4行×第5行，且第6行≥0。6、第7行“减免所得税额”：填报当期实际享受的减免所得税额，包括享受减免税优惠过渡期的税收优惠、小型微利企业优惠、高新技术企业优惠及经税务机关审批或备案的其他减免税优惠。 第7行≤第6行。7、第8行“实际已预缴的所得税额”：填报累计已预缴的企业所得税税额，“本期金额”列不填。8、第9行“应补（退）所得税额”：填报按照税法规定计算的本次应补(退)预缴所得税额。第9行=第6行-第7行-第8行，且第9行＜0时，填0， “本期金额”列不填。9、第11行“上一纳税年度应纳税所得额”:填报上一纳税年度申报的应纳税所得额。本行不包括纳税人的境外所得。10、第12行“本月（季）应纳所得税所得额”：填报纳税人依据上一纳税年度申报的应纳税所得额计算的当期应纳税所得额。按季预缴企业：第12行=第11行×1/4按月预缴企业：第12行=第11行×1/1211、第13行“税率（25％）”：按照《企业所得税法》第四条规定的25％税率计算应纳所得税额。12、第14行“本月（季）应纳所得税额”：填报计算的本月（季）应纳所得税额。第14行=第12行×第13行13、第16行“本月（季）确定预缴的所得税额”：填报依据税务机关认定的应纳税所得额计算出的本月（季）应缴纳所得税额。14、第18行“总机构应分摊的所得税额”：填报汇总纳税总机构以本表第一部分（第1－16行）本月或本季预缴所得税额为基数，按总机构应分摊的预缴比例计算出的本期预缴所得税额。(1)据实预缴的汇总纳税企业总机构：第9行×总机构应分摊的预缴比例25%(2)按上一纳税年度应纳税所得额的月度或季度平均额预缴的汇总纳税企业总机构：             第14行×总机构应分摊的预缴比例25%（3）经税务机关认可的其他方法预缴的汇总纳税企业总机构：第16行×总机构应分摊的预缴比例25%15、第19行“中央财政集中分配税款的所得税额”：填报汇总纳税总机构以本表第一部分（第1－16行）本月或本季预缴所得税额为基数，按中央财政集中分配税款的预缴比例计算出的本期预缴所得税额。(1)据实预缴的汇总纳税企业总机构：第9行×中央财政集中分配税款的预缴比例25%(2)按上一纳税年度应纳税所得额的月度或季度平均额预缴的汇总纳税企业总机构：        第14行×中央财政集中分配税款的预缴比例25%（3）经税务机关认可的其他方法预缴的汇总纳税企业总机构：第16行×中央财政集中分配税款的预缴比例25%16、第20行“分支机构分摊的所得税额”：填报汇总纳税总机构以本表第一部分（第1－16行）本月或本季预缴所得税额为基数，按分支机构分摊的预缴比例计算出的本期预缴所得税额。(1)据实预缴的汇总纳税企业总机构：第9行×分支机构分摊的预缴比例50%(2)按上一纳税年度应纳税所得额的月度或季度平均额预缴的汇总纳税企业总机构：           第14行×分支机构分摊的预缴比例50%（3）经税务机关认可的其他方法预缴的汇总纳税企业总机构：第16行×分支机构分摊的预缴比例50%(分支机构本行填报总机构申报的第20行“分支机构分摊的所得税额”)17、第21行“分配比例”：填报汇总纳税分支机构依据《汇总纳税企业所得税分配表》中确定的分配比例。18、第22行“分配的所得税额”：填报汇总纳税分支机构依据当期总机构申报表中第20行“分支机构分摊的所得税额”×本表第21行“分配比例”的数额。</t>
  </si>
  <si>
    <t xml:space="preserve">哪种心理疾病会‘害怕去想未来’？一想未来就心慌。 </t>
  </si>
  <si>
    <t>你一定以前经历过挫折，或听别人说反面事情太多了，而自己生活并不如自己想象的好，可能与周围环境，自己心理有关。多交流，多倾听.毕竟人终究是要面对现实的.</t>
  </si>
  <si>
    <t xml:space="preserve">FR改装问题我装了EX1马力套件，然后0.25轮胎，车身该用啥呢 </t>
  </si>
  <si>
    <t>你只能装105了 EX1 2的装不了TP不够</t>
  </si>
  <si>
    <t xml:space="preserve">军机识别1110（限新手）窥一斑而知全豹，请答出机型。期待更多新 </t>
  </si>
  <si>
    <t>好吧，只知道起落架向前收起，立柱式起落架，还被该死的涂装误导。最终无耻动用百度google了很久，才确定这是一架米格29继续无耻百度，确认这是匈牙利空军的米格29B，入北约后米格29B欧美化的涂装怨念啊</t>
  </si>
  <si>
    <t xml:space="preserve">一个盒子里装有黑白两种棋子,黑子占总数的3/5 </t>
  </si>
  <si>
    <t>原来盒子中有168白252黑，现在共有168＋252＋12颗棋子</t>
  </si>
  <si>
    <t xml:space="preserve">决明子含雌激素吗每天用水泡决明子当茶喝，因为本有有乳腺增生病，不 </t>
  </si>
  <si>
    <t>当然没有了。是纯中药的，没有激素。但我听说败火的东西就会败性，还是不要喝得太多。</t>
  </si>
  <si>
    <t xml:space="preserve">新手提问神泣游戏中哪种职业适合单刷.有怎么加点呢谢谢 </t>
  </si>
  <si>
    <t>ck 或者战士吧！</t>
  </si>
  <si>
    <t xml:space="preserve">大家觉的&lt;幸福终点站&gt;这部电影怎么样 </t>
  </si>
  <si>
    <t>如果这部电影不是老斯导演和汉克斯主演的话我会对它感到惊喜但是对于这样的组合发挥只能是中等没有给你太大的惊喜也没有让你失望但是纠正一点错误这部电影对于喜剧片来说投资已经很大了那个侯机室可是专门建的</t>
  </si>
  <si>
    <t xml:space="preserve">基金赎回怎么查钱啊?我的基金赎回了,但是我的帐户余额还是没有收到 </t>
  </si>
  <si>
    <t>货币基金2天股票基金5天QDII基金10天你赎的是什么基金？那一天赎回的？可以自己对照一下。</t>
  </si>
  <si>
    <t xml:space="preserve">这句话是谁说的?钱不是万能的,没钱却万万不能! </t>
  </si>
  <si>
    <t>这不属于名言名句，所以应该找不到出处。应属于生活经验之谈吧。呵呵</t>
  </si>
  <si>
    <t xml:space="preserve">新宠的问题新开的什么花在哪里捉？详细点 </t>
  </si>
  <si>
    <t>5月18日开放岩石?　　　布拉基姆高地(148.138)黃金?骨　　布拉基姆高地(236.224) 銀獅　　　　布拉基姆高地(168.116)走路花妖　　布拉基姆高地(165.243)?行?　　　法蘭城遺跡全域</t>
  </si>
  <si>
    <t xml:space="preserve">圆脸女孩如何化妆我脸有点圆五观长的到还行就是不知道怎么化妆能更漂 </t>
  </si>
  <si>
    <t xml:space="preserve">1、首先选择一种与肤色最为接近的粉底，把脸部的瑕疵完全地遮盖，但粉底打的不要过厚，整体的轮廓无需加以修饰。定妆粉一定要充分涂抹在整个脸部，脸上不能有油光感。      2、眉毛顺着自然的眉型修整，然后用眼影粉清晰地描绘出来。   3、圆脸形的人看起来比实际年龄显小，在眼部时一般使用黄色、绿色、粉色、蓝色等眼影浅淡晕染，会更加突出这一优点。   4、用眼线笔在睫毛根部空隙的部位细细的描化眼线，然后用刷子涂上黑色眼影，显出自然的效果。   5、腮部化妆要凸显其可爱的感觉，使用略红颜色的腮红从耳根部一直涂抹到腮部内侧。   6、唇部先用比口红颜色略深的唇线笔把唇形明显勾勒出来，之后再用口红或唇彩从外往里涂满唇部。   整体化妆结束后，用大刷醮取亮色干粉和银色珠光粉调合在一起，轻轻地扫在整个脸部。   成熟妆型：   1、脸形：为了掩饰圆脸形显小的缺点，化妆时着重修饰轮廓，使整体脸形看起来接近鹅蛋型。脸部给阴影时应斜线形涂抹，鼻侧同样使用阴影色，用深色粉底霜来表现。提亮的范围略窄些，以免脸部产生扩张的感觉。   2、眉毛：选择曲线较强或略带棱角的眉型，眉毛要描化得略细且高。根据眼影的颜色，在眉尾处使用深绿色眼影将眉型清晰描绘出来。   3、眼影：从浅绿至深绿分3个层次，表现稍暗些，使眼睛看起来长而且深陷。眼影水平晕染，会使眼睛看起来更长，眼窝处使用黑色眼影粉晕染，略深些，使眼睛更加有魅力。   4、眼线：使用眼线笔描绘眼线，眼线比眼睛略长些，再用眼影粉向外晕染，然后用水溶眼影将眼线描宽，下眼睑处同样使用黑色眼线笔和眼影。   5、睫毛：可使用假睫毛，使整体睫毛显得长且浓密，使眼尾看起来较长，增加成熟的韵味。   6、腮红：从耳部向嘴角方向斜线形涂抹，使脸形看起来接近于鹅蛋形，更有成熟感。   7、嘴唇：先细细描绘唇线，使嘴角微向上，然后在唇线内侧涂抹浅珠光杏色唇膏。太亮的唇色会使人更显小，故不应使用唇彩。   8、发型：梳高且干净利落的发型，可强调颈部曲线，且更加强调成熟感。 </t>
  </si>
  <si>
    <t xml:space="preserve">三角函数1设函数f(x)=sin2x，若f(x+t)是偶函数，则 </t>
  </si>
  <si>
    <t>sin x是奇函数，cos x是偶函数t=±π/4时，f(x)变成cos就是偶函数了</t>
  </si>
  <si>
    <t xml:space="preserve">古代没有肥皂，古人用什么洗澡呢？肥皂是近代才出现的，那么古代呢？ </t>
  </si>
  <si>
    <t xml:space="preserve">古代有胰子 胰子是采用牛、猪、羊的胰脏、油脂捣碎加入皂角、石碱、冰糖等磨细，再用面粉加水熬制。是一种土制肥皂。这种皂皂体发暗，不芳香，但除垢去油最利，而且有嫩面润肤作用。 </t>
  </si>
  <si>
    <t xml:space="preserve">大家认为中国今天能赢吗???抛开爱国热情,站在实力的角度,正确分 </t>
  </si>
  <si>
    <t xml:space="preserve">恭喜所有中奖的朋友~~~~~~~~ </t>
  </si>
  <si>
    <t xml:space="preserve">氨气溶于水是什么?氨水还是硝酸?还有啊,硝酸的酸酐是什么啊&amp;gt? </t>
  </si>
  <si>
    <t>氨气溶于水是俗称氨水化学名一水和氨NH3+H2O=NH3.H2O硝酸的酸酐是N2O5(五氧化二氮)</t>
  </si>
  <si>
    <t xml:space="preserve">我要提问怎么在转弯时喷2下怎样连喷5下把按键步骤说一下 </t>
  </si>
  <si>
    <t xml:space="preserve">一、漂移小喷 大角度漂移会造成车身偏斜 即两个轮子着地两个轮子悬空 在悬空的两个轮子落地时按↑就可以做短暂的加速了 注意角度太小的漂移不能做出小喷 其实上面说的只是理论 更实用的方法可以漂移后痕迹消失时按↑ 或者漂移结束后0.4秒按↑ 找好时间 要多多练习 练习手感 二、调回车头 漂移结束后可能会朝漂移方向转弯太狠 打个比方就是你要向右转90度 可是你转了110度 撞到了右墙上 这时就要按和漂移方向相反的方向键 就能调回车头 调回车头的作用还有2个： 1.迅速结束漂移 避免出现滑移的现象 这样会比较干脆点 2.为漂移后的小喷作准备 这样会好用点 三、按shift时间 一些小弯按shift的时间大家都很好掌握了 但是有人在转发卡弯（180度弯）时 按shift的时间还是那么短 以至于L3里的漂移关卡过不去 在转发卡弯时 按shift时间大约是1.3秒 直到漂到195度左右再松 这时马上把车头调回来 这个弯就顺利过去了 注意在转发卡弯时 一定要找准漂移位置 找不好可能造成撞上墙 或是绕了大弯 就比对手落后了 如果你练不好转发卡弯 可以让高手先把你的L3考试过了 然后你专门练习漂移的两项考试 不要钱了 四、滑移现象 就是不能控制好漂移的时间 配合不好 造成了漂移时间过长 一般都会撞墙 这次漂移就白漂了 1.要养成漂移后调回车头的好习惯 能有效避免滑移 2.在漂移结束后 手指如果乱动 不小心碰了不该碰的键 有可能出现滑移 所以多多练习漂移是很关键的 五、最佳化漂移 赛车类游戏 速度快的唯一方法就是贴内道 也就是说 走最短的路线抓地走是最快的 但是跑跑卡丁车的重点是漂移 大家知道 其实漂移是要刹车的 也就是说要减速 但是同时 会增加能量 增加的能量可以加速 所以这样一来一去 只要把减速降低到最少 能量增加到最多 同时贴内道 就是最快的方法了 而这些要用许多种技术来达到以上目的 断位 连喷…… 而这些技术的根本和基础 在最佳化漂移上 所谓最佳化漂移 理论就是漂移痕迹不重合 这样的漂移近似抓地 这种漂移是所有漂移方法中减速最少的方法 一般的高级弯道都比较窄 如果你连喷甚至普通漂移距离可能都不够 比如说你向右漂 但是道路太窄 因而撞到了左边 这时需要练习最佳化漂移 因为这个最佳化漂移的步骤必须非常短 小喷与漂移的间隔时间越少越好 最佳化漂移就是先转车头 再漂移 也就是说先按方向键 再按shift 漂移后马上点相反的方向键调回车头 然后马上小喷 越快越好 初次使用这个技术时 可能有点不适应 但是必须养好用最佳化漂移的习惯 以后才能好好学习更高的技术 下面演示综合上面所说的所有漂移基础技术的新手完美向右漂移 1.↑+→===================（最佳化漂移要先转弯） 2.↑+→+shift=============（漂移） ===放开→和shift 3.↑+←===================（迅速调回车头） ===放开↑和← 4.↑======================（尽快漂移小喷） 记住：以后所有的漂移都要用最佳化漂移 六、各种漂移方法 1.短漂 方法是轻轻点一下shift+方向键 按完了迅速松开shift并按与漂移方向相反的方向键 因为高手的短漂 漂移结束时的车走向和未漂移时车走向是平行的 所以必须要有调回车头这一步 但是如果是你用短漂来转弯当然可以没有这一步 如果你的N2O就差一点满 做这个就需要这一步 N2O满了 就可以加速了 另外说一句 高手的短漂时间都很短 因为赛道通常没有足够的地方容你短漂 所以这个技术看似简单 要想做好还需要下功夫 2.断位漂 在漂移的时候 是要及时地调回车头的 如果因为车速太快、跑道太窄或者其他原因不能及时地调回车头 可以使用断位漂 断位漂就是你在漂移结束后不能及时地调回车头 而用向另外一个方向漂移的方法来代替调回车头的动作的漂移 完整向右断位漂的方法： 1.↑+→+shift===========向右漂移 ===放开→和shift（也可不放shift） 2.↑+←+shift===========不能及时地调回车头 向左漂移代替调回车头 ===放开所有的键 3.↑====================漂移小喷 向左做断位漂只要把左右的方向键调换一下就行 如果第1步结束不放开shift键 可能会出现无法很快操控的情况 请大家把两种方法都练习一下 选择自己最熟练的方法 七、漂喷技术 由于双喷和连喷类别的知识很多 很难 也很复杂 特别列为一类 本人尽量以简洁语言介绍 希望大家理解 这是跑跑顶级技术 所以在这里郑重说明 有许多新手很崇拜那些高水平漂移 所以很多都盲目地练习连喷 新手练习连喷 最重要的是把前面讲的调回车头、漂移小喷等基础知识掌握得很牢固 尤其是最佳化漂移 在连喷中起到很重要的作用 如果你不会最佳化漂移就学习连喷 就不可能真正达到提高自己成绩的作用 掌握了这些 新手也不是不可以练习连喷 在讲之前把连喷的练习方法讲讲 很多高手已经在论坛里发了许多帖子练习连喷 大多是注重指法精确练习 都讲得很有水平 在此不再赘述 但是练习连喷 最先应该先把连喷的原理弄明白 这个非常重要！！！许多人总是练也练不会 就是因为没有把原理渗透 看完上面后 可以正式学习连喷了 双喷分为普通双喷和link双喷 连喷分为连漂（普通连喷）和连喷（双喷式连喷） 建议学习顺序：连漂 普通双喷 连喷 link双喷 首先讲连漂（又称普通连喷） 相信很多朋友已经会了 理论就是漂移 结束后再漂移 动作快点 像连起来的 这个是基础 要练习一下 不过这个技术以后一般不用 主要为连喷打基础 向右连漂示范指法： 1.↑+→+shift================第一次漂移 ===放开→和shift 2.↑+←======================调回车头 ===放开↑和← 3.↑+→+shift================第一次漂移的小喷和第二次漂移同时进行 ===放开→和shift 4.↑+←======================调回车头 ===放开↑和← 以后重复3、4步就形成连漂 掌握后 可以学习普通双喷 我们知道 好的漂移分为进行漂移 调回车头 漂移小喷等步骤 普通双喷的理论见下 1.进行第一次漂移 2.第一次漂移调回车头 3.进行第二次漂移（这里暂时不要进行第一次漂移的小喷） 4.第一次漂移小喷（这个时候进行） 5.第二次漂移调回车头 6.第二次漂移小喷 向右的普通双喷示范指法： 1.↑+→+shift===================第一次向右漂移 ===放开→和shift 2.↑+←=========================第一次漂移的调回车头 ===放开↑和← 3.→+shift======================第二次向右漂移 ===放开→和shift 4.↑============================第一次漂移的小喷 ===放开↑ 5.←============================第二次漂移的调回车头 ===放开← 6.↑============================第二次漂移的小喷 这里注意:是感觉到第一次漂移的小喷时间快到了做3、4、5步骤 =========3、4、5步是隔0.2秒左右按一下 还需要注意以下 新手不必看了 就是第2步↑最好不要松开 否则车头不好掌握 除非速度过快可以松开一点 普通双喷练完了 就可以练习连喷（又称双喷式连喷或韩服式连喷）了 连喷的理论和双喷一样 重复理论中3、4、5步骤即成连喷 理论中6步骤总是最后使用的 连喷的指法和双喷差不多 先做双喷的1、2步 然后重复做3、4、5步骤 最后做6步 不多说了 如果连喷对指法不懂 可以从这里看连喷指法录象:  下面讲双喷的优化：link双喷 link双喷是一种基于上面讲的漂喷技术建立起来的 也是最难的 希望大家练习这个的时候很有耐心！！ link在英文中是连续的意思 link向右双喷的指法示范如下： 1.↑+→+shift===================第一次向右漂移 ===放开→和shift 2.↑+←=========================第一次漂移的调回车头 ===放开↑和← 3.→+shift======================第二次向右漂移 ===放开→和shift 4.←============================第二次漂移的调回车头 ===放开← 5.↑============================第一次漂移的小喷 ===放开↑ 6.↑============================第二次漂移的小喷 大家可以和上面的普通双喷比较一下 不同点就是4、5步调换了一下位置 由于link双喷最后是两次漂移小喷连在一起 有些不懂link双喷的新手会误解它 认为是一次漂移 两次喷火 还有些新手看不懂link 以为只是普通连喷 因为他的两次喷火间隔时间太短 误认为是一次 这就是我们练习目标：喷火间隔尽量短 link双喷的好处在：2次连续喷火显得更有效率 有些人认为link双喷按↑的时间短 好象比普通双喷慢 其实不是 普通双喷在第一次喷火时 还会拖着漂移 而link双喷第一次加速时车身已经平衡 就是说漂移已经完成了 就是两次单独的小喷射 所以link双喷更快 当然 这只是对于高手来说 仅仅0.1秒也有可能成为胜负关键 </t>
  </si>
  <si>
    <t xml:space="preserve">一个人物可以带几只小精灵就是指小精灵每个人可以带几个？因为它很勤 </t>
  </si>
  <si>
    <t>小头学的技能现在还没出,考拉在宠物蛋商人卖的(2W/个)(就是跟屠夫的儿子那一栏找宠物蛋商人</t>
  </si>
  <si>
    <t xml:space="preserve">001大师也被封了！太好了接下来不知道是什么马甲出来了 </t>
  </si>
  <si>
    <t>野火烧不尽，骗子满地生。</t>
  </si>
  <si>
    <t xml:space="preserve">601866中海集运9元的成本好多年来咋办呢！！！ </t>
  </si>
  <si>
    <t>起诉公司欺诈，高价欺诈！</t>
  </si>
  <si>
    <t xml:space="preserve">职务侵占1.55万会怎样判，在检察院有可能消案吗？ </t>
  </si>
  <si>
    <t>职务侵占的起刑要数额较大,起点一般是5000-10000,1.55万已经入罪了,5年以下或者拘役.检察院一般不出现刑诉15条内容是不回销案的.</t>
  </si>
  <si>
    <t xml:space="preserve">关于水水的问题秋天该用哪款水比较好呢？柔肤水和爽肤水很大区别吗？ </t>
  </si>
  <si>
    <t>爱茉莉的水不错，很大的一瓶，比妮维雅的效果好，价格也不贵~</t>
  </si>
  <si>
    <t xml:space="preserve">水彩笔的英文是什么?请问"水彩笔"的英文是什么?谢谢 </t>
  </si>
  <si>
    <t>colour pen</t>
  </si>
  <si>
    <t xml:space="preserve">梅布尔隘地在哪?说下怎么去 </t>
  </si>
  <si>
    <t>看图</t>
  </si>
  <si>
    <t xml:space="preserve">有谁嫩够告诉我刘亦菲到底漂亮在哪里？为什么有那么多人喜欢她？你们 </t>
  </si>
  <si>
    <t>惊叹于造物主的鬼斧神工，竟孕育了如此的玉人儿，我认为中国文化里最经典的古典美人就是刘亦菲的样子。</t>
  </si>
  <si>
    <t xml:space="preserve">不能提现你好我3天前在5173买游戏B因为卖家原因取消交易了，在 </t>
  </si>
  <si>
    <t xml:space="preserve">尊敬的客户:   您好！5173客户服务001很高兴为您服务！爱问只属于咨询的地方，如您的问题涉及到投诉或者是需要查询处理的问题：请您登陆5173用户名,进入我的5173，选择左边任务栏中的"我的咨询投诉"，在线提交您的问题，工作人员在1个工作日内为您处理在线答复您，您可以在"咨询投诉管理"中查看回复结果，并对我们的服务进行评价。感谢您对5173的支持!!!                                                                       </t>
  </si>
  <si>
    <t xml:space="preserve">为什么显示器开机就会有吱吱的声音？ </t>
  </si>
  <si>
    <t xml:space="preserve">轻微的吱吱声是正常的,电源,行变压器都可能发出振荡声,不过你既然打开了后盖,你就用刷子清除一下灰尘吧,呵呵,有时清除旧显示器里的灰尘有意想不到的效果哟   显示器产生刺耳声音的部位主要有以下几个地方：1、高压嘴打火。（扣在显像管上橡皮碗下）这个地方的电压极高，有上万伏。对绝缘要求较高，通常是潮湿、高压嘴老化引起。处理：用酒精清洗、吹干，涂上绝缘硅脂；换高压嘴。（注意有高压，危险，要老手才能操作）。2、聚焦线放电。有些显像管的聚焦线绝缘性较差，遇上潮湿环境，容易和靠近的金属打火。但这时，会产生图像模糊现象。处理：清洗，用电吹风吹干。3、电源部分滤波电容接触不良（仔细看可看到电容周围有一圈细小的裂纹）、失容，造成电源波纹大，产生一些难听的声音。处理：补焊、换电容。 </t>
  </si>
  <si>
    <t xml:space="preserve">有谁能给我一个天堂的新手卡~~！谢谢！！急用~！！！十万火急！！? </t>
  </si>
  <si>
    <t>到TAOBAO上去买吧~~5角一张</t>
  </si>
  <si>
    <t xml:space="preserve">物理分析假设体积相同的小球在空中下落时，受到的空气阻力与其运动的 </t>
  </si>
  <si>
    <t>匀速下落时重力大的球在下边，重力小的球在上面，线被拉直。它们速度大小相同，则所受的空气阻力一样大，设为f，线的拉力设为F。分别分析两个小球的受力情况，再根据3力平衡列出方程如下：对小球：f=F+2对大球：F+f=3解得F=0.5N.</t>
  </si>
  <si>
    <t xml:space="preserve">关于扩大仓库钱庄掌柜任务里的包裹和仓库扩充石在哪可以找到?谢谢 </t>
  </si>
  <si>
    <t>乾坤袋  就是在右上角那个地图的下方可以看到！里面的东西要用黄金才能买的，黄金是用钱去充值的记得好象是10金吧</t>
  </si>
  <si>
    <t xml:space="preserve">中国经济似乎在快速增长和低通货膨胀中完全实现了软著陆？ </t>
  </si>
  <si>
    <t>是的 中国经济似乎在快速增长和低通货膨胀中完全实现了软著陆</t>
  </si>
  <si>
    <t xml:space="preserve">如何翻译下面几句话TheregoesJanewholikessp </t>
  </si>
  <si>
    <t>有一个名叫珍的女孩喜欢运动衫，她在运动俱乐部，健康才是她的关心所在。It's for health she does care应该是一个强调句型，It's...that,省略了that, 正常句子应是：It's for health that she does care. 如果不是强调的话,句子应该是: She does care for health or She cares for health.</t>
  </si>
  <si>
    <t xml:space="preserve">我是一名农民工，打算年后学个技术将来自己创业，不知道学什么好点呢 </t>
  </si>
  <si>
    <t>你可以考虑去学厨师，高薪就业而且永不失业，最主要的是对于自己将来创业都是有很大帮助的，你可以到陕西新东方烹饪学校去看看，口碑还错的一个培训学校。</t>
  </si>
  <si>
    <t xml:space="preserve">副将忍耐力是什么？是加刚体？还是防御能力？ </t>
  </si>
  <si>
    <t>那是副将指南 能帮副将提高防御力</t>
  </si>
  <si>
    <t>在排卵期射精那精子什么时候才能与卵子真正结合？如果是1</t>
  </si>
  <si>
    <t>1.卵子从卵巢排出后,可存活1--2天(最多也就是3--4天).但受精能力多在排卵后的24小时之内.精子在女子生殖道活时间较长,但如果超过2--3天也就失去与卵子结合的能力.  所以,在排卵期内射精,精子与卵子并不是立即就结合的.精子从阴道游动到输卵管需要十多个小时(精子游动速度平均为20--50微米/秒).卵子从卵巢排出就到输卵管等待精子的到来.输卵管既是精子的通路,又是精子和卵子相结合的场所.两者相结合就形成受精卵.受精卵借助输卵管的蠕动,被运送到子宫腔里着床,在那里发育成长,大约280天就可产出体外.2.了解了受精卵的形成过程,回答你的问题就容易了.  紧急避孕药(如毓婷),要求在做爱后的72小时之内吃一片,过了12小时再吃一片.只要按时按量服用,就可达到这次做爱不会怀孕的目的.  由此可见,紧急避孕药不会吃了也是白吃的.肯定是有效的!!!3.在此需要指出,紧急避孕药是不得以而为之的避孕药物,不是常规的避孕药,偶尔服用是可以的.但千万不要做爱一次就服用一次,那样将使她的月经周期严重紊乱,对她的日常生活带来诸多不便.若需调整到正常要花费好几个月呢!4.祝福你心情舒畅!!</t>
  </si>
  <si>
    <t xml:space="preserve">100分向资深人士求宠物十二星相后的资质总和！如题，求12、13 </t>
  </si>
  <si>
    <t xml:space="preserve">18星熊和炼宠经验 　　看过18星等的老鼠 也见过18星等的石头人 还有18星等的猪 就是没见过18星等的熊 于是我就自己来炼了 　　首先我要说的是如果你不是rmb玩家 那么基本可以不用看下面的炼18星等的经验了 因为炼一个18星等宠物的成本是1500rmb左右 而且前提还要是你有大量时间去收仙豆和炼宝宝 　　如果你不是rmb玩家 但是又想宝宝威力强一点 炫一点 那我建议你可以去升到12星等 下面我先说下12星等的升法 因为升12星等不需要太多的仙豆 200仙豆足够 所以大家还是能接受的吧 　　12星等的宠物 其实也分2种 一种是伪12星等 另外一种是真12星等 　　一个伪和一个真的差别就在于升的资质的方向和所需仙豆的总量 　　宠物升星和炼法宝不同 他不是随机升星 而是一个资质总值到达一定数值的一个飞跃 　　血炼法宝靠的是灵媒的多少 多血炼几次自然就成仙品，神品 　　但是宠物靠的不是炼宠的次数 而是资质的总和 　　比如升13星所需的资质是17127 那么只要你气血，精力，最大，最小攻击，防御，闪躲，命中，所有抗性的总和资质超过17127 那么你的宠物就到13星了 　　而所谓的伪12星等就是因为这个资质的总和主要是靠了抗性，命中，闪躲等这些不是很有用的资质 因为换抗性豆子所需豆子比较少的缘故 很多人都喜欢换抗性豆子去炼 而这样炼出的宠物就是伪12星等 想炼18星等的人 我不建议这样去炼 这种炼法只适合想宠物到12星 而不要求宠物有多大作用的人 换句话说 只是为了好看 　　伪12星等所需的豆子（160颗足够） 　　主攻资质：闪躲，命中，所有抗性 　　辅助资质：最大，最小攻击，气血，真气，防御 　　推荐玉石：上品玉石 　　总平均成功率：百分之70左右 　　再说真12星等之前我先说下为什么用上品玉石而不是用凡品玉石的原因 大家都知道凡品玉石只需要1颗仙豆就能换到 而上品需要5颗 很多攻略上 都推荐大家用凡品玉石去炼8星等以下的宠物 但是我认为 这个不是很正确 首先8星等之前的成功率很高 几乎是百分之80到90 那么凡品玉石一次成功只是涨20点资质 而上品玉石是涨100点资质 无论是速度还是效率 都是上品玉石来的更快 升星的更快 　　真12星等所需的豆子 （320左右） 　　主攻资质：最大，最小攻击，防御，气血，精力 　　辅助资质：命中，闪躲，所有抗性 　　推荐玉石：俗品和上品 　　总平均成功率：百分之70左右 　　真12星等我个人认为 无论是从炫宝宝 还是从挂机打怪 还是为了以后升18星等 都是非常好的选择 因为攻击更高 防御更高 实用性更强 建议有点钱的玩家可以向真12星等发展 　　下面说如何升18星等 　　想升18星等的玩家 我相信都是有钱的玩家 也就是rmb玩家 所以前12星等 一定要是真12星等 为什么呢 说白了 为了省钱 省大钱 　　我先把12到18星等的成功率解说一下 然后再来解释真12星等升18星等省钱的原因 　　12至15星等 成功率百分之60左右 　　16至18星等 成功率百分之10或者更低 总之是让你发疯的一个失败率 　　有时候30个玉石才成功一次 　　其实我觉得也是一个陷阱 16星等前都是一帆风顺 但是一过16星等 失败率就能让你跳楼 　　这就是完美抓住你 已经升到16星等了 就差2个星等 谁都会忍不住再升下去 无论是不是一个令人发疯的失败率 都会让你不停的投钱 　　而就是这发疯的失败率 让真12星等的宠物在后期升星中省出大量仙豆 　　原因就是在12星等之前 你已经把攻击以及防御等炼到一个很高的数值 接近上限 　　而12星等前的成功率又非常的高 这样你就能在16星等那个发疯失败率开始的时候 去换抗性的玉石而不必 或者少换加攻击和防御的玉石 大家都知道 抗性和命中 闪躲玉石所需的仙豆只是攻击，防御玉石的一半 在16星等高失败率开始的时候 只要专心炼抗性这种省钱的方面而不用去烦恼攻击没加上来 这不是很好的一件事吗 好了 我把12到18星所需资质总值和所需仙豆的数值总结下 让你更加清楚的明白真12星等后期的省钱 　　13星 14星 15星 16星 17星 18星 　　17127 18747 20907 23786 27493 33506 　　130豆 130豆 140豆 300豆 500豆 1000豆 　　大家可以看到16到17星的仙豆需求量开始大量增加 这就是高失败率的体现 而如果你在15星等前把攻击 防御 气血 真气等这种耗费较多仙豆的资质加到接近上线 16至18星等的时候那你就只需要去换抗性玉石来炼抗性 命中 闪躲等所需较少仙豆的资质了 　　从而完成16至18星等的发疯的高失败率 炼宠之路 　　而16星等前的高成功率也就意味着你能更简单耗费更少 更快的提高攻击和防御等主要的玩家想要的资质 比起15星等前10下成功6次的成功率 和 16星等后 几乎20次成功一次的成功率比 你更喜欢用哪个成功率来加攻击和防御 当然是前者 　　好了 我总结下12星到18星的经验 　　12至16星 　　主攻资质：最大，最小攻击，防御，气血，精力 　　辅助资质：命中，闪躲，所有抗性 　　推荐玉石：俗品加上品 　　成功率百分之60左右 　　16至18星 　　主攻资质：命中，闪躲，所有抗性 　　辅助资质：最大，最小攻击，防御，气血，精力 　　成功率百分之10或者更低 要有心理准备 　　推荐玉石：俗品为主 上品为辅 　　好了 最后说几句 炼宠物的资质 不会因为快要接近上限而失败率增加 失败率增加 主要是因为星等的增加 　　用蒙汗古玉洗宠物一定要在炼宠物之前 否则炼好的宠物星等会归一 等级归一 </t>
  </si>
  <si>
    <t xml:space="preserve">放进去是干的，拿出来是湿的，却给你温热的满足感，这是什么？打一用 </t>
  </si>
  <si>
    <t>茶袋。</t>
  </si>
  <si>
    <t xml:space="preserve">怎么在副本里使用语音聊天？在副本里不知道怎么使用语音聊天啊有哪位 </t>
  </si>
  <si>
    <t>这是我第三次回答了呢～　＾＾　看看啊～语音功能要求是:当双方都开起了功能后才能听到对方说的话或是说出自己的话.  设置方法分前设置+开始游戏后在游戏里设置,方法如下:  首先游戏前设置，插好您的麦克风并且设置： 1) 在开始菜单 &gt; 控制面板 &gt; 声音、语音和音频设备中点击声音和音频设备。2) 激活声音和音频设备，选择麦克风后点击下面的“高级”(A)按钮。3) 对麦克风的高级控制器激活后, 点下方的“话筒增强”后点击关闭按钮。进入游戏后设置:系统菜单 &gt; 环境设置 &gt; 声音设置对语音聊天进行适当调整。使用注意点:1.语音聊天只有组队状态下才能进行.2.自己和队友的麦的状态都为ON时，可以互相聊天，您可以听到队友说话，其他队友也可以听到您说话。3.当自己的麦克风状态为ON，组队成员的麦克风状态为 OFF 时，其他队员可以听到您说话，但队员自己不能说话。4.当自己的麦状态为OFF ，组队成员的麦状态为ON 时，队友可以说话, 自己只听。5.当自己的麦状态为OFF ，组队成员的麦状态为OFF 时，不能进行语音聊天。不明白还可以看网站,上面有图片提示,更简单明了的啊~网址是: 同志~加油~ ^-^</t>
  </si>
  <si>
    <t xml:space="preserve">我得精神分裂了吗？我是一名高中学生，我的性格比较内向，也挺害羞的 </t>
  </si>
  <si>
    <t>小妹妹或小弟弟，我明白你的心情。看了你的问题，我想向你建议：一，马上把医生开的精神类药物停掉。       这类药物容易影响你的心理。你使用这些药物的同时，是给自己的轻微抑郁症加上了一个诱因和要素。二，从你述说的问题来看，你的病症不属于精神分裂。是典型的抑郁症。   几乎每个稍微内向的人，在青春期都曾经有过类似的经历和心理。这只是个心理问题，小问题。并不是什么很严重的精神类疾病。自己不要对此有压力，也不要背上心理包袱。很容易解决的小问题。三，在前面你提到你是高中学生。目前面临的是高考问题。你应该把全部的心思都放在高考上面。可以试着强迫自己把精力全部投入到学习中去。不要过于在乎别人的眼光和言语。因为，对于你们这样的高中生来说，考上理想的大学，才是骄傲的资本。可以每天清晨起床的时候，照着镜子对自己说：今天是新的一天，距离高考又近了一天。我今天要好好学习。把那些嘲笑我的人丢的更远。我会考上理想的学校！    记住，对于高中生来说，什么叫做荣耀？考上理想的大学才是荣耀！什么叫做面子？考上理想的大学才有面子！什么叫做英雄？考上理想的大学才是英雄！四，试着和班级里面学习好的人交朋友。经常的和他们讨论学习问题。就可以集中精力。从而达到忘记不愉快的事情的目的。也可以有效的治疗抑郁。   如果自我感觉自己无法调试，可以求助于心理医生。但是，记住最重要的一点。你没有精神病，不要去看精神病医生，也不要吃精神类药物。    心放宽，眼光放远。交正确的朋友，想学习的事情。提高自己，就是对嘲笑你的人最好的反击。最后，自己好好想想。找些笑话来看看。平时多和父母谈笑。缓解自己的精神压力。祝你好运，你会好的。我相信你！</t>
  </si>
  <si>
    <t xml:space="preserve">今天天气好么!这个问题怎样啊!^_^ </t>
  </si>
  <si>
    <t>对我来说.天气就像人的脾气一般..有好有坏. 当自己通通去爱的时候.会发现 原来藏在里面的美丽,才是真正的.</t>
  </si>
  <si>
    <t xml:space="preserve">珊瑚虫版QQ是不是不让用了？ </t>
  </si>
  <si>
    <t>没有呀,只是腾讯公司里面不乐意罢了,给你个地址,你去下载 QQ传美版的,在天空下载 这个是它的官方网站(论坛)</t>
  </si>
  <si>
    <t xml:space="preserve">很想兑到个礼品送给这几位多回答我问题朋友。但。“积分兑换礼品”即? </t>
  </si>
  <si>
    <t>应该是有积分才有机会换取礼品。楼主也兑换成功过的：）感谢关注。礼品只是鼓励用户的方式。加油哦！</t>
  </si>
  <si>
    <t xml:space="preserve">西游Q记什么门派比较好看题 </t>
  </si>
  <si>
    <t>这里没有好与坏之分，只有你的资金够不够，只要你资金够多，你就是最强大的，当然升级最快的应该是水晶宫，</t>
  </si>
  <si>
    <t xml:space="preserve">女生来啊~~~~~~帮帮我~~~~~~~~你喜欢的男生可你不能确 </t>
  </si>
  <si>
    <t>楼上的朋友教你直言表白，我觉得太直接了也不好哦，一张纸一下子就捅破多没意思，爱情讲究艺术语言、肢体语言，还要有含蓄和朦胧美。你可以多关心、多在意他，创造机会接触他，他自然会明白，他喜欢你就会接受你，不喜欢你，就会装着不明白。我怎么没这样的艳遇呢。从来都是我追女孩子，没有女孩子追过我，唉、~~~~</t>
  </si>
  <si>
    <t xml:space="preserve">啥病毒啊？Trojan.psw.lineage.ns是什么病毒啊 </t>
  </si>
  <si>
    <t xml:space="preserve">是一种特洛伊木马病毒，你可以试试木马专杀工具，比如费尔托斯特安全。 ，是共享版的，杀掉后，你可以卸载掉。或者使用KASPERSKY（卡巴斯基）试试，天天安全网上有软件下载。 </t>
  </si>
  <si>
    <t xml:space="preserve">独角仙的学名叫什么？同上 </t>
  </si>
  <si>
    <t>独角仙学名：Xylotrupes gideon Linnaeus，又称双叉犀金龟，俗称鸡母虫，属鞘翅目、金龟子总科、独角仙科或犀金龟科。广布于我国的吉林、辽宁、 河北、山东、河南、江苏、安徽、浙江、湖北、江西、湖南、福建、台湾、广东、海南、广西、四川、贵州、云南；国外有朝鲜，日本的分布记载。在林业发达、树木茂盛的地区尤为常见。食性很杂，除为害菠萝、荔枝、龙眼、柑桔、芒果、无花果等果树的果实外，还能咬食豇豆、刀豆、羊角菜等多种作物。今年5—7月该虫在我县大爆发，广大果农称其为牛屎虫，主要是成虫为害桃、李、脐橙果实，其利爪使果实表皮造成伤痕，利用口器吸食果汁，初期呈水渍状失绿斑点，后变深褐色，严重影响果实生长及果实商品率。形态特征：成虫：体长30-47毫米，近卵圆形，红褐至黑褐色，有光泽。成虫头部额顶有一粗大角状突起物，向上翘，向后弯，末端分叉。前胸背板大，自前缘向中部形成一大凹区，四周较高，凹区后缘中部具两个向前凸出物。小盾片近半圆形，鞘翅长有密布不规则的粗刻点。头雌虫体型略小，头胸上均无角突，但头面中央隆起，横列小突3个，前胸背板前部中央有一丁字形凹沟，背面较为粗暗。三对长足强大有力，末端均有利爪1对，是利于爬攀的有力工具。    卵：呈卵圆形，长约3毫米，初产时乳白色，后变为污黄色，有弹性。幼虫：老熟幼虫体长45-70毫米。圆筒形，黄白色，头颅黑褐色。体常弯曲，呈“C”形。前端体节较短且多横皱，密生细毛，后端各体节较长，光滑无皱纹。前胸气孔上方有一菱形深褐色斑点，气门9对，马蹄形，黑褐色。      蛹：体长35-55毫米，黄白色，将羽化时变成红色。口器前方有4个齿状突起排列腹部4-6节，马蹄形，气孔黑褐色。雄蛹比雌蛹大，且角状突起明显。习性：一年发生1代，以幼虫在肥堆或有机质多的土壤中越冬，成虫通常在每年5-8月出现，多为夜出昼伏，有趋光性，主要以树木伤口处的汁液，或熟透的水果为食。幼虫以朽木、腐烂植物质为食，所以多栖居于树木的朽心、锯末木屑堆、肥料堆和垃圾堆，乃至草房的屋顶间。初羽化的成虫在土壤中栖息，晚上7-8时爬出土面活动。成虫羽化后17-22天进行交尾，交尾10多天后产卵。卵产在有机质多的堆肥或较疏松的土壤中。产卵期在6月中旬至7月下旬，卵期8-15天，平均12天。幼虫在土中生活，春末夏初多在地下30厘米左右，冬季一般在表土30厘米以下。老熟幼虫在土中作土室化蛹。成虫有发音器，能发出“吱吱”的声音。防治方法:（1）农业防治：结合果园除草松土，杀死部分幼虫。在果园边堆放的堆肥和厩肥，最好在每年4月底前用完。用肥时，如发现幼虫和蛹，加以人工捕杀。（2）人工防治:在果实成熟期,巡视果园,发现独角仙成虫,可进行人工捕杀。（3）物理防治：在独角仙发生量较大的果园，可设杀虫灯诱杀成虫，效果最好。   （4）药剂防治：独角仙喜为害成熟果实，故不宜采用药剂防治。对于结果果园，于4月上、中旬，每亩用3%米乐尔或3%毒死蜱颗粒剂2—3公斤于果树表面上均匀撒施，可兼治线虫、蛴螬等地下害虫。对虫口密度大的果园，必要时，可选用敌百虫、敌敌畏或其他菊酯类等较低毒的药剂进行喷杀。 独角仙体大而威武。不包括头上的犄角，其体长就达35-60毫米，体宽18-38毫米，呈长椭圆形，脊面十分隆拱。体栗褐到深棕褐色，头部较小；触角有10节，其中鳃片部由3节组成。雌雄异型：雄虫头顶生l末端双分叉的角突，前胸背板中央生l末端分叉的角突，背面比较滑亮。雌虫体型略小，头胸上均无角突，但头面中央隆起，横列小突3个，前胸背板前部中央有一丁字形凹沟，背面较为粗暗。三对长足强大有力，末端均有利爪1对，是利于爬攀的有力工具。         独角仙除可作观赏外，还可入药疗疾。入药者为其雄虫，夏季捕捉，用开水烫死后晾干或烘干备用。中药名独角螂虫，有镇惊、破瘀止痛、攻毒及通便等功能。</t>
  </si>
  <si>
    <t xml:space="preserve">征集车队名字。好的送分谁帮我想个日白的车队名字，要求是能代表重庆 </t>
  </si>
  <si>
    <t>重庆崽儿最日白</t>
  </si>
  <si>
    <t xml:space="preserve">自动波车挂R挡的问题我的是迈腾1.8TSI，从P挡挂到R挡的时候 </t>
  </si>
  <si>
    <t>你好！迈腾是新车。没事正常。挂倒档绝大部分车都会出现这种情况。那应该是单向离合器起作用。别的档好的话不用管。祝你好运！一路顺风！拥有爱车幸福一生！阖家幸福！</t>
  </si>
  <si>
    <t xml:space="preserve">市面上很多除房间异味的东西,谁用过柠檬味的么? </t>
  </si>
  <si>
    <t>我也喜欢用柠檬气味的东西，觉得柠檬味给人很干净的感觉。气雾类的话，西兰的空气清新剂不错的，好用不说，气味不会太浓，很自然，而且里面没有化学气体，很健康的，平时在家里和车里我都用它的。</t>
  </si>
  <si>
    <t xml:space="preserve">孩子补钙要补到什么时候？ </t>
  </si>
  <si>
    <t>一直都要补钙</t>
  </si>
  <si>
    <t xml:space="preserve">在QQ中如果对方拒绝加为好友，怎样才能加对方为好友呢？事情是这样 </t>
  </si>
  <si>
    <t>教你一个新招，虽然不能 好友，但是可以强行和他说话，就是申请一个博客，把下面的代码放到你博客的个人资料里，然后在你的博客里就能看到一个点击这里给我发消息的东西，你就可以和他说话了。&lt;/embed&gt;&lt;a target="blank" href=" "&gt;&lt;/a&gt;还有一种方法就是有一种版本的QQ有强行和别人聊天的功能，海峰版！当然最有效的还是下个强聊的插件 我也是在别处查到的，你试试吧，但是话说回来，就是真的跟她说上话了，她可能更反感，祝福你吧~~~~~</t>
  </si>
  <si>
    <t xml:space="preserve">我上个月7月10日来了次月经，到了7月20号又来了！以前月经挺准? </t>
  </si>
  <si>
    <t>你的情况应该是月经不调。以前月经准，现在出现状况只是暂时的，可能是你太在意好孕的事，或其他什么事，造成你心情等方面的不稳定，以至影响月经周期。我看你现在最重要的是调整好心情，注意饮食调理，月经很快就会正常的，不要着急。你也可以看中医调理一下。总之不是什么大问题，放松心情，祝好！</t>
  </si>
  <si>
    <t xml:space="preserve">9区客户端是资料片正式客户端还是当前客户端是当前客户端还是资料片 </t>
  </si>
  <si>
    <t>提前下载好客户端吧，以免到时候出现下不下来的问题。下载地址： 记得用MD5验证一下。</t>
  </si>
  <si>
    <t xml:space="preserve">好迷惑哦！我女朋友是大专生！学的是英语师范。目前在家一个中心小学 </t>
  </si>
  <si>
    <t>感时花溅泪：你好！*首先，如果她非常喜欢英语专业，建议不要随意改变。这个专业的发展前景非常广阔，可以向中学教师或其它教育部门发展。*其次，你要经常认真地与她沟通，鼓励她边工作边学习提高，先取得本科学历，再继续深造，使自己的知识得到厚实的积累，为日后的发展打下坚实的基础。*再次，你要关心她、爱护她、帮助她，这一点非常重要。除了工作、学习，生活上也要处处体贴，要用你的爱去支撑她的前途。她的发展方向应该是：努力工作——刻苦学习——迅速提高——改变环境——求得发展......祝她心想事成（不安现状说明她有追求，这是好事）！祝你们牵手到永远（珍爱她就是珍爱你自己）！</t>
  </si>
  <si>
    <t xml:space="preserve">把身份证号银行卡号告诉给骗子了会有什么后果！！急急急！！在线等答? </t>
  </si>
  <si>
    <t>他会给你打钱的。可能吗？呵呵，不会的，没有什么危害，如果又危害的话，谁还给别人借！</t>
  </si>
  <si>
    <t xml:space="preserve">我的电脑开机会自己check，怎么办？ </t>
  </si>
  <si>
    <t>随它ＣＨＥＣＫ也可以按回车键条过</t>
  </si>
  <si>
    <t xml:space="preserve">心理干什么都是很急害怕时间不够害怕做不好反而更不好考试答题很快甚 </t>
  </si>
  <si>
    <t>合理安排时间.尤其是对于答题,这也是很值得自己深思的问题.</t>
  </si>
  <si>
    <t xml:space="preserve">银行柜台走帐的交易记录多长时间可以销掉？我去年4月份通过朋友购买 </t>
  </si>
  <si>
    <t>你的钱是打到对方帐户上的.对方帐户上的交易记录银行是不可能给你查的,这种都是要本人凭有效证件才可以查的.你10有八九是上当了,建议报警,最好能把那个凭证找到,否则你连证据都没有.警方或许可以在银行那里查找资料.</t>
  </si>
  <si>
    <t xml:space="preserve">交银稳健和交银成长的净值出来了吗公司网站还是昨天的，有人知道今天 </t>
  </si>
  <si>
    <t xml:space="preserve">和你一样.耐心等待中.知道了第一时间通知你.....  交银今日净值   交银精选 1.9181 +1.98%交银稳健 1.5198 +2.63%交银成长 1.3312 +2.32% </t>
  </si>
  <si>
    <t xml:space="preserve">矿长属于井上管理人员还是井下管理人员 </t>
  </si>
  <si>
    <t>矿长是全面的管理人员,井上井下他都管</t>
  </si>
  <si>
    <t xml:space="preserve">淄博市几所高中哪个好啊？淄博1中（博山区、出2004届中考第二名 </t>
  </si>
  <si>
    <t>听说临淄七中很不错的，不过主意还得你自己拿的。</t>
  </si>
  <si>
    <t xml:space="preserve">晒晒补钙!14有30%.R9有50%.明天就知道了.曼　联9日2 </t>
  </si>
  <si>
    <t>R9  好象少选1场啊 !@</t>
  </si>
  <si>
    <t xml:space="preserve">木开头的成语是?木开头马结尾的成语是什么？ </t>
  </si>
  <si>
    <t>木牛流马此成语典故为:三国演义里，诸葛亮造木牛流马，用来运送粮草，以此大败曹军。但后来木牛流马却失传了，即便是诸葛亮的得意弟子姜维也不会造。诸葛军师临终前众将问他：“军师，木牛流马这般好用，为何您再也不造了？”</t>
  </si>
  <si>
    <t xml:space="preserve">咨询，速回答我想问下，我卖风云号，里面资料要填邮箱保护保护资料， </t>
  </si>
  <si>
    <t xml:space="preserve">尊敬的客户:    您好！5173客户服务027很高兴为您服务！如买家下定订单并支付成功之后，我们会把卖家注册的邮箱地址与密码一起交易给买家。如您注册的邮箱对您重要，您可以登陆官方网站进行修改您的注册注册邮箱。如您还有疑问，请您登陆5173用户名,“进入我的5173”,选择左边任务栏中的“我的咨询投诉”,在线提交您的问题,工作人员在1个工作日内在线答复您，您可以在“咨询投诉管理”中查看回复结果,并对我们的服务进行评价。感谢您对5173的支持!!!                                                                       </t>
  </si>
  <si>
    <t xml:space="preserve">冷车启动，车子发抖正常还是有什么故障？ </t>
  </si>
  <si>
    <t>有问题,可能是油路不太畅</t>
  </si>
  <si>
    <t xml:space="preserve">怎么打不开?你好,今天我发表了一篇文章,内容并不偏激,可是上不去 </t>
  </si>
  <si>
    <t>由于使用新浪各种服务的用户越来越多，因此在登陆高峰时，由于繁忙，服务器有时会出现一些不可预知问题。大概有以下几个方面：1.BLOG或邮箱无法登陆2.登陆缓慢或验证码错误3.FLASH版本过低，部分BLOG功能无法正常使用4.BLOG计数器停止更新，模版无法移动，控制面版打不开……5.其它一些不可预知的问题如有以上问题可检查如下几个方面：1.如果输入了正确的用户名和密码和验证码但无法正常登陆，排除服务器问题，您需要点击浏览器上的工具进入internet选项,在安全设定中把安全级别设置为中或直接在自定义级别中启用cookies来尝试解决。(也可把Internet选项中的隐私的级别调整为中)2.若是FLASH版本过低，应下载安装一个较高的Flash版本，下载地址： 3.flash动画制作和挂件制作太多，或在博客中添加了一些不该加入的代码，造成IE的内核程序冲突，IE检测出严重的错误，所以提示部份文件终止操作；4.其它一些不可预知的问题多是由是服务器繁忙造成的，您可以多刷新几次页面，或避开登陆高峰，过一段时间再试，问题一般都可以解决。其他注意事项：一、不要使电脑速度太慢。1、定期清理磁盘，定期整理碎片程序，经常刷新，不要安装太多的无用的文件等，都会增加电脑速度，减少很多麻烦。2、换一个大的内存条（是原来容量的两倍）或增加一个内存条，都可以大大提升你的电脑速度。二、系统恢复方法如果有“一键恢复”，用“一键恢复”恢复到你初装的程序状态。没有“一键恢复”，就用“系统恢复”到较早的一个时间，一直找到正常的时间（或者设置一个较早的时间来恢复），这样就保证电脑正常，可以解决很多故障。三、去掉添加空白面版影响1、登录新浪自己博客后：2、点首页“博客管理”3、点“ 制定BLOG模板 ”4、在“恢复初始数据”栏点“恢复我的初始模首页”“确定”这时刷新博客，首页恢复到初始。检查是否恢复正常5、然后再点“个人首页维护”6、点击左侧“BLOG信息设置”中的“定制我的首页”8、点击“添加模块”9、勾选所有的需要的模块，点击下方的“选取”。10、点击“保存设置”，恢复正常。最直接的办法：给新浪博客信箱发邮件或给他们留言,很快会得到解决的.留言板: 信箱:sinablog@ 谢谢您的提问，祝您一切顺利！欢迎光临我的博客!</t>
  </si>
  <si>
    <t xml:space="preserve">谁有03式步枪的照片？中国的03式哦！ </t>
  </si>
  <si>
    <t xml:space="preserve">外形上看，03式步枪基本就是87A的翻版。不同处在于，护木上多了防滑纹，缺口式照门改为占孔式照门并向后移，从图片的角度看，好像03式的机匣比87A的窄。若真是机匣变窄了，那绝对算一个进步，凭这一点就可以说03式步枪比87A水平高。至于防滑纹和照门后移并改为占孔式，这是逻辑发展的必然，与M16和M4的设计目的是一样的。我认为，03式步枪比87A要漂亮，士兵会更喜欢他，对他更有信心。 　　目前还没有拿到03式的具体资料，不敢妄加评论（估计性能比87A略好），仅就外形谈一谈我的感受。照门为占孔式，且后移，加长了瞄准基线，枪的精度得到提升。枪托我认为做得很漂亮实用，适宜拼刺时紧握并用来砸人。总体来看，枪支本身人机工效很好，适合中国人使用；大量使用了工程塑料，减轻了全重；可加挂各种附件，升级潜力大；符合中国军队的传统和作战方式、特点。这支枪刚出来，肯定存在一些问题，我提几个不成熟的看法，请大家批评指正。一、弹匣扣可不可以再长一点，以便于换弹匣，加长弹匣扣我看不会有碰掉弹匣的顾虑。二、完善加工技术，尤其是枪管精煅，瞄准镜与燕尾槽的配合。三、兄弟一直对枪管下挂榴弹发射器不感兴趣，因为使用并不方便，打一发填一发，且需要额外训练并增加了士兵的负担。我建议03式发展枪口发射的火箭助推枪榴弹，不需要单独的发射工具，也不需要增加士兵的负担和维护难度，且学习起来比榴弹发射器更容易。四、对81式步枪的刺刀一直不满意，听说新生产了99式伞兵刀，性能很好（估计有吹牛的嫌疑），可不可以缩小一点作为03式的多功能刺刀发放部队呢？有人说为什么不用95式的刺刀，我看还是算了吧，那刀――鸡肋！五、03式步枪应是用的5.8毫米步枪弹，而5.8枪族还有用5.8毫米机枪弹的，可不可以把这两种弹药统一起来，简化后勤供应的复杂程度呢？不知技术上可不可行，哪位大人若精通此道，还望告知。六、不知95式的弹鼓可不可以装到03式上，若可以，再加上一个两脚架，就可以替代一部分轻机枪的任务。七、此枪的拉机柄过于小巧，我看采用81式的拉机柄比较合适。八、小喇叭型的枪口应改成与后部直径一样粗，这样比较结实（因为枪口容易碰撞），而且对安装枪榴弹和刺刀都方便，全枪也更加美观。03式步枪整体上就是这个小喇叭最难看，我喜欢现在俄军的那种枪口，简单可靠。不过要是技术上很难协调，或者要牺牲性能，我看这样也能将就着用。 　　95式步枪，根本未经严格的论证和民主讨论，政治因素大于军事因素，领导意志胜过科学精神，为了一个新概念在香港的亮相，而浪费了大量的人力物力。目前官方媒体及专家已出面，明确承认95式步枪的优先设计是香港因素导致的。部队在使用95步枪的过程中，出现了隐蔽性差、人机工效差、有安全隐患、射手吃枪烟、声音大损害听力、加装瞄准具后瞄准基线过高等问题，这些问题的出现与未经科学论证、科研人员和部队有抵触情绪、我国没有设计无托枪的经验有极大关系。且95式轻机枪加装瞄准具后，射手完全暴露，再加上机枪射手历来是敌人的重点关照对象，所以95式轻机枪简直是自杀典范。95B短突击步枪就别说了，一直搞不清用此枪时左手放在哪里――垃圾！我看官方媒体上由枪械专家王志军出面力推03式步枪，就觉得03式是把好枪，这完全是基于对王志军同志及其老师于道文教授的信任。对王志军同志参与设计的81式步枪，我认为是完全符合当时我军情况的优秀设计，并非像有些人说的，在AK47上随便一改就拿出来了。 　　兄弟有一个设想：用03式步枪，88式狙击步枪，88通用机枪搭配成5.8毫米班用枪族。至于为什么选用重量较大的88式通用机枪，则完全是由于其火力持续时间长，枪弹杀伤力大，且有效射程远的原因。88式狙击步枪我就不介绍了，很优秀的设计，很符合我军的情况。我认为：03式的综合性能将超过俄国的AK74步枪，尤其是枪弹的侵彻力，将是小口径枪中最大的，利于打击穿着防弹衣的敌军士兵；03式步枪加装瞄准具后，可替代400米以内狙击步枪的作用。建议大家不要将03式和M4比较，因为设计思路是不同的，所以互有优缺点。 　　有人说以色列将要装备的“托夫尔”步枪也是无托的呀？英国陆军现在也装备的是无托枪啊？为什么我们不能用？我告诉您，因为以色列地域狭小，作战环境比较单纯，大多为城市和沙漠，所以具备装备无托枪的条件。而像中国、俄罗斯、美国这样的大陆国家，地理环境复杂，一支枪要各方面都兼顾，所以不宜发展无托枪，若是无托枪那么好，俄罗斯和美国早就装备了，您不会认为这两个国家造不出无托枪吧？且我国的地理环境基本上包括世界上所有的典型地理环境，高寒、高温、潮湿、干燥，草原、戈壁、大漠、高原、平原、山地、热带雨林、水网、海岛、现代城市等。英军装备的SA80系列无托枪，遇到了与我们类似的麻烦，他们不得不舍弃在SA80基础上发展轻机枪的方案，而采用了比利时的“米尼米”轻机枪，从而加重了后勤保障和士兵维护武器的负担。有托枪的枪托可以折叠，解决了便携性的问题，而无托枪基本不具备拼刺的功能，丧失了解放军刺刀见红的传统优势。03式比95式瞄准基线长，使得03式天生就比95式准，同样水平的射手，03式的成绩肯定好于95式，这是无可争辩的科学规律。英军装备的SA80系列无托枪，造成了很多根本无法解决的麻烦，我认为，我国5.8毫米枪族还应按照ak74s的思路，在03式步枪的基础上发展一支短突击步枪，便于后方人员使用，且零配件大多与03式通用，简化后勤供应。此枪还可装备警察和武警部队，用来替代79微冲。 　　中国步兵，在思想政治工作的鼓舞下，对敌人怀着由心而发的怨恨，对国家怀着无比的忠诚。且由于几千年的历史，形成了独特的作战传统， 独特的军事文化。“金戈铁马，气吞万里如虎”“横扫千军如卷席”便是中国士兵与将军头脑中无敌军队的典型。因此，中国步兵在使用武器上，崇尚突然之间对敌人施以狂风暴雨式的猛烈火力，在极短的时间内全歼敌人，这一点与当前的美军是有共同点的。1962年中印边境的战斗，就是这种战术思想的经典且完美的体现。 　　中国兵大多为农民构成，普遍文化素质较低，但是很勇敢，士气高。在狂热战斗理念和表现欲望的驱使下，有时会做出常人难以想象的、胆大包天的、近乎于自杀式的或等于自杀式的举动。这些举动对敌人心理的震撼，不亚于机枪大炮的猛烈射击。对不起，跑题了，还是说03式步枪吧！中国士兵在以上思想的作用之下，在使用步枪时，就不自觉的“紧握钢枪”，向对面敌人猛扣扳机，疯狂扫射。我曾看过一个中苏珍宝岛战斗的战场录像，一名长相英俊的士兵，用满是冻伤和裂口的双手，将56式冲锋枪死死的压在右肩，左手像打机枪一样压住枪托，向对面猛烈射击。他这样做的目的，是为了克服枪在连续射击时枪口上跳带来的射击精度损失（连续射击时枪口上跳，是56式冲锋枪的一个巨大缺点，当然也是ak47的巨大缺点）。这个镜头，真实的反映了中国兵在作战时的思想状态。03式步枪完全符合中国兵的思维基础，也符合中国军队使用武器的传统。03式步枪大量装备野战部队，无论是使用维护还是日常训练，都没有任何困难，部队也就顺理成章的接受他了。我做一个大胆的预测――03式步枪将成为新世纪中国军队的主力突击步枪。 </t>
  </si>
  <si>
    <t xml:space="preserve">初级会计职称是否在网上填完信息上传照片就算报完名了？初级会计职称 </t>
  </si>
  <si>
    <t xml:space="preserve">要生成报名注册号，然后完成现场审核，缴费程序后，方为报名成功。 </t>
  </si>
  <si>
    <t xml:space="preserve">个税起征点提高至1600元，你将可少缴多少税？22日举行的十届全 </t>
  </si>
  <si>
    <t>你这是推断网友的工资收入吧？我在中国的西部工作，每月工资比起东部的朋友来少多了，不过我在当地工资还算是比较高的，如果按照1600元起征个税的话，算起来我会比过去少交纳税额在100元左右。你就此可以推断出我每月的工资和其它总收入是多少吗？</t>
  </si>
  <si>
    <t xml:space="preserve">刷过帮工的高手进请高手大概估计下,我一天刷5轮帮工大概需要多少天 </t>
  </si>
  <si>
    <t>現在得的?拓?都基本是??開始到16結束。。。自己可以算算哦。。。一?就115點?拓?，70和110的??e都是得一?拥?拓?，自己小?和大?一起刷的，不知道?有?]有其他得點。。。。    如果是刷到1W，那么自己算吧，1?就115，需要刷?⒔?00?哦，如果每天就3?就是1?薅嘣隆！！Ｈ绻?团捎须p倍，那么就?偎?滋炫丁！！Ｈ绾蔚?W活力，自己可以根?约旱?团捎?]有雙倍?硭闩丁！！Ｆ??很快的，不知不覺就刷到勒，而且??活力刷到1W活力，和鉨等?差不多的????也有40W＋的武?W哦，我自己就100?????105?，差不多就有40W＋的武?W哦。。。????得到得武?W只和等?有關繫哦。。。。</t>
  </si>
  <si>
    <t xml:space="preserve">我的婚姻真的那么迟吗？你说最好是2013年结婚。。那我都已经32 </t>
  </si>
  <si>
    <t>有什么办法啊？要顺其自然，为什么要强求呢，你可以今年试试谈一个啊，但是告诉你不一定能成哦</t>
  </si>
  <si>
    <t xml:space="preserve">那个品牌的手机最智能？本人一直用多普达，大概有七年左右了。一直认 </t>
  </si>
  <si>
    <t>多普达，但是诺基亚用的塞班系统是第三方软件最多的</t>
  </si>
  <si>
    <t xml:space="preserve">请问在中国大陆有没有像夏威夷一样玩冲浪的人群和地方呢 </t>
  </si>
  <si>
    <t>有，就在青岛，和浙江的冲浪爱好着是很多的</t>
  </si>
  <si>
    <t xml:space="preserve">电脑知识请问大家,如何使用键盘上的句号和小数点呀?急!!!!!! </t>
  </si>
  <si>
    <t>■小数点的输入：只要你打开小键盘Num Lock指示灯，在任何输入状态下，点击小键盘上的“.”，即可输入小数点。■句号要在中文标点状态下，点击主键盘上的“.”键即可。输入法状态条上“中文标点”是“，。”图标。</t>
  </si>
  <si>
    <t xml:space="preserve">天马和独角兽，哪里来的！帮忙说一下 </t>
  </si>
  <si>
    <t>勋章任务，艾尔巴勋章路线的会取得“绿之卵”（未确认名字），双击后取得Lv1独角兽或Lv1天马；兰国勋章路线的会取得“母爱之卵”，双击后取得Lv1镰刀魔或Lv1斩首者。其中天馬做魔??不錯，?厥渍呒庸フ咻^多，</t>
  </si>
  <si>
    <t xml:space="preserve">三板市场的股票如何操作？我有好几年没炒股了，以前买了个股票叫英豪 </t>
  </si>
  <si>
    <t>可以到证券公司办里股份转样。具体证券公司能解释。</t>
  </si>
  <si>
    <t xml:space="preserve">神泣战士使用武器问题我看很多人说练级用双手武器PK用双持，但我试 </t>
  </si>
  <si>
    <t>PT练级会很慢很慢的```而且PT技能点不够不能双修！ 所以还是PT 8要练战士勒吧··困难模式都是用双手武器练级的``` 双手武器群攻技能学4个就行啦``1大地震击 2野性怒吼 3旋风斩 4肆虐风暴（放的顺序也是这样依次来的） 1可以减怪对你的攻击速度 2减怪的防御 34的伤害暴击很高哒~！{其他的 野性挥舞什么的8好}·双持多的技能有刺击（3下伤害呐！）和武器狂暴 打BOSS很好的！</t>
  </si>
  <si>
    <t xml:space="preserve">总是头痛，后半脑痛，头很胀痛，是怎么回事？ </t>
  </si>
  <si>
    <t>病情分析：你好，根据你所说的情况往往是有血管神经性头痛的情况引起的常见的了。指导意见：此种情况往往是可以采用按摩、针灸、中药等治疗一下的。此种情况注意平时的保养的。保持心情舒畅。不要劳累着凉。饮食要清淡。</t>
  </si>
  <si>
    <t xml:space="preserve">北京最好吃的寿司店在哪里？ </t>
  </si>
  <si>
    <t>在三里屯和讲台西路，四叶寿司日本料理店</t>
  </si>
  <si>
    <t xml:space="preserve">为什么我的防具也掉耐久，不是说不会掉吗？不是说只有武器会掉耐久吗 </t>
  </si>
  <si>
    <t>不是不掉，是掉的比武器慢点</t>
  </si>
  <si>
    <t xml:space="preserve">出句：曲径通幽幽不尽 </t>
  </si>
  <si>
    <t>出句：曲径通幽幽不尽 对句：东山再起起得快（东山再起起得早   东山再起起得高）</t>
  </si>
  <si>
    <t xml:space="preserve">政协提案的答复应该以什么格式答复政协提案是什么格式的文件 </t>
  </si>
  <si>
    <t>没有太正式的格式文件名可以就叫"对政协XX提案的回复".抬头写提案人.回复时只要把意见写清楚即可.条理要清晰,政策把握要明确.</t>
  </si>
  <si>
    <t xml:space="preserve">缺锌的人有什么症状？青年人补锌的药品有哪些？哪一种药好。谢谢。缺 </t>
  </si>
  <si>
    <t>缺锌症状主要有：1.厌食。缺锌时味蕾功能减退，味觉功能降低，食欲不振，进食减少，消化能力也减弱；2.生长发育落后。3.头发稀少发黄。4.容易感冒。缺锌者免疫功能降低，易患各种感染性疾病，包括腹泻； 感冒等。5.视力下降,容易导致夜视困难,近视,远视,散光等;6.皮肤损害：出现外伤时,伤口不易愈合;易患皮炎,顽固性湿疹;还有烦躁,出汗,地图舌,指甲白斑以及手指端多处肉刺,口腔溃疡,头发枯黄,稀疏或脱落等。补锌当属食补。平时可多吃含锌丰富的食物如鱼、瘦肉、动物肝、肾、蛋黄、奶制品等，还要多吃水产贝壳类。如牡蛎、 肉、干贝，硬壳类食物如栗子、胡桃、花生等。 中药补锌也能起到良好效果。其中，中药何首乌含锌量就很高，不过最好在医生的指导下服用。希望以上对您有所帮助！</t>
  </si>
  <si>
    <t xml:space="preserve">都说奥运之前会有一波行情，那么近期是否该买基？近期买入做做波段， </t>
  </si>
  <si>
    <t xml:space="preserve">现在离黎明前的曙光还早的很啦！反弹会有，但信心和量能制约着指数的涨幅，现在“比谁跑得快”的投资心态抑制了大盘的反弹空间。 尤其是如果大家都预期股市在奥运会前会反弹，那么大小资金的博弈会陷入“囚徒困境”，如何提前变现出局才是占优策略。这种思维下，就比谁跑得快，反弹又怎么可能走的远呢？当然股指走势不佳，但个股行情却并不寂寞，高手仍可冲浪其中。 </t>
  </si>
  <si>
    <t xml:space="preserve">怎么用photoshop给我mm这张照片抠相?用通道抠相也很难但 </t>
  </si>
  <si>
    <t>按Q键来个快速蒙板然后使用铅笔工具  不透明度要100%前景色为黑色将人物的轮廓涂匀再按一下Q就转换为选取了要适时改变笔画大小</t>
  </si>
  <si>
    <t xml:space="preserve">写论文《说哭》根据钱钟书先生的〈说笑〉写一篇〈说哭〉字数1000 </t>
  </si>
  <si>
    <t>是哭就是哭，没有什么啊</t>
  </si>
  <si>
    <t xml:space="preserve">显示器抖动问题？？前一阵显卡坏掉了，买了个杂牌5200，发现显示 </t>
  </si>
  <si>
    <t xml:space="preserve">抖动的原因 一、 显示器刷新频率设置得太低 当显示器的刷新频率设置低于75Hz时，屏幕常会出现抖 动、闪烁的现象，把刷新率适当调高，比如设置成高于85Hz ，屏幕抖动的现象一般不会再出现。 二、 电源变压器离显示器和机箱太近 电源变压器工作时会造成较大的电磁干扰，从而造成屏 幕抖动。把电源变压器放在远离机箱和显示器的地方，可以 让问题迎刃而解。 三、 劣质电源或电源设备已经老化 许多杂牌电脑电源所使用的元件做工、用料均很差，易 造成电脑的电路不畅或供电能力跟不上，当系统繁忙时，显 示器尤其会出现屏幕抖动的现象。电脑的电源设备开始老化 时，也容易造成相同的问题。 四、 音箱放得离显示器太近 音箱的磁场效应会干扰显示器的正常工作，使显示器产 生屏幕抖动和串色等磁干扰现象。 五、病毒作怪 有些计算机病毒会扰乱屏幕显示，比如：字符倒置、屏幕 抖动、图形翻转显示等。网上随处可见的屏幕抖动脚本，就 足以让你在中招之后头大如牛。 六、显示卡接触不良 重插显示卡后，故障可得到排除。 七、电源滤波电容损坏 打开机箱，如果你看到电源滤波电容（电路板上个头最大 的那个电容）顶部鼓起，那么便说明电容坏了，屏幕抖动是 由电源故障引起的。换了电容之后，即可 八、 电脑主机的ATX电源质量欠佳，辐射量大，造成电磁辐射外泄，受电源磁场的影响，干扰了显示器的正常显示。 这种情况，你可以将电脑主机移到相对远的位置，或是换一条带磁环的VGA连线。连线的二头，有带二个包的，那就是磁环，它的作用是可以有效地减少磁场干扰。 类似这样的连线，带磁环的，一定比不带的好。呵呵。 </t>
  </si>
  <si>
    <t xml:space="preserve">梁静茹的英文名叫什么 </t>
  </si>
  <si>
    <t xml:space="preserve">英文名: Leung, Jasmine 以下是她的资料：姓 名：梁静茹生 日：1978年6月16日 血 型：O型 星 座：双子座 身 高：156 CM 体 重：45 KG 嗜 好：听歌、看书 学 历：中五毕业 最难忘的事情：父亲去世 愿 望：身边的人都平安快乐 最喜爱的食物：印度Q饼、肉骨茶 最喜爱的演员：张曼玉、梁朝伟 最喜爱的歌手：林忆莲、齐豫、王菲、TORI AMOS、JEWEL 最喜爱的颜色：蓝 最喜爱的国家：法国的巴黎 最喜爱的：跑步、游泳 最喜欢的穿著方式：舒服、自然 心中期望情人典型：成熟稳重、稍带幽默 愿 望：身边的人都平安快乐 参加过多项KARAOKE、校际歌唱比赛，均获冠、亚、季军之奖项。 参加第二届海螺创作歌曲比赛，获得青螺组亚军。 参加全森美兰州书法比赛，得中楷亚军。 曾代表学校参加校际挥春比赛。 曾为KARAOKE卡带担任幕后配唱。 发行专辑第二届海螺LEE COOPER纪念专辑 专辑名称： 爱的大游行 Live 全记录 专辑收藏： 点此收藏此张专辑 唱片公司： 滚石唱片 专辑语种： 国语 出版日期： 2005年3月    专辑名称： 燕尾蝶下定爱的决心 专辑收藏： 点此收藏此张专辑 唱片公司： 滚石唱片 专辑语种： 国语 出版日期： 2004年9月    专辑名称： 恋爱的力量 专辑收藏： 点此收藏此张专辑 唱片公司： 滚石唱片 专辑语种： 国语 出版日期： 2003年11月    专辑名称： 美丽人生 专辑收藏： 点此收藏此张专辑 唱片公司： 滚石唱片 专辑语种： 国语 出版日期： 2003年2月    专辑名称： 梁静茹LIVE全记录 专辑收藏： 点此收藏此张专辑 唱片公司： 滚石唱片 专辑语种： 国语 出版日期： 2002年6月    专辑名称： Sunrise我喜欢 专辑收藏： 点此收藏此张专辑 唱片公司： 滚石唱片 专辑语种： 国语 出版日期： 2002年2月    专辑名称： 闪亮的星 专辑收藏： 点此收藏此张专辑 唱片公司： 滚石 专辑语种： 国语 出版日期： 2001年6月    专辑名称： 勇气 专辑收藏： 点此收藏此张专辑 唱片公司： 滚石唱片 专辑语种： 国语 出版日期： 2000年8月    专辑名称： 一夜长大 专辑收藏： 点此收藏此张专辑 唱片公司： 滚石唱片 专辑语种： 国语 出版日期： 1999年9月 </t>
  </si>
  <si>
    <t xml:space="preserve">1区狮子现在还有人带去学宠游赚钱吗有的话收多少钱 </t>
  </si>
  <si>
    <t>当然有，只不过很少而已，看你运气能不能碰到了，没事就去银行转转去，收费大概是3000左右。</t>
  </si>
  <si>
    <t xml:space="preserve">斜的房顶怎样装修大师，我柱顶层，房间的竖截面是：房顶和地面平行1 </t>
  </si>
  <si>
    <t>首先，向你祝贺，能够拥有一个斜房顶的居室，是令人羡慕的。斜屋面的房间虽然看似复杂难以装修，但却有它与生俱来的优点。斜面空间丰富，富有趣味和变化；天然的斜面使室内的光影变幻万千；顶楼的斜面房间是有最开阔的视野、最新鲜的空气，也是最贴近蓝天的。 由于装修这样的斜房顶，最能表现个性化，建议你找个好的设计师与你沟通，反复修改设计，一定能够独具一格。因为，这种装修的风格不一，以及具体的情况在现场才能把握，所以除了建议外，我附上四张图片，供你参考：</t>
  </si>
  <si>
    <t xml:space="preserve">封印师技能上限疑问不要复制新浪的给我看……怀疑有问题我才问的。最 </t>
  </si>
  <si>
    <t>首先说下，我也是魔封，我只学了吸血技能，2转还是2级，至于其他的我没学，我学了2咒，也到2级</t>
  </si>
  <si>
    <t xml:space="preserve">听说国产宝马520是面向中国的一款车，国外没有这个型号的？真的有? </t>
  </si>
  <si>
    <t>对的，在国外只有525是最低的排量了。比如奔驰E型，国内有E200，国外最小的是E280。虽然没见过真车</t>
  </si>
  <si>
    <t xml:space="preserve">帮我取个铝合金店名那位朋友能帮我想想取什么名字好！ </t>
  </si>
  <si>
    <t>既然经营铝合金，取其综合性能好的并且用量最大的3003作为名字吧！</t>
  </si>
  <si>
    <t xml:space="preserve">G华侨城（000069）明天走势如何？14.35买入，请问如何操 </t>
  </si>
  <si>
    <t>面对现实，既然套很深了，暂时放一下吧，只能这样了。暂时看走势不是很好的，需要耐心了。</t>
  </si>
  <si>
    <t xml:space="preserve">宝马俱乐部是传销吗宝马俱乐部是合法的不，好像是传销啊？谁说说 </t>
  </si>
  <si>
    <t>你了解传销了吗，知道传销和网赚是怎么回事吗？目前网上唯一一个不赚钱可以退回本钱的公司。让你真正体会到什么是雪中送炭，什么又是锦上添花。 宝马俱乐部 静态投资分红说明 投入1000元---每天分红20元 投入5千元----每天分红100元 投入1万元----每天分红200元 投入5万元----每天分红1000元 投入10万元---每天分红2000元 投入100万元--每天分红2万元 无封顶，随时提现日结、随时可以取回本钱。 动态积分回馈计划 二二复制，自动滑落，排线原则自上向下、自左向右。投资半年没有收入公司全额退款，我是宝马叶子，望能帮到你。</t>
  </si>
  <si>
    <t xml:space="preserve">如何停用板载网卡我用的是双敏主板因板载网卡接口有点问题便另加了一 </t>
  </si>
  <si>
    <t>这是网卡检测，出现的时候有一行提示，叫你按Shift+F10的吧（不是进BIOS哦），按这两个按钮后，进到了一个跟BIOS很象的界面，里面有1个选项，什么名字忘记了···（因为很少弄··所以没记下来）是靠中间的，改成什么Rom（好像是吧)就可以了，以后开机，过了Shift+F10的提示界面后就不会检测，直接进系统了。。你先弄吧，真的搞不的到我找别人的机子重启下把选项看个明白回来告诉你原来你还没停用··那你就不是说检测了？？板载网卡在设备管理器卸载是不行的在BIOS里，有应该有一想叫OnboardDevices的里面有一个Onboard Lan 的改成Disabled就行了</t>
  </si>
  <si>
    <t xml:space="preserve">猜谜语　猜一个明星臭豆腐 </t>
  </si>
  <si>
    <t>莫文蔚</t>
  </si>
  <si>
    <t xml:space="preserve">热血Ｚ７剑叫啥？３转最多拿Ｚ几剑？ </t>
  </si>
  <si>
    <t>Z7剑:天地剑 三转就Z7最高了</t>
  </si>
  <si>
    <t xml:space="preserve">ONLY的浅色短款羽绒服下面穿牛仔裤时，里面配什么衬衫或针织好看 </t>
  </si>
  <si>
    <t>你就配一条深色直桶的牛仔裤,然后穿一双白色带有点花纹的板鞋,上面底衫还是配有条纹的休闲针织衫,这样看起来肯定很完美....</t>
  </si>
  <si>
    <t xml:space="preserve">电脑老是死机?开机缓慢? </t>
  </si>
  <si>
    <t>时常清理一下电脑就好啦！例如用360安全卫士，定时扫描一下，清理一下插件和缓冲占用的内存垃圾，这样就快点！开机慢是因为有好多程序要启动，开机的话就用优化加速，把有的程序设置成开机时不启动就好啦，下次就会开机很快，我的电脑有时候还被评为五星神机了！所以电脑要时常清理下，就像要常常杀杀毒啦，这也是为自己上网好！</t>
  </si>
  <si>
    <t xml:space="preserve">特殊符号该怎么打? </t>
  </si>
  <si>
    <t>大多数输入法在打开后都有一个输入法工具条，上面基本上都能看到一个小键盘，右键单击，弹出选项，里面有特殊符号。</t>
  </si>
  <si>
    <t xml:space="preserve">福州泉州厦门漳州去哪个好呢？？？求高人指点 </t>
  </si>
  <si>
    <t>我觉得可以来福州，福州比较热闹，玩的地方也比较多，想要去逛街的话可以去学生街，宝龙城市广场，东街口，台江步行街，中亭街。想要玩的话可以去西湖，左海，三坊七巷。想要吃美食也可以去学生街，还有大学城。爬山的也可以去鼓山。诚心为你解答，给个好评吧亲，谢谢啦</t>
  </si>
  <si>
    <t xml:space="preserve">今年30，初一，初二是规定的节假日吗？ </t>
  </si>
  <si>
    <t>春节:2月6日—12日(即农历除夕至正月初六)放假,共7天。其中, 2月6日(除夕)、2月7日(春节)、2月8日(正月初二)为法定节假日,2月9日(星期六)、2月10日(星期日)照常公休,将2月2日(星期六)、2 月3日(星期日)两个公休日调至2月11日(星期一)、2月12日(星期二),2月2日(星期六)、2月3日(星期日)上班。</t>
  </si>
  <si>
    <t xml:space="preserve">半一盘；半球盘。皇马；和塞维利亚客场要翻船！各位朋友，本人一共在 </t>
  </si>
  <si>
    <t>盘王，好运！！我今天晚上没买9场了。不过，还是很认真看了你的推荐！</t>
  </si>
  <si>
    <t xml:space="preserve">EXCEL同一个单元格累加公式我想请教各位，如何EXCEL同一个 </t>
  </si>
  <si>
    <t>创建一个宏：　　选择Excel选单下的“工具→宏→录制新宏”选项；　　宏名为：MyMicro；　　快捷键为: Ctrl＋Shift＋J(只要不和 Excel本身的快捷键重名就行)；　　保存在: 个人宏工作簿(可以在所有 Excel 工作簿中使用)。　　2.用选择“停止录入”工具栏中的方块，停止录入宏。　　3.选择Excel选单下的“工具→宏→Visual Basic 编辑器”选项。　　4.在“Visual Basic 编辑器”左上角的VBAProject中用鼠标双击VBAProject (Personal.xls) 打开“模块→Module1”。　　注意：你的模块可能不是Module1 ,也许是Module2、Module3。　　5.在右侧的代码窗口中将Personal.xls－Module1(Code)中的代码更改为：　　Sub MyMicro( )　　OldValue = Val (ActiveCell.Value )　　InputValue = InputBox ( “输入数值，负数前输入减号”,“小小计算器”)　　ActiveCell.Value = Val (OldValue ＋ InputValue)　　End Sub　　6.关闭Visual Basic编辑器。　　编辑完毕，你可以试试刚刚编辑的宏，按下Shift＋Ctrl＋J键，输入数值并按下“确定”键。　　这段代码只提供了加减运算，我是从网上淘来的。</t>
  </si>
  <si>
    <t xml:space="preserve">剖腹产后奶水太稀是天生的吗？有改善的办法吗？剖腹产后奶水太稀，喝 </t>
  </si>
  <si>
    <t xml:space="preserve">妈妈的乳房是非常聪明的器官，分析乳汁的成分发现，随着孩子一天天长大，奶水的蛋白质脂肪和水分等组成比例都在不断变化，更细致的研究甚至发现奶水在一天里的早中晚时段成分都会有变化，我倒是觉得您不要太在意奶水的稀稠，只要通过观察孩子小便次数，睡眠玩耍，体重增加情况判断孩子吃饱了就可以了 </t>
  </si>
  <si>
    <t>推荐一场心水给大家</t>
  </si>
  <si>
    <t>本场我做了0胆，不过是小单。我走的是K线，反正钱不多，32的小单。看好第14位0连手后反弹。</t>
  </si>
  <si>
    <t xml:space="preserve">关于雅思考试的问题，急救！！！！我报了周4考试的雅思，听说和周六 </t>
  </si>
  <si>
    <t>首先，恭喜你成为新烤鸭，我已经是老烤鸭了，在新东方的老师栽培下，对雅思考试还是比较了解的！下面我跟你说一下周四和周六的区别！以前的雅思考试都是安排在周六，随着现在的热潮，考雅思的人也越来越多，因此不得已而为之，又在周四安排考试，这倒是没什么，可关键就在于，周四的烤鸭，有可能成为被当作实验的小白鼠！就是有可能所有出的题都是新题，世界上所有的雅思题都是轮流的，因为我们是亚太区，我们的考题当然比欧洲过来的晚，因为欧洲人和亚洲人的思维存在着不同，所以欧洲的提要先拿过来试用一下，这些题一般都安排在周四，绝对不会放在传统的周六里！不过也别灰心，风险是伴随着巨大的机会的！有时候周四出的题是以前的全旧题也没准！以往考试出现过这种情况！不过这你就要好好看机率了！复习！现在我觉得主要就是看机经了！如果有点题班可以上一下，不过应该过了吧!看机经也要先看阅读，因为听力机经实在是太多太乱了！口语机经也非常管用呢！如果碰着了能为你提0.5-1分页时可能的！口语现在要每天练！不求说的完美，但你要说的通顺，流利就很好！还要养好作息时间！注意饮食！基本就这些了！最后，祝烤鸭成功！呵呵！</t>
  </si>
  <si>
    <t xml:space="preserve">你好，我想问下取消微女郎要怎么弄 </t>
  </si>
  <si>
    <t>私信微女郎就行你好，如果确定要取消微女郎，请将你的取消原因和个人信息以私信的形式发送给@微女郎。（赠人玫瑰手有余香，如果回答有用，请点“好评”，谢谢^_^!）</t>
  </si>
  <si>
    <t xml:space="preserve">一道数学题要求：在下面括弧里填上合适的数，使等式成立？（□×6） </t>
  </si>
  <si>
    <t xml:space="preserve">你可以倒着算咯!想象看嘛:6*9=54对吧然后看前面刚好可以构成不是嘛?（9×6）÷（10×0.6）=9 </t>
  </si>
  <si>
    <t xml:space="preserve">自助终端机英文怎样写?谁知道"自助终端机"英文怎样写? </t>
  </si>
  <si>
    <t>Help oneself Terminating Machine － 自助终端机</t>
  </si>
  <si>
    <t xml:space="preserve">会计常识国家是如何规定会计犯罪的？如，在什么情况下坐牢几年，在什 </t>
  </si>
  <si>
    <t>【发布单位】全国人大常委会  【发布文号】中华人民共和国主席令第27号  【发布日期】1999-12-25  【生效日期】1999-12-25  【失效日期】-----------  【所属类别】国家法规  【文件来源】-----------中华人民共和国主席令（第二十七号）  《中华人民共和国刑法修正案》已由中华人民共和国第九届全国人民代表大会常务委员会第十三次会议于1999年12月25日通过，现予公布，自公布之日起施行。                    中华人民共和国主席 江泽民                        1999年12月25日            中华人民共和国刑法修正案        （一九九九年十二月二十五日第九届全国人民         代表大会常务委员会第十三次会议通过）  为了惩治破坏社会主义市场经济秩序的犯罪，保障社会主义现代化建设的顺利进行，对刑法作如下补充修改： 一、第一百六十二条后增加一条，作为第一百六十二条之一：“隐匿或者故意销毁依法应当保存的会计凭证、会计账簿、财务会计报告，情节严重的，处五年以下有期徒刑或者拘役，并处或者单处二万元以上二十万元以下罚金。  “单位犯前款罪的，对单位判处罚金，并对其直接负责的主管人员和其他直接责任人员，依照前款的规定处罚。” 二、将刑法第一百六十八条修改为：“国有公司、企业的工作人员，由于严重不负责任或者滥用职权，造成国有公司、企业破产或者严重损失，致使国家利益遭受重大损失的，处三年以下有期徒刑或者拘役；致使国家利益遭受特别重大损失的，处三年以上七年以下有期徒刑。  “国有事业单位的工作人员有前款行为，致使国家利益遭受重大损失的，依照前款的规定处罚。  “国有公司、企业、事业单位的工作人员，徇私舞弊，犯前两款罪的，依照第一款的规定从重处罚。” 三、将刑法第一百七十四条修改为：“未经国家有关主管部门批准，擅自设立商业银行、证券交易所、期货交易所、证券公司、期货经纪公司、保险公司或者其他金融机构的，处三年以下有期徒刑或者拘役，并处或者单处二万元以上二十万元以下罚金；情节严重的，处三年以上十年以下有期徒刑，并处五万元以上五十万元以下罚金。  “伪造、变造、转让商业银行、证券交易所、期货交易所、证券公司、期货经纪公司、保险公司或者其他金融机构的经营许可证或者批准文件的，依照前款的规定处罚。  “单位犯前两款罪的，对单位判处罚金，并对其直接负责的主管人员和其他直接责任人员，依照第一款的规定处罚。” 四、将刑法第一百八十条修改为：“证券、期货交易内幕信息的知情人员或者非法获取证券、期货交易内幕信息的人员，在涉及证券的发行，证券、期货交易或者其他对证券、期货交易价格有重大影响的信息尚未公开前，买入或者卖出该证券，或者从事与该内幕信息有关的期货交易，或者泄露该信息，情节严重的，处五年以下有期徒刑或者拘役，并处或者单处违法所得一倍以上五倍以下罚金；情节特别严重的，处五年以上十年以下有期徒刑，并处违法所得一倍以上五倍以下罚金。  “单位犯前款罪的，对单位判处罚金，并对其直接负责的主管人员和其他直接责任人员，处五年以下有期徒刑或者拘役。  “内幕信息、知情人员的范围，依照法律、行政法规的规定确定。” 五、将刑法第一百八十一条修改为：“编造并且传播影响证券、期货交易的虚假信息，扰乱证券、期货交易市场，造成严重后果的，处五年以下有期徒刑或者拘役，并处或者单处一万元以上十万元以下罚金。  “证券交易所、期货交易所、证券公司、期货经纪公司的从业人员，证券业协会、期货业协会或者证券期货监督管理部门的工作人员，故意提供虚假信息或者伪造、变造、销毁交易记录，诱骗投资者买卖证券、期货合约，造成严重后果的，处五年以下有期徒刑或者拘役，并处或者单处一万元以上十万元以下罚金；情节特别恶劣的，处五年以上十年以下有期徒刑，并处二万元以上二十万元以下罚金。  “单位犯前两款罪的，对单位判处罚金，并对其直接负责的主管人员和其他直接责任人员，处五年以下有期徒刑或者拘役。” 六、将刑法第一百八十二条修改为：“有下列情形之一，操纵证券、期货交易价格，获取不正当利益或者转嫁风险，情节严重的，处五年以下有期徒刑或者拘役，并处或者单处违法所得一倍以上五倍以下罚金：  （一）单独或者合谋，集中资金优势、持股或者持仓优势或者利用信息优势联合或者连续买卖，操纵证券、期货交易价格的；  （二）与他人串通，以事先约定的时间、价格和方式相互进行证券、期货交易，或者相互买卖并不持有的证券，影响证券、期货交易价格或者证券、期货交易量的；  （三）以自己为交易对象，进行不转移证券所有权的自买自卖，或者以自己为交易对象，自买自卖期货合约，影响证券、期货交易价格或者证券、期货交易量的；  （四）以其他方法操纵证券、期货交易价格的。  “单位犯前款罪的，对单位判处罚金，并对其直接负责的主管人员和其他直接责任人员，处五年以下有期徒刑或者拘役。” 七、将刑法第一百八十五条修改为：“商业银行、证券交易所、期货交易所、证券公司、期货经纪公司、保险公司或者其他金融机构的工作人员利用职务上的便利，挪用本单位或者客户资金的，依照本法第二百七十二条的规定定罪处罚。  “国有商业银行、证券交易所、期货交易所、证券公司、期货经纪公司、保险公司或者其他国有金融机构的工作人员和国有商业银行、证券交易所、期货交易所、证券公司、期货经纪公司、保险公司或者其他国有金融机构委派到前款规定中的非国有机构从事公务的人员有前款行为的，依照本法第三百八十四条的规定定罪处罚。” 八、刑法第二百二十五条增加一项，作为第三项：“未经国家有关主管部门批准，非法经营证券、期货或者保险业务的；”原第三项改为第四项。 九、本修正案自公布之日起施行。</t>
  </si>
  <si>
    <t xml:space="preserve">Beyond《光辉岁月》是献给谁的 </t>
  </si>
  <si>
    <t>光辉岁月是给南非前总统曼德拉的。 AMANI是写给非洲难民的！ 《光辉岁月》是黄家驹写给南非黑人领袖的一首感人至深的作品。在之前，还从来没有一个中国人的乐队或歌手、一首华语歌坛的歌曲 能够眼界如此广阔。同样的，《光辉岁月》也可以被我们看做是对Beyond和黄家驹的一首赞歌：不管经历了多少风雨，Beyond已经拥有只属 于自己的光辉岁月。</t>
  </si>
  <si>
    <t xml:space="preserve">妻子不和我交流我该怎么处理这事妻子生活圈小不喜欢与人交流连我她都 </t>
  </si>
  <si>
    <t>也许是你妻子生活环境的原因，环境是改变人的重要因素，你应该主动打开你妻子的心扉，主动多和她谈谈，多说说话，慢慢就会好的，没有一个人天生就失落与不喜欢交流，多和她谈谈，会好的，一切都会好起来的，我目前也有这么一点不喜欢交流，我非常不愿意打我男朋友的电话，不是不想他，而是没有话说，怕他拒绝我，他总是问我为什么不打电话给他，为什么不理他，其实我没有不理他，也不是不挂念他，而是，我的工作环境太压抑，太安静，已经习惯了，我时常盼着他能给我打电话，而自己却不想主动打电话给他．你试试，你应该主动点，祝你幸福，朋友！</t>
  </si>
  <si>
    <t xml:space="preserve">怎么样让一个人的变得自信一些了。 </t>
  </si>
  <si>
    <t>首先站出精神站资能体现一个人良好的精神面貌挺胸抬头。下颚微收，两眼平视这样会给人注意力集中精神抖擞的感觉走路时不要弯腰驼背会给人一种悲观的感觉走路时要昂首挺胸步伐坚定做什么事永争第一不要畏惧 敢于挑战自己 克服心理障碍</t>
  </si>
  <si>
    <t xml:space="preserve">请问那里出焦碳制作卷轴啊？什么怪暴。什么收集技能出 </t>
  </si>
  <si>
    <t>哥布林山贼才不暴呢告诉都不准，那个暴皮衣制作卷 要狄恩城外的红色的哈林那个和英雄直接暴 成品</t>
  </si>
  <si>
    <t xml:space="preserve">皮肤感染宝宝两个月，早上发现大小腿外侧红了一大片，目视只是皮肤红 </t>
  </si>
  <si>
    <t>在起皮疹之前此部位有没有接触什么</t>
  </si>
  <si>
    <t xml:space="preserve">甜蜜素对人有害吗,我看一种冰糕里有 </t>
  </si>
  <si>
    <t xml:space="preserve">　　我国允许使用的甜味剂主要有型和非营养型两种。营养型主要指麦芽糖醇、蔗糖、葡萄糖浆等，它们除了有甜味，还产生热量；非营养型主要是指很少或几乎不会产生任何热量的甜味剂，无糖食品中添加的，就是这种。在这类甜味剂中，木糖醇、阿斯巴甜、糖精钠比较常用。其中，木糖醇多用于口香糖以及降糖食品中；阿斯巴甜在饮料、冷饮，以及相当一部分乳制品、药品、保健食品、咸菜等食品中广泛使用；糖精钠的使用比前两者还要普遍，基本上用来代替蔗糖，使用于所有食物，特别是蜜饯和果脯中。 　　除了这3种外，甜蜜素、甜菊甙、三氯蔗糖等也是常见的甜味剂，还有安赛蜜，常用在糖尿病人的食品中。 　　日常饮食中的大部分甜味剂都是国家允许添加的，且添加的数量限制在一定范围内。有些甜味剂相对来说比较安全，像山梨醇，其热量低于葡萄糖，基本没有什么副作用。 　　但是，更多的甜味剂具有一定的副作用，或不适合某些人食用，厂家应该在商品标签中标明。比如甜菊甙，它热量低，能起到降低血压、促进代谢等作用，但研究发现，其可能有一定的致癌作用，因此目前在香港等地已经禁止销售含有甜菊甙的食品。 　　木糖醇和麦芽糖醇的营养价值虽然是甜味剂中较高的，但食用太多易引起腹泻，甚至导致胃肠功能紊乱。甜味素中往往含有能致癌的环己胺和二环己胺，因此，选择它做甜味剂时应该慎重。 　　阿斯巴甜在体内代谢过程中的主要降解物为苯丙氨酸，对正常人无害，但可影响苯丙酮尿病患者的发育。因此，含有阿斯巴甜的食品，包装上应注明不适用于苯丙酮尿症患者。另外，阿斯巴甜有摄取量的限制：联合国粮农组织和世卫联合食品添加剂专家委员会规定，阿斯巴甜每日允许的摄取量为每公斤体重40毫克，且孕妇及哺乳的母亲最好不要食用。不过，国内食品包装上一般都不标注添加量，消费者个人往往无法控制。 　　糖精钠是一种人工合成的甜味剂，从煤焦油里提炼出来。虽然它的使用非常普遍，尤其是女性爱吃的果脯里，大部分都添加了糖精钠，但其致癌的可能性尚未完全排除，因此，应避免长期大量食用。目前，国家规定糖精钠的最大使用量是0.15克/千克、婴幼儿食品中不得使用。在美国，凡是添加糖精钠做甜味剂的食品，均要求标有“糖精钠能引起动物肿瘤”的警告语。　　甜蜜素(环己基氨基磺酸钠)是一种食品添加剂，常用于酱菜类、调味汁、糕点、配置酒和饮料等食品中，有致癌、致畸、损害肾功能等副作用。在我国允许使用，在一定剂量下是安全的，但过量使用会产生副作用。过量的甜味剂会留在肠胃里，并会引起腹泻。世界上包括日本、美国、英国等在内的40多个国家禁止使用甜蜜素作为食品添加剂。 </t>
  </si>
  <si>
    <t xml:space="preserve">1冬瓜、黄瓜、西瓜、南瓜都能吃，什么瓜不能吃？　经典脑筋急转弯 </t>
  </si>
  <si>
    <t>傻瓜 !!!!!!!!!!!!!!!!!</t>
  </si>
  <si>
    <t xml:space="preserve">l能否简单的介绍一下什么是债券？又是靠什么盈利的？ </t>
  </si>
  <si>
    <t>债券(Bond)是政府、金融机构、工商企业等机构直接向社会借债筹措资金时，想向投资者发行，并且承诺按一定利率支付利息并按约定条件偿还本金的债权债务凭证。债券的本质是债的证明书，具有效力。债券购买者与发行者之间是一种债券债务关系，债券发行人即债务人，投资者（或债券持有人）即债权人。　　决定债券收益率的主要因素，有债券的票面利率、期限、面俏和购买价格。最基本的债券收益率计算公式为：　　债券收益率：（到期本息和-发行价格）/ （发行价格 *偿还期限）*100%　　由于债券持有人可能在债券偿还期内转让债券，因此，债券的收益率还可以分为债券出售者的收益率、债券购买者的收益率和债券侍有期间的收益率。各自的计算公式如下：　　债券出售者的受益率 =（卖出价格-发行价格+持有期间的利息）/（发行价格*持有年限）*100%　　债券购买者的收益率 = （到期本息和-买入价格）/（买入价格*剩余期限）*100%　　债券持有期间的收益率 =（卖出价格-买入价格+持有期间的利息）/（买入价格*持有年限）*100%　　以上计算公式没有考虑把获得的利息进行再投资的因素。把所获利息的再投资收益计人债券收益，据此计算出米的收益率，即为复利收益率。</t>
  </si>
  <si>
    <t xml:space="preserve">如果要穿耳洞,那么穿耳骨的坏处有哪些?有中耳炎的人适不适合穿耳洞 </t>
  </si>
  <si>
    <t>穿耳孔，穿在耳垂上还好，如果穿在耳软骨上，那就要小心了，搞不好感染了，会造成软骨萎缩，耳朵就缩成一团了。中耳炎与扎耳眼应当没有直接关系。</t>
  </si>
  <si>
    <t xml:space="preserve">求问糖尿病注射胰岛素的问题糖尿病诺和中效胰岛素早上晚饭前各打一次 </t>
  </si>
  <si>
    <t>我不是医生,也是糖尿病患者,患病已二十年,2001年打胰岛素至今,我把我的经验告诉您,供您参考。我打的胰岛素是 诺和灵30R预混,其中含短效胰岛素30%长效胰岛素70%。,每天早饭前和晚饭前各注射一次。注射多少,要由血糖高低决定。要知道血糖高低,就要测血糖,一天测七次,早上空腹、早饭后、午饭前、午饭后、晚饭前、晚饭后、睡觉前。如有必要增加夜间三点一次,根据测量结果,来决定胰岛素用量,胰岛素用量的调整,要采用“开始幅度要小,调整速度要慢”的法则。我是采用三天调整一次每次调整二个单位,慢慢的使血糖述标。当然血糖测试结果要正确,也可以多测几次。打胰岛素要注意发生低血糖,所以每日的饮食要定时定量,也要规律,出门要带些糖果和甜点,以备发生低血糖时急用。病人和家属都要学习一些糖尿病知识尤其是低 血糖的发生和急救的知识。打胰岛素一般都是早饭前比晚饭前打的多,但也不是都这样。如果早上空腹血糖高,而其它时间血糖正常,在排除夜间低血糖反跳形成早上高糖后,就可以确定肝脏已产生胰岛素抵抗,就要增加晚饭前胰岛素用量,甚至超过早饭前的胰岛素用量。我就是这样,我早上打26个单位,晚饭前打29个单位。这可是医生给定的,最近医生让我服用“太罗”这种药,是消除胰岛素抵抗,可以减少胰岛素用量。打胰岛素后,更要控制好饮食,加强运动,不然会发胖的。</t>
  </si>
  <si>
    <t xml:space="preserve">会长怎么说那还有以下这几个再请教一下；会长会长单位理事理事单位秘 </t>
  </si>
  <si>
    <t>Chairman Unit as ChairmandirectorUnit as directorGeneral Secretary</t>
  </si>
  <si>
    <t xml:space="preserve">法拉利用的轮胎是谁提供的 </t>
  </si>
  <si>
    <t>法拉利有两家轮胎提供商，日本的普利斯通Bridgestone和意大利的倍耐力Pirelli普利斯通提供F1轮胎，这点大家一般都了解。但是除此之外，法拉利的轮胎几乎被倍耐力垄断，包括GT赛车和民用跑车。这根梁家公司的国籍有关。</t>
  </si>
  <si>
    <t xml:space="preserve">我被拒绝了怎么办?我被拒绝了,但我有很喜欢她.该怎么办啊. </t>
  </si>
  <si>
    <t>爱情就是这样，如果你是真的爱她，即使你被拒绝了也没有什么啊，真正考验你的机会到了，你可以继续关心她帮助她爱护她，让她明白，在她受伤的时候有你陪。其实女人都是脆弱的，也很容易被打动，你要真的用心做，相信有付出一定有收获，你早晚会成功的，加油拉！！</t>
  </si>
  <si>
    <t xml:space="preserve">怎么做才能让我最爱的人开心快乐我爱他，他不爱我，把我当成亲妹妹看 </t>
  </si>
  <si>
    <t>时间能解决一切问题!试着开导他!多讲点笑话给他听,和他开玩笑的时候试着说说!不要为了一个人放弃整片森林,不如试着我做你的女朋友!这些话自己要会拿捏!感情的问题只有自己才是最好的医生,你也只能进你的微薄之力!很多问题只要不往一个方向去钻,就会迎刃而解!记住我果子--我想试着做心理医生!我想帮助许多需要帮助的人!</t>
  </si>
  <si>
    <t xml:space="preserve">用手机通话时，自己讲的话总有回音，怎么办？您好！我的手机型号是三 </t>
  </si>
  <si>
    <t>产生回音的原因可归结为手机本身的问题和网络问题两方面：　　1、手机本身的设计有问题。通常情况下，由手机本身引起的回音问题大都因为收发环路的隔离度不好，与机身的密封无太大关联。这很有可能是手机自身的设计问题，例如一些手机的听筒声音过于洪亮，同时麦克风的灵敏度又过高，令声音造成回传从而引起回音。如果你的手机在通话时长期存在回音，很有可能就是这种问题。　　要测试自己的手机是否因为这种原因而导致回音，最直接的方法是用耳机通话，如果使用耳机时没有回音，则说明回音的产生源自于有缺陷的机身设计。　　2、网络引起回音。这主要是因为电磁波的传输通过多种途径到达你的手机，其中包括各种反射或中转的信号。由于第一个路径到达的信号最强，所以手机总是对这个信号进行处理。而对通过其它路径到达手机的延迟信号，手机会通过一定的算法进行消除。　　然而，有时候反射的路径比较多，信号又比较强，手机很难通过一个固定的算法消除，这样就形成了回声。如果在通话过程中通过变换自身所处的位置能成功消除回音，则表示改变了原来的多径干扰路线，也就是说这种回音的产生是源于网络而非手机的。</t>
  </si>
  <si>
    <t xml:space="preserve">问结转收入时，是收到钱的当月就结转收入还是等工程完结后结转收入？ </t>
  </si>
  <si>
    <t>未完工前收到的工程款，计入“预收账款”科目。在工程完工结算后作结转收入、成本帐务处理。</t>
  </si>
  <si>
    <t xml:space="preserve">PS2上的最新做牧场物语叫什么名字游戏怎么样啊~好玩吗？ </t>
  </si>
  <si>
    <t>在PS2上最新的《牧场物语》好像就是2004年11月11日发售的《牧场物语 Oh！美妙人生》了。游戏算是NGC版《牧场物语》男孩版、女孩版的结合体，一男孩版为基础，并加入了许多女孩版中的新要素。游戏总体来说还可以，加入了多结局，不过由于PS2机能问题，游戏有拖慢的现象，并且频繁读盘影响流畅度，也影响心情。</t>
  </si>
  <si>
    <t xml:space="preserve">墙面是白色的门是白枫色，请问选什么颜色家具和窗帘好看？墙面是白色 </t>
  </si>
  <si>
    <t>米白色的 好！！  或者以白为主有 小花的 那种！！</t>
  </si>
  <si>
    <t xml:space="preserve">手机显示屏幕没有灯了是怎么回事我的手机用着就显示屏就突然没有灯光 </t>
  </si>
  <si>
    <t>是LED发光管坏了,建议去为维修更换</t>
  </si>
  <si>
    <t xml:space="preserve">我按巨人图标为什么没反映 </t>
  </si>
  <si>
    <t>不要到桌面的快截方式进入 ，到你安装的文件位置上登陆应该就可以了~~~</t>
  </si>
  <si>
    <t xml:space="preserve">灵耐双百做袍子魔会不会很高?我有个灵巧耐力快接近双百的号了!想转 </t>
  </si>
  <si>
    <t>魔不会因为灵巧变高而增加的</t>
  </si>
  <si>
    <t xml:space="preserve">宝宝哭宝宝5个月了,从昨天开始晚上睡觉前都大哭,抱起来就不哭,不 </t>
  </si>
  <si>
    <t>孩子有时是会这样子的.不用太担心了,只要身体健康,填加辅食正常营养丰富,就不会有什么的.看看孩子是否吃饱了,是否穿多了,是否口渴了.偶尔的哭闹,可能是让你抱他呢.</t>
  </si>
  <si>
    <t xml:space="preserve">求从视频里提取音频，并转化成各种格式音频的软件求比较好用的软件 </t>
  </si>
  <si>
    <t>1）从视屏里提取音频，最好用的软件应该是Adobe audition。2）Adobe audition不仅支持提取音频，而且是全球最具影响力的音效处理软件之一。3）至于转换音频格式的软件，还属formatfactory即格式工厂比较好。几乎所有流行的格式，它都支持。</t>
  </si>
  <si>
    <t xml:space="preserve">公务员报名为什么我注册之后点击保存注册信息按钮后没有任何反应？刚 </t>
  </si>
  <si>
    <t>多试几次,这是常有的事情</t>
  </si>
  <si>
    <t xml:space="preserve">养龙猫需要注意哪些问题？ </t>
  </si>
  <si>
    <t xml:space="preserve">饲养龙猫时要注意： ◆夏天是龙猫难过的季节，因为龙猫毛很厚，所以在夏天天气闷热的时候，家里最好开空调来降低室内温度。 ◆龙猫笼子要放在阴凉、空气流通的地方，但不可放在风口处，如果龙猫一直被风直接吹的话会感冒。 ◆平时可以用少量零食来讨好龙猫，接近它；可是不可多喂，比如葡萄干，每天喂1到2颗的分量就可以了。如果多喂零食的话不仅会让龙猫挑食、不吃主食导致长期营养不良，更可能造成龙猫的消化不良、腹泻。 ◆龙猫笼子要摆放在安静的地方，如果周围环境吵闹，龙猫会因紧张而休息不好。 ◆龙猫刚到新家时，主人先不要急着把它放出笼子来，要先让它自己在笼子里呆上一段时间以熟悉新环境和新主人，然后再放出来让它玩会儿，时间掌握可以先短点，游玩空间也可以先以小空间为宜。 ◆平时主人没事时可以在龙猫笼子旁轻轻地叫龙猫的名字，并和它说说话，这样做可以让龙猫记住它的名字和主人的声音，要注意的是一定要亲切地说，不可大声地骂它，否则龙猫只会怕你而不会和你接近。 </t>
  </si>
  <si>
    <t xml:space="preserve">每次看窦娥冤我都会有这样的疑问：窦娥善良么？如果善良的话，提出大? </t>
  </si>
  <si>
    <t xml:space="preserve">哈 这个问题我也想过 就自己的理解是做给统治阶级的 而并非是黎民百姓 这个关汉卿是元朝的人把 我没有记错吧 那个时期的水平不会比现在高 同样人数也超不过现在 （中国人口解放后的飞速增长也是原因之一）他考虑问题的角度也和我们不同  我们要纵观全局 全面的考虑问题 而他们的时期有他们考虑问题的不同的环境 这个我觉得是十分重要的 小疯学过西门豹的杀巫婆的那篇文章吧 那个时期也就是封建时期 一个父母官 换句话来说是一个相对多的为老百姓考虑的统治者对于百姓来说就是一种福音 至少到现在还是可以在一些影视剧中看到这个福音的影子说了这么多问题可能不会清楚反而离我们越来越远  其实我写了上面那些话就是要让你明白一个道理历史具有其局限性 历史人物也是一样 他那样做就是基于那个社会的大环境 他处在怎么的历史（对于我们来说）就会去做相对应的事  这就像个线性函数一样百姓去害百姓 这种思想是在那样官逼民反的社会条件下至少在批判文学的忌讳上面的算是铺垫 就大旱三年直接的利益损失者是谁？统治阶级为什么不是百姓呢？因为百姓都遭灾了 县衙的统治者征不上粮 上不了贡 那必然是要被制裁的 （当然这个也是影射）所以这里的直接目的是要显示上天显灵 为好人的惨死不忿但是间接的意思就是要换最高统治者 这个是封建社会中的愤青们的一个共同愿望 所以我给出第二问的答案是 直接损害的是统治阶级的利益 但是根本损害的百姓的利益回到第一问 窦娥善良么？这里只能这样说 那段时期的行政需要她是善良的 在打乡绅打土豪的时候 人们是十分激进的 至少在精神上大部分人是这样的  因为大家要拿到自己的土地了 对于中国这样一个农业大国 农民有了地就等于国家有了根呀 到现在 我们离那个时代还并不是很遥远 但是我们有了更理性的思考 对于这个人物和善良的定义 在道义上是不是还成功和还成立 我们需要思考但是时代还是需要这样的善良的 但是现在至少要了解那时和那时的情况了（第一个那时 是创作初始 第二个那时 是扩大宣传的时期）读故事需要了解历史 更要了解历史环境 了解了历史环境就有助于你对这个故事的理解 一个良性循环 </t>
  </si>
  <si>
    <t>11031期求见解保加利</t>
  </si>
  <si>
    <t xml:space="preserve">就这么简单 ???? 01 德　国(0) 03-27 03:00 哈萨克(0)----3 02 西班牙(0) 03-26 05:00 捷　克(0)----3 03 塞尔维(0) 03-26 03:30 北　爱(0)----31 04 匈牙利(0) 03-26 03:30 荷　兰(0)----30 05 奥地利(0) 03-26 03:30 比利时(0)---- 06 斯洛文(0) 03-26 03:45 意大利(0)---- 07 卢森堡(0) 03-26 04:00 法　国(0)----0 08 威尔士(0) 03-26 23:00 英格兰(0)----0 09 亚美尼(0) 03-26 23:00 俄罗斯(0)----10 10 保加利(0) 03-27 00:45 瑞　士(0)---1 11 格鲁吉(0) 03-27 01:00 克罗地(0)--- 12 波　黑(0) 03-27 02:15 罗马尼(0))---- 13 挪　威(0) 03-27 03:00 丹　麦(0) ---- 14 马耳他(0) 03-27 03:30 希　腊(0)----01 </t>
  </si>
  <si>
    <t xml:space="preserve">歌词找歌我不知道你在想什么.还是那个地点.那条街 </t>
  </si>
  <si>
    <t>外滩十八号 演唱：袁成杰 戚薇</t>
  </si>
  <si>
    <t xml:space="preserve">受到学校的歧视应该怎么办?我是个初二学生,学校只安排班级考12名 </t>
  </si>
  <si>
    <t>按你的叙述学校是在给学习好的同学 "开小灶". 这种事严格说是不允许的, 你要是用 "法律手段" 就把这个小灶弄"黄"了. 如果你想让它继续存在并加入其中,建议还是找老师聊聊.</t>
  </si>
  <si>
    <t xml:space="preserve">无色的混合气体可能由ＣＨ４，ＮＨ３，Ｈ２，ＣＯ，ＣＯ２组成．在恒? </t>
  </si>
  <si>
    <t xml:space="preserve">应该是：NH3，CO1：通过浓硫酸时不变；(不能排除任何气体)2：通过过量的澄清石灰水时，NH3融于水，体积变小，因为是&lt;过量&gt;的澄清石灰水，所以不会有CO2，通过过量的澄清石灰水时，NH3融于水，体积变小，不变浑3：ＣＨ４，Ｈ２在O2中点燃，产物有水，能使CuSO4变蓝，所以排除ＣＨ４，Ｈ２正确答案：NH3，CO </t>
  </si>
  <si>
    <t xml:space="preserve">如何接触社会？我现在是大四的学生了，大学四年没好好学习，毫无建树 </t>
  </si>
  <si>
    <t xml:space="preserve">   学校就是一个小社会，多与人沟通，交流，慢慢你就会的</t>
  </si>
  <si>
    <t xml:space="preserve">为什么茶叶是苦的？ </t>
  </si>
  <si>
    <t>你先告诉我糖为什么是甜的？</t>
  </si>
  <si>
    <t xml:space="preserve">关于房产方面的问题高层建筑为什么楼层越高越好？请各位同仁多多指教 </t>
  </si>
  <si>
    <t>1、视野好，一览众山小；2、日后不怕附近再盖新的建筑时遮挡采光；3、11层以上污染空气就比较稀薄了（7~11层空气中污染物比较集中）；4、个人喜好</t>
  </si>
  <si>
    <t xml:space="preserve">哈萨克斯坦看来并不弱呀！！！场面上还有点机会呀。。。。。。！！！ </t>
  </si>
  <si>
    <t>黄果树的3啊，呵呵。。。</t>
  </si>
  <si>
    <t xml:space="preserve">大家帮我做道物理题关于光谱下列说法中正确的是()A.光谱分析只能 </t>
  </si>
  <si>
    <t xml:space="preserve">A：错误，吸收光谱也可以。光谱分为发射光谱和吸收光谱，发射光谱分为连续光谱和明线光谱。因此错误。B：错误，应为高温。C：错误，应为低温吸收。D：正确。明线光谱：由一些不连续亮线组成，是稀薄气体发光产生的光谱。每种元素的原子只能发出某些特定的谱线（叫特征谱线），故明线光谱又称原子光谱。 </t>
  </si>
  <si>
    <t xml:space="preserve">父母给我的世界观是这样的我的母亲，几乎全部对我说的句型是。“你应 </t>
  </si>
  <si>
    <t>很多父母面对孩子时，常常有着这样那样的局限和不足，有的父母只会用指责表达爱，有的父母自己内心很焦虑然后把这份焦虑转给孩子，有的父母没有与人亲密的能力，这是父母的成长经历密切相关，尽可能去了解父母的成长史，然后可能就会理解他们的言行了。当你能够“看见”父母的影响时，你就有了接受或者不接受的自由了。</t>
  </si>
  <si>
    <t xml:space="preserve">脑电波检查能确定得了癫痫病吗 </t>
  </si>
  <si>
    <t>癫痫病是可以通过正规医院的专业技术检查出来的，癫痫病因复杂多样，包括遗传因素、脑部疾病、全身或系统性疾病等。找到病因就要对症治疗，及时有效地针对性治疗才能达到更好的恢复作用，建议到专业的脑科医院进行治疗，越早治疗效果越好。</t>
  </si>
  <si>
    <t xml:space="preserve">"呸"字怎么念? </t>
  </si>
  <si>
    <t>呸 pēi 叹词，表示斥责或唾弃。 笔画数：8； 部首：口； 笔顺编号：25113241 呸 pēi 【叹】 表示鄙弃、唾弃〖pah〗。如:呸!真不讲理;呸呸(急走时脚步声);呸抢(嘲弄,讥讽)</t>
  </si>
  <si>
    <t xml:space="preserve">QQ中的共享文件夹有什么用呢？为什么我总打不开呢？ </t>
  </si>
  <si>
    <t>基本上没什么用处你打不开是因为对方安装了防火墙或没有共享东西</t>
  </si>
  <si>
    <t xml:space="preserve">现金流量表的问题以债务重组方式取得固定资产收到补价时，是属于经营 </t>
  </si>
  <si>
    <t xml:space="preserve">1、发生债务重组事项时，方收到补价，应计入现金流量表哪个项目？债权方支付补价，应计入现金流量表哪个项目？债权方支付相关税费，应计入现金流量表哪个项目？　　债务重组事项中以非现金资产抵偿债权时，债权方可能会收到补价，也可能会支付补价。 　　（1）对于债权方收到补价，其会计处理为：　　借：固定资产、无形资产、长期股权投资、存货等（接受抵偿债权的非现金资产）　　 应交税金——应交增值税（进项税额）（接受抵偿债权的存货可抵扣的进项税额）　　 　　坏账准备（债权计提的坏账准备）　　 　　银行存款（收到的补价）　　 贷：应收账款（抵偿的债权）　　　　应交税金（应支付的税金）　　　　　　银行存款（应支付的费用）　　通过会计分录借贷关系分析可以发现，债权方收到的补价，对应的是应收账款科目，可视同应收账款的收回，因而在现金流量表中应计入“经营活动产生的现金流量——销售商品、提供劳务收到的现金”。 　　（2）对于债权方支付补价，其会计处理是：　　借：固定资产、无形资产、长期股权投资、存货等（接受抵偿债权的非现金资产）　　　　应交税金——应交增值税（进项税额）（接受抵偿债权的存货可抵扣的进项税额）　　　　坏账准备（债权计提的坏账准备）　　 贷：应收账款（抵偿的债权）　　 银行存款（支付的补价）　　　　　　应交税金（应支付的税金）　　　　　　银行存款（应支付的费用）　　 通过会计分录借贷关系分析可以发现，债权方支付的补价，对应的是固定资产、无形资产、长期股权投资、存货等科目，可视同购置非现金资产的支出，如果是以存货抵偿债权，在现金流量表中应计入“经营活动产生的现金流量——购买商品、接受劳务支付的现金”；如果是以股权投资和债权投资抵偿债权，在现金流量表中应计入“投资活动产生的现金流量——投资所支付的现金”；如果是以固定资产和无形资产抵偿债权，在现金流量表中应计入“投资活动产生的现金流量——购建固定资产、无形资产和其他长期资产所支付的现金”。 　（1）对于债务方收到补价，其会计处理为（假设不考虑以固定资产清偿债务需通过固定资产清理科目核算）：　　借：应付账款、应付票据（清偿的债务） 　　 存货跌价准备、固定资产减值准备、无形资产减值准备、长期投资减值准备（非现金资产计提的减值准备）　　 营业外支出（债务重组损失）　　 银行存款（收到的补价）　　 贷：固定资产、无形资产、长期股权投资、存货等（清偿债务的非现金资产）　　 应交税金(应支付的税金)　　 银行存款（应支付的费用）　　 资本公积（债务重组权益）　　通过会计分录借贷关系分析可以发现，债务方收到的补价，对应的是固定资产、无形资产、长期股权投资、存货等科目，可视同非现金资产的处置收入，如果是以存货抵偿债务，在现金流量表中应计入“经营活动产生的现金流量——销售商品、提供劳务收到的现金”；如果是以股权投资和债权投资抵偿债务，在现金流量表中应计入“投资活动产生的现金流量——收回投资所收到的现金”；如果是以固定资产和无形资产抵偿债务，在现金流量表中应计入“投资活动产生的现金流量——处置固定资产、无形资产和其他长期资产所收到的现金净额”。 所以你公司应属于计入“经营活动产生的现金流量——销售商品、提供劳务收到的现金”。 </t>
  </si>
  <si>
    <t xml:space="preserve">奶油、黄油、奶酪在西餐烹调中的作用？我买了盒装的“淡奶油”，但只 </t>
  </si>
  <si>
    <t>奶油（cream）奶油是从经高温杀菌的鲜乳中经过加工分离出来的脂肪和其他成分的混合物，在乳品工业中也称稀奶油，奶油是制作黄油的中间产品，含脂率较低，一般在20%——25%，除脂肪外，其他成分主要有水分，质等。奶油为乳白色，；略带浅黄色，呈半流质状态，在低温下较稠，以加热可熔为可流动的液体，优质的奶油气味芳香纯正，口味稍甜，组织细腻，无杂物，无结块。劣质的奶油有异味，如饲料味、金属味，并有奶团杂物等。奶油经乳酸菌发酵即成酸奶油，酸奶油比鲜奶油要稠，呈乳黄色，其味也更浓郁。黄油(butter)黄油的叫法比较混乱，我国北方习惯上称黄油，上海一带根据英语的译音习惯叫白脱，广州、香港一带则习惯称牛油，也可叫重制奶油或固体奶油。黄油从奶油中进一步分离出来的脂肪，分为鲜黄油和清黄油2种，鲜黄油含脂率在85%左右。口味香醇，可直接食用，清黄油含脂率在97%左右，比较耐高温，可用于烹调热菜。奶酪（cheese）    奶酪的英文是cheese,常被译为“计司或“吉司，广州、香港一带译为“芝士。奶酪用动物奶（主要是牛奶和羊奶）为原料制作的奶制品，优质的奶酪切面均匀致密，呈白色或淡黄色，表皮均匀，细腻，无损伤，无裂缝和脆硬现象，切片整齐不碎，具有本品特有的醇香味。</t>
  </si>
  <si>
    <t xml:space="preserve">一套房子须有哪些证件才受法律保护我想买二手房，请问一套房子必须有 </t>
  </si>
  <si>
    <t>当地房管局颁发的，房产所有权证及土地使用权证（有些省，是两证合一的）。</t>
  </si>
  <si>
    <t xml:space="preserve">来月经的时候乳头为何养？ </t>
  </si>
  <si>
    <t>很多女生都这样，有时还会痛，正常前期反应，不用太过担心。</t>
  </si>
  <si>
    <t xml:space="preserve">如何教鹦鹉说话 </t>
  </si>
  <si>
    <t>买个服读机，想教什么，就教什么只不过，一句一句了，直到学会，再换另外一句学会了的，平时稍微复习下就是了,就不会忘</t>
  </si>
  <si>
    <t xml:space="preserve">“凄迷”这个词怎么解释？ </t>
  </si>
  <si>
    <t>(1) 形容景物凄凉迷茫。    庙?牖募判吕绲兀滩萜嗝跃缮蘸邸！?宋 陆游《日暮》诗    梨花云春淡荡，杨柳雾晓凄迷。  元 张养浩《红绣鞋·赠美妓》曲    予过横春桥，见其墓凄迷于苍莽之中，祀绝而将为人发矣。      明 郎瑛《七修续稿·事物·戴进传》    风雪那样咆哮，灯光那样凄迷，我望着那阴霾的天空，我想着未来的和平。　    刘白羽《从富拉尔基到齐齐哈尔》(2) 悲伤；怅惘。    江仆射之孤灯向壁，不少凄迷。　　唐 陆龟蒙《采药赋》    凄迷鸾凤同罹网，浩荡沧瀛阻远遊。　　陈去病《重九歇浦示侯官林獬仪真刘光汉》诗</t>
  </si>
  <si>
    <t xml:space="preserve">是不是快长牙了?我家小包5个半月了,这2天发现他牙龈是白色的,但 </t>
  </si>
  <si>
    <t>宝宝一般会在6—8个月之间长牙，有个别宝宝在4个多月开始长牙，宝宝长牙时会有一些表现的：1、开始流口水特别多；2、开始喜欢咬东西，如果是母乳喂养的话，喂奶的时候妈妈会感觉到宝宝咬你的乳头，很疼的；3、牙龈开始发白，他的小舌头喜欢有事没事的舔牙龈</t>
  </si>
  <si>
    <t xml:space="preserve">《洛神赋》是谁的作品？ </t>
  </si>
  <si>
    <t>画为　顾恺之《洛神赋》曹植　　黄初三年，余朝京师，还济洛川。古人有言，斯水之神，名曰宓妃。感宋玉对楚王神女之事，遂作斯赋。其辞曰： 　　余从京域，言归东藩。背伊阙，越轘辕，经通谷，陵景山。日既西倾，车殆马烦。尔乃税驾乎蘅皋，秣驷乎芝田，容与乎阳林，流眄乎洛川。于是精移神骇，忽焉思散。俯则末察，仰以殊观，睹一丽人，于岩之畔。乃援御者而告之曰：“尔有觌于彼者乎？彼何人斯？若此之艳也！”御者对曰：“臣闻河洛之神，名曰宓妃。然则君王所见，无乃日乎？其状若何？臣愿闻之。”余告之曰：“其形也，翩若惊鸿，婉若游龙。荣曜秋菊，华茂春松。仿佛兮若轻云之蔽月，飘飘兮若流风之回雪。远而望之，皎若太阳升朝霞；迫而察之，灼若芙蕖出渌波。襛纤得衷，修短合度。肩若削成，腰如约素。延颈秀项，皓质呈露。芳泽无加，铅华弗御。云髻峨峨，修眉联娟。丹唇外朗，皓齿内鲜，明眸善睐，靥辅承权。瑰姿艳逸，仪静体闲。柔情绰态，媚于语言。奇服旷世，骨像应图。披罗衣之璀粲兮，珥瑶碧之华琚。戴金翠之，缀明珠以耀躯。践远游之文履，曳雾绡之轻裾。微幽兰之芳蔼兮，步踟蹰于山隅。于是忽焉纵体，以遨以嬉。左倚采旄，右荫桂旗。壤皓腕于神浒兮，采湍濑之玄芝。余情悦其淑美兮，心振荡而不怡。无良媒以接欢兮，托微波而通辞。愿诚素之先达兮，解玉佩以要之。嗟佳人之信修，羌习礼而明诗。抗琼?以和予兮，指潜渊而为期。执眷眷之款实兮，惧斯灵之我欺。感交甫之弃言兮，怅犹豫而狐疑。收和颜而静志兮，申礼防以自持。于是洛灵感焉，徙倚彷徨，神光离合，乍阴乍阳。竦轻躯以鹤立，若将飞而未翔。践椒涂之郁烈，步蘅薄而流芳。超长吟以永慕兮，声哀厉而弥长。尔乃众灵杂遢，命俦啸侣，或戏清流，或翔神渚，或采明珠，或拾翠羽。从南湘之二妃，携汉滨之游女。叹匏瓜之无匹兮，咏牵牛之独处。扬轻袿之猗靡兮，翳修袖以延?小Ｐ菅阜少欤鋈羯瘢瓴ㄎ⒉剑尥嗌尽６蕹Ｔ颍粑Ｈ舭病＝鼓哑冢敉艋埂Ｗ砹骶馊笥裱铡：俏赐拢粲睦肌；萱鼓龋钗彝汀Ｓ谑瞧留枋辗纾ê缶膊ā７胍拿模辞甯琛Ｌ谖挠阋跃耍耩揭再墒拧Ａ财淦胧祝卦瞥抵菀幔蛴欢徐保菹瓒馈Ｓ谑窃奖?b。过南冈，纡素领，回清阳，动朱唇以徐言，陈交接之大纲。恨人神之道殊兮，怨盛年之莫当。抗罗袂以掩涕兮，泪流襟之浪浪。悼良会之永绝兮。哀一逝而异乡。无微情以效爱兮，献江南之明?。虽潜处于太阳，长寄心于君王。忽不悟其所舍，怅神宵而蔽光。于是背下陵高，足往神留，遗情想像，顾望怀愁。冀灵体之复形，御轻舟而上溯。浮长川而忘返，思绵绵督。夜耿耿而不寐，沾繁霜而至曙。命仆夫而就驾，吾将归乎东路。揽騑辔以抗策，怅盘桓而不能去。</t>
  </si>
  <si>
    <t xml:space="preserve">大便有泡沫宝宝吃母乳大便一天十几次，最近几天有泡漠，吃妈咪爱和思 </t>
  </si>
  <si>
    <t>你的宝贝应该是消化不良，因为吃母乳，所以孩子的母亲要注意自身健康，如果母亲有火，孩子吃母乳就会引起孩子消化不好，所以孩子的母亲应该调节一下。</t>
  </si>
  <si>
    <t xml:space="preserve">现在160G的移动硬盘大概要多少钱啊 </t>
  </si>
  <si>
    <t>500左右 其余的人都不看完问题的  是移动硬盘啊太不负责了 推荐这个联想超薄移动型(160GB)</t>
  </si>
  <si>
    <t xml:space="preserve">我想去黄河壶口瀑布看一看开车去看一看不知走那一条路，路况如何，那 </t>
  </si>
  <si>
    <t xml:space="preserve">壶口瀑布位于山西吉县西南25公里，不知你是那里的朋友？如是京津冀可走石家庄 太原 临汾至吉县，因拉煤车较多建议走高速。 </t>
  </si>
  <si>
    <t xml:space="preserve">介绍你所了解的日本石川达三 </t>
  </si>
  <si>
    <t xml:space="preserve">石川达三(1905～1985)日本家。生于秋田县平鹿郡横手町。1924年关西中学毕业。1925年入早稻田大学，中途退学，在《国民时论》社任编辑。1930年移居巴西，半年后回国，仍在《国民时论》社任职，写了游记《最近南美往返记》(1930)。1932年任《摩登》等杂志编辑，并参加《新早稻田文学》、《星座》等同人杂志的工作。 重要作品有长篇小说《心猿》(1937)，《背阴的村子》(1937)，《活着的士兵》(1938)、《并非没有希望》(1946)，《风中芦苇》(1951)、《人墙》(1959)、《充实的生活》(1961)、《我们的失败》(1962)、《金环蚀》(1966)、《贻误青春&gt;(1968)等。石川达三的小说《苍氓》(1935)，以现实主义的创作方法，描写日本贫苦农民在移居巴西前后所遭受的苦难，获第一届芥川奖。1937年12月13日国民政府首都南京被日军攻克陷落，12月29日，石川达三作为《中央公论》的特派作家，被派往南京，并约定为《中央公论》写一部反映攻克南京的小说。石川达三从东京出发，翌年1月5日在上海登陆，1月8日至15日到达南京。石川达三到达南京的时候，日军制造的南京大屠杀血迹未干，尸骨未寒。石川达三虽然没有亲眼目睹南京大屠杀，但却亲眼看到了大屠杀后的惨状，并且有条件采访那些参加大屠杀的日本士兵们。他根据实地观察，写了《活着的士兵》(1938)， 描写侵华日军攻占南京，屠杀我国人民的暴行，客观上起了揭露日本侵略军队制造南京大屠杀的作用，遭到日本军部的查禁，被判处徒刑四个月，缓期三年执行。之后，他在军部的压力下，写了《武汉作战》等，肯定侵略战争。他还写过一些具有风俗派倾向的作品，如《堕落的诗集》(1940)、《恶的愉快》(1954)、《在自己的洞穴中》(1955)等。战后恢复了现实主义的创作方法，大多数作品反映战争期间人民的苦难生活和战后人民为争取独立、和平、民主的斗争，以及揭露社会的弊端。代表作品《风中芦苇》(1951)描写一个杂志社的社长对侵略战争持消极抵抗的态度,揭露战争发动者的野蛮行为。《人墙》(1959)以 一九五七年发生在佐贺县的日本教职员工会反对“勤务评定”的斗争为背景，描写一个热爱教育工作、富有正义感的年轻女教师，在封建势力相当强大的小镇上，冲破重重障碍，奋起参加教职员工会的斗争的故事，小说引起巨大反响。《破碎的山河》(1964)以战后一个垄断资本家为主人公,对他的为人和事业进行了批判。《金环蚀》(1966)是写日本保守党内部由于一件贪污行贿案引起的勾心斗争的故事。 在一定程度上揭露了日本垄断资本集团为了扩大政治及经济势力，在竞选中进行的一笔笔“肮脏的交易”。作品指出了资产阶级“民主”的欺骗性。书中说，资产阶级政治，“四周虽闪耀着金色的光辉，核心是一团漆黑”。1968年出版的《青春的蹉跎》，获1969年菊池宽奖。1951年出席在瑞士召开的世界笔会大会，1952年起担任日本文艺家协会理事长。1958年参加反对政府修改《警察职务执行法》，1959年参加反对《新日美安全条约》的斗争，1960年发表《我的少数人意见》，1962年出任日本工会总评议会刊物《新周刊》的社长。石川达三一生写下了中、长篇小说40余部。1972年日本新潮社出版了《石川达三全集》，共25卷。  </t>
  </si>
  <si>
    <t>求姓吴的男孩起带有火字旁的名字,如:吴日</t>
  </si>
  <si>
    <t>吴日炫，吴日煊</t>
  </si>
  <si>
    <t xml:space="preserve">衣服,鞋子,文身的加属性? </t>
  </si>
  <si>
    <t>服饰类道具增加的是能力数值,例如中投,跑动,弹跳等等,在买的时候可以看到具体的数值纹身类增加的是积分加成,经验值加成</t>
  </si>
  <si>
    <t xml:space="preserve">急急急！应去哪里买废铁？我是山东临沂郯城县的，想做废铁生意。应该 </t>
  </si>
  <si>
    <t>废铁主要分“薄铁”以及“厚铁”，价格能差几倍，现在薄铁价格两三毛左右，厚铁一元左右一斤。至于不锈钢，价格更要高一些。还有一点，就是废铁还可分为“生铁”和“熟铁”，价格也有一点区别，一般的熟铁价格比生铁价格要高五分到一毛左右。薄铁、厚铁的区别主要是回收后的利用价值。薄铁由于体积较大，还得需要整理、挑选、分类，人工费用较大，整理后的薄铁最后还得经过压力机压制成块状，以利于保管、运输、回炉融化，如果不经过压块，铁在回炉融化过程中，铁会快速氧化，大大降低成品率。而厚铁则基本不存在这些问题，回炉融化过程中氧化率低，成品率要高得多。还有一个问题就是，废品收购站回收的厚铁，有不少还有利用价值，如成规格的厚铁板、角钢、铁棒、铁管子等，有不少个人小铁工厂、铆焊厂等，用的原料都是从废品收购站“淘来”的，买这些原料比买正规的原材料要省不少钱，而废品收购站将这些废品卖给他们，又能多卖不少钱，故而，废品收购站回收这些厚铁，价格自然就要高一些。</t>
  </si>
  <si>
    <t xml:space="preserve">2lg^2x+lg36*lgx+lg3*lg4=0请在明天中午之 </t>
  </si>
  <si>
    <t>如图(看不清可放大)</t>
  </si>
  <si>
    <t xml:space="preserve">中服新区问题最近中服开了新服大家都准备用新服大睁一比，可是我发现 </t>
  </si>
  <si>
    <t>新F人是不少,但你看到没有开区24小时以后40以上的人N多,为什么?就是耐心,只要你有耐心,不要想着怪这么少什么时候能升级啊这样的问题.让自己多坚持一点点一直打下去,你会发现你已经升级啦,建议你去话岛2层转转......有的朋友从开区到现在还没合过眼,呵呵 真是辛苦啦...</t>
  </si>
  <si>
    <t xml:space="preserve">不知道身体哪出了问题.两腿总是发软走路抬不起脚来没力气头还晕晕的 </t>
  </si>
  <si>
    <t>如果是感冒了长时候没有好，身体有点感染白细胞就高点，或者可能是别的原因，比如扁桃体有点发炎了等</t>
  </si>
  <si>
    <t xml:space="preserve">应用程序错误怎么办？应用程序发生异常未知的软件异常(Oxc000 </t>
  </si>
  <si>
    <t>你回忆一下，当你出现这种故障前你都下载了什么程序、插件或是驱动。如果想起先将它们卸载，如果故障排除，就说明是程序软件或插件造成的。你再重新下载安装，如果故障依旧，说明是这些程序软件或插件本身有错误，不能再使用。另外就是程序、驱动等开机启动出错，可以到开机启动看看，如果有提示的将其去掉即可（故障不会无缘无故的发生吧，最主要是想想出问题前的操作）。如果无法查找，建议先查杀一下木马，修复一下系统试试。建议你下载windows清理助手清理一下系统，查杀木马，清理一下开机启动的错误项等 下载网址： 1、请你用系统自带的系统还原，还原到你没有出现这次故障的时候修复（或用还原软件进行系统还原，如果进不了系统，开机按F8进入安全模式还原系统）。 2、如果故障依旧，使用系统盘修复，打开命令提示符输入SFC /SCANNOW 回车（SFC和/之间有一个空格），插入原装系统盘修复系统，系统会自动对比修复的。 3、如果故障依旧，在BIOS中设置光驱为第一启动设备插入原装系统安装盘按R键选择“修复安装”即可。4、如果故障依旧，建议重装操作系统。 如果实在不行，建议选择修复安装，这样即修复了系统，又可使C盘的程序和文件不受损失。使用系统自带的系统还原的方法：系统自带的系统还原：“开始”/“程序”/“附件”/“系统工具”/“系统还原”，点选“恢复我的计算机到一个较早的时间”，按下一步，你会看到日期页面有深色的日期，那就是还原点，你选择后，点击下一步还原（Win7还原系统，在控制面板然后设备和安全子选项然后备份和还原子选项）。</t>
  </si>
  <si>
    <t xml:space="preserve">治鼻炎，到湘潭慈爱医院可以不？ </t>
  </si>
  <si>
    <t>我们这边的设备先进，治疗是借助先进的鼻内窥镜的清晰视野，在直径只有1.8毫米（头发丝大小）的低温等离子单极发射头“消融刀”下进行筛前神经阻断微创手术，选择性阻断筛前神经、翼管神经或岩大浅神经。旨在阻断鼻腔交感神经和副交感神经，从而控制鼻腔过敏，降低鼻腔副交感神经的兴奋性，这项技术安全性很高，不易复发，对鼻黏膜无损伤，基本无痛苦不影响正常的生活、学习和工作。治疗过程都是在STORZ内镜下放大500倍看的一清二楚做的，而且不痛苦，不出血，随治随走的。 湘潭慈爱医院啊，那里有先进的设备对治疗各种鼻病效果非常显著。</t>
  </si>
  <si>
    <t xml:space="preserve">什么照片看不出来照的是谁？ </t>
  </si>
  <si>
    <t>X光片子</t>
  </si>
  <si>
    <t xml:space="preserve">什么是生产资料所有制？这个所有制应如何理解？国家卫生么.. </t>
  </si>
  <si>
    <t>生产资料所有制　就是　生产资料归谁说有如　集体所有制　就是　生产资料归集体所有的生产制度</t>
  </si>
  <si>
    <t xml:space="preserve">45自然 </t>
  </si>
  <si>
    <t xml:space="preserve">爱我吗爱我吗 </t>
  </si>
  <si>
    <t xml:space="preserve">肋软骨炎的检查和诊断？我爸是50岁了，最近胸口那很疼，呼吸咳嗽也 </t>
  </si>
  <si>
    <t>肋软骨炎的治疗在中医认为，此病属于“胸痹”、“骨痹”的范畴，其形成可分为内因和外因。内因肝气郁结，气滞血虚，营卫表里不和，阴阳失调，筋骨失荣；外因胸部受挫，风寒湿邪乘虚而入，阻塞筋络，致气血运行不通，不通则痛，形成胸胁骨痹。 思华堂舒肋消肿膏为传统黑膏药，使用时直接贴敷于患处体表，药效透皮吸收，由表入里渗入病灶，于外，祛除瘀滞于胸之风寒湿邪，舒经通络；于内，疏肝理气，行气活血，以达消肿止痛之功，能促进血液循环、改善机体内环境，增强机体抵抗力，从而根治肋软骨炎。肋软骨炎的疾病预防（1）经常开窗通气，保持室内空气新鲜，多参加体育活动，增强自身的抵抗力。天气转凉时，避免感冒。 　　（2）平时注意保暖，防止受寒。身体出汗时不要立即脱衣，以免受风着凉。 　　（3）衣着要松软、干燥、避免潮湿。 　　（4）注意劳逸结合，不要过于劳累。 　　（5）劳动时，注意提高防护意识，搬抬重物姿势要正确，不要用力过猛，提防胸肋软骨、韧带的损伤.　</t>
  </si>
  <si>
    <t xml:space="preserve">2005版CAD怎样定制工具条？我新装了2005版CAD，修改工 </t>
  </si>
  <si>
    <t>你右键点击工具条,选择自定义,在工具栏中可以找到你所需要的工具条,拖放至合适的位置后点关闭即可..</t>
  </si>
  <si>
    <t xml:space="preserve">请教如果跟自己的父母有代沟，要怎样做才会消除那种不必要的代沟？ </t>
  </si>
  <si>
    <t>大家有空，找个时间一家人坐在一起，好好彼此聊聊，问题，在聊天中产生，也在聊天中解决。只要家人，闯开心扉地聊，那怎么会有代沟的产生呢？</t>
  </si>
  <si>
    <t xml:space="preserve">帮朋友问问:处女插进去没感觉到穿透的感觉,但是有血.然而他朋友当? </t>
  </si>
  <si>
    <t xml:space="preserve">   主要是看她的反应哦，，，是不是直接的，对他的动作，反应一致不  穿透感，不一定的，，有的人薄，有的人厚，，，，有的很痛，有的不痛   关键是看他的感觉呢，，，其实想那么多干嘛？  就当她是处女，好好疼呀，，，，你证明了她不是，又能怎样？？  不是，就不用负责任吗？ 可以随便抛弃？？   那就太不对了！！！   </t>
  </si>
  <si>
    <t xml:space="preserve">2009年邵阳市会计职称考试什么时间报名 </t>
  </si>
  <si>
    <t>2009年中级会计师考试，要等财政部的通知。现在还没有公布考试通知。 不过，据财政部的消息，2009年全国中级会计考试应该是在今年11月-12月底报名，考试时间应在2009年五月的第三个周六（只要没有意外事件，考试时间应该不会有大的变动）。到时，您需要通过当地财政局网进行预报名，然后拿着相关证件到财政局进行资格确认并缴费，这样就完成报名了！您可以关注会计职称网校：   这个网站会在第一时间发布全国最新报考时间的信息的。 中级会计师考三门。 中级经济法，主要是经济业务中常见的法律法规,比如合同法，票据法，公司法等。 中级会计实务，主要是经济业务的帐务处理，比如长期投资，股权债权等。 财务管理，主要是资金流量的管理,比如年金，现值复利等。有一定的难度，需要下功夫复习。</t>
  </si>
  <si>
    <t xml:space="preserve">我要不要去爱他？？我和他接触的时间还不长，他的性格蛮吸引我的。但 </t>
  </si>
  <si>
    <t>看你要的是什么每个人的爱情观都不一样啊！看你要的是什么 是踏实的爱情平凡的生活？还是丰盈的物质呢？有钱人不是很多现在没有钱不代表一辈子都没有钱啊！看看这个人有没有干劲，肯不肯努力！上进否？然后你在做考虑好了啊！</t>
  </si>
  <si>
    <t xml:space="preserve">餐具用什么消毒最好？ </t>
  </si>
  <si>
    <t xml:space="preserve">    1  、煮沸消毒：将洗涤洁净的餐具置入沸水中消毒2-5分钟；　　2、蒸汽消毒：将洗涤洁净的餐具置入蒸汽柜或箱中，使温度升到100℃时，消毒5-10分钟；用锅加水煮沸后产生大量蒸气消毒餐具，效果也很好，不会使餐具挂上水碱，也是很好的消毒方法之一。　　3、烤箱消毒：如红外消毒柜等，温度一般在120℃左右，消毒15-20分钟。　　4、浸泡消毒 不耐高温的餐具，特别是啤酒具等会遇热爆裂、变形等，可使用漂白粉、氯亚明、高锰酸钾等消毒液浸泡。浸泡时一定要注意药液必须没过餐具；药液浓度要按规定要求，如漂白粉用0.5%澄清液；肝炎病人的餐具要用3%的漂白粉澄清液；浸泡时间要充足，一般需15～30分钟；浸泡后再用清水冲洗干净，最好用流动水冲洗。</t>
  </si>
  <si>
    <t xml:space="preserve">多发性脂肪瘤能治吗？我老公现58岁，多年前身上就有好多大小不一的 </t>
  </si>
  <si>
    <t xml:space="preserve">一, 脂肪瘤多发生于颈、肩、背、臀等处皮下，恶变罕见；但位于深部或体腔内者，有可能演变为脂肪肉瘤。脂肪瘤多呈分叶状、质软，与周围正常组织分界不太清楚，活动度较小。 皮下多发的小指肪瘤因有自限性，甚可消失，不必急于处理；从事肩挑的劳动者，肩部常有脂肪结缔组织增生而致的脂肪垫，并非肿瘤，一般任其自然；较大的单个皮下脂肪瘤或深部脂肪瘤，需及早手术；疑有恶变者，应适当扩大切除范围。此病的治疗较小脂肪瘤，发展缓慢，无临床症状者一般无需处理。激光手术治疗脂肪瘤有多种方法，但对小的脂肪瘤采用微切口激光切除分叶取出。较大脂肪瘤根据部位按要求选择切口摘除，激光摘除脂肪瘤极方便。二,"多发性脂肪瘤，若手术治疗，创伤大，切除后还有可能在其他地方生长。另外，手术效果也不见得太好，因为有可能切不干净。2.放、化疗对脂肪瘤来说不敏感，目前来说中药和生物治疗的效果也不太理想。3.假设患者的肿瘤生长位置较为表浅，目前通常使用液氮传统冷冻法。4.若患者肿瘤直径超过2厘米，大且深，建议使用氩氦刀冷冻治疗。5.若患者肿瘤直径在1厘米以内，目前还没有特别好的治疗办法来绝对避免复发。目前脂肪瘤患者多采用手术治疗，复发率高达97%，而且复发后病情会更严重。建议采用中医治疗，从根本上改善患者体质达到标本兼治的目的。 三,多发性脂肪瘤能治好吗？本报记者 王纯　　 　　北京丰台万源东里56－2－4李军：我今年40岁，从30多岁开始发现胳膊上有肿块，不疼、不痒。在附近医院确诊为脂肪瘤，当时给切除了。可是没过多久，又长了好几个。而且从去年开始胸部也有了。请问我应该怎么办？这病真的没法治吗？　　答：北京中医药大学东方医院肿瘤科胡凯文副主任医师认为，1.该患者属于多发性脂肪瘤，若手术治疗，创伤大，切除后还有可能在其他地方生长。另外，手术效果也不见得太好，因为有可能切不干净。2.放、化疗对脂肪瘤来说不敏感，目前来说中药和生物治疗的效果也不太理想。3.假设患者的肿瘤生长位置较为表浅，目前通常使用液氮传统冷冻法。4.若患者肿瘤直径超过2厘米，大且深，建议使用氩氦刀冷冻治疗。5.若患者肿瘤直径在1厘米以内，目前还没有特别好的治疗办法来绝对避免复发。　　胡凯文擅长治疗：身体各器官的肿瘤疾病以及氩氦刀冷冻治疗。　　出诊时间：周一、四上午    《健康时报》 (2004年01月01日 第二十一版)  </t>
  </si>
  <si>
    <t xml:space="preserve">风水大师帮我看看鱼缸怎么放我属虎是86年11月初九子时生的(阴历 </t>
  </si>
  <si>
    <t>摆放在西南方。</t>
  </si>
  <si>
    <t xml:space="preserve">求寄生前夜单机版游戏下载最好找下载快一些的，一定要下载完可以玩的 </t>
  </si>
  <si>
    <t>这个是ps游戏。。</t>
  </si>
  <si>
    <t xml:space="preserve">如何判断感染了弓形虫？有何身体特征？医院是怎样检查弓形虫病？自己 </t>
  </si>
  <si>
    <t>成人感染弓形虫大多不表现出症状，有时只有类似流感的发低烧、流鼻涕。但是，弓形虫能严重损害未出生的胎儿，如果准妈妈在怀孕期间传染上弓形虫，对宝宝的影响非常恶劣。报道和动物实验显示，可引起流产、死胎或新生儿疾病，或者出生后有眼、脑、肝脏的病变和畸形，如视网膜炎、白内障、脑内钙化、脑积水、智力障碍、黄疸和肝脾肿大。准妈妈的孕期体检中，包括一项叫做TORCH的检查。TORCH一词是由几种病原体英文名称的第一个字母组合而成。其中字母T就代表弓形虫。(其他几个字母分别代表梅毒、风疹病毒、巨细胞病毒和单纯疱疹病毒。)　　TORCH检查的费用100元左右　　TORCH检查的时间怀孕3个月左右　　检测结果和处理　　●正在感染期　危险性高需采取其他检测方法进一步确诊。若其他感染指标仍为阳性或胎儿情况不佳，应终止妊娠。　　●曾经感染　过有一定免疫力，危险性低，一般不需进一步处理。　　●从未感染过　无免疫力，整个怀孕期间，要注意饲养和饮食卫生。</t>
  </si>
  <si>
    <t xml:space="preserve">《小兵张嘎》中，有个镜头是张嘎用火柴烫伪军。您看这镜头时咋想的？ </t>
  </si>
  <si>
    <t>灵光一现 神来之笔更加说明小英雄可爱</t>
  </si>
  <si>
    <t xml:space="preserve">IE浏览器问题？请大师帮下忙！先谢！网页能打开的，但网页中的子栏 </t>
  </si>
  <si>
    <t>我给你提供一个小工具，下载后双击打开运行。 会出现很多弹出窗口，不停的点“确定”就行了！！完毕后，问题即可解决。见附件：</t>
  </si>
  <si>
    <t xml:space="preserve">gf感觉烦了怎么办最近我GF老感觉烦怎么办呀说我天天老问一样的问 </t>
  </si>
  <si>
    <t>不知道你们交往多长时间了?是不是到了一定的时候就觉得平淡没有新鲜感了?不过有的时候人在某一阶段情绪波动大也是很正常的,这跟生理周期内分泌都有关系. 相反如果你女友天天也是问你相同的问题,你的感觉会是什么样的呢?理解万岁吧! 如果你真的关心爱她的话,她的喜好你应该是很清楚的,投其所好这是取悦心上人最佳的办法! 看来她还是个挺内向的女孩子吧,不喜欢热闹是吗? 静静的选择某些事情做或是谈一些她喜欢的话题,应该可以调节的. 还有就是再新鲜的东西也有"疲惫"的时候,平平淡淡才是真,这就是生活,因为我们都是平凡人,哪里来得那么多的新鲜事? 只要开心就好,何必想这么多呢. 沟通是一种很好的方法,不要去猜测,有什么话还是直接说出来好! 愿你能理解她,她一样也就会理解你的. 祝你们好运,快乐,幸福!</t>
  </si>
  <si>
    <t xml:space="preserve">有什么恐怖片推荐要欧美的够恐怖的（剧情好） </t>
  </si>
  <si>
    <t>欧美：1.《堕入地狱》剧情很好，当时在电影院看的，好吓人啊，后来又下载看过一次，就觉得没那么恐怖了，估计是音响效果。2.《恐怖蜡像馆》一部经典恐怖片，挺有意思的，蜡像馆里面恐怖的秘密3.《都市传奇·血腥玛丽》还挺恐怖的4.《太平间闹鬼事件》，不错的片子，剧情不错，值得一看5.《边城小镇》，讲述一个记者一直在墨西哥边境城市华雷斯市及其周边调查一宗尚未破获的连环奸杀案。6.《孤儿怨》最后结局是亮点，意料之外的结局，强烈推荐7.《小岛惊魂》妮可基德曼主演的，算是悬疑和恐怖的结合吧8.《恐怖游轮》永无止境的循环9.《恐怖地铁站》单身派对上的4个家伙从一个地铁站下车，这个地铁站在70年代就已经关闭，目睹了惨遭杀害的警察之后，他们几个也开始逃命。10.《破坏欲》绝佳的心理惊悚片；它没有改造或者颠覆类型，而是聪明地把已有的类型元素运用到了极致。 还有些经典的《死神来了》系列 《惊声尖叫》系列《电锯惊魂》系列《黑色星期五》系列都是经典</t>
  </si>
  <si>
    <t xml:space="preserve">什么方法补钙吸收得最好请问骨折病人用什么方法补钙效果最好吸收最好 </t>
  </si>
  <si>
    <t>补钙有以下几个方面：　　1.乳类。每日一支牛乳（250ml）就可以提供250mg钙。乳及乳类制品中钙含量和吸收率均高，是人们膳食钙的主要和最好来源。　　2.虾皮。一种小虾的品种，钙含量高。水产品含丰富的钙质，尤其是可以连骨一起吃的小虾、小鱼等。　　3.豆制品、绿叶蔬菜。如甘蓝菜、花椰菜因含钙丰富且含草酸少，是钙的较好来源。菠菜虽含较高的钙但同时含有较高的草酸，不易被人体吸收和利用。　　4.日照。太阳中的紫外线可以使皮肤生成维生素D，这种天然维生素D，既不会过量，还可以很好地促进钙的吸收。　　5.运动。促进骨密度致密，排列更规律，促进钙的吸收。　　6.钙制剂及含有维生素D的制剂。根据需要可以适当补充，例如食欲差，孕妇乳母、老年人、生长发育快而又偏食的小孩。</t>
  </si>
  <si>
    <t xml:space="preserve">得了胃病怎么办? </t>
  </si>
  <si>
    <t>医学上认为，胃病7分养，3分治，胃病不是个可怕的疾病，关键在于养，要注意饮食，少吃多餐，忌吃辣的，酸的，过咸的，刺激性强的。</t>
  </si>
  <si>
    <t xml:space="preserve">夏天用什么面霜,不油的天气热了,脸上油油的,想选一种润肤霜,现在 </t>
  </si>
  <si>
    <t>用了这么多年的品，我个人认为,一分价钱一分货,(或者自己自制的)ZA的口碑的不错，尤其是它的粉底，价格便宜，质量过关，而且越做越好……大一的时候新碧很多学生有用，不过现在已经找不到了，因为大家用得越来越贵，品质也越来约好，而且听说新碧的度数太高，会致Ｘ，而会中Ｘ....怕油，那你就别选择欧莱雅和玉兰油……但如果你是中性皮肤的，你还可以考虑一下玉兰油我个人感觉ＫＯＳＳ的雪肌清不错，但最好是配套用，它的价格也还是很高……欧珀莱这个就给我的感觉不大好，因为它是资生堂公司研制的，如果它跟资生堂一样好用的话，日本佬也不会把它卖给我们中国……泊美跟欧珀莱一样也是资研制的，但它没有欧珀莱那么油……我同学用后说的。但它的效果嘛……就因人而议咯ＬＡＮＣＯＭＥ不错，可要配套用最好……ＣＨＡＮＥＬ要上粉才比较好，不然脸看上去会有点油，平时不涂粉就别……ＢＯＲＤＥＳ这个也不赖，但度数比较底，不知道你要求的度数要多高呢？其实ＨＫ很多我们都不知道的品牌，而且用上去的感觉很好……至少比我们的大陆货好得多了……而且价钱又便宜，最可惜的是这里没得补货……有空的话，你最好是去ＨＫ看看，选择一种适合你的，又不太油的PS,肌肤是水油平衡的,因为缺水才出油来锁水,女人到了20岁皮肤就开始缺水,所以到了20岁就要开始保养~!目前市面上的防晒都是化学防晒,直接涂,会伤害皮肤,加剧皮肤的缺水,因而出油更利害,所以涂防晒前一定要涂乳液(或者精华素,按照人的皮肤的生物时钟,下午采用精华素比乳液还要好~!),用了防晒之后一定要卸妆,因为化学防晒露含有粉底的主要成分"二氧化钛、氧化锌",所以要切记卸装,清洁好肌肤.不然会导致皮肤更加油很堵塞毛孔.还有,爽肤水绝对不能省~!爽肤水有效深层清洁皮肤,补水.....</t>
  </si>
  <si>
    <t xml:space="preserve">上海市五角场附近的篮球场 </t>
  </si>
  <si>
    <t>浦东源深体育场</t>
  </si>
  <si>
    <t xml:space="preserve">如何补肾请问，肾虚如何补，吃些什么，做些什么。效果最快。 </t>
  </si>
  <si>
    <t xml:space="preserve">多吃山药。多休息，也要适量的锻炼身体曾强免疫力! </t>
  </si>
  <si>
    <t xml:space="preserve">买保险先买什么险呢? </t>
  </si>
  <si>
    <t>意外险</t>
  </si>
  <si>
    <t xml:space="preserve">怎么算高等级的宠详细谢谢！！！ </t>
  </si>
  <si>
    <t xml:space="preserve">打开算D器点精灵变身 把已知1级入闱给点了/..然后在旁边哪输入现在宠的血魔攻防敏就OK了 </t>
  </si>
  <si>
    <t xml:space="preserve">怎么样才能设置密码需要密码才能进入我的博客我有很多秘密想写在博客 </t>
  </si>
  <si>
    <t>你好！随着博客应用的推广和普及，博客的保密技术已经不受到博客网站本身的约束！目前在许多博友中广泛使用较多的是007Mi盘！形状类似U盘，使用的时候插在电脑的USB接口上！已经很多人在用了!1，可以自己在发表文章的时候随意加密和解密博客中的文章！2，也可以在Mi盘所设置的好友名单中随意授权指定1至多人解密阅读！除此之外其他人是看不见的！这种通过网络安全保密产品的自主加密方式，已经应用与许多“私人保密博客”，“情侣博客”，“企业博客”等......完全不受任何博客网站的影响！</t>
  </si>
  <si>
    <t xml:space="preserve">温室气体?能不能运用化学或物理方法将温室气体固化或吸收用做他用? </t>
  </si>
  <si>
    <t>温室气体是指能透过短波和微波而阻挡长波的气体。太阳光（电磁波）主要是短波和微波，而地球向外发散的电磁波主要是长波。当地球大气层内的温室气体浓度增加后，在得到的热量不变的情况下，地球向外发散的长波就会更多的被温室气体反射回地面，因此地球的散热能力就会减弱，地表温度就会越来越高，就好像温室一样，因此我们将这种能够造成地球温度升高的气体称之为温室气体。例如二氧化碳、甲烷等。甲烷的温室效应是二氧化碳的十倍。人们运用或者物理方法也可以将温室气体固化吸收，但是这样做将会消耗更大量的能源，得不偿失。另外，以人类的工业能力将温室气体消除，远远比不上通过天然的植物将温室气体固化的规模，因此人来现在都是在大力提倡植树造林，而没有说进行工业固化。植物以二氧化碳为食，而动物以植物的排泄物——氧气为食，因此刚好构成了一个闭合负反馈循环。但是自人类进入工业时代以来，由于工业排放二氧化碳同时大量消耗植物，导致了这个负反馈逐渐被破坏，二氧化碳等温室气体越来越多而植物却越来越少，所以地球的温度就逐年上升，造成了破坏力巨大的厄尔尼诺现象和拉尼娜现象。如果人类再不注重自己的资源消耗和环境保护的话，迟早有一天会变成烤箱里的火鸡。。。</t>
  </si>
  <si>
    <t xml:space="preserve">哪里有下载免费病毒的 </t>
  </si>
  <si>
    <t xml:space="preserve">刘海云分享中医治疗唇炎的方法有哪些 </t>
  </si>
  <si>
    <t xml:space="preserve">唇炎多由风邪化燥入里化热；胃热积热上蒸；外因日晒、风吹或咬唇等不良习惯所致。舌炎可并发口腔溃疡，便秘、头痛、头晕、恶心、乏力、烦躁、发热、淋巴肿大等全身症状。   指导建议：   建议采用中医治疗唇炎，此病需要找到病因对症治疗，没有得到有效治疗病情严重发展，可对症采取特色中药全身温和调理治疗唇炎，建议您尽早去专业的口腔粘膜科室就诊。唇炎是一种以囗脣干燥、皲裂、脱屑为主要临床表现的粘膜病，有干燥脱屑型唇炎、过敏型唇炎、良性淋巴增生性唇炎、肉芽腫性唇炎、腺型唇炎、真菌性唇炎、光敏性唇炎等各种类型。按病程分可有急性、慢性唇炎之分。     中医也认为未病先防尤为重要，对于唇炎的治疗得注意以下的事项：节制饮食，减小烟酒激发，少食辛辣厚味之品，可以防止胃肠湿热的形成。注意改正不良习惯，特别是儿童常有舔唇及咬唇习惯者，应教育纠正。久思伤脾，则脾气结滞，伤及脾之阴血的形成，脾虚血燥则致发唇瞤动，干裂流水。一定要纠正舔唇、咬唇等不良习惯。如果唇部的皲裂、结痂症状长期不愈，应及时到医院就诊。你好，一般是由于胃火过旺导致的症状，也就是平时说的上火   指导意见：   你好，就你现在的症状建议停药，平时涂布医用甘油或少量护唇膏就可以，忌食辛辣激发性食物，避免风吹、寒冷激发，保持唇部湿润等。 </t>
  </si>
  <si>
    <t xml:space="preserve">狂暴的采花贼在哪啊～～找不到了～～ </t>
  </si>
  <si>
    <t>不一定每次去都会碰上的，是随机出现的</t>
  </si>
  <si>
    <t xml:space="preserve">微星845PE低音箱为何有电流声 </t>
  </si>
  <si>
    <t>将信号线从主机上拔掉，听还有没有电流声。如果还有，是音响本身问题。如果没有，说明是主机接地不良，确认主机的接地性能及插座本身的接地性能。如果声卡是独立的，那么还不能排除声卡本身的问题。</t>
  </si>
  <si>
    <t xml:space="preserve">我的号进不去了，显示内部错误 </t>
  </si>
  <si>
    <t xml:space="preserve">尊敬的客户:    您好！5173客户服务018很高兴为您服务！很抱歉，现在网站服务器维护，已经有工作人员在处理，请您稍后尝试登陆。感谢您对5173的持!!!                                             </t>
  </si>
  <si>
    <t xml:space="preserve">初中生青春期应该如何对待目前初中生谈恋爱非常多，青春期发育的时候 </t>
  </si>
  <si>
    <t>个人认为初中生谈个恋爱没什么的，家长在这个问题上不能堵只能引导他们。青春期都比较叛逆，个人认为做好监督工作，不要让孩子做出什么出格的事就OK了。不要用命令的语气说话，多跟他们谈话....</t>
  </si>
  <si>
    <t xml:space="preserve">新打个耳洞，现在耳朵肿了怎么才能让耳朵好起来啊？ </t>
  </si>
  <si>
    <t>尽量带金银的耳饰，如果发炎了就每天用酒精消消毒，再擦点消炎药膏就好了，并且不要用手触摸到，会有细菌感染，每天没事的时候就转一转带的耳钉，不要让其粘在耳朵上，不然会痛死的。</t>
  </si>
  <si>
    <t xml:space="preserve">12星座都是在一年当中怎么划分的?几月几日出生的是什么星座?怎么 </t>
  </si>
  <si>
    <t xml:space="preserve">星座按阳历日期划分白羊座 3月21日-------4月19日 诞生石： 钻石 金牛座 4月20日-------5月20日 诞生石： 蓝宝石 双子座 5月21日-------6月21日 诞生石： 玛瑙 巨蟹座 6月22日-------7月22日 诞生石： 珍珠 狮子座 7月23日-------8月22日 诞生石： 红宝石 处女座 8月23日-------9月22日 诞生石： 红条纹玛瑙 天秤座 9月23日------10月23日 诞生石： 蓝宝石 天蝎座 10月24日-----11月21日 诞生石： 猫眼石 射手座 11月22日-----12月21日 诞生石： 黄宝石 摩羯座 12月22日------1月19日 诞生石： 土耳其玉 水瓶座 1月20日-------2月18日 诞生石： 紫水晶 双鱼座 2月19日-------3月20日 诞生石： 月长石，血 </t>
  </si>
  <si>
    <t xml:space="preserve">问一下。谁知道自己的歌怎么放到网上啊。这是我写的歌词。望你们给点? </t>
  </si>
  <si>
    <t>挺好的  如果我的答案对你有用麻烦点击有用（注意是有用,不是感谢噢），谢谢!</t>
  </si>
  <si>
    <t xml:space="preserve">成人高考里面的“脱产”和“业余”是什么意思啊？？？特别是“脱产”? </t>
  </si>
  <si>
    <t>脱产么就是我们小学,中学一样,全日制学习,业余就是夜大了,一般是晚上上课的!不过现在成考的学校里也有一种脱产,名义上是脱产,但实则上课时还是晚上和双休的时候进行的!也只要两年就能毕业了,不像业余一般都要三年的!</t>
  </si>
  <si>
    <t xml:space="preserve">医生您好：请问来事的时候拔牙有什么后遗症吗？对身体有什么影响吗？ </t>
  </si>
  <si>
    <t xml:space="preserve">  不会有什么后遗症。  只是会出现代偿性出血，就是拔牙后出血可能比平时多一点，但不会有大的危害，以后也没有其它影响。  一般不主张在经期内拔牙，但不属于拔牙禁忌症。只需慎重对待。</t>
  </si>
  <si>
    <t xml:space="preserve">以后你们维护能不能给我们先说一下？？？？？？？ </t>
  </si>
  <si>
    <t>不是阿，要维护那要提前公告阿，不能临时公告阿。要让玩家有所安排阿。</t>
  </si>
  <si>
    <t xml:space="preserve">骨科最近这两天我忽然腰痛，去看医生，医生说可能是腰肌劳损，照片后 </t>
  </si>
  <si>
    <t>如果真是腰肌劳损休息一段时间就会好得，局部热敷、理疗和内服、外敷药物可以改善症状。通过腰背肌力的锻炼可以防止复发。</t>
  </si>
  <si>
    <t xml:space="preserve">耳鼻喉相关，慢性咽炎和慢性扁桃体炎的问题，急求山东著名耳鼻喉专科? </t>
  </si>
  <si>
    <t>那你去仁品吧，这家不错，是个耳鼻喉专科，你也可以先去他们网站找在线医生咨询一下再说</t>
  </si>
  <si>
    <t xml:space="preserve">北京哪有树丛迷宫北京哪有一人高的灌木迷宫?或者类似的地方,最好迷 </t>
  </si>
  <si>
    <t>在北京密云县溪翁庄镇金叵罗村有个玉米迷宫(金叵罗迷宫种植园)北京世界公园内植物迷宫</t>
  </si>
  <si>
    <t xml:space="preserve">要怎样才可以见到王心凌呢555或者谁可以告诉我她的QQ或者地址或? </t>
  </si>
  <si>
    <t>你要如入王心凌的歌迷会。王心凌有什么活动会长会通知你！GOGO加油</t>
  </si>
  <si>
    <t xml:space="preserve">600806,600298,最近该如何操作 </t>
  </si>
  <si>
    <t>今天可持有不动．</t>
  </si>
  <si>
    <t xml:space="preserve">我的最大的硬盘剩余空间是10.7G，能安上WOW吗？官网上说要6 </t>
  </si>
  <si>
    <t>只有这么大空间的话，是安装不了的，建议删些东西，再安装，或者换块硬盘吧，现在硬盘便宜的请客吃顿饭的钱就够了。</t>
  </si>
  <si>
    <t xml:space="preserve">商人可以学操帆和炮术吗? </t>
  </si>
  <si>
    <t>这个游戏没有职业限制的,所有的技能,只要达到学习的标准,就可以学习,只是在技能总数上有限制的(根据你的综合等级来确定)操帆需要 冒险等级15级 20000块 找探险工会炮术需要 战斗等级10级 20000块 找海事工会</t>
  </si>
  <si>
    <t xml:space="preserve">问两个采高级矿的问题！我是LM的43级的74，请问那里的真银矿比 </t>
  </si>
  <si>
    <t>真银是随机出的，秘银矿会随机转成真银矿。找秘银矿多的地方挖吧。瑟银43没得挖，除非你是猎人或者贼。45以上就可以去菲拉斯找找了，很少。级别上50就可以去环形山了，那边比较多。不过当心那几条暴龙。练技能是需要等级支持的，建议先练到50再考虑找瑟银。顺便把采矿弄高点，因为有富瑟矿，需要采矿275，要是碰到你却挖不了，是非常痛苦的事情。钻石和奥术水晶可都是富瑟矿才出的。</t>
  </si>
  <si>
    <t xml:space="preserve">怎样才能学好地理尤其自然地理。。。太难了！什么岩石，风向的。。。 </t>
  </si>
  <si>
    <t>一半是靠兴趣，一半就是结合生活来理解了</t>
  </si>
  <si>
    <t xml:space="preserve">我们常说:"留得青山在,不怕没柴烧".青山指的是什么? </t>
  </si>
  <si>
    <t>我的理解——“青山”是自己的生命，只要生存着，就不会让自己活活饿死</t>
  </si>
  <si>
    <t xml:space="preserve">什么叫市政动迁？请问大家市政动迁包括那些项目？我家那里动迁的项目 </t>
  </si>
  <si>
    <t>市政工程建设主要包括:道路、城市桥梁、供排水、供暖、燃气、垃圾处理、公交站点等。你所说的项目，是一个工业用地拆迁项目，属于经营性土地拆迁，不能列入市政拆迁的范畴，不属于公益用地，要按经营性土地拆迁的程序进行审批、拆迁。</t>
  </si>
  <si>
    <t xml:space="preserve">朋友生小孩送什么礼物最合适？ </t>
  </si>
  <si>
    <t>有钱送金锁、金镯子，没钱送玉锁、玉镯子。千万不要送吊在婴儿床上的玩具，孩子会对眼的；也不要送毛绒玩具或带响动的玩具，孩子害怕，孩子的爸妈会嘀咕你一辈子。当然，搞笑的礼品是小儿便盆，花费不多，皆大欢喜。</t>
  </si>
  <si>
    <t xml:space="preserve">帮忙给宝宝起名字宝宝姓郭，男孩，五行缺木，五月初九生日，大家帮忙 </t>
  </si>
  <si>
    <t>郭霖峰,郭松林.</t>
  </si>
  <si>
    <t xml:space="preserve">我梦见一个大水缸,里面有一个人头,他在跟我说话,其它就不太清楚,? </t>
  </si>
  <si>
    <t>这是被人合伙骗财的象征。特别注意农历10月。如有女友，也要防。</t>
  </si>
  <si>
    <t xml:space="preserve">各位，我看到别人做微商，很羡慕，问一下微商怎么做？哪里有微商货源? </t>
  </si>
  <si>
    <t>亲，现在微商确实不错的，很多人都在做，你要是需要货源，可以加徵信号wpcc1108，进行咨询呀</t>
  </si>
  <si>
    <t xml:space="preserve">IE浏览器怎样在新窗口中打开网址？有时候打开页面中的一个连接就把 </t>
  </si>
  <si>
    <t>可以右击链接选“在新窗口中打开”</t>
  </si>
  <si>
    <t xml:space="preserve">狗狗得了糖尿病怎么办啊？我家狗狗十一岁了，得了糖尿病，吃＂优降糖 </t>
  </si>
  <si>
    <t>它已经老了，你应该理解，生老病死是没办法的事。象这样的老年糖尿病，仅是降糖药是不够的，你应该配合饮食治疗。严格的饮食控制对糖尿病的治疗非常关键，但病者（狗）会感到很饿。人可以理解，但狗就不会理解了。另外，“优降糖”不行你可以帮它换“达美康”或者给它注射胰岛素。</t>
  </si>
  <si>
    <t xml:space="preserve">狮心这个神符之语不错啊加好多力量又加好多血又加抗.外带20%ED </t>
  </si>
  <si>
    <t>比较另类的东西，没有防御加成，没有FHR等防具独特的属性，20%ED几乎可以无视了，只有加不少属性和抗性是不错的。很少有人用。刚毅前有很多比它好的，甚至有些场合能比刚毅更有效（比如迷团，强制）。</t>
  </si>
  <si>
    <t xml:space="preserve">打CF用什么牌子鼠标好 </t>
  </si>
  <si>
    <t>CF打了两年多，虽然我不是高玩，但对外设装备也有一定的感受。个人觉得血手幽灵的鼠标确实还不错，我现在用的那款是终结者TL8，专业游戏鼠标，手感自不必说，相当棒。我觉得好主要还是在游戏中对准星的把握更好了，非常稳。而且瞬间切换它左键的四种点击模式，能迅速提高火力，大概相当于把我们的M4变成了M4-S，属性一下增强了，尤其是对意识稍差的人来说提升效果特别明显。还有就是血手有一个和鼠标配套的软件叫血手宝典，里面有很多对游戏提升特别大的辅助功能，尤其是那个自动压枪功能，配合火力切换瞬间就变大神了，不了解的你可以看看网上用血手自动压枪功能的视频，弹道压得特别好。</t>
  </si>
  <si>
    <t>川崎前鋒2</t>
  </si>
  <si>
    <t xml:space="preserve">请问比赛结束多长时间SP能看到 </t>
  </si>
  <si>
    <t xml:space="preserve">国际刑警是个什么组织？中国有人参加吗？ </t>
  </si>
  <si>
    <t xml:space="preserve"> 国际刑警组织 (International Criminal Police Organization -- TERPOL) 成立于１９２３年，最初名为国际刑警委员会，总部设在奥地利首都维也纳。二战期间，该组织迁到德国首都柏林，一度受纳粹组织控制。二战后，该组织恢复正常运转，总部迁到法国巴黎。１９５６年，该组织更名为国际刑事警察组织，简称国际刑警组织。１９８９年，该组织总部迁到法国里昂。     国际刑警组织机构包括全体大会、执行委员会、秘书处和国家中心局。全体大会为其最高权力机关，由各成员国代表团组成；执行委员会由大会选出的１３个成员国的代表组成，负责监督大会决议的执行情况、准备大会的工作日程、监督秘书长的管理情况等；秘书处由秘书长和该组织的技术、行政人员组成，负责执行大会和执委会的决议、编辑各种刊物、通缉作案逃犯等；国家中心局是该组织在各国的常设机构，主要负责各国警方同国际刑警组织各成员国之间的合作。截至２００５年９月，国际刑警组织共有１８２个成员国。国际刑警组织总部建有一个存有１５０余万名国际刑事罪犯材料的资料档案库和一座用以鉴定货币及其它有价证券真伪的实验室。它传送的国际通知分别以红、绿、蓝、黑四色标示轻重缓急和内容主题。国际刑警组织的电子邮件系统每年可处理１００万封阿拉伯文、英文、法文和西班牙文的各种“通报”。出版物有《国际刑事警察评论》（每年１０期）和《伪币和伪造物》（技术期刊）。     国际刑警组织的宗旨是保证和促进各成员国刑事警察部门在预防和打击刑事犯罪方面的合作。它的主要任务是汇集、审核国际犯罪资料，研究犯罪对策；负责同成员国之间的情报交换；搜集各种刑事犯罪案件及犯罪指纹、照片、档案；通报重要案犯线索、通缉追捕重要罪犯和引渡重要犯罪分子；编写有关刑事犯罪方面的资料等。      国际刑警组织每年召开一次全体大会，并经常举行各种国际性或地区性研讨会。该组织日常与各国国家中心局保持密切关系，组织国际追捕。“红色通缉令”是该组织在打击国际犯罪活动中使用的一种紧急快速通缉令。     中国于１９８４年加入国际刑警组织，同年组建国际刑警组织中国国家中心局。１９９５年，国际刑警组织第６４届大会在北京举行。多年来，中国始终与国际刑警组织之间保持着密切的合作关系。</t>
  </si>
  <si>
    <t xml:space="preserve">国际中文域名注册1\我想注个中文国际域名,从网上看有几百元也有几 </t>
  </si>
  <si>
    <t xml:space="preserve">一般来说,注册中文域名都是180元左右,但有些是代理商,是个人的,为了争取到更多的客户,而降低价格,只怕续费会遇到麻烦啊万一这个公司没了,那你要知道你是注册哪里的域名,比如,万网,新网等,到时可以去其它代理商续费或是直接找到这些公司续费如果你需要,可以来我们这里注册,我们是做这方面渠道代理的,如有兴趣代理这方面的产品,你可自己注册了 </t>
  </si>
  <si>
    <t xml:space="preserve">处在18岁的我们适合喝酒吗 </t>
  </si>
  <si>
    <t>一项最新调查发现，自从把合法喝酒的年龄降到18岁以后，新西兰每年就有12个青少年因为喝酒过度而死亡，另一方面就有超过400人因为醉酒发生车祸而被送院治疗。    进步党党魁Jim Anderton认为，这项调查是证实政府降低合法喝酒年龄决定是个错误的有力凭证，他强烈要求将合法喝酒年龄提高到20岁。    “这个报告给我们传达了一个很让人困扰的信息，我们绝对不能忽视它。”他说。    但是其他国会议员以及酒精咨询委员会却表示，单单更改合法喝酒年龄也无法有效降低由于酒精而导致的负面影响。     该调查是由奥塔哥大学以及纽卡素大学的研究人员共同作出的。报告指出，与20-24岁年龄组相比，15-19岁年龄组的数据显示，因为酒精而引发的交通意外，男性高出12%-14%，女性高出24%-51%。</t>
  </si>
  <si>
    <t xml:space="preserve">济南二套房问题我是济南集体户口,媳妇是济南本地户口，我俩婚后在章 </t>
  </si>
  <si>
    <t>公积金里的钱的20倍就是你可以贷款那些钱。但也要看你房子的价格。二套房就是贷款的利率高。然后首付百分之60.。</t>
  </si>
  <si>
    <t xml:space="preserve">玫瑰花为什么开不大?见小区内的玫瑰花开得又红又大(几乎有碗口大) </t>
  </si>
  <si>
    <t>喜欢凉爽光照充足的生长环境，每天至少应有6小时以上的日照，才能出品质佳的花朵，它的生长适温在15-25℃，温度太高，较不适合玫瑰的生长，此外，通风良好也相当重要，闷热、潮湿而且通风不良的环境易使玫瑰植株患各种疾病，如黑斑病、白粉病等。目前培育场所一般有两种：庭园和阳台。庭园一般种植到日照好的场所，至少整个上午积向阳时间需在2-5小时；选择排水和通风良好的场所；移植前充分混入腐叶土或堆肥。阳台一般切实采取干燥措施；铺设帘子，不要在混凝土上直接摆放花盆；防止排水沟堵塞或漏水，也要考虑近居；放置在上午向阳时间在2-5小时的场所。    用土：适合玫瑰生长的土壤，必须具备疏松、通气佳和排水良好这3大要点。盆栽用土可用砂质壤土、蛇木屑、蛭石各一份来调制，而露土栽培的玫瑰，一定要选择不会积水的地点，种植前应将土壤翻松。对于庭园栽植，为了改善移植时庭园泥土的状态，在移植部分地方挖坑，除去不好的泥土，在挖坑的地方，混入具有团粒结构的红玉石和腐叶土及干牛粪。在以前种植过玫瑰花的场所，在移植新的玫瑰，可能会使玫瑰的生长发育恶化，在这种情况下，要更换全新的泥土。花盆栽植要使用红玉土中搀有腐叶土、干牛粪的泥土，混合土的比例如下所述，红玉土6成，腐叶土2成，干燥牛粪2成，若使用市场售的玫瑰用培养土，就简便易行。也可直接使用，为了更进一步提高勇气性和排水性，保水性搀2-3成的红玉土使用的话，可使用土达到最佳状态。    玫瑰是喜阳、较耐寒、耐旱的植物，如果种植在阴湿的地方，就会产生长势弱、开花少的现象。因此，必须将玫瑰种植在向阳、通风、空气湿润、排水良好的地方。种植时要施入足够腐熟的有机肥，种植后要浇足水。在以后的养护中，每年要在早春施1次催芽肥，开花前和开花期各施1次催花肥，以及入冬前施1次基肥；如果遇到早春天气干旱，要充分浇水以促使花芽的分化；开花期要培土，以延长开花的时间；秋后要适当修剪，以促使新枝的萌发。这样就能使植株在第2年开更多、更大、更香的花。</t>
  </si>
  <si>
    <t xml:space="preserve">IE主页的问题我的IE主页没有办法设置了，不知是什么问题，怎么可 </t>
  </si>
  <si>
    <t>应该是被恶意篡改后将设置屏蔽了，手工改需要该注册表，比较麻烦，推荐超级兔子，里面的IE修复很强大也很简单。</t>
  </si>
  <si>
    <t xml:space="preserve">轿车轮胎用哪个牌子最好,最静音? </t>
  </si>
  <si>
    <t>一般最常见的高档品牌还是米其林轮胎,不管从口碑和实际...利用电脑分析列出最静音的</t>
  </si>
  <si>
    <t xml:space="preserve">搬家放炮大师您好，前些日子您帮我选了搬家吉日，非常感谢。现还有一 </t>
  </si>
  <si>
    <t>放鞭炮只是“入宅仪式”的一部分，而且是龙套不是主角，只要您做好“开门、上香祭祖”，没放鞭炮，没关系的。虽然可以在小区大门口放，可是我觉得好像不起什么作用了那是您的心理作用，如果您觉得“入宅仪式”一定要放鞭炮，就在上香祭祖时，在“小区门口放”，放鞭炮前说明是哪一栋、哪一户，XX(您们全家的姓名)新居入宅，请祖先保佑全家平安吉祥。恭喜乔迁之喜，祝事事大吉。</t>
  </si>
  <si>
    <t xml:space="preserve">怎样和老公有共同的话题？他好像很不爱和我说话，多问几句他就很烦。 </t>
  </si>
  <si>
    <t>男人可能是因为工作而烦恼吧,多说些开心的话,不要?乱恍┘沂?只会另他更烦</t>
  </si>
  <si>
    <t xml:space="preserve">请问武汉到天津的火车车次时间 </t>
  </si>
  <si>
    <t>T236/237次,05:32武昌开车，到天津时间19:52.T254次,05:54武昌开车，到天津时间20:33.T121/124次,09:38武昌开车，到天津时间23:54.T254次,06:16汉口开车,到天津23:33.K367/K370次,08:00汉口开车，到天津00:55.2546次,15:56汉口开车，到天津次日11:57.T182/T183次,16:05汉口开车，到天津06:29.</t>
  </si>
  <si>
    <t xml:space="preserve">怎样才能产后减肥成功啊，求方法 </t>
  </si>
  <si>
    <t>关于减肥我很有经验。建议精油刮痧，可以促进循环，疏通经络，经络通了会更容易瘦。饮食注意清淡，不要吃高热量的食物，还有碳酸饮料，多吃豆制品、蔬菜，做到少吃多餐，吃饭时细嚼慢咽。多运动，比如游泳、跳绳、有氧操，都很消耗脂肪。总结来说，减肥就是消耗量比摄入量大就会瘦，一定要管住嘴迈开腿！（希望可以帮到你，如若对回答满意，请给个好评呗，嘻嘻，码字辛苦，谢谢你的采纳，好人一生平安。）</t>
  </si>
  <si>
    <t xml:space="preserve">目前最重要的问题~~~~~~~~~~~1.近期,人民日报,新华社 </t>
  </si>
  <si>
    <t>你好！建议不要追一线蓝筹和基金重仓，可以看看周五有所动作的电力能源板块、停牌的中石化代表的石化板块、汽车及已连续调整的二三线个股值得关注。</t>
  </si>
  <si>
    <t>巴里VS都灵1</t>
  </si>
  <si>
    <t>巴里 VS 都灵3333333333333333</t>
  </si>
  <si>
    <t xml:space="preserve">政治经济学概念马克思的劳动价钱理论是什么?请简要回答! </t>
  </si>
  <si>
    <t>马克思的劳动价值论的主要内容：- - 1）商品的二因素与劳动的二重性原理 使用价值--------具体劳动 价值----------------抽象劳动 2)价值量与劳动生产率的关系 商品价值量与生产该商品的社会必要劳动时间成正比，与劳动生产率成反比。 3）货币的产生与发展 货币是固定充当一般等价物的商品，是价值形式发展的完结阶段。 4）价值规律 商品的价值量由生产商品的社会必要劳动时间决定，商品交换实行等价交换。</t>
  </si>
  <si>
    <t xml:space="preserve">装在车里的GPS定位器跟踪功能的有没有？好不好用？防盗被偷能找回? </t>
  </si>
  <si>
    <t>"天天客来商城"  有个 PT16 GPS定位器。还不错你说的功能可以实现</t>
  </si>
  <si>
    <t xml:space="preserve">使用shift时发现的我在使用吹风的时候发现，用shift+c有 </t>
  </si>
  <si>
    <t>先关掉精灵之火的自动释放，就可以SHIFT在第一时间吹起对方了。</t>
  </si>
  <si>
    <t xml:space="preserve">魔10的小马是不是只会刷在右边?魔10小马1小时2个,是不是只会 </t>
  </si>
  <si>
    <t>随即刷的 本人那打驴打到过 霹雳法杖 ~！就是不知道多少时间刷一回 听朋友说他还打出过镇神 和蝙蝠~！</t>
  </si>
  <si>
    <t xml:space="preserve">假如地球不自转，会怎样？ </t>
  </si>
  <si>
    <t xml:space="preserve">如果地球停止自转,首先发生变化的日出日落的周期-----从现在的24小时变成365.2422天,那样的话,白天温度回很高,晚上的位置温度会很低很低,那时侯温度的变化主导因素不是纬度而是昼夜,这样全球的温差过大,将很难出演化出生命. 2.地球如果不自转,那么地转偏向力将不复存在.三圈环流将完全消失,代之以昼夜之间的热力差异,风从黑夜的部位吹向白昼的范围. 3.由于白昼范围温度过高,液态的水将无法存在,水汽蒸发,并随着气流到达夜半球,到了那里随着温度的降低,形成固体冰川,而白昼的范围将成为季节性沙漠. 4.地球的形状将是一个正球体. </t>
  </si>
  <si>
    <t xml:space="preserve">8块和14万的距离，就是两场的错误！（图）这就是差距，呵呵 </t>
  </si>
  <si>
    <t>司司好厉害呀，佩服！惋惜！！</t>
  </si>
  <si>
    <t xml:space="preserve">蚂蝗在人体内能存活么?昨晚做了个恶梦~~在田间走过，于是不小心碰 </t>
  </si>
  <si>
    <t>一般晚上做梦是正常的~只要不是经常做就行了！日有所思，夜有所想！可能你近期磕碰着了或看见别人有外伤了~蚂蝗是能够寄生在人体内的，一般情况下是不会通过咬破皮肤而进入人体的，如果人体长时间的处于某种开放状态，它就会通过人身体上的大的孔（比如：鼻孔、肚脐、阴道等）进入人体从而吸附寄生在人体内的，这时就只能通过手术取出寄生在人体内的蚂蝗了！</t>
  </si>
  <si>
    <t xml:space="preserve">请问让地球一圈有多长 </t>
  </si>
  <si>
    <t>地球一周即赤道一周大约四万公里</t>
  </si>
  <si>
    <t xml:space="preserve">取一个网名要求：创新，有寓意，并解释所寓意，简体字 </t>
  </si>
  <si>
    <t>所取的名字是；蔚娟。</t>
  </si>
  <si>
    <t xml:space="preserve">我是特种兵之火凤凰情人岛在哪 </t>
  </si>
  <si>
    <t>海南三亚情人岛</t>
  </si>
  <si>
    <t xml:space="preserve">女生该怎么样主动约男生啊同标题 </t>
  </si>
  <si>
    <t>女人约男人不容易啊，做差了容易跌份，不过有个参考，看看白娘子是如何约会心爱的男生的，白娘子很厉害哦，明明是她约的许仙可是看上去却像是许仙赖上来的，呵呵，你可以参考下。可以一起打球，或者修理什么东西，或者请他帮忙分析一下什么事情怎么处理等等，理由很多啊</t>
  </si>
  <si>
    <t xml:space="preserve">喝酒后第二天腰疼我今年27岁,前几个月老觉得腰疼,走路时间长了以 </t>
  </si>
  <si>
    <t>建议肾内科检查</t>
  </si>
  <si>
    <t xml:space="preserve">哪位高人给说说俄国的对外关系尤其事普京上台以后的？谢谢了啊!急啊? </t>
  </si>
  <si>
    <t>俄罗斯的外交政策是其国内政策的对外延续。作为原苏联继承者的俄罗斯，多次宣称要处理好同独联体其他国家的关系是其外交的第一位问题。事实也是如此。在俄罗斯作为独立国家出现的一年多来一直投入相当多的精力调整同独联体成员国的关系，力图解决好这个刚刚由于原苏联的解体而由内政转变为外交的问题。 但是，俄罗斯从来没有忽视独联体以外的国际交往。同解体以前的苏联相比，其对外政策具有明显的延续性，同时，也进行了一些调整。俄外交部长也公开表示俄罗斯的对外政策方针同苏联最近几年奉行的对外政策会有很大的不同。 所谓原苏联最近几年所奉行的对外政策，是指1985年戈尔巴乔夫和谢瓦尔德纳泽所制定和推行的对外政策。这一政策的特点是摆脱了意识形态的重负，开始把国家现实利益摆在突出地位。俄罗斯之所以基本沿袭原苏联总统戈尔巴乔夫的外交新思维不是偶然的，一是因为俄罗斯作为原苏联的主要组成部分和继承者，两者的基本利益相同；二是俄罗斯的主要领导人与原苏联主要领导人在国际问题上并无大的歧见，两者的思想体系相同。但是由于国际地位和地域政治的重大变化特别是国内越来越恶化的经济形势，俄罗斯不再像原苏联那样注重国家的政治影响，而优先考虑的是使国家的外交活动服务于正常的经济利益。 俄罗斯对外政策的目标是通过同西方的一体化，同西方国家结成盟友，树立俄罗斯的大国新地位，以在世界上重新发挥大国的作用。因此，俄把美国、西欧和日本放在外交最优先的地位，以便从外围进入西方的核心。1992年6月中旬到7月初不到一个月的时间里，俄总统对美国进行了正式访问和在慕尼黑西方七国首脑会议期间与他们进行了会晤。这些举动都表明了俄对外关系的目标。 这种外交显然是戈尔已乔夫新思维外交的继续和发展。新思维外交的一个集中体现就是戈尔巴乔夫1990年11月提出的建立钬?#21271;半球合作带钬?#30340;战略构想。这一战略构想表明戈尔巴乔夫不仅在价值观，而且在经济、政治乃至安全问题上都准备和西方认同，与西方紧密合作。在这一点上，俄罗斯总统叶利钦比戈尔巴乔夫走得更远，他甚至提出日后加入北大西洋公约组织。 俄罗斯外交以西方为首要重点，归根到底是为重振俄罗斯世界大国地位服务的。成为西方一员，包括两层含义：一是在经济和政治上完成转轨，走向经济市场化，政治多元化；二 是具有同西方主要国家相竞争的实力，特别是经济实力，同西方主要国家平起平坐。 在俄罗斯外交倾向西方的同时，西方对俄罗斯也采取了积极的态度。为了完成俄罗斯的政治多元化、经济市场化和私有化，以及其他各个领域的内部改造，西方拟定了一份对包括俄罗斯在内的独联体各国提供240亿美元贷款的决议。 但是，西方各国并非真心让俄罗斯强大起来。吸收俄罗斯参加以它们为主导的各种机构，目的是限制和改造俄罗斯，利用俄罗斯控制原苏联的巨大核武器库和稳定独联体，防止独 联体爆发南斯拉夫那样的武装冲突而损害其安全利益。所以西方各国继续通过裁军谈判削弱俄罗斯的力量，阻止其现代化，并企图通过各种军事合作的措施来改造俄军和军工 企业，还以高薪搜罗俄国军事科学和军工企业的高技术人才。 西方的这些做法不仅是防止拥有巨大潜力和扩张传统的俄罗斯重新强大起来后对其安全构成新的威胁，同时也是因 为他们与俄罗斯的利益并非完全一致，两者之间的很多矛盾 己有所暴露。如在俄日之间，俄罗斯并不轻易地愿意把日本求之若渴的北方四岛归还给它。又如俄罗斯向国外出售军事装备和武器的问题，这种出口是俄罗斯创汇的重要来源，俄明确表示它不仅要保持原有的武器市场，还要开辟新的市场，对象包括美国和其他西方国家力求加以限制的第三世界国家。 另外一方面，俄罗斯争当世界大国的立场一直暴露得十分明显，而西方对俄罗斯大国地位的追求抱有戒心。原苏联解体前后，俄罗斯领导人就反复声称俄要重新回到与其他大国共同参与世界事务中去。原苏联刚一解体，俄罗斯就主动提出由它继承原苏联在联合国安理会常任理事国的席位，由它控制原苏联的核按纽。这都是为保持世界大国的地位而作的部署。1992年1月，俄罗斯又不顾国内存在的种种危机，坚持在莫斯科召开第三阶段中东和谈会议，为使会议能按期召开，甚至对阿拉伯国家施加政治压力，这都反映了它不甘没落、争当 大国的心理。 在俄罗斯倾向西方的同时，并没有完全忽视东方。相反，为了探索符合本国国情的经济转轨模式以及周边地缘政治情况的重大变化，俄罗斯的政治和外交的重心略向东移。俄罗斯很多权威的战略家持有这种观点。他们不甘心让俄罗斯沦为西方的小伙伴，力求利用俄地跨欧亚、包容多种文明和不同宗教的独特地位，在东西和南北之间起到别国无法取代的协调作用，而使俄罗斯再次跻身于世界的领导者行列。他们认为，俄罗斯应当特别注意巩固在东方的阵地，在不可能进入西方经济体系的若干年内，应致力于增进同俄罗斯经济发展要求类似的第二梯队国家的关系，这些国家包括中国、印度、土耳其以及东南亚、拉美和南欧的一些国家，它们都致力于加入世界经济一体化而实行经济改革，而又不失自己的民族特点和尊严。这些权威性的理论必然对俄罗斯外交政策产生一定的影响。而且，东方诸国的经济发展模式对俄罗斯有较强的吸引力。作为正致力于国内经济改革的俄罗斯政府，必然要把国家现实的经济利益作为对外政策的一个重要因素来考虑。 政治和外交东移的另外的重要原因有：在地理上，乌克兰、白俄罗斯和波罗的海三国已基本把俄罗斯同东西欧隔离开来。俄罗斯现在在欧洲只同芬兰接壤，此外就是还拥有加里宁格勒这块飞地。俄罗斯失去了白俄罗斯和克里米亚，西部边界比俄帝国时向东缩了一大块。乌克兰和波罗的海三国，还都同俄罗斯有摩擦或矛盾。中亚几国的独立和它们比较坚决地维护独联体，它们周围的穆斯林国家之间以及这些国家和西方大国之间在中亚展开的争夺，都决定了俄罗斯必须更加重视穆斯林世界。此外，俄联邦内部的亚洲因素也在增强。除了开发西伯利亚这一长远的经济战略要求外，在联邦内闹独立最严重的两个穆斯林共和国枣鞑靼斯坦和车臣一印古什也在东方。 俄罗斯对外政策的另外一个重要趋向是力图充当独联体在国际上的代言人。 原苏联解体后，原苏联的各加盟共和国都变成了享有完全主权的国际法主体，并得到国际社会的普遍承认，但俄罗斯仍把独联体各成员国看作自己的势力范围，力图凭借其特殊地位和传统影响推行以俄罗斯为中心的外交政策，充当独联体各成员国在国际上的代言人。为此，它积极推动独联体建立外交磋商机构，以实行协调的对外政策。它还以原苏联的继承者自居，抢先接管原苏联的133个驻外使馆，并将它们改为俄罗斯使馆，然后邀请独联体其他成员国在其使馆派驻代表。1991年12月13日，独联体成员国首脑阿拉木图会议结束之后，俄外长立即以独联体代表的身份向美通报了会议的结果。由于独联体各成员国存在一定的共同利益和价值取向，它们在对外政策上同俄保持某种协调关系，并在不同程度上接受其影响是难免的，但它们决不会同意俄罗斯充当自己的代言人。俄罗斯外交政策分析 孙午生 　　[内容提要] 自俄罗斯独立以来，所制定、实施的从全面西倾到全方位的外交政策， 与其独特历史传统、地理位置、政治文化、经济发展及国际形势密切相关，其中，大国思想始终是其外交政策中心、宗旨。作为邻国我们关注俄罗斯外交政策发展变化十分必要。　　[关键词] 外交政策　内外因素　地理位置　政治文化　　[作者简介] 孙午生，1966年生，中央党校博士研究生。(北京　100091)　　俄罗斯自独立以来，外交政策始终与其民族历史、国家安全、经济和军事利益密切相联，而大国思想、强国之梦为立国之本。因此，俄罗斯对外政策当面对复杂的国内因素和多变的国际环境时，认识与反应快速灵活，及时调整方向，适时地维护国家民族利益。作为邻国我们分析俄罗斯外交政策的变化发展意义十分重要。　　一　历史传统因素　　俄罗斯是近代以来国际社会中最具独特性国家之一。自沙俄以来的400余年历史进程中，它始终保持着世界性大国地位，而且它强有力的进取性态势始终备受关注。从1547年伊凡四世自称沙皇到20世纪初，俄罗斯由一个地处欧洲东部、占地43万平方公里的大公国，发展到二战结束时已拥有2 240万平方公里土地的庞大帝国。直到今日，作为苏联主要遗产继承者的俄罗斯，仍然拥有其他任何国家无法比拟的幅员。　　俄罗斯领土扩张分封建式的扩张时期与封建式和资本主义式扩张交融时期，后一时期基本建构了苏联的巨大版图。而十月革命后至苏联解体前，从斯大林的有限扩张到勃列日涅夫时期力求取代美国、独霸世界的战略目标来看，尽管此时的社会制度已发生了根本性的变化，但大国战略仍在继续。就是当今俄罗斯的对外政策仍不难看出历史的痕迹：以强大的核军事力量作后盾，依托具有超制度、超时空性的民族大国意识，力图显示其独特的自我改造能力，捍卫俄罗斯的利益，扩大合作，积极参与国际安全活动，力争将目前巨大的压力转化为重新崛起的动力和机遇,为新一轮的发展奠定基础。正如马克思所说，俄罗斯传统外交之老练，就体现在它能孜孜以求地长期追索它所期待的目的 [1] ，这充分反映出俄罗斯的民族性格和历史传统一面：俄罗斯“帝国的一举一动都暴露出它那想把整个欧洲变成斯拉夫种族、尤其是这个种族的惟一强有力的部分即俄罗斯人的领土的野心……” [2] 　　二　国内现实因素　　1991年～1993年年末，是俄罗斯抛弃社会主义制度，向西方模式演变的启动阶段。俄从苏维埃制转向三权分立制，从一党制转向多党制，从公有制转向私有制。这期间的对外政策也恰如当时国内政局一样，全面西倾。但是俄罗斯似乎忘记了一点：外交关系不是单方面的，而是双方各自利益需要的交汇点。对西方国家来说，其根本需要是巩固所谓冷战胜利成果。西方口惠而实不至的援助，使俄罗斯经历了政治、经济及社会生活诸领域剧烈震荡，转而逐渐放弃“休克疗法”，放慢向西方模式转型的势头。在对外关系上，1996年1月，欧洲—大西洋派的外交部长科济列夫被免职，标志着俄罗斯向西方一边倒对外政策的终结和独立自主、东西兼顾的全方位外交政策的最终确立。　　1996年7月叶利钦再任总统后，对改革路线进行了大幅度调整，提出政治上和谐和睦，经济改革慎重行事，社会领域改革稳步进行等。俄罗斯的转轨已不再盲目狂热，进入了一个渐趋务实的阶段。尽管俄政府几度更迭，亚洲金融危机冲击，社会抗议活动不断，地方分离主义抬头，外交活动显得力不从心，但俄罗斯仍注重发挥大国作用，如在科索沃冲突、伊拉克武器核查危机、美英联合空袭伊拉克等国际热点问题上，积极参与，协调立场，为和平解决地区危机，积极自主地设定在国际社会中的坐标，以求最大限度地实现自己的利益。　　普京入主克里姆林宫后，政治上实行务实主义，逐步建立了执政党体制，排除财阀，加强中央集权；在经济上实行改革开放和市场经济，目前俄罗斯经济虽未摆脱多年的困境，但国内总产值增长率达到7%，工业增长率约为9.5%，农业增长率10年来头一次增长了3%，国内工资约增加了25%，实际收入增加了近10%，创过去15年来的最高纪录；在外交上奉行独立自主、东西兼顾的外交政策，使俄罗斯全方位外交得到了深化和发展。在过去的一两年，俄罗斯外交异常活跃，普京访问了从英国、法国到蒙古、中国、日本、印度、朝鲜的欧亚地区的几乎所有重要国家，展开了凌厉的外交攻势，其中有三个外交举措格外引人注目。其一，普京亲临杜马讨论，敦促杜马于2000年4月14日、21日批准了《俄美第二阶段削减战略武器条约》和《全面禁止核试验条约》，从而掌握核裁军的主动权，阻止美国修改《反弹道导弹条约》和部署国家导弹防御系统；其二，2000年7月19日，普京访问平壤，使俄罗斯外交在朝鲜半岛取得了突破性的进展；其三，2000年10月，自普京访问印度，两国关系直线发展，在政治、经贸等领域，尤其是军事领域的合作更加密切。2001年5月4日，普京在致函印度总理瓦杰帕伊时，视印度为“最重要伙伴”和“战略的优先方向”。　　新世纪之初，俄罗斯在“内部目标高于外部目标” [3] 的前提下，不断调整国内各项政策，整顿秩序，加强外交力度，对西方的态度较前强硬。其目的是在“单极”与“多极”较量仍然继续的今天，充分、合理地发挥俄罗斯自身作用，使俄罗斯的大国外交思想得以延续。用俄罗斯新一届议会国际事务委员会主任罗戈津的话说，俄罗斯的原则就是“合理的民族利己主义”。　　三　国际因素　　冷战后，国家间关系更加复杂。尤其在俄美关系上，美国沿袭了“胜者全得”的思维定式，通过安全领域内的北约东扩和经济领域内的诱压并用对俄罗斯进行限制。俄罗斯对美国企图建立“一极世界”公开表示不满和反对。俄罗斯同美国矛盾主要表现在两个问题上：首先，在如何建立冷战结束后欧亚大陆的安全体制方面，俄罗斯建立“大欧洲”的主张同西方要以北约作为欧洲安全体制基础的立场发生了对立。其次，在经济关系、独联体、伊朗、伊拉克、美部署国家导弹防御系统的计划等问题上，俄都采取了与美国对抗的政策。但据俄《消息报》报道，美认为，俄对美的国家利益构不成威胁，不会严重影响到世界局势，不会使其朝着不利于美国的方向发展。显然，美俄在地缘政治和战略安全上的深刻矛盾将长期制约两国关系发展。美对俄防范加挤压的政策以及遏制俄的战略没有、也不会发生根本变化，而俄罗斯对美国会维持一种“非敌非友”、妥协与斗争并存的外交战略。 　　随着俄欧关系不断升温，西欧在俄对外战略中地位突出。“融入欧洲”代替“笼统西化”已成为俄外交政策重要目标，其突出表现在两个方面：一是经济合作成为俄欧合作重点，俄明确提出了加入欧盟的目标。德国的“社会市场经济模式”在俄受到关注与欢迎；二是“联欧抗美”的倾向显现。俄主张建立“欧洲人自己的大欧洲”，对美在欧洲的地位提出公开挑战，增强俄罗斯地缘政治和地缘经济的活动空间。普京继任以来，俄欧关系依然是俄外交政策的重中之重，连续出访欧洲各国，掀起了一股不小的普京热。尽管西欧国家与美国在欧洲乃至世界政治、经济、安全等方面存在一些分歧和矛盾，但它们之间维护自己在国际体系中优势地位的根本战略利益是一致的，因此即使俄与西欧国家关系取得一定进展，也不会超过美欧关系的水平，俄的“联欧抗美”策略不会取得太大成效。　　俄与中东关系。中东在世界政治、经济中占有突出地位。在俄罗斯战略棋局中，中东是俄罗斯抗衡美国发挥影响的重要政策舞台。1994年以来，该地区形势发生一些变化，例如，美国不愿过深地卷入中东事务；中东大多数阿拉伯国家厌美情绪增强；阿以双方力量对比失衡等等情况，为俄罗斯中东外交政策提供了有利场所。但是，自美国“9.11”事件后，中东地区形势骤变，复杂难测，俄要把中东作为全方位外交的重要战略板块，道路更艰难。　　俄与亚太地区关系。俄罗斯把改善与亚太地区关系作为外交的重要方面，力求通过东方外交增大与西方抗衡的筹码。加入亚太经合组织，参加亚太地区经济大循环，建立稳定的经济合作机制，这是俄罗斯亚太外交实质性突破。俄还积极参与亚太地区新安全机制的构筑，推进对中亚地区安全与合作产生重大影响的“上海合作组织”的成立，与中、印、朝、越、蒙、韩、日及东盟国家加强联系，确保东部安全，发挥大国作用。与此同时，俄与拉美及非洲国家的关系也在恢复和加强。　　凡此种种，充分表明俄依照其政治作用和地理位置，以全方位外交为手段，实施既不与西方对抗，也不与东方结盟的平衡、进攻型外交战略，积极推进世界多极化发展，力保大国强国地位，不断强化俄罗斯在世界各地的形象与影响。　　四　地缘政治因素　　俄罗斯独立后的地缘政治和地缘战略特征发生了很大变化，新独立国家将欧洲与俄国拦腰斩断，俄国与亚洲中部地区也同样被拦腰隔断。其新的地缘形势是：其一，原东欧国家，改革进展比较快，而且都希望加入西方经济体系；其二，俄罗斯同波罗的海三国、白俄罗斯、乌克兰和摩尔多瓦这些国家的关系复杂；其三，穆斯林民族占多数的中亚国家。现今的俄罗斯地缘政治结构有四个因素：其一，就领土、人口和自然资源而言，俄国领先于任何一个欧洲国家；其二，俄国在其整个历史上无论是东方还是西方都没有过确切的边界，致使它为了稳定周边地区经常搞扩张，这反而加重了心理负担；其三，就地理以及政治和文化而言，俄国处在欧亚之间，这就使它从未体验过真正的归属感。　　俄罗斯独特的地理位置，成为俄罗斯民族保障国家安全的独特力量和手段，形成了它独特的安全观：从最初寻求生存的领土安全，到扩大势力范围的帝国安全，到确保独特的欧亚大安全，地缘政治思想已成为俄罗斯制定对外政策的一个重要因素。如今新邻国（中东欧国家、乌克兰、白俄罗斯和中亚国家）的出现对俄罗斯构成了新的安全问题：其一，对东欧霸权的丧失使西部安全屏障比苏联时期向东后退了1 000公里，苏联解体又使俄罗斯的防御前沿向东后退了1 000公里，莫斯科地区成了防御前沿；其二，各加盟共和国的独立形成了权力真空，也使俄面临众多边界问题，如俄势力在离心力较大的乌克兰、格鲁吉亚、阿塞拜疆和摩尔多瓦等国遭到排斥；其三，俄境内民族与原苏联其他共和国境内民族有千丝万缕的联系，特别是穆斯林民族，他们境内散居着的俄族人或操俄语民族，是一个潜在的冲突根源，如关于北高加索地区的民族分离势力、摩尔多瓦的俄罗斯少数民族问题等；其四，原苏境内许多重要军事基地都在非俄罗斯共和国境内，如拉脱维亚的预警雷达设施和空军基地等，俄要进入这些军事设施都将引起麻烦……由此可见，当前俄罗斯面临的主要安全威胁是，从中亚、东欧至南欧的巴尔干地区这一“地震带”，不断的武装冲突及其向周边蔓延的趋势，其中以巴尔干地区冲突最为激烈、持久。1999年3月24日开始的以美国为首的北约对南联盟科索沃地区及其主要城市进行大规模的空袭，其目的之一是向俄罗斯展示美国的威力，敲山震虎。俄罗斯也相应采取对策，加强了对原苏联地区(“近邻”)、亚洲安全和经济方面的参与，如俄对波黑危机的处理，对中亚经济一体化的插手， 独联体国家经济协调委员会在莫斯科授意下的建立，推进俄、白、哈、吉、塔五国联盟等种种举措，都蕴含着深刻的地缘政治信息，充分显示出生存、安全、独立是国家最重要的利益。　　五　政治文化因素　　俄罗斯文化处在东西方两种文化的交界处，受到东西文化的共同影响而具有两重性：一方面表现出独特的民族个性和具体实用的文化，在社会制度上具有抵御外来文明侵蚀和武装侵略的功能；另一方面它还具有洋为己用的传统和功能。这一文化的力量源泉就是大俄罗斯主义，而文化的宗教性又萌发了俄国人的救世主义情怀，认为俄国是“惟一被赋予某种使命并正在把整个欧洲作为某种腐朽物、面目狰狞的恶魔和注定要灭亡的东西而加以推翻的国家” [4] 。 正是这一“救世主义”情怀成为俄罗斯人灵魂深处“大俄罗斯主义”思想的理论基础，进而为沙皇的侵略扩张提供了依据。其实，“这种俄罗斯救世论思想，无论以官方意识形态出现，还是以经过加工后的知识分子的理论出现，或者作为群众的‘大国’心理，过去是，现在仍然是大国意识的思想基础，也是向往在世界上起特殊作用的思想基础” [5] 。　　俄罗斯独立后，在自由主义指导下的西欧主义或大西洋主义，强调彻底倒向西方，外交政策目标就是寻求变迁中的俄罗斯经济、政治、社会和文化等制度得到西方国家的认同、援助并接受，最终成为西方大家庭中的一个强国。然而，大西洋主义下的西倾政策得到的只是俄罗斯的国际声誉一落千丈，民族尊严、民族自尊心受到极大损伤。随着大西洋主义西倾政策遭到社会各阶层的痛斥，20世纪90年代中期，俄罗斯外交政策的重点开始转向“国家利益”和“民族利益”，从而产生了一股强大的民族主义潮流，权威主义取代自由主义便成为俄政治文化中的主流。与此同时，以强调国家利益为中心的欧亚主义又开始盛行。　　曾出现于上个世纪20年代的欧亚主义之所以能够在当前的俄罗斯外交舞台上受到重视和运用，有三方面缘由：一是欧亚主义的视角，其现实基础在于强调欧亚大陆这一特殊地缘政治，植根于对版图的控制和防御。这体现了俄罗斯的历史文化、地缘政治和民族心理的完整统一；二是欧亚主义总是表现出一种生生不息的大国色彩，突出民族利益、国家至上，强调俄罗斯是伟大东西方的结合，是完整的巨大世界的同时，也强调俄罗斯民族是有前途的民族，它能在国际舞台上发挥更大的作用。这些正是目前俄罗斯重塑自身形象所急切需要的；三是欧亚主义从一开始就展示着一种东方倾向，如果没有亚洲部分俄罗斯就不会成为世界大国。这种紧紧抓住亚洲的东方趋向正与当今俄罗斯所面临的国内需求和外交现实相吻合。我们清楚地看到：在政治转轨过程中，俄罗斯政治文化的演变反映了俄对外政策的演变。如果说从自由主义到权威主义反映了政治发展的合理化、有序化和制度化倾向，那么从西倾政策到全方位的外交政策则更表明了这种深深地扎根于本国政治文化和民族精神的对外政策，才会成熟、灵活和持久。</t>
  </si>
  <si>
    <t xml:space="preserve">我的一个朋友的她和她的恋人已经分手了男的出轨了她只知道60%的情? </t>
  </si>
  <si>
    <t>那40%是什么东西？会改变这场爱情的结果吗？如果会有改变的因素，那就该告诉她，选择权在她的手里，而不是你！如果那40%只是60%的衍生，那就没必要说了！结局都已经注定了，何苦再撒把盐呢？毕竟分手了的她，还是会伤心难过的！</t>
  </si>
  <si>
    <t xml:space="preserve">鬼道能群怪么我刚玩诛仙。想知道什么职业好省钱，我不是人民币玩家所 </t>
  </si>
  <si>
    <t>当然是青云了 ，相当于法师  群攻很多的....... 105以后群怪可以1滴血...甚至90级 就可以体验到1滴血的 乐趣....呵呵  祝你游戏愉快..</t>
  </si>
  <si>
    <t xml:space="preserve">请问，现在都有哪些权证上市了？都有哪些权证上市了？他们的代码分别 </t>
  </si>
  <si>
    <t>现在已发行上市的仅宝钢权证（580000）一家，已发行和将发行的有：G宝钢、G长电、鞍钢新轧、白云机场、新钢钒、武钢股份和万科A，其中带G的，权证已派发，其余的公司权证尚未派发，也就是说，还含权。</t>
  </si>
  <si>
    <t xml:space="preserve">有那为大虾有没战士攻击力计算公式,越简单越好!谢谢我知道战士的技 </t>
  </si>
  <si>
    <t>弓手智力不会增加任何物理攻击力(战神另说啦),你可以到官网去查,用不着在这里浪费时间等待问题的答案,还有就是17173的论坛,有很多人从官方公式推算出来些小技巧................................</t>
  </si>
  <si>
    <t xml:space="preserve">具体问题，请大家帮忙了！大前提：企业与员工之间没劳动合同，以下加 </t>
  </si>
  <si>
    <t>1、周日加班需要支付《》第四十四条第二款规定的“不低于劳动者本人工资百分之二百的工资报酬”。 2、法定节假日加班，应支付《劳动法》第四十四条第一款规定的“不低于工资的百分之三百的工资报酬”； 周六加班，应支付《劳动法》第四十四条第二款规定的“不低于劳动者本人工资百分之二百的工资报酬”。3.、由于国庆节的法定节假日只有三天，而国庆节七天的休假中，包含着应正常休息的一个周六、周日及提前休息的一个周六、周日。因此，企业规定“国庆前一周日正常上班，但只放10月1至10月6日，六天。”未休而要求正常工作的第七天，属于下一个工作周提前调至的周日，故应支付《劳动法》第四十四条第二款规定的“不低于劳动者本人工资百分之二百的工资报酬”。4、可以。5、这个问题可参阅《中华人民共和国劳动争议调解仲裁法》第二十七条“劳动争议申请仲裁的时效期间为一年。仲裁时效期间从当事人知道或者应当知道其权利被侵害之日起计算。前款规定的仲裁时效，因当事人一方向对方当事人主张权利，或者向有关部门请求权利救济，或者对方当事人同意履行义务而中断。从中断时起，仲裁时效期间重新计算。因不可抗力或者有其他正当理由，当事人不能在本条第一款规定的仲裁时效期间申请仲裁的，仲裁时效中止。从中止时效的原因消除之日起，仲裁时效期间继续计算。劳动关系存续期间因拖欠劳动报酬发生争议的，劳动者申请仲裁不受本条第一款规定的仲裁时效期间的限制；但是，劳动关系终止的，应当自劳动关系终止之日起一年内提出”的规定。但建议尽早提出，因为在部分地区对拖欠工资及加班费请求的裁决和判决，只支持两年。</t>
  </si>
  <si>
    <t xml:space="preserve">女孩是喜欢有钱的?帅的?还是真心对她好的,但是没钱,长相一般的? </t>
  </si>
  <si>
    <t>这个问题啊  好难回答哦 呵呵漂亮点的喜欢有钱的 还有安全感的 但是请你记住 如果你有钱  那么你就容易泡到手  因为我这里就有个现实的列子 几天就到手~~~~~帅的也有  但是却不长久 帅点的都是花心的 当然 不排除意外真心对她好的 比较重要 但是却不要太好了  有时候也要狠一点这个我是深有体会 对她太好 会觉得你别有用心没钱长相一般的就需要一个安全感的 这个你自己去考虑吧 怎样对待是你个人的看法  和个人的意愿</t>
  </si>
  <si>
    <t xml:space="preserve">为什么这样内能会增加？为什么0摄氏度的冰变成0摄氏度的水，内能会 </t>
  </si>
  <si>
    <t>从热力学第一定律来看，系统吸热，内能增加。0摄氏度的冰变成0摄氏度的水时，水分子的运动能力增加了。</t>
  </si>
  <si>
    <t xml:space="preserve">如果我效仿采妮每天来幽兰给大家提问大家会介意吗？采妮好久不来。感 </t>
  </si>
  <si>
    <t>没有人刷屏，不热闹。屏刷得漂亮，不容易。期待小兔兔</t>
  </si>
  <si>
    <t xml:space="preserve">我是否能顺产我怀孕将近39周，于今日做产检时发现胎儿仍未衔接。我 </t>
  </si>
  <si>
    <t>　　如果头盆不合则可造成难产</t>
  </si>
  <si>
    <t xml:space="preserve">有开新速腾的吗？它到底有没有ESP，它的ESP功能如何，有体验的? </t>
  </si>
  <si>
    <t>相比全新速腾的操控性方面是否有所减弱的问题，我们更关心的是全新速腾ESP功能配备情况，而这个配备情况也早已成为城中最热门的话题之一，一汽-大众厂家方面向我们保证新速腾车型将依旧保持全系标配ESP功能，没有开关按钮只是厂家设定不能关闭而已，放心~~~</t>
  </si>
  <si>
    <t xml:space="preserve">"桃花源"用英文怎么说？ </t>
  </si>
  <si>
    <t>直译： the Peach Garden    Arcadia意译： the lost world       the ideal world英文里面有个词是 Shangri-La 即香格里拉  出自 James Hilton 的 小说 Lost Horizon意思跟中文里面的桃花源也是对等的个人觉得 Shangri-La 最贴切楼主自己琢磨一下  O(∩_∩)O~</t>
  </si>
  <si>
    <t xml:space="preserve">时长牧羊现在改TL套图多少钱1套？ </t>
  </si>
  <si>
    <t>差不多要60W一套，这个图现在还在升值。哪会任务刚关的时候是30W一套。要是这个任务不在开的话我估计能涨到80W到100W左右一套。以后可以拿这套图换好东西，先别着急卖！</t>
  </si>
  <si>
    <t xml:space="preserve">上个月11号来的月经，这个月10号射到里面，今天12号还没来，吃? </t>
  </si>
  <si>
    <t>这还说不定，再过一陈子看看吧！</t>
  </si>
  <si>
    <t xml:space="preserve">新FB懂得来MM天天有人喊新FB不知道怎么下我75MM给个去FB </t>
  </si>
  <si>
    <t>你说的是71-85XFB吧，MM主要还是血多点好，我也是MM，不过83了，队伍一般是，1MM,2MG,2WX,1SS，队长一般都是SS，【因为SS，XFB不累，有时间，所以要SS做队，可以开光环，当然不专业的人是不能做队长的，】，MM主要的任务就是保护好队友咯，都是开阵的，一关没光环，所以元要自己搞，【(*^__^*) 嘻嘻……这个是多余的】，MM的阵都是开在两WX靠后，MG在MM左右开箭阵，一关杀完第四波怪，要退到鬼母那个光圈那里，杀完就出去，开始挖豆豆，WX群怪，SS跑票，MG挖豆豆，卡到BB了，皆大欢喜，卡不住就要MM进去扛BB了，第二关有豆豆了，就可以开光环，回蓝的，所以MM往后面的任务就是开阵了，【MM的阵都是开在两WX靠后，MG在MM左右开箭阵】，WX站神之眼那里群怪，后面几关都是开阵，MM，MG比较爽，第一关BB，闪雷【近身杀，所有职业近身，MM站怪身边群加】，第二关BB，蚀生，【MG扛的，有反的，还能去状态，所以要MG扛，WX,SS扛基本反死，MM加MG就好了，】后面几关BB都是SS扛，MM加好就行，第九关，元素之主，【这个是秒杀MM的，我4000的血被秒杀，这个就是MM开盾加SS，盾没了就后退，注意要给SS解毒】，通关了可以掉8级石头，火红黄尘，白雾，锐利，还有8级5行石头，都是随即的，【听说有掉9级石头的，目前没遇到过】，到第5关会随即奖励幻仙或者天书碎片，对我回答还满意不、(*^__^*) 嘻嘻……                                                                                                            ~!!!!!没见过1MM通关？我想问问你们多久没玩完美了？条条大路通罗马，全职的玩过么？1MM高效率通关队，虽然说杀元素是秒MM的，但MM开盾给老虎解毒，没盾乱跑开，治疗开到5的情况下，基本不怎么给老虎加血，三楼的1SS 1WX 2MG 2MM，这队伍现在下XFB没人这样组，2MM是浪费，我现在在电5御风，不信可以去问问，四楼说什么天方夜谭？，你过时了，社会变化狠快的，也在不断更新。</t>
  </si>
  <si>
    <t xml:space="preserve">谁知道伊维兰隆下巴价格贵不贵？效果好吗？想下巴尖点，这个做起来会 </t>
  </si>
  <si>
    <t>不是很贵不过看去哪了，楼主不妨去广美整形美容医院看看我觉得他们那里还是不错的，很多女性朋友都在那里做过治疗的，楼主要是想了解直接百度下就行了</t>
  </si>
  <si>
    <t xml:space="preserve">看新闻，哪个中文网站最好？ </t>
  </si>
  <si>
    <t>看新闻找新浪你没有听过么?呵呵新浪其实还是不错的不过我个人比较喜欢SOHU</t>
  </si>
  <si>
    <t xml:space="preserve">如何通过给定的家庭住址找到家庭电话号码？我要进行一项医学研究，目 </t>
  </si>
  <si>
    <t>1、根据通讯地址,查找所要查询人员的街道或区县乡村居委会地址和电话号码,打电话到居委会查询(询问)所要查询人员的电话号码.2、根据已知通讯地址上所载明的省、市、区地址，通过通用电话号码薄查找区号，再打人员所在地区的区号下的114查询电话，告知想要查询人员的家庭住址、姓名、工作单位等详细情况，请求查询电话号码。3、上本网，在此知识人问答中-提问找人。并在问题补充中将想要查找人员的通讯地址、工作单位、姓名等情况做简单介绍，让亿万网友替你解决。他（她）的熟人、朋友、同事、亲戚等会告诉你。祝你成功！</t>
  </si>
  <si>
    <t xml:space="preserve">请问北京优生优育办公室的电话是多少号？ </t>
  </si>
  <si>
    <t>你去下列网站看看： 　　</t>
  </si>
  <si>
    <t xml:space="preserve">新手问题？？？杰克的牙齿和眼球是干什么的？打怪掉了一大堆。都不知 </t>
  </si>
  <si>
    <t>那是新出的新手任务，你包里有个提取器吧，右键点击使用，就回给东西，药水或者卷轴</t>
  </si>
  <si>
    <t xml:space="preserve">简单的问题找出下列各句中的错误并改正1。Doesshehashe </t>
  </si>
  <si>
    <t>1.Does she has lunch ?2.She would like a pizza with some olive.3.The restrant has no hamburger.4.Tomatoes and potatoes are my favourite food.5.I would like a medium hamburger.</t>
  </si>
  <si>
    <t xml:space="preserve">onex怎么关闭GPS </t>
  </si>
  <si>
    <t>主界面---设置键---个人---位置服务器---gps项勾选就ok了</t>
  </si>
  <si>
    <t xml:space="preserve">急！什么时间段最容易怀孕？月经来后的多少天或曰哪个时间段最容易怀 </t>
  </si>
  <si>
    <t>安全期，你懂不？？就是月经前7和后7，其它时间很容易怀上的!~~是的，嘿嘿，要是身体没什么问题就是啦！！！</t>
  </si>
  <si>
    <t xml:space="preserve">孕妇适合擦什么化妆品么？有什么化妆品适合孕妇擦，孕妇适合用化妆品 </t>
  </si>
  <si>
    <t>孕妇要慎用化妆品。孕妇的皮肤由于怀孕受到激素的影响和为了肚子宝宝健康的着想，尽量少用化妆品。最好要选择纯天然成分的，无添加的护肤品。市场上具有良好口碑的亲润这个牌子的豆乳系列是很适合孕妇能用的护肤品之一。</t>
  </si>
  <si>
    <t xml:space="preserve">成为范芙黎地域代理难么？怎么样才可以成为范芙黎的地域代理，有谁已 </t>
  </si>
  <si>
    <t>地域代理？我姐当时也想过这个，但是我姐还是决定就从代理商做起，慢慢做在考虑地域代理。他们公司的好吗官网上有。你可以打电话详细咨询一下的。</t>
  </si>
  <si>
    <t xml:space="preserve">新开的任务接不到，请问一下LV47被污染的怪物皮(可重复)　　L </t>
  </si>
  <si>
    <t>应该是因为你的等级太高造成的，新的任务是为了拟补玩家在五 六十级时没有任务做才开的！并不是为所有的玩家而开设的！你接不到也属正常！</t>
  </si>
  <si>
    <t xml:space="preserve">我的任9单，这样买行吗？？？拉齐奥22日01:00卡利亚31帕尔 </t>
  </si>
  <si>
    <t>热 刺 vs 维　拉 ---现时澳盘半一中水不稳，关注!!</t>
  </si>
  <si>
    <t xml:space="preserve">无措中大家好,请问大家一个事,我今年28岁了,下月准备结婚了,可 </t>
  </si>
  <si>
    <t>你老公当然不会笑你，反而感觉你很纯洁，大多数男人还是比较喜欢矜持的女人，特别是你和他的第一次。这方面的事情你不用过于紧张，和结过婚的闺中密友聊聊天，让他们开导开导你。</t>
  </si>
  <si>
    <t xml:space="preserve">感恩片谢谢大家这久以来对我的问题的关注,可是,我累了,删号了!! </t>
  </si>
  <si>
    <t>楼主您好：游戏毕竟是是生活的一部分，是不重要的，楼主如果觉得累了的话，我觉得也是该休息的时候了。看看书，听听音乐，自己写写东西，约朋友出去玩玩，这都是好的。一个网络游戏玩久了，必定会让人懒惰以及情绪话，这些都是会影响基本生活的，我也不希望楼主因为玩生肖传说耽误了自己。希望楼主能更好的挖掘自己，祝你生活愉快。加油哦！</t>
  </si>
  <si>
    <t xml:space="preserve">糖尿病患者能吃糖吗？ </t>
  </si>
  <si>
    <t>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可以，但一般不吃吧。当血糖低的时候，是可以吃的。</t>
  </si>
  <si>
    <t xml:space="preserve">人们对消遣与学习的看法?我在书图书馆上班.上班时,时不时的听读者 </t>
  </si>
  <si>
    <t>我也认为,如果不学以至用,读书无异于游戏.</t>
  </si>
  <si>
    <t xml:space="preserve">封阳台阳台13平米，封一下大概需要多少钱呢？ </t>
  </si>
  <si>
    <t>封阳台是按照阳台周长乘以你要封的高度计算的。所以，你单单给出阳台的面积是不够的。而每平米单价跟你用什么材料来封有关系，比如是塑钢的，还是铝合金的；也跟你选用什么牌子的塑钢和铝合金有关。如果用塑钢，海螺牌的比较好，单层4mm的玻璃单价在150左右，如果用铝合金，凤铝的比较好，单层4mm的玻璃单价在200左右。</t>
  </si>
  <si>
    <t xml:space="preserve">请问阿九兄~~在哪里能看到即时的凯利指数的变化及赔付率？九兄，看 </t>
  </si>
  <si>
    <t>我知道.想知道吗？中奖给我一点.</t>
  </si>
  <si>
    <t xml:space="preserve">什么笔记本电脑好啊 </t>
  </si>
  <si>
    <t>有刻录功能的</t>
  </si>
  <si>
    <t xml:space="preserve">如何养生调理正如题目所讲，如何更好的养生与调理，最好说的具体些， </t>
  </si>
  <si>
    <t xml:space="preserve">以下方法试试1、通周辅助法体态、呼吸、意念：采用高位撑的体态，在沙发扶手、桌子、床头等两尺高以上的地方均可以习练，开始只做简单的机械，不管呼吸，不加意念，待两臂感到微酸，累的时候，开始加意念并配合呼吸。身体向下时吸气，用全身的毛孔往里吸，要吸满。起身时，双手支住身体，全身放松，不要急于做连续动作。在支起的过程中休息一会儿，起身时呼气，意想体内的真气顺尾闾往上走，经督脉，百会降入下丹田、会阴。一呼呼一圈，连续撑一阵后放松站立一会，便可收功。功效：1、增强内气，经常练这一式，会感到内气沿着后背一片片地往上运行。平时坐站的时候，也经常出现尾闾处有气往上升，且面积很大，这都是真气充足的表现。2、治疗督脉上的疾病，因气足时要冲击两侧俞穴，故又是对上半身的全面调理。2、睡觉锻炼体态、呼吸、意念：开始是仰卧，全身放松，两手置于身体两侧，进行体呼吸，吸气时，意想宇宙间真气通过全身毛细孔吸进来，呼气时，意想全身的病气、浊气通过全身的毛细孔射出去射透天边。做一阵以后，放弃吸射的意念，一切顺其自然，只知道自己还在练就可以了，也可用侧卧方式习练，身体向右侧卧，右手心向上，置于头侧，左手放在左胯上，两腿自然弯曲，进行体呼吸，意念同上，。可在练习态中入睡，睡醒时不要急于起床，可在床上闭目习练体呼吸，待全身有了气感后，再起床，这种在练习态中睡着，又在练习后起床的功法，等于一宿都在练，凡各此类情况均为好现象，不必惊慌害怕，也不必欣喜，，要注意保持平静，一切顺其自然。功效：对神衰、失眠、多梦的病症有特殊疗效，长期习练易入定。3、行走锻炼：体态、呼吸、意念：行走时脚跟先落地，要一步一个脚印的走，呼吸时采用体呼吸，即吸气时，意想宇宙中真气通过全身的毛细孔吸入体内，呼气时，意想全身的病气，浊气，疲劳之气通过全身的毛细血管射出去，射透天边，呼吸要与走路的速度相结合，不宜快行。功效：练出自然换气的功能，脚跟先落地，可以调动肾经，故有强肾固本的作用。4、跑步锻炼：体态：慢跑，呼吸、意念：体呼吸，即吸气时，意想宇宙中真气通过全身的毛细孔吸入体内，呼气时，意想全身的病气，浊气，疲劳之气通过全身的毛细血管射出去，射透天边，呼吸要与跑步的速度相结合，不宜太快。注意事项：练跑时，舌尖始终抵住上齿龈，口中出现口水时，标志内分泌系统已经活跃，可将口水分几口咽入肚内。慢跑时，身体上下起伏不要太大，注意平缓。功效：主治干燥综合症，加强内分泌系统功能；全身性调理。5、颤抖法：体态、动作、意念：两脚踏地与肩同宽，两手自然下垂，两腿微曲，全身松立，眉心舒展，面带微笑，全身做有规律的上下颤抖。颤抖一阵以后，身体松立，意想全身的病气、浊气、疲劳之气顺着已经通畅的经络排入地下，排一阵病气之后，放弃排病气的意念，意守下丹田静养一会儿，内视真气再体内运行的情况，最后深呼吸三次，将气沉入下丹田做为收功，此功可以随时随地练，不受场地限制。呼吸：自然呼吸。功效：排病气；主治神经衰弱、头晕、头胀，习练之后有一种形象高大的感觉，头脑清醒。尤其适合脑力劳动者习练；是一种全身性的调理，练后周身轻松。6、以音助气立掌法：体态、呼吸“两臂向下伸直，指尖向上抬起，掌根下按，呼气时发出鼻音，同时放松两臂、两手，以音催气，沿两臂下行，体会手心感觉。也可将两手立掌向前推出，两臂平举。功效：疏通两臂经络，帮助发放外气，用劳宫发出的气为热气，对治疗寒症效果较好；可治疗两臂上及与手三阴手三阳有关的脏腑疾病。 </t>
  </si>
  <si>
    <t xml:space="preserve">有人看过失落的家园？ </t>
  </si>
  <si>
    <t>很不错的里面有个叫塔莎的小恐龙；和一个叫臭臭的小猴</t>
  </si>
  <si>
    <t xml:space="preserve">我在读书时，有一种冲动，想要把读的东西升华一下写成读书笔记。但是? </t>
  </si>
  <si>
    <t>楼上的朋友写得很好，学习了。谈一些体会：读书笔记，写不好没关系，关键在于别放弃，坚持写下去。写读书笔记不是万事俱备只欠东风的活儿——我掌握了足够的技巧、具备了足够的知识，就等着有一本一本的好书让我来阅读、做笔记了。如果为了学术研究，有了明确的课题，那做笔记实际上是资料的搜集、整理和分类，目的性极强，要有高超、高效的技巧。如果只为了自己阅读，那我觉得，这样的笔记，并没有好或不好之分，只有真假之别：是不是写下了自己的真想法、真感受、真性情，体现了自己真实的水平。读书笔记是写给自己的，是帮助自己阅读、理解、领悟、认知的。所以，写多写少没关系，关键是要有真实的内容。无论是摘抄原书内容也好，自己的心得也好，在你往笔记本上写下这些字的时候，有一种不得不写的冲动。书中的文字打动了你，你自己有了真实的感受，不吐不快，这样写下的文字，对你来说就是有意义的。中的很多事情不是准备好了才上的，读书做笔记也是一样，读书不就是为了更好地思考和领悟生活吗。遇到书中打动你的文字，摘录而外，那些因书中文字而触动你心思的身边事、不了情、白日梦等等不都可以借此机缘重温、提纯一下吗？如果这样记笔记，那么读书实际上就是在阅读中感受生活、思考人生。所以，不用担心写得少、甚至写得很幼稚，从简单到丰富，从幼稚到逐渐成熟，不仅仅需要阅读范围的扩大和阅读量的积累，更需要你的阅历和思考，所谓读万卷书、行万里路就是这个意思。</t>
  </si>
  <si>
    <t xml:space="preserve">冲值问题，急刚开使玩魔兽，买点卡是买2张吗？一张用来认证CDKE </t>
  </si>
  <si>
    <t>对,一张卡可以换一个CDKEY 一般还带20小时的游戏时间(6区新区前15级好象是免费的),另一张卡可以冲值,一张卡可以冲66小时</t>
  </si>
  <si>
    <t xml:space="preserve">请问明年的房价还会涨吗?近几年房价攀升,而老百姓的购房热情不减, </t>
  </si>
  <si>
    <t>2003年6月以来，政府土地政策和消费信贷政策收紧，使得中国房地产市场投资与消费景气度开始逐步降温。而2004年中国房地产市场的表现，实际上是在延续着2000年以来房地产投资与消费热潮的惯性。这种降温趋势，我们也可以从近年房地产企业广告投放量变化中得到佐证。而2004年房地产价格继续攀升不过是通货膨胀加剧、人民币升值预期以及土地供给减少、新楼上市量下降等诸多因素的综合反映。预计2005年在利率上升和消费周期行将结束的情况下很可能将改变价格上升趋势，会产生一个价格回调的过程。因此，如果说2004年中国房地产市场表示出来的态势是谨慎乐观、有惊无险的话，那么我们对2005年的看法则是十分谨慎，而对2006年则是不乐观。我们认为，中国房地产市场的景气度已经开始离开此轮周期高点，正在步入周期的调整阶段。房地产市场井喷式需求将向常量需求转化，市场也会更加理性和成熟。基本观点：1）土地政策评估○虽然土地拍卖政策在2004年出现了各种各样的问题，但是政府在2005年的土地政策依然不会有根本性的调整，因为土地作为地方政府的收入来源已经表现为刚性特征。○拍卖土地的价格居高不下，以及房地产开发商无法轻松地将土地上升的成本传导到产品中去，将是2005年的一个市场特征之一。政府在土地政策的不让步、消费者趋于理性的消费，使得房地产开发商不得不让利的局面在悄然地形成。○随着土地获取的难度和成本加大，房地产开发企业将开始转变以往重视开发规模，产品向着精细化、个性化方向发展。2）信贷政策评估○我们预计2005年房地产信贷的亮点在银行房地产信贷资产证券化方面。由此可能带来房地产开放试点，从而使得与以上政策形成良好的资金对接。由于房地产基金投资组合的要求，也使得房地产开发项目得到部分关照，但是其中更多地表现为个案。○政府对房地产开发企业的信贷政策将更加向大型企业倾斜。目前全国范围内能够得到银行大额授信的房地产开发企业不到20家；能够得到银行信贷顺利支持的在200家左右。○香港房地产基金市场可能在2005年有实质性的发展。随着香港证券交易所对房地产基金投资地区和对象的放松，内地部分房地产项目将首先受益，并且内地物业资产打包在香港发行基金可能性也在上升。3）利率变化影响○2004年10月29日首次加息，它的真正影响可能在2005年第二季度才能显现，甚至不能排除在这个过程中，央行进行第二次加息。人民币加息主要是对国内房地产消费者和投资者有所影响。而美元持续加息对海外投资者影响也值得关注。○我们预计此轮加息周期长度为18个月，个人房贷利率将达到5．8％或6．5％的位置。○加息将不可避免改变房地产消费者消费预期，使得房地产消费中的投资者深受影响，并且让其中各类的在房地产方面投资、消费的透支者得到一次房地产风险教育。4）汇率变化影响○人民币汇率是否在2005年有所调整，我们无法知道，但是它的动向将直接影响海外投资者和部分国内投资者在房地产市场的投资行为。我们认为人民币汇率调整以下三种情况，对2005年高端楼盘有着不同影响。首先人民币汇率出现调整，我们认为部分地区的高档楼盘价格就会出现飙升，部分地区房地产潜在泡沫和泡沫倾向将显性化，甚至由此吹爆；其次是像目前的情况，人民币汇率处于传闻或猜测阶段，由于朦胧升值预期使得海外资金不断地涌入。特别值得提到的是台湾地区、韩国、日本等地，由于它们本币近期兑美元升值明显，加上人民币与美元挂钩的特征，使得其中追求利润资金投入人民币资产之一的房地产将是无法阻挡；最后一种可能是，如果政府明确表示在2005年人民币汇率不做调整，那么将影响外资流入的速度与规模。同时期美元利率的继续调升也将成为海外投资中国房地产的一个变数。○我们预计国内高档楼盘在2005年海外推销将是一个必然选择，海外华人将是一个重要消费群体。而2004年年底到2005年第一季度是一个较佳促销时间段。</t>
  </si>
  <si>
    <t xml:space="preserve">韩庚&amp;天天向上韩庚在4月6号录天天向上时为何突然离场？ </t>
  </si>
  <si>
    <t>好像是天天向上私自公开了他绯闻女友的照片</t>
  </si>
  <si>
    <t xml:space="preserve">两只粉红练哪知好一只掉3血1敏1饭第二只掉2攻3敏1防 </t>
  </si>
  <si>
    <t>自然练第2只,第一只掉了3血,粉红的优势一下就被抹杀的差不多了,第2只掉3敏,粉红本来就出手慢,不掉敏都最后一个出手</t>
  </si>
  <si>
    <t xml:space="preserve">医生PK问题谁能教教医生卡技能问题,越详细越好, </t>
  </si>
  <si>
    <t xml:space="preserve">卡人的方法都一样的啊，就那么几种，跑卡，表情卡，脱装备卡 下面为找来的1篇文章的介绍内容 一、表情卡：打开表情窗口trl+A，将某一动作拿到快捷键上，比如将笑（哭，怒，开店，打坐，攻击等）的动作拿下，与所要放的技能一起放到快捷键相邻的地方。PK时，点击对方，同时按下表情动作笑与技能键，眼睛看好技能格子，当技能变黑一圈，就是卡到对方一次，称为虚招，这样可以重复5次左右就可以分开动作与技能键按，变实招，实招后只能按技能放出几下而成倍数减少对方血条。（如77技能枪，两下发放，就算你出虚招有多少次，他的去血倍数也是两倍，80技能枪是三下，所以有三倍，68技能枪是一下，所以他是一倍，也就是卡不成对方！）事实，能卡出技能的前提就是技能先表情出的快，否则卡不出。 好与坏：用在人多，地方少，自己的防备性底，要与精九一起用才能做到GF自如。否则只能与对方比出招的快慢。 二、换物卡：打开包裹窗口，点击对方，放出技能后的同时，右手点击武器（耳环，衣服等装备），这就出现了技能卡，是虚招，要与后来的实招相对来使出才有效，方法也同表情卡差不多，也是几下的技能减几倍血，这种卡法一般少人用。 好与坏：与表情卡一样用在人多，地方少，自己的防备性底，要与精九一起用才能做到GF自如。否则只能与对方比出招的快慢。 三、跑卡：分一般跑卡与延时跑卡（我自己所用卡法，卡出来比较有成就感，也是卡法中最难的一种），如下： 1、一般跑卡：点击对方，当技能放出的瞬间（技窗口变黑时）同时点击旁边地上两下以上，使技能不能够放出来，为虚招。重复两次以上，再直接对着对方出技能，这就有倍数的去血法。 2、延时跑卡（应该说最厉害的一种，在5秒左右能够随自己所想时间放出技能，相对其它卡法，比较简单难学，学会后能让人觉得有一个字~~爽）：点击对方，当技能放出的瞬间（技窗口变黑时）同时点击旁边地上两下以上，使技能不能够放出来，为虚招。重复两次以上，再次点击对方，当技能放出的瞬间（技窗口变黑时）同时点击旁边地上一下，重点为一下，就不必管自己所跑的地点（只要在5秒左右内，你所用的最后这一点不管在何处，就会放出技能，为实招）随人物放出技能，完成三下卡血。 </t>
  </si>
  <si>
    <t xml:space="preserve">为什么要为爱痴狂？当你面对爱的时候，你会不顾一切去追求，但是爱你 </t>
  </si>
  <si>
    <t>因为爱是一切不平等与不合理的根源．是无法去思考，也是没有道理可讲的．不要再问为什么了，爱就是屈服．一个人会因此变得十分卑微，迷失直至完全失去了自己．彻彻底底的．．．失去．</t>
  </si>
  <si>
    <t xml:space="preserve">眼镜片排行榜?前几天想去配幅眼镜,可店员拿出的镜片有好多种而且还? </t>
  </si>
  <si>
    <t>国外的一般很贵，现在国内做这行也好了，你不防选一些国内的品牌也很不错，不过在实体店的眼镜都很贵，你可以先到实体店去挑好你想要的，再到网上比较专业的眼镜店进行购买也行，像可得网，口碑不错，你可以去看下，希望能帮得到你</t>
  </si>
  <si>
    <t xml:space="preserve">急！！液晶显示器变色！开机的时候英文字母什么都是淡黄色的。有时候 </t>
  </si>
  <si>
    <t>首先请确认电源供电正常，没有电压不稳情况，然后可尝试重新插拔电源线以及信号线，避免没有插紧导致异常。最后可通过更换显卡的方式以确定显卡输出信号是否有问题。如果经过上述步骤仍没有解决问题，请将产品送往产品品牌服务中心检测。服务中心的信息您可以通过如下操作查询（大致是这样的，各个品牌有些不一样）：登录厂商品牌的官方网站==&gt;服务支持==&gt;服务网点==&gt;选择您的产品、省份、城市。</t>
  </si>
  <si>
    <t xml:space="preserve">圣诞节送什么的问题上周，我发现有另外的一个男的在追她，可是当我去 </t>
  </si>
  <si>
    <t>送颗真心前提是，你确定她是你一生的爱男人应该稍微大度一点 既然她哭着来请求你的谅解 给你解释（注意，你所谓的“辩解”已经加入了愤怒的感情成分在里面了）你可以试着学会原谅温柔但不乏严肃的告诉你内心感受 告诉她你的在乎 沉默和争吵都无法解决问题反而会让问题矛盾加剧，到有一天她真的因此离开你后悔都来不及好好冷静下来想想吧我觉得  你的名字  你的语气   感觉你是个缺乏安全感 内向的男孩是个小正太吧（笑）加油吧~！</t>
  </si>
  <si>
    <t xml:space="preserve">谁知道关与施耐庵的事关与施耐庵的资料总是很少 </t>
  </si>
  <si>
    <t>施耐庵，原籍江苏兴化。他出身船家，家境贫寒。童年时随父至苏州。13岁时在苏州附近的浒墅关读书。二十九岁时中举人，30岁赴元大都会试，结果落第。经友人推荐，到山东郓城任训导。在山东他遍搜梁山泊附近有关宋江等人的英雄事迹，熟悉了山东的风土人情。施耐庵35岁考中进士，到钱塘任县尹。但只当了两年，便因与当道权贵不合，愤然悬印回到苏州。张士诚农民起义队伍占据苏州以后，施耐庵投笔从戎，为张士诚的幕僚，这使他熟悉了农民起义军的军营和许多起义军首领。后发现张士诚等首领日益骄逸，料日后必败，随后离开张士诚部，随居在常熟河阳山和江阴祝塘一带以教书为生，并潜心创作《水浒传》。张士诚失败，朱元璋在苏州搜捕有关人员，施耐庵只得为避祸而回到苏州，到现属大丰市的白驹镇定居，并继续《水浒传》的创作。传说施耐庵写《水浒传》，有一段时间是在一座小楼上。他有一个习惯，当写作思路一时堵塞时，就情不自禁地“啧啧”有声。他家养了一条小狗，当它听到主人“啧啧”时，就以为是唤它吃食，连连跑上楼来。施耐庵一见，他咂嘴，狗上来；他跺脚，狗下去。时间一长，那块楼板竟被跺断，小狗也因找不到食物而饿死了。《水浒传》书成后，民间广为传阅。朱元璋看到此书后很生气，很快施耐庵被捉，关进刑部天牢。后来在刘基的帮助下，托病就医被释放，由其弟子罗贯中接到淮安暂住养病，并继续整理《水浒传》。不久施耐庵去世，遗体安葬在淮安，后迁移到兴化白驹场施家桥。抗日战争时期，当地抗日民主政权将施耐庵墓整修交立碑保护至今。</t>
  </si>
  <si>
    <t xml:space="preserve">电脑配置和网通能玩吗?我用的网通线路,不知能玩奇迹世界和天下贰吗 </t>
  </si>
  <si>
    <t>显卡 5200玩奇迹世界开最底还是可以的。。。但是天下2开最低还是卡。。。因为我也是5200。。。我都玩过了。。。显卡最底推荐 6600</t>
  </si>
  <si>
    <t xml:space="preserve">怎么做牛肉丸子适合1.5岁孩子来吃？牛肉丸子加入什么孩子喜欢吃？ </t>
  </si>
  <si>
    <t>取筋少的牛肉，最好是牛里脊，用刀背先砸，砸烂后顺纤维刮，把肉泥刮下，余下的筋不要，加入等量汤／适量油／淀粉／蒜蓉，顺一个方向搅拌，做成小丸子放在盘上蒸熟，蒸的好处是不会老．最后蘸点酱油或番茄沙司吃即可，如果先加入盐，丸子会变硬．加入蒜蓉孩子很爱吃．番茄沙司更了獐的最爱！</t>
  </si>
  <si>
    <t xml:space="preserve">我34服的希望能开总坛戒指在不开就要死服了我们荣誉每次辛苦的把五 </t>
  </si>
  <si>
    <t>您的意见我们会和公司反应,谢谢您对我们游戏的支持。</t>
  </si>
  <si>
    <t xml:space="preserve">到底几点才可以充值?9C给个点啊 </t>
  </si>
  <si>
    <t xml:space="preserve">都下午 1点43分了   还打不开   9C说话难道当作放屁？\\我和楼上的一样 也是SS  昨天晚上2：30  在ZG 掉了  就没上来说11点开 现在还没开  ~~  </t>
  </si>
  <si>
    <t xml:space="preserve">降半旗有何意义，为何要降半旗，怎么降半旗 </t>
  </si>
  <si>
    <t xml:space="preserve">降半旗的由来 这一，起源于英国，至今已有三百多年。1612年，有艘英国船「哈兹伊斯号」在搜寻一条海上轨道时，船长被北美洲海岸的爱斯基摩人所害。在返航时，船员们以降半旗的方式向死者致哀。久而久之，以降半旗来表示哀悼便成为一种国际惯例，且一直沿袭至今。 降半旗的由来   国旗法规定:降半旗是把旗升到旗杆顶部后,再降到旗顶与旗杆顶距离为旗杆全长的1/3处。 1976年1月8日，周恩来逝世时，设在美国纽约的联合国总部门前的联合国旗降了半旗。这是非常罕见的事。自1945年联合国成立以来，世界上有许多国家的元首先后去世，联合国还没有为谁下过半旗。 一些国家感到不平了，他们的外交官聚集在联合国大门前的广场上，言辞激愤地向联合国总部发出质问：我们的国家元首去世，联合国的大旗升得那么高，中国的总理去世，为什么要为他下半旗呢？ 当时的联合国秘书长瓦尔德海姆站出来，就在联合国大厦门前的台阶上发表了一次极短的演讲，总共不过一分钟。 他说：“为了悼念周恩来，联合国下半旗，这是我决定的，原因有二： 一是，中国是一个文明古国，她的金银财宝多得不计其数，她使用的人民币多得我们数不过来。可是她的周总理没有一分钱存款！ 二是，中国有10亿人口占世界人口的1/4，可是她的周总理没有一个孩子。你们任何国家的元首，如果能做到其中一条，在他逝世之日，总部将照样为他降半旗。” 说完，他转身就走，广场上外交官各个哑口无言，随后响起雷鸣般的掌声。瓦尔德海姆机敏而锋利的谈吐，不仅表现了他机智无比的外交才能，同时也反映了我们敬爱的周总理的高尚品格是举世无双。参考资料： </t>
  </si>
  <si>
    <t xml:space="preserve">天堂币怎么换点卡就是如何用天堂币换取游戏点卡 </t>
  </si>
  <si>
    <t>目前只有非法交易～没有如同大话西游那种正式得天币换点卡得服务，希望以后会有</t>
  </si>
  <si>
    <t xml:space="preserve">麻疹病毒从传染病角度讲是什么，从免疫角度讲是什么 </t>
  </si>
  <si>
    <t xml:space="preserve">[思路分析]该题要求对免疫的几个问题应有一个准确的认识①传染病的概念，②免疫的三大功能，③体液免疫的机制，④传染病的五个类型。麻疹病毒从传染病角度应是病原体，但从免疫角度，病毒在引起他人患病的同时，又促使人体产生了抗体，所以病毒是抗原。麻疹属呼吸道传染病。麻疹病毒侵入人体后，B淋巴细胞会产生具有免疫作用的抗体，又具有记忆能力。这种免疫当属特异性免疫中的体液免疫。[解题过程](1)麻疹病毒从传染病角度讲是病原体，从免疫角度讲是抗原。(2）麻疹属于呼吸道传染病，麻疹病毒侵入人体后，淋巴细胞会产生具有免疫作用的抗体,该细胞以后又具有记忆能力。(3）这种免疫属于特异性免疫中的体液免疫。 </t>
  </si>
  <si>
    <t xml:space="preserve">看我的电脑配置?显示器:三星T190P:$1150CPU:E74 </t>
  </si>
  <si>
    <t>P43主板 价位 高了点 建议用华硕全固态P45也才700 出头显卡 蓝宝 的可以了 不要用影弛的 老花屏硬盘也建议用 西数   希捷的前段时间出点问题了光驱 看需要  不装也可以</t>
  </si>
  <si>
    <t xml:space="preserve">腱鞘囊肿会在术后一个月就复发的吗?我的腱鞘囊肿刚做完手术,可刚一 </t>
  </si>
  <si>
    <t xml:space="preserve">    是什么部位是腱鞘囊肿？若在术后一个月再次发现增大，有可能是手术处理不完全有残留组织，另外也有可能是术后新生肉芽的发应！是不是癌细胞最好是要做该部位组织的病理检查，这才是最准确。    建议你先咨询一下你的手术医生这种现象是怎么情况？    我个人的看法这种现象应该是术后新生肉芽的发应。请先放心！相信医生会给你很好处理的。祝你健康！！！！</t>
  </si>
  <si>
    <t xml:space="preserve">治疗甘油三脂高的良药有哪些，副作用小的，中药好还是西药好？ </t>
  </si>
  <si>
    <t xml:space="preserve">高脂血症的合理治疗北京大学人民心内科陈江天高脂血症是冠心病的重要危险因素。全面调脂——降低总胆固醇、低密度脂蛋白胆固醇、甘油三酯，升高高密度脂蛋白胆固醇，在冠心病防治中非常重要。　　血脂是指血中的中性脂肪（如甘油三酯）和类脂（如胆固醇、类固醇、磷脂和糖脂），这些脂质不溶于水，必须和载脂蛋白结合为脂蛋白后才能转运。所以高脂血症也称做高脂蛋白血症。可以简单将其分为：高胆固醇血症、高甘油三酯血症、混合型高脂血症和低高密度脂蛋白胆固醇血症。　　按病因又可分为：原发性高脂血症和继发性高脂血症。　　不同国家和地区分别制定了血脂异常标准。1997年我国制定了适合中国人群的血脂异常防治建议。根据高脂血症患者是否存在动脉粥样硬化病和冠心病危险因素分为三类：无动脉粥样硬化病，无危险因素；无动脉粥样硬化病，有危险因素；有动脉粥样硬化病。糖尿病被认为是冠心病的等危症，所以开始治疗水平和治疗目标值等同于动脉粥样硬化病患者。针对这三类情况分别制定了不同治疗方法的开始阈值和靶目标值。　　高脂血症的治疗包括：      治疗性生活方式的调节包括饮食控制、增加运动和戒烟。运动中的最高安全心率为170减去年龄。　　药物治疗血脂仍不达标者需选择调脂药物，大致分为：他汀类、贝特类、烟酸类、胆酸鳌合剂以及其他，包括中药、不饱和脂肪酸。高胆固醇血症患者主要选用他汀类药物。高甘油三酯血症患者主要选用贝特类药物。混合性高脂血症患者占总高脂血症患者的40％，当甘油三酯＜500mg/dL时，首先降低LDL－C，待LDL－C达标后再考虑降甘油三酯；如甘油三酯＞500mg/dL，首先降甘油三酯，以防发生急性胰腺炎。另外混合性高脂血症患者也可采用他汀类和贝特类联合用药，可减量联合使用，也可两类药物交替使用。低高密度脂蛋白胆固醇血症往往合并高甘油三酯血症，首先按高甘油三酯血症的原则治疗。对单纯的低高密度脂蛋白胆固醇血症可选用贝特类或烟酸类药物。　　需注意的是，药物剂量和药物效果之间绝非线形相关，药物剂量加倍，降低总胆固醇的作用仅增加5％，降低低密度脂蛋白胆固醇的幅度仅增加7％。而药物剂量加倍，副作用却增加。他汀类和贝特类药物的主要副作用有胃肠道副作用、肝脏毒性和肌肉损害。长期使用贝特类药物可使胆结石发生率增加。除给患者耐心解释副作用外，应密切观察定期监测，用药后6～12周询问不良反应，化验转氨酶和肌酸激酶。　　患者一旦出现转氨酶升高，就要停药或减药，复查转氨酶。并告知患者正常后继续应用该调脂药物或换用另一种，未必再次出现肝脏毒性。用调脂药前使患者明确可能出现肌无力、肌痛等副作用，如果出现肌酸激酶水平达正常10倍水平，则需立即停用并复查肌酸激酶，否则可出现横纹肌溶解症。    </t>
  </si>
  <si>
    <t xml:space="preserve">你们好，现在我们这边有很多学校有学数控车床，是学两个月，学费是1? </t>
  </si>
  <si>
    <t>两个月学数控车只能是白白的浪费你宝贵的金钱，就是到学校学几年出来也是中看不中用。我的手下有十几个专门学数控的大专生，其水平都不如到我这学徒的高中毕业生。看你的情况应该是工作了吧，我建议你在付出你来之不易的金钱时要考虑清楚是否值得，你是否要选择数控车作为将要长期从事的职业？如果是，那么建议你到工厂去做数控车学徒，只要你勤学肯问，一年的时间里就可成为一名师傅，最重要的是你可学会车削工艺。 祝你早日在工作上有所成就！！！</t>
  </si>
  <si>
    <t xml:space="preserve">人们在天堂，都会干什么？不用吃来，不用睡，都在聊天，不怕累？ </t>
  </si>
  <si>
    <t>估计也是百无聊赖，所以才才会有那么多下凡的安究O(∩_∩)O~</t>
  </si>
  <si>
    <t xml:space="preserve">银行账户管理办法的有关问题根据《银行账户管理办法》的规定，存款人 </t>
  </si>
  <si>
    <t>是指转让帐户由使用人转入的金额累计。</t>
  </si>
  <si>
    <t xml:space="preserve">糖尿病引发眼底出血我父亲因糖尿病引起左眼眼底出血，水肿。一年前因 </t>
  </si>
  <si>
    <t>再次出血就说明原来的病情没控制住，血糖不稳定还有激光没有跟上，激光不是打一次就一劳永逸了，要定期复查根据情况补打，现在的情况要看出血量，如果比较少可以观察等出血吸收打上激光，如果出血量较多，自行吸收无望就尽早做玻切手术</t>
  </si>
  <si>
    <t xml:space="preserve">生活技能问题6的嗜血星副多少的吸啊？ </t>
  </si>
  <si>
    <t>4级嗜血之心:8-14 5级嗜血之心 :10-19 6级嗜血之心:11-24 7级嗜血之心20-49</t>
  </si>
  <si>
    <t xml:space="preserve">红豆打绿豆一拳,绿豆打红豆两拳.猜猜是什么动物. </t>
  </si>
  <si>
    <t>绿豆蝇（赢）</t>
  </si>
  <si>
    <t xml:space="preserve">最近纠结于东风S30AT、长城C30CVT、奇瑞A32011，能? </t>
  </si>
  <si>
    <t>长城腾翼C30如果上CVT，售价会在8万左右，跟风神S30的价格差距就几乎没有了，当然是不值得买的。2011款奇瑞A3添加了1.8自动挡车型，售价也不可能在8万元左右，估计在9—10万元。所以，最好的选择还是东风风神S30。这款的技术成熟、做工完善、空间宽敞。基本就等同于加长加宽的爱丽舍，不过变速箱比爱丽舍的要可靠。</t>
  </si>
  <si>
    <t xml:space="preserve">经常幻想与一个异性恋爱经过，这属于精神有问题吗此异性是我曾经喜欢 </t>
  </si>
  <si>
    <t>这当然不算咯~严格的说,这仅仅是你由于得不到而产生的对自己的一种安慰罢了。就是因为从未发生过，而使你产生了心灵上的失落感，为了驱散这种失落感，你不得已又编出了新的谎言来欺骗自己。这是人之长情，你不必担心。我想，只要你能够开始一段新的恋情或者主动联系上那个异性，把你心里所想坦诚的告诉他，相信这个问题就可以轻易的解决了。加油吧~我相信你会成功的！</t>
  </si>
  <si>
    <t xml:space="preserve">加拿大材料到香港领事了，还有多久才有消息呀？？ </t>
  </si>
  <si>
    <t xml:space="preserve">香港总领事馆递交的申请，关于移民签证进度要上移民局网站查询，如下： 先写移民申请档案号码，再写你的姓（拼音）后面一步一步按照要求填写就得到进度结果了。如果你遇到麻烦给我发消息，我可以再解释   上面连接考到地址栏。或者到北京的加拿大使馆上也有cic连接（注意：下面的主数据库连接，蓝色的字）：  </t>
  </si>
  <si>
    <t xml:space="preserve">驾校科目二三要间隔半个月才可以考？如题悲催了 </t>
  </si>
  <si>
    <t>差不多，半个月已经算挺快的了，当中间隔时间长也只是为了让你有多点的时间来练习，来准备的，这样么你才能轻松的通过考试，假使当中只间隔几天，那就会来不及练习准备了，到时候考试能不能通过都是个问题了。</t>
  </si>
  <si>
    <t xml:space="preserve">为什么播不全？视频上传后，起初是正常的，过了几天之后，再播的时候 </t>
  </si>
  <si>
    <t>有时是网络传输错误，缓存文件不被刷新。可能和浏览器的缓存有关，请清除缓存再试。</t>
  </si>
  <si>
    <t xml:space="preserve">美无人机学会空中加油将发挥小间谍卫星作用了增强无人机的基本性能， </t>
  </si>
  <si>
    <t>我觉得这个问题问得很现实，谈谈我自己的想法吧。无人飞机可以加油确实是个提升其战斗力的好方法，但是加油恰恰是它的软肋。无人飞机加油显然不会飞到离基地太近的位置，因为目前这些长航时无人机速度都不快，为了加油往飞回太多就没有意义了。所以可以断定，加油机就在战区附近。利用这一点，我们可以搞对空无人攻击机，以无人机打无人机，以毒攻毒。毕竟长航时无人机的机动性不会太高，研制以其为目标的对空无人机难度不会太大。这样还可以顺便把对方的加油机也搞下来，无论这个加油机是有人还是无人的，都应该很好对付。同时发展高空预警飞艇，专门捕捉高空长航时无人机，做到早发现早攻击。总而言之，无人机再好也有它的弱点，只要抓住了它的弱点，就没有我们战胜不了的。希望我的想法能让楼主满意。</t>
  </si>
  <si>
    <t xml:space="preserve">从广东省汕头市坐车去福建省漳州市需要多少钱'坐什么车'需要多少个? </t>
  </si>
  <si>
    <t>汕头市到漳州市 票价最高为：68元（始发车站：汕头市汽车中心站、发车时间：08:05、里程：227公里、车型：豪华座位）， 票价最低为：68元（ 始发车站：汕头市汽车中心站、发车时间：08:05、里程：227公里、车型：豪华座位）</t>
  </si>
  <si>
    <t xml:space="preserve">我的电脑可以正常启动,但是开关指示灯不亮,为什么? </t>
  </si>
  <si>
    <t>　　１、灯坏了。　　２、线断了。　　３、插错了。　　４、主板该部分不供电了。　　呵呵...</t>
  </si>
  <si>
    <t xml:space="preserve">如果把一个小小的图片放大而且画面效果一样？不要会模糊的那种 </t>
  </si>
  <si>
    <t xml:space="preserve">我的网络硬盘有一款放大图片不失真的软件，汉化版本有注册码我的网络硬盘： </t>
  </si>
  <si>
    <t xml:space="preserve">玛雅文明起源？玛雅预言都有哪些？ </t>
  </si>
  <si>
    <t>　在古代世界文明史上，玛雅文明似乎是从天而降，在最为辉煌繁盛之时，又戛然而止。十六世纪中叶，西班牙殖民主义者，顺着哥仑布的足迹，踏上中美土地，来到了玛雅部落。玛雅人委派通译者佳觉，向西班牙第一任主教兰多介绍了自己的文明。兰多被玛雅典籍中记载的事情吓坏了，认为这是“魔鬼干的活儿”，于是下令全部焚毁。经过这番浩劫之后，玛雅主人一下子神奇地失踪了，他们灿烂的也随之成了哑谜。　　300年后，年轻的美国外交官斯蒂文写了一本《旅行纪实──中美加帕斯和尤卡坦》激起了人们研究玛雅文化的热潮，于是不少人致力于研究十六西班牙的那场浩劫后，仅留下的三部玛雅典籍和一些石碑、壁画等，然而，玛雅的文字是那样古怪，那样难懂。数百年来，这三部象天书一样的玛雅典籍，吸引着无数想要“打开” 这“硬壳果”的人，但到头来，他们都只能望洋兴叹。特别是第二次世界大战以后，为了研究玛雅文化，美国和苏联都投入了大量的人力和物力，甚至还使用了先进的电子计算机。即使如此，到目前为止，据说也仅仅认出其中的三分之一。    玛雅预言就只见到世界末日轮而已，不过已被当代玛雅人自行否定。</t>
  </si>
  <si>
    <t xml:space="preserve">我原来用过ghost这个软件，但是现在出现了一个奇怪的问题1。g? </t>
  </si>
  <si>
    <t>DOS系统都是从C盘开始标识盘附的,如果你的C,D盘都是NTF格式的话,在DOS系统是找不到的,所以这个时候DOS系统的C盘其实是你的E盘.所以你可以查看你的D盘是什么格式的,如果是NTF格式的,只要把GHOST文件拷到FAT32格式的盘下面就可以了.</t>
  </si>
  <si>
    <t xml:space="preserve">无线路由信号很好,但却连接不上,显示错误678家里有3部电脑,有 </t>
  </si>
  <si>
    <t>局域网无法上网故障诊断方法局域网中单台无法上网诊断方法如下：第1步：首先确定是单台电脑不能上网还是局域网中所有电脑都不能上网。如果是单台电脑不能上网，在Windows XP/2000操作系统中，依次单击开始/所有程序/附件/通信/网络连接命令，打开“网络连接”窗口（也可以在网上邻居图标上单击鼠标右键选“属性”命令），第2步：接着检查“本地连接”的状态。如果本地连接的图标是两个小电脑闪亮，提示“已连接上”，这代表从交换机HUB到电脑的线路是正常的，网卡基本能正常工作，不能上网是由于操作系统设置不当或软件限制等原因引起的。用Ping命令Ping远程主机，看能否Ping通，如果能Ping通则说明网络连接正常，接着检查电脑中的防火墙设置、代理服务器设置等。第3步：如果Ping不通，则可能是网络协议配置问题。检查电脑IP地址、网关、DNS等配置。第4步：如果“网络连接”窗口中的本地连接图标是灰色，说明本地连接（网卡）被禁用了，这时只须双击本地连接图标重新启用即可。第5步：如果“网络连接”窗口中本地连接图标提示“本地电缆被拔出”，则表明交换机或HUB到用户网卡的网线接头有一端松动了或网线有问题，接着检查网线是否接触良好，如果接触良好接着检查网线。</t>
  </si>
  <si>
    <t xml:space="preserve">怎么加点? </t>
  </si>
  <si>
    <t>确认你已经40级了，然后去失乐园的武器店傍边找仙人与之对话加点，40级以上到50每级2～3点，50以上3～4点，70以上4～6点，至于好坏只有运气了。</t>
  </si>
  <si>
    <t xml:space="preserve">甘肃省临夏回族自治州永靖县有什么特色吗?? </t>
  </si>
  <si>
    <t>黄河三峡,刘家峡水电站,龙汇世界,炳灵寺石窟,等等 !</t>
  </si>
  <si>
    <t xml:space="preserve">请教壮壮妈，急！多谢了~~我是4月6日来的YJ，从17日起开始用 </t>
  </si>
  <si>
    <t>你说的几种情况都有，月经延迟排卵肯定也会延迟，心情紧张或压力大同样会延迟排卵，今天晚上可以安排同房，不迟，祝你顺利</t>
  </si>
  <si>
    <t xml:space="preserve">螺丝上的数字4.8是嘛意思 </t>
  </si>
  <si>
    <t xml:space="preserve">铁螺丝上面的数字4.8、6.8、8.8、10.8、12.9...这些是螺丝的强度等级。小数点前数乘100就是螺丝抗拉强度；小数点前数乘100乘点后数的1/10就是螺丝的屈服强度。如果是不锈钢螺丝上的A2-70最常见，-前面的是材料种类，-后面的数字乘10就是抗拉强度。 抗拉强度单位（兆帕/平方毫米）或（MPa/mm*mm)。 </t>
  </si>
  <si>
    <t xml:space="preserve">我始终知道他会以优异的成绩毕业 </t>
  </si>
  <si>
    <t>楼主的这个命题有些模糊哦，不过从你的语气中能够感悟到，你对朋友理解和支持．好朋友长长久久．</t>
  </si>
  <si>
    <t xml:space="preserve">TZ你太照顾我了现在已经是第3个月了。刚才我跑了10多次，什么都 </t>
  </si>
  <si>
    <t>呵呵，LZ别泄气。。。。。。。。。掉宝就是这样~~~~~~~没有个一定。。。。。。。。祝LZ早日掉UC卡钳！！！</t>
  </si>
  <si>
    <t xml:space="preserve">请问在广州买车一般都会选择去那里比较能集中看车？请最好能说明具体 </t>
  </si>
  <si>
    <t>黄埔大道三鹰汽车城、白云大道黄石路口附近、机场路三元里大道交界处的广物汽车城、广州大道南新窖南路口附近，还有一些品牌的4S店比较分散。</t>
  </si>
  <si>
    <t xml:space="preserve">国内还有哪里好玩的吗。西藏怎么样 </t>
  </si>
  <si>
    <t>现在那边很凉快，值得一去您好，如果没去过云南建议一定要去云南，西藏也还可以吧。希望我的回答可以帮到您，谢谢。西藏不错阿，可以忘了一切地方，但要记得回来的路就行，哈。或是贵州之类的内蒙古啊，西藏现在去刚好上海、、、西藏还是值得一去的，装备要准备的专业些，藏区的景色非常迷人凤凰、西双版纳也挺好玩的，西藏那边有高原反应，如果受不了就不要去【{如果你觉得我的回答帮到你，记得点击“有用”哦！感谢就不用点击啦}】</t>
  </si>
  <si>
    <t xml:space="preserve">求个专门有说唱，R&amp;B在线音乐网站。谢谢 </t>
  </si>
  <si>
    <t xml:space="preserve">  就这两个 自己去听</t>
  </si>
  <si>
    <t xml:space="preserve">凌霄殿（成语） </t>
  </si>
  <si>
    <t xml:space="preserve">空中楼阁 </t>
  </si>
  <si>
    <t xml:space="preserve">最近老是掉头发，怎么办啊？ </t>
  </si>
  <si>
    <t>学习和工作压力过大、睡得晚、吃得辣、爱染发是青少年脱发的主要祸根。此外长期上网和打，很容易疲劳，使中枢神经系统长期处于紧张状态，植物神经紊乱，皮肤血管收缩功能失调，头皮局部的血管收缩使血供减少，造成毛囊营养不良。吸烟是脱发的危险因素之一，但香烟中具体哪种有害物质对毛囊起到破坏作用有待进一步科学的验证。还有就是遗传。 可以试试偏方：1.将浓盐汤轻敷发根部，5分钟后用清水洗净，每日早晚各1次，连续15-20天为一疗程，可防脱发。2.食醋150毫升，加热水200毫升。趁热洗头，每日1次。常洗见效。3.生赭石500克，研成细末后过筛。早晚饭前各服3克，连服3个月即可治愈。主治青少年脱发。 4.鲜侧柏叶30克，霜桑叶15克，闹羊花3克，骨碎补12克，透骨草10克，皂角3克研末，放入大口瓶中，用75%的酒精浸泡，以没过药为度，将瓶口密封，7天后即可使用。用时以纱布滤出药液，用脱脂棉蘸抹患处，每日3-4次。5.何首乌、生侧柏、黑芝麻、旱莲草、女贞子、生地各30克，陈皮15克，川椒9克，大青盐13克加水煎汁后放黑豆500克，煮至药汁全部被豆吸收为止。将豆晒干后，每次嚼服60粒，每日3次。6.生姜皮（焙干）、人参各30克，研为细末，将生姜切断蘸药末于落发处擦之，隔日一次。主要用于精神因素导致的青少年脱发。</t>
  </si>
  <si>
    <t>莫塔至少休战40天右膝老伤让国米很担心在2</t>
  </si>
  <si>
    <t>赔率比较澳门凭赔率高于威廉上期的瓦伦就是，1首选。好运！！！</t>
  </si>
  <si>
    <t xml:space="preserve">什么时候再出新区如题 </t>
  </si>
  <si>
    <t>4月30日新开服务器：问鼎天下—缘分天空 电信 华中地区圣域之门—烈焰神殿 网通 华北地区王者归来 电信 华北地区星光大道 网通 华北地区问鼎中原 网通 华北地区光彩盛年（绿色服） 电信PS：以下为新《魔界》最新开放的服务器：    4月20日：荆楚风云  电信  华中地区　　         卧虎藏龙  网通  华东地区　　4月6日：风云再起 电信 华东地区      　　   吉林长春二区 网通 东北地区　　3月30日：浪淘沙 电信 华东地区　　　　   　　  颠峰盛世 网通 华东地区　　3月23日：天上人间 电信 华东地区　　3月16日：金碧辉煌 网通 华北地区      　　    问鼎天下—倾城之恋 电信 华中地区　　</t>
  </si>
  <si>
    <t xml:space="preserve">个人用户的本地连接里应不应该开启DHCP？宽带连接起了，本地连接? </t>
  </si>
  <si>
    <t>DHCP可开可不开。如果你的网内有多台电脑，可不开。如果只有一台电脑，建议打开，他会自动到网络上搜索可用的ip地址来使用。DHCP并非电信网络服务，而是windows 的服务。DNS缓存是你每次进行域名解析后为了避免重复解析降低上网速度而设置的，一般不需要手动清除缓存。你无法获取到ip，如果你网内有多台机器，请检查你的网关是否工作正常，如果是单机上网，请拨打服务商客服电话咨询！</t>
  </si>
  <si>
    <t xml:space="preserve">孕前咨询老师，您好！我是一名药品检验员，经常接触铅，砷，铬等重金 </t>
  </si>
  <si>
    <t>您好，建议您最好是隔离这些物品一段时间在怀孕为好。隔离6各月之后再坏孕。除了避免接触有害物质，增加身体锻炼之外，饮食上营养要搭配合理。多吃富含维生素的食品，来帮助身体排出毒素。猪、鸡、鸭类的动物血：可以促进巨噬细胞的吞噬功能，可以每1-2周吃一次。豆芽：富含多种维生素，帮助消除体内的致畸物质。黄豆芽绿豆芽都可以。海鱼：含有多种不饱和脂肪酸，可以促进免疫系统的功能。其他各种蔬菜和水果也要多吃。保证各种营养的供应。</t>
  </si>
  <si>
    <t xml:space="preserve">80枪的问题？我做了个80的枪属性是TS1700；所有相性4；忽 </t>
  </si>
  <si>
    <t>你这个粉的已经非常好了,和你的材料很配的,非常好的打手武器的,你如果绿的属性也好，而且改4的话,你这个武器一定赚钱的(因为你材料属性不满,所以你武器成本不到),应该最少能卖到6卡的希望你满意</t>
  </si>
  <si>
    <t xml:space="preserve">战斗机“找不同”2外观“找不同”，越多越好，采纳时加分。 </t>
  </si>
  <si>
    <t>1、座舱盖后部外观明显不同2、J15机身前部（座舱正下方）有天线状凸起小翼，用途不明，不知是电子战/数据链天线或者是测试用天线，最大的可能是一种报警天线但可以肯定是天线无疑3、J15主翼折起部未装武器挂架，发动机下挂架也未装</t>
  </si>
  <si>
    <t xml:space="preserve">询问小时看过的影片名称。小时看过一些电视译制片，现在只记得其中的 </t>
  </si>
  <si>
    <t>没印象了。</t>
  </si>
  <si>
    <t xml:space="preserve">心烦的时候你会做什么呢？心好烦啊，好想去逛逛街什么的啦，但是又还 </t>
  </si>
  <si>
    <t>哈哈，有这么严重么。就是考试在即，但是不能够安心看书么？先说下我的建议，小睡一会儿，然后起来看书。如果你真的不想看书，又不能放开学业。那么就想像自己如果不能顺利取得学业，后果会怎么样。想，想到后脊梁发凉了，看书去吧。虽然痛苦，但是，这个是你非常不想看书时有用的一种方法。呵呵。如果不是很严重，那么就说服一下自己，忍一下么。人么，总归是做正经事情要紧。</t>
  </si>
  <si>
    <t xml:space="preserve">化工:高效液相色谱仪(Agilent1100)操作注意事项高效液 </t>
  </si>
  <si>
    <t xml:space="preserve">流动相： 1、 流动相应选用色谱纯试剂、高纯水或双蒸水，酸碱液及缓冲液需经过滤后使用，过滤时注意区分水系膜和油系膜的使用范围； 2、 水相流动相需经常更换（一般不超过2天），防止长菌变质； 3、 使用双泵时，A、B、、D四相中，若所用流动相中有含盐流动相，则A、D（进液口位于混合器下方）放置含盐流动相，B、C（进液口位于混合器上方）放置不含盐流动相； A、B、C、D四个储液器中其中一个为棕色瓶，用于存放水相流动相。样品： 1、 采用过滤或离心方法处理样品，确保样品中不含固体颗粒； 2、 用流动相或比流动相弱（若为反相柱，则极性比流动相大；若为正相柱，则极性比流动相小）的溶剂制备样品溶液，尽量用流动相制备样品液； 手动进样时，进样量尽量小，使用定量管定量时，进样体积应为定量管的3～5倍；色谱柱： 1、 使用前仔细阅读色谱柱附带的说明书，注意适用范围，如pH值范围、流动相类型等； 2、 使用符合要求的流动相； 3、 使用保护柱； 4、 如所用流动相为含盐流动相，反相色谱柱使用后，先用水或低浓度甲醇水（如5％甲醇水溶液），再用甲醇冲洗。 5、 色谱柱在不使用时，应用甲醇冲洗，取下后紧密封闭两端保存； 6、 不要高压冲洗柱子； 7、 不要在高温下长时间使用硅胶键合相色谱柱； 使用过程中注意轻拿轻放。操作过程： 1、 开机操作：（1）、打开电源，用Harb相连接时，注意Harb电源，打开计算机，打开Bootp Server（一般启动时已打开）； （2）、自上而下打开个组件电源，Bootp Server里显示有信号时（有六行字符），打开工作站（先打开On line）； （3）、打开冲洗泵头的10％异丙醇溶液的开关（需用针捅抽），控制流量大小，以能流出的最小流量为准； （4）、注意各流动相所剩溶液的容积设定，若设定的容积低于最低限会自动停泵，注意洗泵溶液的体积，及时加液； （5）、使用过程中要经常观察仪器工作状态，及时正确处理各种突发事件。 2、 先以所用流动相冲洗系统一定时间（如所用流动相为含盐流动相，必须先用水冲洗20分钟以上再换上含盐流动相），正式进样分析前30min 左右开启D灯或W灯，以延长灯的使用寿命； 3、 建立色谱操作方法，注意保存为自己命名的Method，勿覆盖或删除他人的方法及实验结果； 4、 使用手动进样器进样时，在进样前和进样后都需用洗针液洗净进样针筒，洗针液一般选择与样品液一致的溶剂，进样前必须用样品液清洗进样针筒3遍以上，并排除针筒中的气泡； 5、 溶剂瓶中的沙芯过滤头容易破碎，在更换流动相时注意保护，当发现过滤头变脏或长菌时，不可用超声洗涤，可用5%稀硝酸溶液浸泡后再洗涤； 6、 实验结束后，一般先用水或低浓度甲醇水溶液冲洗整个管路30分钟以上，再用甲醇冲洗。冲洗过程中关闭D灯、W灯； 7、 关机时，先关闭泵、检测器等，再关闭工作站，然后关机，最后自下而上关闭色谱仪各组件，关闭洗泵溶液的开关； 8、 使用者须认真履行仪器使用登记制度，出现问题及时向老师报告，不要擅自拆卸仪器。 未经操作培训，不得擅自使用仪器。 </t>
  </si>
  <si>
    <t xml:space="preserve">是不是不发微博就不能上传照片？ </t>
  </si>
  <si>
    <t>不是啊，在电脑版微博的导航栏里有个“应用”，里面搜一个“微相册”，打开就能往里面传照片，有点像QQ空间，上传成功后就能显示在微博里了~【希望帮助到你】</t>
  </si>
  <si>
    <t xml:space="preserve">习惯性头疼怎么回事？ </t>
  </si>
  <si>
    <t>没有习惯性头疼这种诊断，建议到正规大医院的神经内科检查确定病因再做治疗选择。</t>
  </si>
  <si>
    <t xml:space="preserve">宝宝吃完米糊可以马上吃母乳吗？宝宝5个月，最近刚开始添加辅食，宝 </t>
  </si>
  <si>
    <t>吃辅食前2小时不能吃奶</t>
  </si>
  <si>
    <t xml:space="preserve">固定卷轴用的盘叫什么？我描述一下，一个轴上面卷轴用来收纸带，转动 </t>
  </si>
  <si>
    <t>叫卡口螺母，为螺距较大（每圈进程大，便于装卸）、靠近卷轴处为圆锥形（靠圆锥斜面紧固卷轴孔）、圆柱部分有固定扳手的孔的螺母，一般为铜制或钢制，螺杆根部另有一个固定的卡口螺母配合紧固。有的为固定效果好或卷轴强度不够时，在卡口螺母和卷轴间再各垫置一个卡盘。</t>
  </si>
  <si>
    <t xml:space="preserve">哪个武器更好?我现在是45野德有幻影法杖和布兰卡德战锤,感觉用猫 </t>
  </si>
  <si>
    <t>用猫形态当然用那个锤子了，还用问么？？野性形态的攻击看力和敏</t>
  </si>
  <si>
    <t xml:space="preserve">网吧杀木马病毒我经常在网吧玩的，不过现在电脑病毒太多了，偏偏网吧 </t>
  </si>
  <si>
    <t xml:space="preserve">360安全卫士这样的软件预防能力很低的  好多病毒都预防不了 </t>
  </si>
  <si>
    <t xml:space="preserve">哪里有回收废电池的？我在天津，目前有许多废电池无法处理，请问大家 </t>
  </si>
  <si>
    <t>和环保局联系一下或者打市长热线.我们吉林有些西餐厅有回收的,还赠送小礼物呢,有些居民小区也有,你们天津有没有我就不清楚了.</t>
  </si>
  <si>
    <t xml:space="preserve">请问如何使用电骡啊?请大家不要用网摘,请自己写,网上的我看不懂啊 </t>
  </si>
  <si>
    <t xml:space="preserve">第一课——文件下载第1步、下载eMule　　电骡很多，推荐使用VeryCD版的eMule。本网站首页就有，欢迎下载！第2步、安装emule　　VeryCD版的eMule安装很简单！全中文的安装界面！这里就不再重复说明了！第3步、更改目录　　eMule 功能强大，我先把更改目录说一下。点菜单“选项”，再点“目录”，把“下载的文件”和“临时文件”两个目录选择到不是系统盘（一般是C:\盘）的分区，如 D:\emule\incoming和D:\emule\temp。下面还有一个共享目录，你可以选择你想共享的分区、目录或者文件，在前面打上钩就可以共享给其他电骡用户了。第4步、文件下载　　运行emule后，它会自动连接服务器（也可以自己双击连接）。连接成功之后，单击论坛上发布的资源连接，它就会自动添加到eMule的下载任务当中。　　下面以 Elton John -《Peachtree Road》[MP3!] 稍微解释一下电骡文件ed2k链接里面的相关信息：ed2k://|file|  hn.-.[Peachtree.Road]%E4%B8%93%E8%BE%91.(mp3).[ ].rar | 80342128 | C3B1E5AB56ACB74DD926042763B407B2|h=MI7JGDWBYSWAH33U7GGMOU4TV7HSM4CO |/以“|”划分可以分成三部分：文件名　：虽然最直观醒目，但是最不关键，作用仅是便于搜索； 文件大小：也没有什么用，主要用来分别片子的清晰度，一般情况是越大越好； 文件ID　：又叫做hash，这才是ed2k链接里面的关键。很多文件即使它们的文件名不一样，但是只要文件ID一致，电骡服务器就视同为同一个文件。如果想知道你欲下载的文件是否以前已经下载过了，唯一的操作办法就是将每次下载文件的文件ID保存到word文件里面（当然保存ed2k链接更简便），然后下载之前查找一下你要下载文件的文件ID（千万不可查找ed2k链接）是否在该文件中即可判定。 最后做一点补充说明：　　下载文件的同时你也在提供别人下载。下载完的朋友，如果还想帮助别人下载，可以将文件更名，但不要在你的下载目录或者共享目录中删除，这样可以保证大家下载速度越来越快。电骡的宗旨是“我为人人、人人为我”，同一个文件共享、下载的人越多，大家的速度就越快。这点和PUB、FTP有本质区别。　　电骡支持多文件下载，一般同时下载20个左右为宜。下载文件的大小建议都选择600M以上的，文件太小不光画质不好，共享的人也越少，下载速度反而不快。　　对了，对于电骡下载，文件删档是根本不可能了。第二课——上载文件这东西就更简单了，分两种情况：1、你通过电骡下载的文件　　首先你下载的同时也在提供上载，如果想公布此文件的ed2k链接。你点击菜单“共享”，如果文件没有在列表中，可以刷新一下，然后找到你要公布的文件。点鼠标右键，选择“复制ed2k链接到剪贴板”，然后在论坛公布即可。2、你独有的文件　　你先把该文件拷贝到你机器里面电骡下载的incoming目录里面（或你指定的共享目录），然后点击“共享”菜单，点“刷新”后，就可以看到你要上载到电骡服务器的文件了（其实文件并没有上载到服务器，还是在你自己的计算机里面）。然后按照布骤1中所说的方法公布。其实即使你不公布文件的ed2k链接，大家如果可以搜索到，也都可以自行下载，公布了只是为了方便大家，提高大家的下载速度。　　最后再强调一句，提高文件下载速度的办法就是，共享、下载的朋友越多越好，即增大文件的下载源！！！第三课——搜索文件　　用电骡下载电影，你看一辈子电影都看不完。我计算一下，假如你1分钟看1部（太夸张了吧），从出生开始一直活到100岁，每天不吃不喝直到看电影看死，总共可以看大概5000万多部电影。而此时此刻我用电骡搜索到的可下载的文件数目超过9000多万个，如果10%是视频文件的话，也有900万部，这只是今天可以下载的数目。人的岁数有限，而每时每刻又有源源不断的视频文件加入，显然你永远赶不上此发展的脚步。搜索其实很简单，会用Google等搜索引擎，就应该会用电骡搜索，只不过一个是搜索网页，一个是搜索文件。点“搜索”菜单，在“名字”里面输入关键字，“类别”可以选择任意（推荐方式）或者视频（无法搜索dat文件），“方法”最好选择“全局（服务器）”，然后点“开始”，你就会发现列出了n多可下载的符合你口味的视频文件。最好选择“来源”多的片子，双击就可以下载了。 要保存搜索的文件信息，可以在搜索结果窗口里面，同时按Ctrl和A键全选，然后点鼠标右键，选择“复制ed2k链接到剪贴板”，最后剪贴到一个文件中保存即可。 　　其实有了电骡搜索，你基本都可以找到自己需要的片子，似乎可以完全抛弃此类的论坛。但是本着“我为人人，人人为我”的原则，在论坛公布对大家都有好处。因为虽然电骡搜索到片子很多，但是靠一个人的力量找到精品总没有众人的力量大吧。用电骡搜索下载视频文件不难，难的是如何筛选。茫茫草原，又有几棵灵芝草呢？另外好片下载的人越多，下载的速度也就越快啊！！！这里补充说明几点：你提交电骡共享的文件最好能提供一些可查询的特征字，这样别人只要输入里面任何一个字符或者字段就可以搜索到了； 信息搜索的时候应全面，如分别用简体中文、繁体中文、英文查找，这样总可以找到你所需要的文件。如果要查找某个演员出演的片子，最好也是用简体中文，繁体中文，英文分别检索，演员的英文名可以用Google检索查询。若想检索到更多的文件信息，建议最好用英文查找，毕竟用电骡的还是以西方人居多。 选择“来源”数目多的文件下载，这样不会因为提供来源的某1人关机而使你就下载不了了； 电骡是多点下载，不存在续传的问题，也就是登陆服务器中的任何一个人共享了此文件，都可以保证你能下载完全。 　　我想大部分骡友访问论坛下载电影，操作方式大概都是直接拷贝文件的ed2k链接下载的，大家有没有想过这其中的不妥之处吗？因为你如此简单操作下载的文件版本也许存在以下两个问题：不是最流行的，也就是源最多的版本； 不是容量最大，也就是最清晰的版本。 所以正确的电骡文件下载操作方法是：　　把论坛公布的文件下载ed2k链接中的文件名只是看成一个提供给你搜索关键字的素材。自行搜索下载此文件，这样你就可以选择来源最多，容量最大的版本。此法对于提高下载速度简单有效。第四课——电骡宗旨：我为人人，人人为我　　电骡其实就是一个文件检索器，其作用类似Google，只不过是用来搜索文件的。连接到电骡服务器上的PC上的共享文件相当于Google数据库中的网页，使用电骡就可以检索下载。和PUB不同，文件下载的人越多，下载的速度就越快！因为同时共享文件的人也越多。下面我举一个例子定性的说明一下（仅用来说明问题，实际情况与此不完全相同）：　　假如我有一个文件（独有的）大小100M提供大家下载，由于文件并不需要上传到服务器上，所以也就没有让人厌烦的上载等待时间。电骡服务器接收到你提供到的文件信息后，会自动的进行分块（类似程序设计里面的指针），假如分成100个字段，每段1M，这时候同时有100人的团队连接你的机器请求文件下载。假定每人运行最大上载数连接是10，下载连接无限制，每个连接数下载速度是1M/分钟，下面分3个阶段来说明：　　阶段1、由于只有我有这个文件，所以大家都要连到我这里下载，每次连进10人，每人下1个字段（大小1M）。假设10分钟后，每人都从我这里获得了1个字段。另假设大家获得的字段都不相同，第1号获得1字段，第2号获得2字段，依此类推。此阶段团队共下载了100M，历时10分钟，平均到每人的下载速度是100M/10分钟/100人＝0.1M/分钟。　　阶段2、假如我此后关机走人，大家还可以下载吗？如果是PUB、FTP方式肯定不行，但是电骡可以，因为100人中每人都有组装此文件的1个字段，而且所有的字段都齐备，所以在服务器的指导下，每个人都可以完成组装工作。下面计算速度，每人可以提供10个连接数，那么这100人之间总共有1000个连接数。1分钟该团队可以下载1000M，平均到每个人就有1000M/1分钟/100人=10M/分钟！，比阶段1提高了100倍！　　阶段3、假如100人都下载完毕，此时又加入1人下载，那他的下载速度最大可以到多少呢？最理想的情况，他可以同时分别连接100人，从每人处下载不同的字段，1分钟后就可以下载完毕，下载速度是100M/分钟！又比阶段2提高了10倍！　　虽然以上例子只是用来说明问题，实际上也没有这么理想，带宽也没有如此快速，但是从中众位骡友也应该可以体会到一定的道理。第五课——eMule菜单说明　　再讲述电骡设置之前，先简要介绍一下emule菜单（从左到右）：断开/连接：连上服务器就不要点击了； Kad：关于Kad连接的一些信息； 服务器：个人认为，原有的各项参数排列次序不合理。建议将前八项排列顺序变为服务器名、文件、Ping、静态、用户、最大用户数、描述、IP，这样在今后的使用中会比较方便。用鼠标点中想要移动的选项拖动到指定位置即可。从右边的“我的信息”窗口可以查看自己是高ID还是低ID（在后续课程中讲述区别）。下面的“服务器信息”和“日志”应该定期重置。如果老不清理，日志文件有时会上G！对于在下载过程日志中出现的“文件段已损坏”信息，不用去理会，eMule会自动查找修复。传输：从这里可以查看各个文件的下载状态。鼠标点最上方的“全部”可以查看总体下载信息，比较重要的是下载文件的总量，查看后可以根据你的硬盘分区大小增减你的下载文件数目。有些文件名前面有红色或者绿色的“i”，表示有人评分或者注释，可点右键查看。红色表示评分为“无效的/损坏的/假的”，如果你相信别人就可以不下载了。建议点击“速度”排序下载文件。“进程”中最上面的浅蓝色线条表示已下载的比例，进程条快到终点时可将文件的优先级设高。来源中的三个数字分别表示当前连接数，最大连接数、当前上载数。最下面的客户排队中的黑名单不用去理会，原因是由于你的某一连接下载速度过快，对方将你加入黑名单并切断了你对他的连接。但由于源比较多，少一两个无所谓。 搜索：见第三课。 共享文件：可以查看你共享的文件，连正在下载的文件也计算在内。选中文件点鼠标右键可以更改文件注释。 消息：和QQ类似。 统计信息：这个对于你磨合电骡很有帮助。 选项：下节详述。 工具：和eMule相关的一些工具帮助：访问  第六课——电骡设置　　估计到今天不少朋友都已经初步掌握了电骡的使用，本课将讲解让很多初学者头疼的设置问题。所有的设置变更都要点“应用”或者“确定”项才能生效。1、先说说“统计”菜单，这个菜单很有用，你修改设置所造成的一切影响结果，就可以从这里得到体现。那三个曲线图就不说了，很直观，自己看看就明白了。重要的是那个文本窗口，里面的统计数据对你适当更改电骡设置会有帮助。最直观重要的是“连接”项和最前面的“本次运行上传:下载比例”。我的观点是，首先要努力提高“连接”项里面的平均下载速度，其次使“本次运行上传:下载比例”高于1，小于2（不宜太高），这样你对于电骡的奉献就和索取基本一致了，这和电骡的宗旨也是一致的。2、点“选项”，点“服务器”，将里面的选项除最后1项以外都选上，别的倒无所谓，尤其重要的是要把倒数第2项：仅自动连接到静态服务器选上。然后再点第3项后面的“列表”，会打开写字板，把以下的每日更新的服务器列表拷贝到里面：      然后保存，退出写字板。这样启动emule的时侯就可以自动更新服务器了。连接服务器的数目决定你最大可以选择下载的文件数目，从理论上当然是越多越好了。但是你的电骡扫描服务器的时候要耗费时间和内存，而且有的服务器文件数目也不过几千，几万，没有太大的价值，所以建议数目不要太多。加入我上面列的三个列表后，你的服务器数目一般可以保证150—250之间，可以满足足够的需求。3、仍然在“选项”里面，点“连接”，如果最下面的三项没有打上勾请补上。再看上面各项：每个文件的最大来源数—硬性限制：300-500是比较适中的数值； 连接限制—最大连接数：填一个较大的数（统计里面可以提供参考意见），但是也别太大，建议输入是上一个数字的15倍左右，例如5000； 最后说说连接能力和上限：首先要知道自己用网络的最大上下载速度是多少k。以下我自己定义了三种模式，对应三种不同的设定（一般的用户用傻瓜模式就可以了，本人推荐使用下两种模式）： 傻瓜模式：在能力里面，下载输入高于你最大速度的数值，上传里面输入你想提供给别人下载的总速度，一般可以输入你下载速度的1/5－1/3，比如你的网络最大下载速度是200K，这两个数可以输入300（只要高过200都可以）和50，在上限里面，下载输入0（就是没有限制），上传则为和前面一个上传能力相同的数值。 手动档模式：在能力里面，下载输入尽量接近你最大下载能力的数值，上传输入此数据的1/5－1/3。在上限里面两个数据都输入0。然后点右上的小点，将电骡窗口最小化。鼠标点中右下的骡头，点右键，就可以根据自己的不同情况和喜好选择下载、上传速度档位了。比如上班或者需要上网操作其他事情的时候，就把下载速度档设成2成或4成，上传速度也设成2成或4成，这样公司整体网速或者你自己的上网速度也不会因为电骡疯狂下载而受到很大影响了。下班的时候，将下载速度设成100%或者无限制，上传速度也适当放大，比如增大到4成或者6成。这样可以充分利用公司晚上网络的全部带宽。 自动档模式：在能力里面，下载和上载都输入你平时希望分配的数值，比如手动档模式中你常用的档位数值，而不必考虑网络的能力。在上限里面两个数据都输入0。然后点右上的小点，将电骡窗口最小化。需要更改的时侯，鼠标点中右下的骡头，点右键，就可以根据自己的情况更换档位。比如上班或者需要上网操作其他事情的时候，上下载都设成100％速度，给其他同事或者你上网操作其它事情以足够带宽。下班的时候，将下载速度设成无限制。这样可以充分利用公司晚上网络的全部带宽。这样设置有两个好处，首先由于只有两档变化，比较容易操作；更重要的是由于你在能力中输入的数值相比前两种模式较小，所以骡头右边的下载速度显示条可以更直观准确地显示你的下载速度。比如我在能力里面输入的是150，这样显示条假如到达骡头的一半高度，不用还原emule窗口就知道当前下载速度约为70K左右了，很方便。如果按照前两种模式，在能力中输入较大数值，则显示条几乎永远只是一个小黑点。另外，如果你在公司上网，最好在WinXP中把那个骡头设置成永远隐藏。 最后说说为什么要将上传速度设定成适当的数值，比如我设定的是50k。若设成1k，即我光下载而基本不上传这样不是更好吗？这是对电骡的误解，电骡也会相应的惩罚你。因为这将直接影响你的连接数，因为你只下载，而不上传，所以电骡分配到你这里来下载的连接数目必然很少。由于电骡用户既是上传又是下载，人家虽然连到你这里下载，同时他也会给你上传。这就是你不要将上传速度设置过小的原因。以上的比例我经过观察统计，比较科学。 　　当然，如果你对上传不设限制，这绝对是最能体现“我为人人，人人为我”电骡宗旨的！4、最后点主菜单“服务器”　　可以看到n多服务器列表，如何选择呢？我教你一个万全之策。你最好按照上课中的方法将各项参数排序。然后按照以下方法操作：　　首先点文件，将服务器按文件多少排序，同时观察它的ping值，如果数值比较小，表示你连到服务器的速度比较快。从第1个开始，如果ping值低于你心目中一定的数值，比如1000或者800（你自己看着定），你就点右键，将其添加到“静态服务器列表中”，这样无论如何变化，该服务器都不会从你的列表中丢失。从上往下依次选择10-20个左右。　　当然从使用的角度，你选择的连接服务器文件数目越多，总的静态服务器数目越少越好，但是也许会比较难连这些优质的服务器，一旦连接断了也很难再自动连接上去，所以推荐选择10—20个静态服务器为宜。　　由于你在“选项”里面设置成“仅自动连接静态服务器”，所以你必然可以连到一个文件数目很多的服务器！　　最后补充一点，等文件下载完了，别忘了在“传输”菜单里面，点右键选择“移除已完成文件”，这完全是为了显示简洁的需要，并不影响别人下载你被移除的文件，因为它仍然在你的incoming目录里面。我建议在另外一个分区建立一个专门的共享目录，把下载完的文件暂时寄存到此处，这样首先可以给你的骡儿腾出活动，另外也可以给别人的下载提供支持。我用于电骡下载的空间是20G，另外的文件共享空间为10G。　　以上的情况只是根据我个人情况所做的设置，大家可以根据你个人的情况，多看看你的统计，然后进行适当的调整，我相信不出1周，你就可以找到适合你的网速与机器的最佳电骡配置！第七课——骡儿快快跑　　如果经过前一课的学习，你的骡儿还是慢悠悠的。那你一定要好好看看这一课了。如果说将前一课比喻成慢骡的西方手术疗法，那本课就是一味无任何副作用的中药，是本人独创的偏方。　　首先要调整驾骡的心态，绝对不能心急，你越是猛赶骡，骡越是原地打转，骡的脾气很犟，要顺着它。首次驾骡的朋友原先一定是用PUB或者FTP下载的，看到一个好片，总恨不得半个小时以内就能看到，这个用PUB或者FTP下载或许可以，但是电骡肯定不行，你也只能将片子加入你的下载列表，进一步能做的也就是将其的优先级设高，但是这不等于电骡的下载速度就比不上PUB或者FTP。我来做个计算。比如你的骡速是30K，这个速度在用宽带驾骡用户中算中下的了。你今天上午9点骑骡找了20个片子，然后就可以不用理它，可以去***想干的。一天后，你的骡儿到底吃了多少呢？简单计算一下，是2.6G！如果按一部大片500M来算，应该能下载5部了。不过因为各个片子下载进程不一样，最终完成的应该有2－3部吧。用PUB下载作比较，且不说你每天是否能找到如此大量的片子，再说了，你整天忙着下载也耽误功夫啊。那位看官说了，PUB也可以片子放到任务列表中等待啊，然后你自己忙别的去。其实这种方法并不好，因为你后面 擦屁股的工作太可怕了，无数的文件，你还要去查合并密码，无异于自寻烦恼。　　说了这么多，主要是说一个道理，就是不要因为习惯PUB的方式就对驾骡有畏惧心态。当然PUB方式也有它的优点，就是短平快，想看单个片子短时间就可以解决。不过要是删档了也只有干着急了，电骡下载几乎可以保证永远不删档。 　　言归正传，下面说说我偏方的配方：选择一个优质的服务器衡量优质的服务器要素主要有四个：稳定、文件多、ping值小，用户多。选择优质服务器的直接好处是什么呢？那就是在它的服务器用户里面，本身就可以快速查找提供给你一定数量的连接，因为扫描别的服务器查找比较耗费时间。如果同时下载20个文件，用优质服务器也许用几分钟就可以达到稳定速度了，而用劣质服务器可能要耗费半个小时以上进行速度提升，并且一旦某个连接中断，又需要重新去别的服务器查找进行补充。注意，电骡下载都是慢慢加速的。 同时下载多个文件推荐数目是20个左右，这样可以减少等待时间，毕竟东边不亮西边亮。很难想象你只下载1个文件，速度能快到哪里去。 搜索下载源数大的文件不要被某些文件的名称所诱惑，名不副实的片子多的是！我就上过当。只要相信一点，源多的片子就是热门的片子，是好片！有注释的文件要看看注释。源数当然越大越好了，西方电影一般源数多，下载速度很快，毕竟西方人用电骡的还是占大多数，喜欢外文片的朋友有福啊。 　　以上3点你如果做到了，如果你用宽带驾骡还是那么慢，我把我的骡子给你骑！　　最后再说说空间的问题。驾骡由于是海量下载，硬盘还是要足够大的，10G的骡圈应该是小户型了，incoming和temp目录要在同一个分区，并且不要放到windows系统所在的分区。我公司的骡圈是20G，并且我有40G的移动硬盘，家里的机器是120G并带刻录机，这应该算金鞍银镫铜掌了。对文件也不要太留恋，该删还是要删的，需要的时候再下不迟嘛！　　再提醒一遍，每天查看骡的时候，看看统计，同时将服务器信息和日志重置一下，有时候你老不清理，日志文件都会上G！第八课——代理和高ID、低ID　　前一版本的电骡傻瓜教程中本课讲解比较详细，但是由于新版本的emule支持代理，这一问题似乎变得很简单了。以下说明几点：最佳方式－搞定网管对于局域网用户，这同时也是最有效的方法，但是比较难于操作。就是让网管在网关服务器修改一下设置，把4662端口指向你的计算机。你自然就可以升级成高ID用户了。 使用代理获得高ID首先使用代理猎手等软件搜索一些可用的代理，推荐使用Socks5代理。然后在emule（或edonkey）中设定代理，最后把“连接”中的客户端口设成代理的端口数即可。多准备一些代理，由于电骡是海量下载，很容 易被代理服务器的网管察觉。这也是本人不推荐使用代理的重要原因。 高ID和低ID有很多网友非常介意这点，其实完全没有必要。我本人就是低ID，但是同样可以保证日均50K以上的下载速度，算一算吓死人，每天可以下载5G以上！你的骡儿有如此食量当然也要化上一段时间来消化，不必贪多求全。高ID和低ID在使用方面最大的区别就是，高ID用户可以和任意电骡用户建立连接，而低ID用户只能和高ID用户建立连接。也就是说，两个低ID用户如果想要交换文件，必须借助于高ID用户来中转。其实由于大多数用户都是高ID，所以此方面的影响并没有想象中的那么大。同样，如果不关注前几讲中的要点，即使是高ID用户，也可能寸步难行。 第九课——养成良好的骑骡习惯　　推荐电骡首先是电骡的宗旨很好：“我为人人，人人为我”。相比于PUB，用句时髦的话，电骡应该是“绿色环保”，因为所有的电骡用户文件都是自己主动希望共享的，而不用去窃取其他用户的空间，因而也不会造成大量的网络垃圾。　　其次使用电骡可以搜索到几乎你想搜索到的所有文件，我近来就将目标逐步转移到音乐、软件和英文电影方面了。我也建议大家多使用电骡和Google，有了这两部海量百科全书，有什么问题不能自己解决呢？　　对比FTP和PUB，使用电骡更有利于培养良好的网络习惯。你完全可以定期选好片子，然后安心去工作、学习、上网。让骡儿自己去吃草，你全力去做其他更有价值的事情，何乐而不为呢？　　最后祝愿众位骡友骑骡愉快！参考资料： </t>
  </si>
  <si>
    <t xml:space="preserve">跑跑卡丁车那个车好～那个跑跑卡丁车好～我是高级玩家～ </t>
  </si>
  <si>
    <t>呵呵既然是高级玩家,那就熊猫pro吧,pro时代的最强者了,除非到太空车才有可能超过它了,希望你游戏愉快!!1:熊猫pro,pro时代最强的王者!竞速道具都强!但要求有一定基础! 2:合金pro,最耐撞,抗击打能力最强的车! 3:棉花pro,手感最好,综合性能好,各项指标适中的车! 4:疾风pro,外型不错,其他一般! 5:尖锋pro,大家期待ing~~~~~~~~ 6:方程式pro,我就没见跑什么图厉害! 7:马拉松pro,新手的,还不花钱!</t>
  </si>
  <si>
    <t xml:space="preserve">我的户口刚刚转来宝安，公司没有给我买医保和生育险，我以后生小孩子? </t>
  </si>
  <si>
    <t>我去咨询过，养老险就已经包括了生育险在里面，具体你问一下你们公司人事给你们交的养老险是多少等情况！</t>
  </si>
  <si>
    <t xml:space="preserve">我的xp系统的任务栏图标变的比平常大一倍，是什么原因，请高手指点? </t>
  </si>
  <si>
    <t>试试用以下方法：在桌面空白处按鼠标右键，选属性，打开“显示属性”在主题那里选“Windows XP”，按确定</t>
  </si>
  <si>
    <t xml:space="preserve">有关魔兽物品快捷键的使用。请问大家：物品在使用中的快捷键是1物品 </t>
  </si>
  <si>
    <t>是固定的，小键盘的数字键：7 8 4 51 2刚刚好是六样物品!至于怎样按最方便，就是看你的个人习惯?乙话闶前葱〖痰模蛭业哪薇冉峡ǎ绻谟⑿畚锲防赴吹幕埃赡芑崽缁蛱伲晕彝萍瞿闶褂眯〖痰氖旨?</t>
  </si>
  <si>
    <t xml:space="preserve">素描初学者需要练习画线条么？要不要联系把线条画的横平竖直的？ </t>
  </si>
  <si>
    <t>没有必要把线条单独做为一个科目加以训练,但一定要多画,在不断的联习中,线条自然就熟练了.其实,线条只是素描的一中重要表达手段,但不是全部,随着你能力的增加,还可以尝试其他手段来丰富画面的效果.  比如:用硬橡皮曾出黑腻的效果,用擦笔(纸笔)擦出灰调子等等~总之绘画要用心、勤。祝你在艺术的道路上越走越远！下面这幅速写就是运用线条、擦笔，通过揉、曾、擦的综合技法绘制而成，画面效果比较丰富和具有层次。</t>
  </si>
  <si>
    <t xml:space="preserve">封印师格斗士技能问题我是道具区网通牧羊区的新手，初玩魔力就发现钱 </t>
  </si>
  <si>
    <t xml:space="preserve">为PK，不要开格斗，要是已经开了，就按照重装这个终级目标去培养。封印技能：盟约，强化，调教，抗毒，抗石，抗混（3选2即可），攻吸，魔吸，气绝，因果。建议练成攻封，因果对你练级比较有帮助，其余技能作用我想没必要赘述了。格斗技能（正常版）：气功，混乱攻击，崩击，明镜，战栗，抗石混睡3选2，气绝，攻吸，魔吸，2戒（或迅速，选学一个或两个都不学）。如果要培养重装，可以先利用格斗得意技的优势把该烧的技能烧起来，然后转成重装，如果要转骑士，可以学反击，明镜，崩击（7级即可），如果转战斧，可以学崩击，战栗，明镜。格的普遍加点就是重装的普遍加点。你的加点其实更适合做战斧，技能学习地点你参考专区的技能详解栏目吧： </t>
  </si>
  <si>
    <t xml:space="preserve">现在那种系统比较稳定？想从新装系统。当然是拷贝的了。以前的系统总 </t>
  </si>
  <si>
    <t>推荐电脑公司特别版的，现在版本应该是9.0和10.0了，买张光盘，几块钱一张。从网站上下载的不好。</t>
  </si>
  <si>
    <t xml:space="preserve">关于导美国读博士及双学位的问题我现在在意大利读车辆工程本科。我打 </t>
  </si>
  <si>
    <t>你可以先去美国读相关的领域。在这期间再着手去念物理系的课程。首先物理系缺人，你一旦去了美国，在你就读的学校里兼修物理系的课程很容易，只要你的导师同意，你就可以去跟物理系的任课老师谈，可以先听课考试，再注册学分交学费，再申请物理的学位。一般美国的硕士分两种，一种是course master，就是只要参加了考试修够学分就可以了，但是这种硕士的分量不重；另一种就是常规的硕士，要做研究的，不一定有开创性，但是很耗时间。至于物理系的博士，你还是考虑清楚，要求非常严的。就算你全职全身心地投入了去做，还要4-6年。不做出有独创性的科研成果是拿不到学位的。所以你一次只能读一个博士。试验做不出来不能毕业也是很正常的。至于GRE，物理系要求Sub，就是专业GRE，这个是不可避免的。申请的时候你大学和研究生阶段的所有成绩单都要提供，对方的网站上有要求，写得很清楚。其他的就是学位证书、推荐信，TOEFL成绩和你的个人计划（personal statement)。当然最关键的还是申请费。现在老美杯中国人搞得精了，不会再让你拖欠申请费了。</t>
  </si>
  <si>
    <t xml:space="preserve">求满剧情点的剧情攻略过剧情最多能得到多少点剧情点 </t>
  </si>
  <si>
    <t>剧情：一、商人的鬼魂 1点剧情点      二、枯萎的金莲 无剧情点      三、玄奘的身世 12点剧情点      四、寻找四琉璃/大战心魔 7点剧情点      五、含冤的小白龙 6点剧情点      六、八戒悟空剧情 3点剧情点      七、三打白骨精 3点剧情点      八、真假美猴王 4点剧情点      九、智取芭蕉扇 4点剧情点注：鬼蜮剧情、女娲剧情、小西天剧情及飞升剧情没有剧情点。</t>
  </si>
  <si>
    <t xml:space="preserve">我不知道把什么给删了结果出现"Windows无法访问指定设备,路? </t>
  </si>
  <si>
    <t>你不知道删了什么，只好启动时按f8键，调出启动菜单，进入带命令行的安全模式，运行sfc /scannow命令，按提示插入你的安装光盘，试试能不能修复。</t>
  </si>
  <si>
    <t xml:space="preserve">在智能ABC下不能密语，只能切换到英文再切回来，有别的好办法吗？ </t>
  </si>
  <si>
    <t xml:space="preserve">用五笔撒~方法如下虽然游戏设定可以使用王码五笔，但是不太好用。这里有网友提供的一种方法，试验觉得还是满好用哦。　　您可以通过修改注册表实现五笔输入。以五笔++为例：　　先装五笔++。再在控制面板里找语言区域设置选项。在语言里&gt;&gt;详细信息&gt;&gt;安装微软拼音3.0　　然后点开始&gt;运行&gt;输入regedit　　依次　　HKEY_LOCAL_MACHINE&gt;&gt;SYSTEM&gt;&gt;CurrentControlset&gt;&gt;Control&gt;&gt;Keyboard Layouts&gt;&gt;E00E0804　　右边的IME File双击。弹出来的地方改成Wbjju.IME　　按F5刷新一下。-。-就好了。 </t>
  </si>
  <si>
    <t xml:space="preserve">怎么告别曾经习惯的听着音乐，缓缓的传来刘德华的那首爱你一万年，你 </t>
  </si>
  <si>
    <t>时间是最好的治愈伤口的良药，现在你需要做的就是把那份爱留在心底。以后老了得时候你可以跟你后代说这是你曾经爱过的，也曾经爱过的人。但是只是曾经。不管你以后怎么样，始终相信那是你心底美好的回忆。因为你们曾经真正的相爱过。只是后来路不一样了，各自搭上不同的班车去往不同的城市。经历不同的风景，收获不同的果实。谁没有看谁一样会活着，也会活着很好。呵呵虽然狠俗，也很困难但是有一首歌叫做 有一种爱叫做放手。 加油！不要在不爱的时候还留下不美好的一面给他，给你们都留下最美好的回忆！加油！不经历风雨怎么能看见彩虹！加油！祝你幸福 快乐！</t>
  </si>
  <si>
    <t xml:space="preserve">老鸽子没了蛋可以给别的鸽子抱窝吗 </t>
  </si>
  <si>
    <t>鸽子是一夫一妻制！下蛋后相互轮流孵化。几天后你可以用灯光检查鸽蛋，内部成为黑色为受精蛋，透明责未受精！</t>
  </si>
  <si>
    <t xml:space="preserve">请问部落当战士哪个种族最好~亡灵兽人牛头这3个种族当战士都分别有 </t>
  </si>
  <si>
    <t>各有各的优势~1、牛牛的种族特长：战争践踏：激活后击昏击晕5个周围的敌人2秒，2分钟冷却（主动技能）耐久：提高最大生命值＋5％栽培：增加采药技能的额外奖励＋15自然抗性：提高对自然法术的抗性＋10血多，战争践踏非常好用，非常能抗；2、兽人的种族特长：血之狂怒：激活之后提高力量属性＋25％，每3秒损失5％生命，持续20秒（主动技能）顽强：提高对击昏和击倒效果的抵抗能力＋25％指挥：提高的近战伤害＋5％斧类专精：提高斧类技能＋5抗击昏和击倒比较高，有斧类专精伤害增加，血之狂怒。。。发起狂来很BT，总而言之打起来很猛；3、亡灵的种族特长：亡灵意志：激活后对惊吓、催眠和魅惑效果免疫20秒，1.5分钟冷却（主动技能）食尸：吞食尸体来增加生命恢复，20秒内生命恢复速度＋100％水下呼吸：水下呼吸时间＋300％阴影抗性：增加对阴影法术的抗性＋10没用过，没什么心得，但是感觉亡灵意志在PK时应该很有用，食尸也可以在除绷带、血瓶、治疗石之外，又多了一个回血方法，经得起耗~~完毕~~</t>
  </si>
  <si>
    <t xml:space="preserve">电脑打不开网站怎么回事？但是QQ可以正常使用~~真是郁闷之极，请? </t>
  </si>
  <si>
    <t>最简单、最有效的解决办法： 办法一.修复： 1.用命令修复:在Windows XP Service Pack 2中如果发现你得IE出现故障不妨试着“运行”一下这个命令："%progrramFiles%\InternetExplorer\iexplore.exe"/rereg"（双引号不可少），它可以帮你重新注册IE的所有组件，帮你彻底修复瘫痪的IE，不过不适应于Windows 其他版本。 2.下载安装360安全卫士--高级--修复IE--勾选要修复的选项或全选--立即修复。修复后，重新设置IE主页。 3.启动IE浏览器--工具--Internet选项--高级--HTTP1.1--在“使用HTTP1.1”前面加上对勾，并去掉“同过代理连接使用HTTP1.1”的对勾--确定。 4.在360安全卫士的常用选项下，分别点击“查杀流行木马”和“清理恶评插件”--开始扫描--分别勾选扫描出的流行木马和恶评插件--分别点击“立即查杀”和“立即清除”。特别注意象3721、雅虎助手、中文上网、搜霸等之类的恶意流氓插件，应该坚决清除。 上述办法不行，就只好重装IE。 方法二：上述办法仍不行，就重新建立连接。 重新建立连接方法： 一.将原来的宽带连接删除,重新建立连接: 方法:双击打开网上邻居--在左侧栏点查看网络连接--右键删除原来的宽带连接--创建一个新的连接: 1.新建连接向导 ，打开“欢迎使用新建连接向导”界面--“下一步” ； 2.选择“连接到Internet”--“下一步”； 3.选择“手动设置我的连接”--“下一步”； 4.选择“用要求用户名和密码的宽带连接来连接”--“下一步”； 5.在“ISP名称文本框中输入名称“**(《宽带连接》或《网络连接》）”--“下一步”； 6.）在“用户名”文本框中输入所使用的用名称（ADSL账号），在“密码”文本框中输入密码，在“确认密码”文本框中重复输入密码确认，勾选“任何用户从这台计算机连接到Internet使用此帐户名和密码”和“把它做为默认Internet连接”—下一步； 7.勾选“在我的桌面上添加一个到此连接的快捷方式”—单击“完成”后，你会看到桌面上多了个名为“**(《宽带连接》或《网络连接》”的连接图标。 二.设置连接属性 （1）本地连接：开始—连接到—显示所有连接—右击本地连接—属性—常规—点选Internet协议（TCP/IP）--属性—点选使用下面的IP地址（设置固定IP,可以加快网络连接速度，供参考）： IP地址：  子网掩码：  默认网关： 。 使用下面的DNS服务器地址（供参考）： 首选：  备用:  最后点击确定。 或者不设置固定IP,勾选自动获得IP地址（网络连接速度相对设置固定IP会慢一些）--确定。 （2）宽带连接：右击宽带连接—属性—网络—选自动获得IP地址—确定。</t>
  </si>
  <si>
    <t xml:space="preserve">眼睛一直很干涩，吃点什么呢？ </t>
  </si>
  <si>
    <t>眼睛干涩，平时就要注意用眼习惯，定时休息，多看看远处的景物。补充维生素A，多吃胡萝卜、新鲜水果、海产品等。有时间坚持做眼睛保健操，还可吃些含叶黄素的产品，例如伊分子叶黄素。多喝水，多吃水果，减少使用油炸或者烧烤食物，只要采用油炸或烧烤，都将成为易上火的食物，大蒜、辣椒等刺激性食物通常也要少吃。</t>
  </si>
  <si>
    <t xml:space="preserve">借来的卖掉适合返还原物嘛，买受人能善意取得所有权吗 </t>
  </si>
  <si>
    <t>将借来的东西卖掉就是典型的无权处分行为，可以适用善意取得制度，只要买受人符合善意取得的一般构成要件就可以取得所有权，原物所有人不可以要求返还。善意取得只不适用于赃物买卖和遗失物买卖</t>
  </si>
  <si>
    <t xml:space="preserve">星宿问题？为什么星宿的怪要自己跑去找了呢？没有了自动寻找的功能了 </t>
  </si>
  <si>
    <t xml:space="preserve">   登陆这个网站 有介绍</t>
  </si>
  <si>
    <t xml:space="preserve">电脑配置问题，求高手帮助！我的配置是：AMD7750+蓝宝石48 </t>
  </si>
  <si>
    <t>700元的显卡4830比较好，这价位9600GT有，9800GT也有，但9800GT都是低档的，性能方面还是4830比较强，而且蓝宝的品牌也比较好，这款风扇做得不错，就是声音可能会比较大，配时机箱要选用料足的，板厚点，这样噪音会小点。</t>
  </si>
  <si>
    <t xml:space="preserve">甲亢突眼产生的原因?甲亢突眼是怎么出现的？ </t>
  </si>
  <si>
    <t>　你好：甲亢突眼的原因有许多种，炎症、肿瘤、外伤等均可引起。然而，甲亢并发突眼是多见的。甲亢引起的眼部改变，一类是良性突眼，患者眼球突出，眼睛凝视或呈现惊恐眼神。　　另一种是恶性突眼，可以由良性突眼转变而成，恶性突眼患者常有怕光、流泪、复视、视力减退、眼部肿痛、刺痛、有异物感等，由于眼球突出，使眼睛不能闭合，结膜、角膜外露而引起冲血、水肿、角膜溃烂等，甚至失明。　　甲亢突眼多数与甲亢同时发生，但又有部分患者却在甲亢缓解、或治愈甲亢后、或发生甲减后，突眼出现、加重或恶化。如用西药他吧唑等治疗，病情好转了，但突眼却加重了，又如甲亢以131碘治愈了，甚至出现甲减了，可是突眼却加重了，甚至形成恶性突眼。      甲亢突眼以细胞免疫紊乱和细胞因子作用为突出表现。甲状腺与眼球后组织存在共同抗原，可产生交叉免疫反应。主要是积极控制甲状腺疾病，平时戴有色眼镜防止强光及灰尘激发，睡眠时用抗生素眼膏，戴眼罩。也可用氢化可的松滴眼液减轻眼部激发症状。      你好，甲亢突眼的原因有许多种，炎症、肿瘤、外伤等均可引起。然而，甲亢并发突眼是多见的。甲亢引起的眼部改变，一类是良性突眼，患者眼球突出，眼睛凝视或呈现惊恐眼神。2、另一种是恶性突眼，可以由良性突眼转变而成，恶性突眼患者常有怕光、流泪、复视、视力减退、眼部肿痛、刺痛、有异物感等，由于眼球突出，使眼睛不能闭合，结膜、角膜外露而引起冲血、水肿、角膜溃烂等，甚至失明。</t>
  </si>
  <si>
    <t xml:space="preserve">各uu们谁结了婚，谁还没有结婚啊特别调查科 </t>
  </si>
  <si>
    <t>我是单身啊 真的</t>
  </si>
  <si>
    <t xml:space="preserve">每天都有浓稠鼻涕阻塞在鼻腔内，擤时经常会被呛哽住，弄得眼泪流，甚? </t>
  </si>
  <si>
    <t xml:space="preserve">鼻塞的问题是让人最困扰的，造成鼻塞的原因相当多，如过敏性鼻炎、鼻中隔弯曲合并慢性肥厚性鼻炎、慢性鼻窦炎…等。常见疾病的原因、症状、和治疗原则有三种。 一. 过敏性鼻炎 原因：身体对于吸进去的空气、吃下去的食物、或皮肤所接触的异物，产生过度的反应。 症状：典型的鼻过敏有打喷嚏、流鼻水、鼻塞、鼻子痒、眼睛痒等症状。理学检查可见鼻腔黏膜苍白水肿，合并有大量透明的鼻水。有这样过敏体质的人常合并有呼吸道过度敏感、气喘、和其它相关的过敏性疾病。 治疗原则：治疗的首要原则便是找出过敏原并且避开过敏原，平时应注意均衡饮食，并养成的习惯，以减轻症状，早晨起床时应先穿好外套，戴上口罩五分钟后再走出室外，症状严重时可口服抗组织胺或使用鼻喷剂。倘若以上的方法都没有办法有效的控制，则可以考虑雷射或手术治疗。 二. 鼻中隔弯曲合并慢性肥厚性鼻炎 原因：因为发育过程鼻中隔生长弯曲，或后天受到撞击造成鼻中隔弯曲。不管是那一种原因，此现象常合并有代偿性的慢性肥厚性鼻炎。 症状：单侧替换性或双侧鼻塞、头痛、无法集中注意力等症状。理学检查可见鼻中隔弯曲与鼻甲过度增生肥厚。 治疗原则：症状较轻微者，可于平时多运动或使用药物控制；症状较严重者，则可能需要施行手术矫正过度弯曲的鼻中隔和过度肥厚的鼻甲。 三. 慢性鼻窦炎 原因：因为鼻窦结构异常或长期发炎不愈所造成。 症状：脓鼻涕、鼻涕倒流、鼻塞、头痛等症状。理学检查可见鼻腔内有脓鼻涕、鼻蓄脓、鼻涕倒流等现象，严重者合并有鼻息肉的存在。 治疗原则：先以抗生素与鼻冲洗治疗一至三个月；倘若无效，则必须使用鼻内视镜手术来清除病灶。 有些患者用胡椒粉诱发打喷嚏，虽然暂时可以达到清除鼻涕的效果，但是却有可能因此而诱发气喘、异物吸入肺部等更严重的后果，风险实在是太大，应避免使用类似的方法。倘若在冬天或夜里，症状比较严重时候，建议使用温湿毛巾，轻轻覆盖鼻部，一样可以达到缓和过敏症状的效果。 倘若没有其它重大疾病，则规律的生活、均衡的饮食、养成运动的习惯、多喝水、多食用温和的食物，避免辛辣刺激的食物，应可改善症状。倘若以上的方法均无法使症状改善，建议寻找专科医师，接受进一步的检查，及早诊断病因，及早治疗。 参考资料：  </t>
  </si>
  <si>
    <t xml:space="preserve">强直性脊柱炎的治疗用什么方法好呢？如何治疗？？ </t>
  </si>
  <si>
    <t>强直性脊柱炎这种病是一种常见的骨科疾病，并且这种病会严重的影响患者的身体健康，因此对于这种病患者可以试试“超导可视拔针微创疗法”在治疗颈椎、腰椎、脊柱炎、骨关节、股骨头坏死等骨病有着极好疗效的同时，也针对于风湿、类风湿、产后风湿、痛风等风湿疑难杂症也有着优秀的治疗效果。经过新一代的中西医结合临床潜心研究，打造出的“超导可视拔针微创疗法”曾给无数的风湿骨病患者带来了福音。中药治疗：中医治疗强直性脊柱炎的方法有很多，大多数情况来讲，可以很好的改善疾病的一些临床症状，同时还能减小西药的用量和副作用，并能改善体质，增强机体免疫力。体疗主要做利于颈椎、腰椎和肢体的运动。如膝胸运动、猫背运动、胸腹部运动、转体运动、转颈运动、扩胸运动等。功能训练应以动为主，动静结合。硬膜外腔注射确炎舒松可以减轻疼痛，改善活动范围，对防止或纠正脊柱畸形有一定作用。骶髂关节注射近期疗效肯定。药物治疗：也是强直性脊柱炎的治疗方法之一，有的可以控制病情活动，影响病程进展，有的适合夜间严重疼痛及僵硬病人，可在睡前服用，有的可以达到镇痛的效果。疾病的治疗自然离不开药物，通过药物我们可以很好的治疗强直性脊柱炎，并且大大下降疾病带来的痛苦。专家提示用药一定要听从医生的建议，不可盲目用药。</t>
  </si>
  <si>
    <t xml:space="preserve">戾气罪秽在天音看到这个箱子，不知道是什么任务呀？ </t>
  </si>
  <si>
    <t>这个任务是在14线魔先生那里做的任务  可以放出BOSS 1. 玩家与“魔先生”对话，获得“魔图”后，可在魔先生处领取到四种不同的收集戾气任务：戾气-罪秽：消灭分布在河阳、青云、天音区域的魔物完成任务后可在召唤幻月洞府召唤出BOSS黑心老祖。戾气-罪垢：消灭分布在流波、死泽、蛮荒区域的魔物完成任务后可在召唤幻月洞府召唤出BOSS金铃夫人。戾气-罪罚：消灭分布在焚香、南疆区域的魔物完成任务后可在召唤幻月洞府召唤出BOSS普智。戾气-罪殃：消灭分布在昆仑、修罗区域的魔物完成任务后可在召唤幻月洞府召唤出BOSS万剑一。  杀完这些BOSS得到东西 即可参与兽神入侵事件</t>
  </si>
  <si>
    <t xml:space="preserve">急问！亨氏米粉有225克塑料袋装的吗？宝宝要添加辅食了，我到超市 </t>
  </si>
  <si>
    <t>有的!我家小孩也买来吃过的!下次买还是买盒装的方便.祝你如意!</t>
  </si>
  <si>
    <t xml:space="preserve">近来眼睛老是痒，请问眼睛痒是怎么回事？ </t>
  </si>
  <si>
    <t>你好，考虑 慢性卡他性结膜炎，为由多种原因引起的结膜慢性炎症，是常见的眼病，多双侧发病。主要症状为患眼痒、干涩感、刺痛、异物感、眼睑沉重及视力疲劳等，尤以晚间或阅读时明显加重。 治疗措施：首先应去除致病原因，改装工作及生活环境，消除各种不良习惯，积极治疗睑内翻、慢性泪囊炎、睑缘炎症、泪道阻塞及矫正屈光不正及隐斜视等，对睑缘分泌物的分解产物刺激睑板及结膜所造成的睑腺性结膜炎应常挤压按摩睑板，使睑板腺分泌物及时排出。治疗以去除病因为主。0.5%硫酸锌滴剂对Morax-Axenfeld双杆菌有良好疗效。另外每日2～3次滴眼可以解除痒感。针对不同致病菌，可选用各种抗生素滴眼剂或10%磺胺醋酰钠眼药水滴眼。</t>
  </si>
  <si>
    <t xml:space="preserve">五一股票停盘几点,日期? </t>
  </si>
  <si>
    <t>5.1-5.4不交易，5。5早上9：30开始正常交易</t>
  </si>
  <si>
    <t xml:space="preserve">541441我想知道上面的账号是什么卡？归属地在哪里？ </t>
  </si>
  <si>
    <t>中国邮政储蓄银行的卡。</t>
  </si>
  <si>
    <t xml:space="preserve">有什么简单易行办法能知道菜里的盐分有多少最近嘴里总觉得很咸，可烧 </t>
  </si>
  <si>
    <t>找别人帮你们尝啊</t>
  </si>
  <si>
    <t xml:space="preserve">用英文解释 </t>
  </si>
  <si>
    <t>ICQA popular form of Instant Messenger. Each letter is pronounced separately to sound like I-Seek-You.WebThe name given to that network of billions of computers that make up the Internet.BlogA blog is a website where entries are made in journal style and displayed in a reverse chronological order</t>
  </si>
  <si>
    <t xml:space="preserve">听说用啤酒洗头可以防脱发，这事真的假的？有姐妹试过没？ </t>
  </si>
  <si>
    <t>用啤酒涂搓头发,不仅可以保护头发,而且还能促进头发的生长.因为啤酒里含有大量的营养物质,所以对我们的头发和头部甚至是我们的面部都会有在营养方面的补充. 在使用时,先将头发洗净,擦干,再将整瓶啤酒的1/8均匀地抹在头发上,做一些手部按摩使啤酒渗透头发根部.15分钟后用清水洗净头发,再用木梳或牛角梳梳顺头发.啤酒中有效的营养成分对防止头发干枯脱落有良好的治疗效果,还可以使头发光亮.</t>
  </si>
  <si>
    <t xml:space="preserve">用户登陆密码在注册表中的什么位置啊！！！！想知道管理员密码在注册 </t>
  </si>
  <si>
    <t>如果密码丢了 　　　　你的系统是FAT分区 可以在DOS下删除密码 SAM文件就放在岁岁说的那 　　系统是2000的话 又装的NTFS分区的话 你可以进一个能认出NT区的系统 把SAM文件删除了　　系统是XP的话 又装的NTFS分区的话 就没什么办法了　　　　SAM文件是系统文件 隐藏的　　</t>
  </si>
  <si>
    <t xml:space="preserve">婚纱照外景怎样拍最自然 </t>
  </si>
  <si>
    <t>一、怎么能笑得美?拍婚纱照时不要用力咧嘴笑。有的人适合笑不露齿，有的人适合露齿微笑，要根据自身相貌和气质决定。但是不管怎么笑，都不能只是嘴角向两边咧，这样笑肌会过于突出，脸被横向拉伸，下巴也被拉得轮廓分明，皮肤松弛的嘴角还会出现褶皱。微笑时下巴向下内收，嘴微张。注意这里的嘴微张是指上下牙齿分开，嘴唇要微微合闭。这样看起来脸小小的下巴尖尖的，比较上相。还有专业模特的必杀技，舌尖抵住上颚前牙齿的背面，让脸型更完美!在这里教大家一招，掏出MM们包里必备的小镜子，对着镜子笑几下，来找出最合适自己的笑容吧。别害羞，为了笑得更美，MM们可以在家对着镜子多多琢磨下哦。二、笑不出来怎么办?有许多MM们笑起来很美，可是一等到拍照就笑不出来，就算笑了也会很僵硬，这该如何是好?首先拍照的时候要保持冷静的状态，千万别紧张，一旦紧张面部的肌肉就会僵硬，拍出来的笑容也会僵硬，所以做三个深呼吸，吃点巧克力，让自己放松下来。</t>
  </si>
  <si>
    <t xml:space="preserve">我的号被停权了该怎么办老是提示我服务器错误用户已被停权不能登陆是 </t>
  </si>
  <si>
    <t>有人用游戏中的110投诉,你的号不么被暂停几天,不么被封号了</t>
  </si>
  <si>
    <t xml:space="preserve">俄罗斯净胜球是1个，希腊是0个，怎么就俄罗斯出局呢？ </t>
  </si>
  <si>
    <t>欧洲杯和其他杯赛不一样， 积分相同时，看对阵胜负关系，希腊胜了沙皇，所以希腊出线，沙皇淘汰滚回家。</t>
  </si>
  <si>
    <t xml:space="preserve">关于杜伊斯堡VS科特布斯主不可信。。个人认为可单博平局。 </t>
  </si>
  <si>
    <t>支持主队，科特布斯就那样</t>
  </si>
  <si>
    <t xml:space="preserve">京东三星内存卡多少钱 </t>
  </si>
  <si>
    <t>30-100多</t>
  </si>
  <si>
    <t xml:space="preserve">西安赵建军治疗带状疱疹效果好着么吗?带状疱疹应吃什么药? </t>
  </si>
  <si>
    <t>能治疗好的,我就是在那里治疗好的,~得了这个病 急不了~， 我以前也得过这病，确实很难受，很痛，后来经朋友介绍 吃了 赵氏‘五味清疹合剂’ 1个疗程就康复了， 你可以去试试，~</t>
  </si>
  <si>
    <t xml:space="preserve">怎么冲了元宝不给礼包我在12月10好9点以前冲了20000元宝， </t>
  </si>
  <si>
    <t>您好，具体请您拨打028-85176915-1 或者95105670-2 与我们客服联系帮您解决！</t>
  </si>
  <si>
    <t xml:space="preserve">他是怎样的一个人?我怎么才能忘了他?07年在上SKYPE时认识了 </t>
  </si>
  <si>
    <t>你要找你的最好的朋友倾诉心事，跟他一起去外面大玩吃好吃的，不要让自己闲下来把日程安排得满满的！这样你的生活里头就只有希望，如果这样还不能走出阴影你快点找一个喜欢你又靠得住的人重新开始一段感情，我想新的感情很快就会弥补你心里的痛了！</t>
  </si>
  <si>
    <t xml:space="preserve">好记星好用吗？大家好，有没有人用过好记星的？电视里说得真神奇的。 </t>
  </si>
  <si>
    <t>我才不信，我用过一些其他的产品，宣传手段是一致的，没有一个好用，学英语还是老老实实买本好字典，多听多背多读多说多写，考虑那些辅助东西的原因无非想走捷径，但其实那才是绕远道，买个文曲星倒挺使用，词汇量大，还会发音，寂寞的时候可以陪你说说话，哈哈。尤其是说得那么神才假哩，你想想就知道。说得朴实点我倒会信。</t>
  </si>
  <si>
    <t xml:space="preserve">关于防御问题，大家讨论下...大多人都说近战只加血和G，不加F， </t>
  </si>
  <si>
    <t>那要加多少的F啊  你打别人也如同挠痒 别人强制去血的技能 你能顶几下啊 一万多的攻击 你没血  你防御能到10000多吗 真能到 那就只能打野狗了 我看血防 要同在  点应该是 2  3  5的加  不过这样 你要洗的点就多了 因为这样 级不好升 个人意见 呵呵 纯粹想像</t>
  </si>
  <si>
    <t xml:space="preserve">单纯性疱诊对胎儿有影响我现在怀孕已八个多月了，还差20天左右到就 </t>
  </si>
  <si>
    <t>你不是早孕，你已怀孕8个月，临近分娩，胎儿内脏已发育成熟，这时感染病毒，对胎儿发育基本没有影响。</t>
  </si>
  <si>
    <t xml:space="preserve">曼联阿森纳利物浦切尔西哪个队中的本土球员多? </t>
  </si>
  <si>
    <t>八名：分别是40 门将 佩吉里 18 后卫 布里奇 2 后卫 格伦-约翰逊 26 后卫 特里 10 前卫 乔-科尔 8 前卫 兰帕德 24 前卫 赖特-菲利浦斯 12 前锋 卡尔顿-科尔 阿森纳三名：分别是3 后卫 阿什利-科尔 23 后卫 坎贝尔 42 后卫 霍伊特曼联队15名：分别是30 门将 斯蒂尔38 门将 希顿2 后卫 加-内维尔 5 后卫 费迪南德 6 后卫 布朗 23 后卫 理查森 26 后卫 巴德斯利 25 前卫 福琼 33 前卫 伊格尔斯 8 前锋 鲁尼 14 前锋 史密斯 40 前锋 布莱克 31 前卫 大卫琼斯34 后卫 麦克肖恩36 后卫 马克霍华德利物浦15 前锋 彼得·克罗奇7  前卫 哈里·科威尔8  前卫 斯蒂文·杰拉德 20 门将 斯科特·卡森23 后卫 杰米·卡拉格28 后卫 史蒂芬·瓦诺克31 后卫 大卫·拉文32 中场 约翰·维尔舍33 中场 内尔·梅罗    其它的就不用数了，曼联一线队报名人数最多，所以本土球员最多。</t>
  </si>
  <si>
    <t xml:space="preserve">老公没有上进心··怎么办·离开吗？我们结婚4年了···现在都有2 </t>
  </si>
  <si>
    <t>我认为，你要找一找你老公没有上进心的原因。有些人，是因为懒惰不肯做事，有些人是不知道怎么做，有些人因为受到某种打击，对自己没有信心，因而逃避，你先找找原因，然后鼓励他，让他知道他的很棒的，特别不要让他觉得你比他强很多，这样只会更打击他。</t>
  </si>
  <si>
    <t xml:space="preserve">请问F1上海站什么时候重播？10/1可能会有点事情，看不了，大家? </t>
  </si>
  <si>
    <t>10月2日13:00  卫视体育台（ ） ?? 2006世界一?方程式F1錦?速?:石化中?筚? 十月三日 8： 30卫视体育台?? 2006世界一?方程式F1錦?速?:石化中?笕?</t>
  </si>
  <si>
    <t xml:space="preserve">请大家帮我看看血常规检查报告这是今天刚出来的,是一份男性的血常规 </t>
  </si>
  <si>
    <t>你好，三系都低初步考虑再障，建议作血象复查，必要可以做骨髓检查确诊。</t>
  </si>
  <si>
    <t xml:space="preserve">请问我的脚从今天早上开始左脚脚面发麻，走路的时候有点别扭，是怎么? </t>
  </si>
  <si>
    <t>假如你是第一次发病的话，没有受到外伤，或走路过多，鞋子不合适，就要考虑痛风的可能，你可以到医院先做一个片，看看骨头有没有问题，在一个就是化验一下血尿酸，如果高就是痛风，不高的话，可以吃一些活血化瘀，消肿止痛的药物看看怎么样。</t>
  </si>
  <si>
    <t xml:space="preserve">人民币升值后,纺织品的前景如何? </t>
  </si>
  <si>
    <t>国家宣布采取人民币升值、汇率不再单一盯住美元的汇率调控措施，给纺织品进出口公司的出口带来较大影响，加上目前对欧盟出口的许可证制度，纺织品行业面临非常严峻的挑战。人民币的升值对纺织品行业来讲既是压力又是动力。首先，人民币升值对已经安排生产或出口、但还未收汇的外贸企业将造成直接的经济损失。比如原来卖100万美元的产品，将损失约16万多人民币。其次，人民币升值会相对提高出口纺织品的成本，并相对提高出口纺织品在国际市场上的报价，使得中国制造的价格优势有所削弱。人民币升值2%，那么原来卖100元的，现在就得涨到102元。纺织品行业以劳动密集型企业特别是中低档纺织品企业为主。因此，在一定时期内，人民币升值将减少纺织品的出口数量，对企业在国外市场上的竞争力将有较明显的影响。但从积极角度上来看，以前企业增加收入主要途径是提高出口量，现在面临新的配额限制，这将大大促进纺织品更新换代，向高精尖发展，逐渐抛弃高能耗的粗放经营的服装企业，走上增加附加值、高效益的道路，从而减少纺织出口企业“质优价贱”的现象，有利于减少国外反倾销的影响，树立我国出口企业的良好形象。同时，人民币升值也会对我们的劳动用工制度产生积极的影响：工人不用再加班加点了，企业效益好了，职工的待遇也会相应的提高。</t>
  </si>
  <si>
    <t xml:space="preserve">600601ok? </t>
  </si>
  <si>
    <t>30日均线3.20的压力大。</t>
  </si>
  <si>
    <t xml:space="preserve">诛仙未飞升职业？诛仙未飞升职业在哪可以挂出来造化珠和１４０级以上 </t>
  </si>
  <si>
    <t>造化珠不可以挂，但你可以花50J在轩辕祖师那里接造化值的任务，仙境，幻月，炼狱都可以挂到140+散仙，真仙要打仙境，修罗，炼狱，幻月BOSS。武器直接爆，衣服，帽子，鞋子只有配方</t>
  </si>
  <si>
    <t xml:space="preserve">乔丹是和巴克力打过架吗?听说是在另一位球员家里,为打乒乓球而打拉 </t>
  </si>
  <si>
    <t xml:space="preserve"> 绝对没有.乔丹和雷吉.米勒斗殴过.</t>
  </si>
  <si>
    <t xml:space="preserve">这样会导致小腿变粗么？我是一个学生。暑假在必胜客打工。因为必胜客 </t>
  </si>
  <si>
    <t>是啊。经常的站着使得血液都向下流，特别是小腿。你可以在晚上睡觉前把腿竖立和身体成九十度，可以有助于血液倒流。</t>
  </si>
  <si>
    <t xml:space="preserve">女性肾病综合症能治好吗 </t>
  </si>
  <si>
    <t>治肾病综合症？肾病综合症的治疗 1饮食：一般不须忌口，蛋白质应适量增加，但有氮质血症者应限制；对水肿、高血压患儿应限制钠盐，水肿严重时应限制入水量。 2如有感染存在，应给不损害肾的抗生素（如青霉素)。 3利尿：口服双氢克尿塞或安体舒通，必要时可用速尿。 4输血浆和血蛋白可提高血清蛋白，减轻水肿。 5激素疗法：常口服强的松，有利尿消肿，降低尿蛋白作用，将全日量分3～4次服，连用4周后，如尿蛋白在7～10天内连续3次均为阴性（即尿检查无蛋白质），则改为隔日将全日量于早晨一次顿服，如此再用4周，以后每2～4周减量一次，直至停药，总疗程4一6个月。</t>
  </si>
  <si>
    <t xml:space="preserve">宝宝消化不良拉肚子怎么办？我家可可最近吃的食物和平常一样多，但是 </t>
  </si>
  <si>
    <t>亲你应该多给宝宝喝水，在多给宝宝喝水的同时，宝妈的饮食也要注意，尽量清淡一些，少吃辛辣的容易上火的食物。亲你也不妨试着用手为宝宝轻轻揉搓，手掌向下，平放在宝宝脐部，按顺时针方向轻轻推揉，可以起到很好的辅助作用，如果配着一些富含益生菌的营养品给宝宝吃，就能更好地帮助宝宝改善拉肚子，消化不良等症状，我家宝宝吃的妈咪爱就挺不错的，亲可以试一下！</t>
  </si>
  <si>
    <t xml:space="preserve">家里装修，现在进入刷漆阶段了，想挑款好的木器漆，不知道多乐士木器? </t>
  </si>
  <si>
    <t>推荐多乐士木器漆，比较好，还可以调色，你可以去店里面根据色卡调一个你喜欢的颜色，在网上看到很多家庭装修的时候都选得这个牌子的木器漆。我家的儿童房当时装修的时候选得也是这个牌子，专卖店的人推荐搭配的颜色，非常漂亮。用了这么久感觉很不错，光泽度不错。</t>
  </si>
  <si>
    <t xml:space="preserve">为什么最近电脑经常开机不久就死机？不知道是不是最近天气热，我的电 </t>
  </si>
  <si>
    <t>不是 是你电脑的系统有问题 可能是当初别人给你装的时候没装全```我的笔记本也出现过和你一模一样的情况  最简单有效的方法就是从做系统 这样最彻底 以后也不会死机了</t>
  </si>
  <si>
    <t xml:space="preserve">怎样对待打婆婆的儿媳妇婆婆是别人的儿媳妇，儿媳妇将来也是别人的婆 </t>
  </si>
  <si>
    <t>如果儿子还是男人的话，就应该叫老婆向妈斟茶认错，叫不动媳妇就直接离婚吧。这样的媳妇确实不能要，不管婆婆做得多过火，毕竟是长辈，做小辈千不该万不该动手啊。</t>
  </si>
  <si>
    <t xml:space="preserve">衣服缩水了怎么处理？一件半长的上衣，刚洗了一次，缩水了~~~~~ </t>
  </si>
  <si>
    <t>可以送到干洗店呀~现在干洗店都有把收缩的毛衣扩大的功效</t>
  </si>
  <si>
    <t xml:space="preserve">元旦三天假，上海周边有什么好玩的地方推荐么？谢谢！适合自驾的。 </t>
  </si>
  <si>
    <t>你好！向你推荐不出上海看大海，看日出，寓意很好哦！周围还有滴水湖，航海博物馆，春节期间免高速费！可以再附近的锦江大厨用餐，春节期间不打烊哦！锦江之星临港新城春节期间房价159元起哦！详情看博客链接：http://blog.sina.com.cn/jinjianginns0107</t>
  </si>
  <si>
    <t xml:space="preserve">六降快瘦汤效果怎么样？ </t>
  </si>
  <si>
    <t>吃六降快瘦汤，7天排脂肪，30天找回满意身材，快瘦汤减肥!六降快瘦汤刮油脂+瘦腰腹，快瘦汤抹平大肚子效果提升5倍!全国订购热线：4OO-OO3-1O6O   客服QQ:3O8-2OO-8311袁医生中医减肥理念是调理加内外双向瘦身，从中医角度来分析，中药调理是一种很健康的减肥方式!袁医生快瘦汤从内到外对人体进行调理，既有较好效果，又不会带来副作用，因此袁医生快瘦汤是安全减肥的首选！平时几乎不怎么运动，生活饮食习惯没有规律，以至于身材逐渐走形，体重越来越重，俨然成了一个大胖子，虽然胖不是不治之症，但是也是一种患慢性疾病，给我的生活带来了很严重的影响，晚上睡觉都会受困扰。   后来使用了六降快瘦汤，仅仅使用了几个疗程就有了很好的效果，后来坚持使用竟然真的看到我的体重在一点点减少，脂肪在逐渐消耗，后来直到完全瘦成以前的模样，真是开心死了，太感谢袁医生的六降快瘦汤的帮助了。不知道现在的你有没有这样的问题呢，要是你现在也有这样的问题的话那么现在就一定要来使用六降快瘦汤，因为六降快瘦汤的效果是可以得到保证的，让你看到自己的水桶腰变成小蛮腰。我减肥后不再担心别人看我的眼光了，不会在逛街选衣服的时候担心粗的腰围和胖胖的大腿，可以自信的挺身去每个地方，不再顾忌以前在商场逛街碰到大镜子都不感过去，总感觉自己胖胖的，太难看样子。　听闺蜜说得这么好，我怀着强烈的好奇心上网了解了这款六降快瘦汤。这是一款以天然植物为主要原料的瘦身产品，通过控油解脂来达到减肥的目的，其独创的“内外脂肪双向”减肥理念更是深深吸引了我，让我感觉很有说服力，而且这款六降快瘦汤还具有排毒养颜的功效，我决定购买一个疗程试试。1个月过后，我瘦掉了10斤，而且上下比例也看起来匀称更有型了，爱美的我现在是想穿什么衣服就穿什么衣服，再也不用担心露出自己的“呼啦圈”了，身边朋友都夸我更有气质，更漂亮了呢！这次的选择能给我带来好运！本身我是一个不喜欢麻烦的人，这款六降快瘦汤不仅携带方便，操作方法也很简单，一杯热水冲开即可，不用浪费大量时间，也不会对身体有任何影响。服用了一个礼拜左右，我觉得手臂和腰上的肉有少些，用尺子量了下腰围，发现小了2cm呢，开心啊！看来这次减肥有望啦！一个疗程过后，胳膊、腰上的肉看起来瘦了一圈儿，手背上的肉看起来也没那么厚实了，看到如此变化，我决定再买一个疗程，坚持瘦出小蛮腰，那才是我减肥的终极目的。</t>
  </si>
  <si>
    <t xml:space="preserve">急急急，高分求救：windows找不到文件dsed.cmd电脑一 </t>
  </si>
  <si>
    <t>应该是系统文件丢失或被错误文件覆盖了，在windows xp中有一个 sfc 命令，利用它可以自动检查错误的系统文件并加以恢复。  首先以管理员身份登录xp，将wingdows xp安装光盘放入光驱，单击“开始-程序-附件-命令提示符”，出现命令提示窗口，进入c:\document and settings\用户名\目录,(假定在c盘)，然后键入“sfc/scannow”命令。回车后，系统会自动运行sfc，将硬盘里的系统文件进行比较，若有错误则从光盘中调用原文件恢复，整个过程不需要你的参与，这个比windows98改进了许多，运行时会出现一个提示窗口，内容为“windows文件保护，windows正在验证所有受保护的windows文件都没有经过改动，并且都是原始版本，请稍候。”同时有一个进度条显示验证进度，视机器情况，整个过程大约需要10分钟。   另外，windows xp下的sfc不想98那样，可以利用“详细信息”查看替换情况，但我们可以通过“控制面板-性能和维护-管理工具-事件查看器-系统”选定最近的事件，单击右键后调用“属性”命令来查看详细的验证情况，在这里可看到已恢复了那些系统文件。  sfc还有其他一些参数，在命令窗口中输入“sfc”即可显示这些参数和参数的含义。需要注意的是，若没有安装光盘，则无法运行sfc这与windows 98不同。  1回答者： tangjinfu987</t>
  </si>
  <si>
    <t xml:space="preserve">锻炼长肌肉的原理是什么？ </t>
  </si>
  <si>
    <t>是这样的，人身体里有许多块肌肉，它们是由肌纤维和肌腱组成的。每条肌纤维是很细的，但许多肌纤维紧紧地并排在一起。肌腱位于肌纤维两侧，一条肌肉一般有两个肌腱（如肱二头肌），也有三个的（如肱三头肌）和四个肌腱的（如股四头肌）。肌健附着在骨头上。当人想时，肌纤维收缩或伸直，纤拉或推动骨骼运动。人在做负重练习时，所锻炼部位的肌纤维受力而收缩或伸展，这时，必然会有部分肌纤维出现断裂（不过请放心，还能长好的，这些只是你所有肌纤维中的一小部分）的情况。当你训练完毕体息时，人体就开始了自身的修复工作。你的身体会动用大量蛋白质等营养物质来重新把断裂的肌纤维接好。但是，重修后的肌纤维与原来的并不完全相同，而是要比原来的要更粗和更结实一些，这是人类自身进化来的本能。每次训练后都会使一些肌纤维变粗变强，人的肌肉就是这么变得更强壮的。一般情况下人在成年后，自身的肌纤维数量就不会增长了，在锻炼后变强壮完全是由于每条肌纤维都变粗了而达到的。有时，多次锻炼后，肌纤维能长到原先的好几十倍粗呢！健美界名言：如果让一个能举１００公斤的机器举１２０公斤的重物，那么机器会报废；如果让一个能举１００公斤的人举１２０公斤的重物，那么这个人会变成能举１２０公斤的人！所以，只有不断超越自我，才能变得更强！当然，安全性还是要注意的，运动强度和时间对于不同程度的人也有很大差别，因为一旦受伤，就得不偿失了。另外，做负重练习时和运动完肌肉出现酸痛并不是由于肌纤维断裂而造成的，而是肌肉里的乳酸堆积造成的。乳酸是由人体自身分泌出来的，用于保护肌肉不受伤（感到痛了一般人就不再坚持了）。只有在训练时克服肌肉的酸痛感而坚持做到力竭的人才能达到最好的效果。训练后多吃些青菜等碱性食品或缓解这种酸痛。谢谢！</t>
  </si>
  <si>
    <t xml:space="preserve">密写药水是什麽成分？如何使用？ </t>
  </si>
  <si>
    <t>密写药水常见种类： 1、用毛笔分别蘸取醋、柠檬汁、番茄汁、洋葱汁等在白纸上写字，晾干后都可不留痕迹。这些物质是最简单的密写药水。想读此密写字，只要把纸在酒精灯上（或炭火炉上）烤一烤，棕色字迹便会很快出现。当然，在火上烤时要不断左右移动，不可太近火，以防白纸烤毁。其原理是：醋、柠檬汁、蕃茄汁、洋葱等物质会与纸发生反应生成一种类似透明薄膜一样的物质，着火点很低，在火上烤一烤，密写后的地方会变焦面显出棕色字迹。 2、用笔蘸取淀粉溶液在白纸上写字，凉干后也不留痕迹。想读此密字，只要拿一支棉签沾取碘酒溶液，在纸上轻轻地涂过去，兰色的字迹便立即呈现在眼前。 3、用毛笔蘸取酚酞溶液在白纸上写字，晾干后不留痕迹。想读其密写字，只要用棉签沾取氢氧化钠溶液，在纸上轻轻地涂过，红色字迹也会马上出现。 4：用米汤写密信，然后用碘酒来显示，这是比较常用的方法。米汤的主要成分是淀粉，用它在纸上书写不会留痕迹，干燥后仍是白纸一张。如果在这张纸上涂上碘酒，由于淀粉遇碘会显示蓝色，随之就能显示出像墨水一样清晰的字迹来。 5：准备信纸二张，圆珠笔一支、水一盆。先将一张纸浸入水中润湿，将另一张干燥的纸压在湿润的纸上，然后写上密件内容。这样，字迹就会印在下面的湿纸上。将纸晾干，上面的字随之消失。若将水重新浸入水中，字迹又出现了。 6, 用密写药水写出的字迹，需经曝光处理后才会显现出来。这种药水用硝酸银（AgNO3）配制而成。这种药水写在纸上晾干无色。当用强光照射时，硝酸银会分解产生银颗粒，银颗粒呈黑色。因此会显出黑色字迹。 7, 准备榨汁机、蘸水钢笔、纸、半个柠檬、打火机。 (1)、将柠檬榨出汁，用蘸水笔蘸柠檬汁在纸上写一段话。 (2)、将写好的信凑近热源，我们会看到，柠檬汁受热后变黄，字迹渐渐显现出来。但要注意不要烤的太久，否则纸会起火。</t>
  </si>
  <si>
    <t xml:space="preserve">紧急事啊!关于忍者,大家给出个点子!最近想练个忍者,可不知道怎么 </t>
  </si>
  <si>
    <t>我朋友有个100级忍者号，在我看来他的配点比较合理。200点敏捷，为了发动阳炎；100点攻击，拿上武器还是比较有攻击力的；80点防御，有人会说加防不如加血，在我看来其实不然，只加血只能带来浮肿，带来更加禁不住魔法打击。忍者没有任何防具，这一点是无可奈何的，防御加到240就够了。其他的点加在血上，到100级时血将近1500。至于技能，暗杀、阳炎是肯定要学的。攻击吸收也是不可缺少的。可以学习气功、巫师技、单体补血等，这就要看个人喜好了。还有就是忍者学习抵抗的问题，都能到10级，都是被动技能，可以学几个，比较抗乱、抗石抗毒。当然还是看个人喜好。玩一个游戏，练一个忍者，只要自己觉得喜欢就好了。</t>
  </si>
  <si>
    <t xml:space="preserve">怎么投放手机APP应用广告？ </t>
  </si>
  <si>
    <t xml:space="preserve">      对于手机应用开发者来说，这个从逻辑上来看，是比较简单的，手机APP开发者只需与移动广告平台合作就好。移动广告平台会提供相关的技术支持以及SDK包，开发者在适当的位置嵌入就好。当然开发者也需简单的设置下就好，移动广告平台也都会有自己的技术支持的。          如果你是广告主，选择一家靠谱的广告平台提出你的要求，承接服务即可。个人觉得艾德思奇无线广告平台还凑合，其他的还可以试试优米等。</t>
  </si>
  <si>
    <t xml:space="preserve">我的问题回答了很多了，怎么会自动撤消呢？有没有人帮帮我？ </t>
  </si>
  <si>
    <t>　　您回答的问题，当它过期，会显示“已过期”。如果提问者自己处理或者管理员处理，把问题撤消了，则提示撤消。这个是正常现象，请不要担心。</t>
  </si>
  <si>
    <t xml:space="preserve">多学习少空喊－－数学名词二 </t>
  </si>
  <si>
    <t>加法 减号</t>
  </si>
  <si>
    <t xml:space="preserve">英语中的星期天的表达方式和中国的星期天的表达方式在时间上有什么不? </t>
  </si>
  <si>
    <t>英文和中文关于星期的表达方式，中文是以星期+数字来表示，但是英文是以特定字母来表示，并不是以“几”来表示的。但是从一个星期的第几天来说的话，中国人一般以星期一这个一周中的第一个“工作日”作为一个星期的开始，而英语国家是以“周日”这个“休息日”作为一周的开始。这种认定情况出现的原因在于两种文化背景下人们对于“休息”和“工作”的不同观念造成的。</t>
  </si>
  <si>
    <t xml:space="preserve">汗疱疹治疗方法？脚背上的汗疱疹都被挠破了，还是痒，怎么治疗汗疱疹 </t>
  </si>
  <si>
    <t>汗疱疹一般比较容易出现在手脚这种汗腺特别发达的部位，可以表现为手足部出现水泡，在以前一度被认为是由于流汗等因素导致的，因此被称为汗疱疹。不过目前已经证实汗疱疹的发生与汗腺、流汗这些因素并没有直接的关系。 汗疱疹主要是表现为在皮肤出现深在性的小水疱，水疱可呈粟粒至米粒大小，并且可以略高出皮肤的表面，并且在水疱的周围没有红晕。汗疱疹的皮损一般比较容易对称出现在掌跖及指（趾）侧。本病的皮损在1到2周内可以逐渐干涸成屑，不过汗疱疹往往可以反复发生。患者通常会有不同程度的灼-热或者是瘙-痒感。 汗疱疹的发病因素比较复杂，一般比较常见的诱发因素有精神紧张、手足多汗，还有真菌感染及变-态反应等。 汗疱疹治疗方法：1、要注意规律饮食，不要经常吃辛辣刺-激性食物，发物。多吃蔬菜、水果。2、出现汗疱疹症状，直接涂抹[汗疱疹油]进行治疗，一日三次。</t>
  </si>
  <si>
    <t xml:space="preserve">关于筋骨活天麻胶囊筋骨活天麻胶囊是否假药 </t>
  </si>
  <si>
    <t>本报前日刊发了被列入食品药品监督管理局监控“黑名单”的“筋骨活天麻胶囊”虚假宣传，让消费者上当受骗的报道，引起了南京市药品监督管理局的高度重视，该局相关人士在接受记者采访时称，“筋骨活天麻胶囊”违法宣传广告属于药监部门监控对象，南京市药监部门一直在密切关注该胶囊广告的发布情况，药监部门将把此事通报给南京市工商部门进行查处。　　昨天记者电话采访了“筋骨活天麻胶囊”的生产厂家鞍山制药有限公司，该公司办公室一位不愿透露姓名的男士称，他们生产的“筋骨活天麻胶囊”确实被国家药监部门列入“黑名单”。当记者将南京市民李女士误信广告宣传购买了“筋骨活天麻胶囊”，服用后导致腿疼毛病加重的情况告之后，这位男士回答说，他要向领导汇报后再作答复，并留下了记者的联系方式，表示会与记者联系。但直到记者发稿时，仍然没有接到厂家的回复。　　记者随后与南京市药监局稽查处取得联系，将“筋骨活天麻胶囊”虚假宣传导致消费者服用后病情加重的情况进行了反映，该处一位姓许的工作人员表示，在今年4月国家食品药品监督管理局印发的第一期违法药品广告公告汇总的通知中，“筋骨活天麻胶囊”因违法发布广告被列入黑名单，南京市药监部门一直密切关注和监控该胶囊在南京媒体上发布的违法广告信息，定期向南京市工商部门发布通报。这位工作人员表示，消费者因误信该胶囊的宣传广告导致病情加重一事，药监部门会立即向南京市工商部门通报，由工商部门对该家单位进行查处。</t>
  </si>
  <si>
    <t xml:space="preserve">怎样跟一个人做朋友想和一个认识很久的女生表白，不知道怎么做，求帮 </t>
  </si>
  <si>
    <t>你好：   首先先要对你说表白需要勇气和真诚（其中真诚最为重要，当面表白时一定要态度端正，让女方感到你是认真的。这样你的成功性会大一些）   但是有一点要提醒你，当你遇到自己真正喜欢的人时，一定要去表白，千万不要说自己不敢，更不要不去表白，让机会从自己的身边白白溜走。这样会让自己后悔的，会留下遗憾的。即使被拒绝也是没关系的，至少自己尝试过，也无憾了。这里有几个表白的方法，你可以根据你的情况参考选一下：1.写信。也就是写情书，在情书中表达你对她的爱慕之情，尽量不要参考其他的情书写法，因为这样会比较呆板（因为许多的情书例文表达方法都是差不多的，而且句式和话语都是为人所知的，如果被女方发现你指抄袭的，她有可能觉着你没有诚意只是敷衍）所以情书最好自己写，写出自己的真情实感，无论是好还是坏，会让女生感动。这个方法主要适合一些比较害羞的男生，和不敢当面表达的男生。2.找一个恰当的时间，约她到一个浪漫的地点，（最好手上拿一点什么东西），对她说：（一定要温暖的注视她的眼睛）你愿意做我的公主吗？当然为了提高成功率，你可以通过她的朋友知道她喜欢什么东西，从而在表白之前送给她。至于什么地点，就因人而异了，最好是女方喜欢的地点，如果她喜欢公园，你就可以在公园选择表白，同时这也是表白成功率最高的地点。这个方法比较大众化，可以供许多人选择。     补充：其实最有效的，最简单的方法还是把约到一个地方，然后当面对她说。如果你不知道应该怎么说，那么我可以告诉你一个比较通俗的话，也是最常说的话（注：如果俩没换个人彼此喜欢的话那么表白只是一个形式，她不会在乎你说什么，怎么说，她只在乎你说没说，所以你不必担心这些话过于老套）比如：当你们两个人相对着站着的时候或者靠近着坐着的时候，你可以尝试性的牵着或者握着她的手，如果她没有拒绝的或反抗的话，你就可以用温柔的双眼和她对视，说：“其实我注意（喜欢，暗恋）你已经很久了 ，说实话我以前并不相信一见钟情，但是自从我第一次看到你的时候，你就在我的心中留下了美好的印象，我常常会想起你的笑，你的可爱，你的好，你的美丽。当我每每想到的时候，我就会不由的心动。因为我确定了你就是我的最爱，这份感情我永远不会变。这些都是我的心里话，以前我不敢说，但是今天我终于鼓起勇气对你表达。我希望你可以给我一个机会，我要拒绝我，或者说给我们一个机会，让我照顾你，保护你，好吗？”这只是一个框架，你可以根据自己的情况自己更改，或者添加，删除语言。     如果你觉得以上的话语过于繁琐（注：这种说法是很浪漫的，很容易感动女生）那么我可以给你提供几种比较简单的话语：     a.某某某，其实我关注你已经很久了，可不可以请你做我女朋友那？（用“关注”不用“喜欢”，可以显示出你有内涵，“可不可以”和“请”则可以让女方感到你非常绅士，有礼貌。这种说法，简短中不失霸气，可以展现你的自信心，使得女方有安全感。）b.貂蝉不及你的风韵，西施比不上你的贤惠，织女没有你的容貌，而我想做你的牛郎，在鹊桥与你相会，你愿意和我一起邂逅吗？（前面的用历史上著名的女性来夸她时，最好不要超过三句，否则会让对方误认为你油嘴滑舌。适可而止可以让她感到你很浪漫，在以后的中不会枯燥）c．某某某，我喜欢你已经很久了，虽然我现在什么都没有，但是我愿为你奋斗，让你成为这个世界最幸福的女人，请相信我，好吗?(这种说法可以委婉的说出自己现有的经济状况不是很好，但同时又可以证明你是深爱着这个女人的。如果女方同意了就证明她也是非常喜欢你的，不带任何的功利色彩。但是这种说法不适合对拜金的女性说)d.其实有的时候表白并不是非得说的多好听，如果两人都彼此相爱，那么一句“我喜欢你” “l  Love  you”就OK了。4.现在的网络十分发达，通讯工具也很多，利用这种手段来表白不失为一种有用的方法。但是在说的时候，一定要庄重，不然对方可能只以为你在网上和她乱着玩的。但是这种方式有些局限性。因为在网上表达时两个人并没有见面，所以在见面时男方就要主动一些了，比如牵她的手，楼她一下，打开僵局。5.如果你是非常胆小的男生，不敢对心爱的女人是表达爱意，那么你也可以通过她的朋友帮你转告，但是效果不是很好，所以我有一种方法有推荐给你：找一批自己的好朋友起哄，事先和他们商量好，让他们把你拉到女生身边，让他们对女生说：“这家伙喜欢你很久了，他今天要对你表达，仔细听啊”这些之类的话，看到女生有些脸红之后，这些朋友就离开，只留你和她，这时你就顺势说了，成功最好。如果他不同意，你也不尴尬，你可以找借口说事朋友们开玩笑的。可千万别演杂了啊。6.给你说一下在表白之前的准备或者说是怎样搞好关系。     a. 和她搞好关系、至少让她对你不反感。     b.处处帮她、让她感到你这人还不错。     c..情况越朦胧越暧昧，对你就越有好处。不要急着表白，捅破那层纸啊平时对她好，她积极回应的，对于男女独处她也不反对的，就尝试拉下她的手之类的亲热动作，她也不反对或者只是嗔怒，基本上就可以做女朋友了，继续发展下去，着急的人会是她了。     d. 只要看心意，假如太主动，女生会吓到的。最好先打探清楚底细然后尽量把自己的爱好尽量和他配合。对她好点，但不要套过分，要知道，女生在意的是共同语言。     e. 我知道、你是喜欢她、才会提问、就算他说“让我想想”“对不起”也不要灰心、继续努力、一定会打动她的！加油啦。       f.你事先找她的好朋友打探一下情况，因为女生和男生大多不一样，女生会把自己喜欢的人给自己最好的朋友说，先探探口风啊。知道她喜欢什么物品、话语，这样你就可以做足功课了。      g.让女生感到和你一起有安全感，让他觉得你在某一方面很优秀，先让她欣赏你，为人处世要稳重，不随便。同时你不要表现出自己太花痴，让她觉得你很专一，是个可以托付的男人。       以上是我总结的，希望对你有帮助。        祝你成功！</t>
  </si>
  <si>
    <t xml:space="preserve">右肝前叶胆管结石对人体的影响？肝内外胆管未见扩张，右肝前叶内见一 </t>
  </si>
  <si>
    <t>肝内胆管结石，这可以带症侯很多年的，如果没有什么症状，就不要管它。如果你一直放在心上反而不好，如果想治疗可更难，只有手术还会再复发。</t>
  </si>
  <si>
    <t xml:space="preserve">冷烫之后多久可以洗头啊我昨天下午烫的好想洗啊各位达人告诉我一下吧 </t>
  </si>
  <si>
    <t xml:space="preserve">最少三天有的店可能会跟你说第二天就可以洗之类的 其实效果都不好的 药膏都没渗进去效果不好啊 </t>
  </si>
  <si>
    <t xml:space="preserve">中国一共有几家宜家专卖店，分别在哪些城市？ </t>
  </si>
  <si>
    <t>4家 上海 地址:上海市徐汇区漕溪路126号联系方式:总机电话：+8621-54254532传真：+8621-54253030服务热线电话：+8621-54256060传真：+8621-64276978营业时间:每天10:00 - 22:00营业时间是早9:00开始, 9:00-10:00我们在餐厅每天为您提供免费咖啡。 公共交通:搭乘地铁1号线，请在上海体育馆站下，走5号出口；乘地铁3号线(明珠线)，至漕溪路站下；乘地铁4号线，至上海体育馆站下。公交可乘07路、42路、43路、49路、50路、73路、87路、92路、120路、138路、703路、704路、718路、721路、754路、764路、808路、857路、926路、938路、946路、沪松线、万野线、徐川线、徐闵线等到达宜家商场。北京地址:北京市朝阳区阜通东大街59号（四元桥西北角）邮编:100102联系方式:电话:+86-10-6479 2345传真:+86-10-6479 4478免费热线: 800 810 5679营业时间:商场：每天早十点至晚十点餐厅：每天早九点至晚十点广州地址:广州市天河区林和中路156号天誉花园1层联系方式:电话：+8620-85622345传真：+8620-38840049营业时间:每天10:00 - 22:00公共交通:搭乘地铁1号线至总站－广州火车东站,出D,E,F出口或乘公交车到广州火车东站下,从汽车总站步行5分钟至宜家商场.免费穿梭巴士服务:路线:宏城广场至宜家广州商场。时间:逢星期六、日，11:00-20:30，每30分钟一班。路线:宜家广州商场至宏城广场。时间:逢星期六、日，11：00-21：00，每30分钟一班。路线:中华广场至宜家广州商场。时间:逢星期六、日，11：15-20：35，每40分钟一班。路线:宜家广州商场至中华广场。时间:逢星期六、日，11：15-21：15，每40分钟一班。成都地址:成都市高新区站华路9号邮编：610041联系方式:电话：(028) 85262345传真：(028) 85319577营业时间:周日至周四：每天早十点至晚九点周五至周六：每天早十点至晚十点公共交通:紧邻天府立交至蓝天立交，南华立交出口您可乘93，115，76，501，805路到新元华路北站下。若须询问换乘路线，可拨打公交热线：85076868免费班车线路:线路1：桂溪公交站（50中附近） – 新希望路中站 – 火车南站站（肿瘤医院附近） – 宜家天府店线路2：林荫中街站（百脑汇对面，7中附近）–章灵寺站（好又多亚太店沸城附近）–火车南站站–宜家天府店线路3 ：逸都路伊藤洋华堂42路终点站 – 二环路南四段站 – 神仙树路南路北站 –宜家天府店免费班车时间：:宜家免费班车平均约30分钟一班桂溪/林荫/逸都→宜家：周日至周四：首班车9：30发车，末班车19：30发车周五至周六：首班车9：30发车，末班车21：00发车宜家→桂溪/林荫/逸都：周日至周四：首班车11：00发车，末班车21：30发车周五至周六：首班车11：00 发车，末班车22：30发车注:调整后的线路＂林荫中街站－宜家天府店＂从2007年1月15日开始运行12:30-13:00及18:00-18:30两时段无桂溪方向的班车。免费班车运行时间受当时交通状况影响,恕不提前通知，敬请谅解。</t>
  </si>
  <si>
    <t xml:space="preserve">我才发现，他有女朋友，我该怎么办？他今天没有来找我，以往的周日我 </t>
  </si>
  <si>
    <t>17～19,你的青春并没有都给他呀!你还不到20呢!20你的青春才开始!你才懂得什么叫真正的爱!懂吗?青春这么没好!干嘛非跟他叫劲呀!跟他分手吧!他不适合你!你在大点才会懂被爱的感觉哦!你现在发现,伤心,哭泣,全都不晚!你的青春才真正开始哦!要幸福!不能让以后的自己后悔!当年在那个坏男人身上浪费了那么多的感情和时间,还有眼泪!知道了吗?你有爸爸妈妈.朋友姐妹!对自己好一点!别用特别的方式"虐待"自己!加油!</t>
  </si>
  <si>
    <t xml:space="preserve">女人内裤(打一食品) </t>
  </si>
  <si>
    <t>果冻</t>
  </si>
  <si>
    <t xml:space="preserve">12个等边三角形如何仅用4条线连接？？12个等边三角形，分3行， </t>
  </si>
  <si>
    <t>看我上传的图吧，似乎三根线就可以了，剩下的第四根就随便画了</t>
  </si>
  <si>
    <t xml:space="preserve">身上出红色痒疙瘩,先是背上,腰上,后来到四肢,极痒,抓破的时候会? </t>
  </si>
  <si>
    <t>皮炎都很多種，致病?C理也不盡相同，要化?一下才知道，去做?z查吧，不要盲目用?。。</t>
  </si>
  <si>
    <t xml:space="preserve">北京毕业生,档案放职介,个人交三险,交多少?如果在单位交,个人只 </t>
  </si>
  <si>
    <t>总额应该是400左右我不是北京户口，现在工作每个月社保，个人交90多，公司306</t>
  </si>
  <si>
    <t xml:space="preserve">上海尖锐湿疣医院哪里最好，上海治疗湿疣哪家医院好 </t>
  </si>
  <si>
    <t>上海治疗尖锐湿疣医院是否好，要看一下四点：    1、专业权威：有必要要是专业权威的医院。选择规范专业有规划的尖锐湿疣治疗医院，通常要选择有非常好的医师，治疗尖锐湿疣专业医师团队，也就是在医德上和技术上大多数格外专业的医院。    2、通明的收费：收费准则有必要要通明化，医院的收费是不是合理、通明、揭露化，治疗尖锐湿疣好的医院，收费规范大多数是揭露通明的。    3、口碑好：这家医院医师要有好的口碑，口碑好意味着效果好，服务好，成功事例多，是治疗尖锐湿疣最佳的医院所必备的条件。    4、专业技术和设备：还必须具有最领先的治疗技术和专业的医师团队，这样才可以从根本上彻底治疗好尖锐湿疣，也可以在初步确定，增强尖锐湿疣得了尖锐湿疣的人的治疗信心，对得了尖锐湿疣的人的疾病恢复是有格外大作用的。你好！对于尖锐湿疣的治疗每家医院采取的方法不尽相同，因此建议患者选择正规的性病医院进行检查治疗，常规的治疗方法单次治疗费用便宜，但因为反复复发造成的总体费用却是很高。先进的治疗方法费用相对较高，但带来的是良好的治疗效果，减小了复发、传染的痛苦和危害。具体治疗费。费用根据其费用根据患者自体HPV亚型与病毒活性、侵害程度等决定，费用从数千到上万元不等。尖锐湿疣在初期，会出现锥状小禸粒小丘疹，一般发生在外生殖器、肛周，多数是粉紅色、菜花状，其表面很脆，用手很容易弄掉，同时也是很容易流血及感染。在早期，若是症状表现不明显的尖锐湿疣，会出现外阴瘙痒，灼痛或悻茭后疼痛等不适症状。多发性鳞状上皮增生，一开始是散在或者是簇状增生粉色、白色尒乳头状的疣，柔軟，有细指样突起。增大之后呈鸡冠状、菜花状。    想要治愈尖锐湿疣的关键在于去除您体内的病毒，而不仅仅是依靠传统疗法去除您表面的疣体。目前大多数疗法都只能起到缓解您病情的作用，并不能有效达到根治的目的。所以您在选择疗法进行治疗时，建议您一定要认准权威科学的疗法。祝您早日康复！</t>
  </si>
  <si>
    <t xml:space="preserve">哪里可以注册域名？ </t>
  </si>
  <si>
    <t>我的域名是在联信网络注册的，你们可以去了解下。我当时注册时只花了35元的，详细情况你可以去他们公司了解</t>
  </si>
  <si>
    <t xml:space="preserve">PHOTOSHOP的各个功能都学完了下一步该做什么了？我是学室内 </t>
  </si>
  <si>
    <t>接下来就是练习.还多看一些美术方面的书,再个就是靠你的艺术细胞了!</t>
  </si>
  <si>
    <t xml:space="preserve">为什么有的人吸几口烟就会头晕，喝几口酒就脸红。 </t>
  </si>
  <si>
    <t>对烟草的过敏程度了</t>
  </si>
  <si>
    <t xml:space="preserve">株洲华丽服装市场批发能否还价？能还多少钱？一般小脚和直筒牛仔裤在? </t>
  </si>
  <si>
    <t>华丽的租金很贵。大部分摊位都是从广州直接进货大。批发价和零售价有比较大的差别。一般可以还价，但是空间不大。很多老板不愿意做零售生意。</t>
  </si>
  <si>
    <t xml:space="preserve">怎样制作个人网页？ </t>
  </si>
  <si>
    <t>如果只是想做简单的静态网页就用frontpage好了，简单还不用学！就象用WORD一样如果还想做动态个话，建议你用Dreamweaver，也不是很复杂，不过你要先学一下祝你成功</t>
  </si>
  <si>
    <t xml:space="preserve">鸡蛋和卵子有什么关系？ </t>
  </si>
  <si>
    <t>---鸡卵子的俗称。但并不是一个单纯的卵。母鸡的生殖器官主要构造有两部分，卵巢一对成结节状，输卵管一对，包括喇叭部、蛋白分泌部、峡部、子宫部及泄殖腔。其中只有一侧的卵巢和输卵管正常发育，具有繁殖机能。一个卵巢有数百万枚卵泡，但仅有少数能成熟排卵。每个卵泡含有一个卵母细胞或生殖细胞。未受精的蛋，生殖细胞在蛋形成过程中一般不再分裂，打开鸡蛋后蛋黄表面有一白点，叫胚珠。卵泡上有许多血管，自卵巢上送来营养供卵子成长发育。卵巢上每一个卵泡包含一个卵子。卵泡成熟后，自卵泡缝痕破裂排出卵子，排出的卵子在未形成蛋前叫卵黄，形成蛋后叫蛋黄。卵泡成熟排出卵黄后，立即被输卵管喇叭部纳入。约经18分钟，进入蛋白分泌部，这里有很多腺体，分泌蛋白，包围卵黄。由于输卵管蠕动作用，推动卵黄在输卵管内旋转前进。在蛋白分泌部(也叫膨大部)，因机械旋转，引起这层浓蛋白扭转而形成系带。然后分泌稀蛋白，形成内稀蛋白层，再分泌浓蛋白形成浓蛋白层。最后再包上稀蛋白，形成外稀蛋白层。卵在蛋白分泌部停留约3小时，在这里形成浓厚粘稠状蛋白。蛋白分泌部的蠕动促使包有蛋白的卵进入峡部(管腰部)，在此处分泌形成内外蛋壳膜。卵进入子宫部，约存留18至20小时，由于渗入子宫液使蛋白的重量增加一倍，同时使蛋壳膜鼓胀而形成蛋的形状。以碳酸钙为主要成分的硬质蛋壳和壳上胶护膜都是在离开子宫前形成。卵在子宫部已形成完整的鸡蛋。蛋到达阴部，约存留20至30分钟，子宫肌肉收缩，使鸡蛋自泄殖腔产出。公鸡和母鸡交配，公鸡在上母鸡在下，泄殖腔与泄殖腔接触，精子近入母鸡体内，完成受孕。</t>
  </si>
  <si>
    <t xml:space="preserve">我想买一部诺基亚手机，不知道什么型号好，要耐用，待机时间长，网速? </t>
  </si>
  <si>
    <t>耐用待机长反应快，那就买低端机吧！6020还行吧！行货很好识别，现在基本都是移动定制版，手济都有移动的标识！</t>
  </si>
  <si>
    <t xml:space="preserve">猪肝菠菜汤怎么做？ </t>
  </si>
  <si>
    <t xml:space="preserve">猪肝菠菜汤      原料：猪肝100克，菠菜150克，盐、味精。     制作：（1）把猪肝切成小薄片，菠菜切成长段。     （2）在锅内下肉汤500克，汤烧开后把肝、菠菜倒入，加少许盐，味精，待汤烧沸即可食用。     特点：菠菜嫩滑，汤鲜肉爽嫩      </t>
  </si>
  <si>
    <t xml:space="preserve">七星石有什么用看到好多玩家都在狂收七星石，七星石，还有八卦石等等 </t>
  </si>
  <si>
    <t>我做任务给的7星石都扔NPC了，也见到很多人在收，不知道有什么用，可能是做最高级的那种攻击符吧  13品~15品用的</t>
  </si>
  <si>
    <t xml:space="preserve">二维码抽奖怎么做？谁能给我推荐一下。 </t>
  </si>
  <si>
    <t>二维工坊Smart meetings会议签到可以实现展会门票、研讨会、答谢会、订货会、培训会、年会、高端论坛、庆功表彰会、联谊会、酒会、宴会、婚礼、各种庆典活动的手机二维码会议签到。</t>
  </si>
  <si>
    <t xml:space="preserve">40级法师在哪练级好我是40级小法，还没有狂龙，去哪里练级最快， </t>
  </si>
  <si>
    <t>这问题要看你们区的人多不多，兽磷练了没，只要蛇和机关怪多，这2个地方是法师的好地方，</t>
  </si>
  <si>
    <t xml:space="preserve">伍老师，帮帮忙吧，多谢多谢我是公元1983年10月11日15时2 </t>
  </si>
  <si>
    <t xml:space="preserve">     男命：    公元1983年10月11日15时27分出生一九八三年      九月         六日          申时八字：      癸            壬           壬            戊            亥            戌           申            申大运： 辛     庚     己     戊     丁     丙     乙     甲       酉     申     未     午     巳     辰     卯     寅 71 01 4胎元：癸丑(桑松木)   命宫：癸亥(大海水)由于没有具体的出生地点资料,因此以下的判断未必正确.此造事业,早年会服事公职,壮年会抛弃公职自谋发展;婚姻对象可能比自己略大,对自己帮助颇多;官运集中在年轻时,进入壮年会转入财运;30岁以后财旺.此是免费,恕不详批.</t>
  </si>
  <si>
    <t xml:space="preserve">关于国家技能投资为什么开了25级技能之后,技能里不能继续投资了呢 </t>
  </si>
  <si>
    <t>要在一部分国家到达到一个层度时，会自动打开，这个平均值怎么算，我不知道。</t>
  </si>
  <si>
    <t xml:space="preserve">你认为中国的体育媒体如何？全是墙头草随风倒 </t>
  </si>
  <si>
    <t>一点都没错，就和中国文艺界、科技界的通病一样——缺少独立的人格。两大恶俗媒体代表——体坛周报和CCTV-5媒体最大的缺点——业务能力差（比如评足球的不懂越位，不把防守当技术）、功利心重</t>
  </si>
  <si>
    <t xml:space="preserve">颈椎长骨刺压迫神经怎治疗?颈椎长骨刺压迫神经怎治疗? </t>
  </si>
  <si>
    <t>你好你这样的情况是颈椎椎动脉型 ；病变：由于骨刺,血管变异或病变导致供血不足；高发年龄段：30－40岁 主要症状：发作性眩晕,复视伴有眼震.有时伴随恶心,呕吐,或听力下降.这些症状与颈部位置改变有关；下肢突然无力猝倒,但是意识清醒,多在头颈处于某一位置时发生.偶有肢体麻木,感觉异常.治疗方案；手法按摩推拿疗法 中医治疗颈椎病的主要方法,也是颈椎病较为有效的治疗措施.它的治疗作用是能缓解颈肩肌群的紧张及痉挛,恢复颈椎活动,松解神经根及软组织粘连来缓解症状,脊髓型颈椎病一般禁止重力按摩和复位.颈椎牵引疗法；是颈椎病较为有效并且应用较广的一种治疗方法,此疗法适用于除脊髓型外各类颈椎病,对早期病例更为有效.理疗； 颈椎病的治疗中,理疗可起到多种作用.急性期可行普长因离子透入,超声波,紫外线或间动电流等；疼痛减轻后用超声波,碘离子透入,感应电或其他热疗. 温热敷 ；可改善血循环,缓解肌肉痉挛,消除肿胀以减轻症状,有助于手法治疗后使患椎稳定.药物治疗；西药在本病的治疗中可起到辅助的对症治疗作用,可选择应用止痛剂,镇静剂,维生素（如B1,B12）,血管扩张剂及中草药等,</t>
  </si>
  <si>
    <t xml:space="preserve">把卫生纸垫在卫生巾上好不好?(JMS进来下~)妈妈叫偶把卫生纸垫 </t>
  </si>
  <si>
    <t>我老妈也这样说过，不过我觉得很不舒服，而且也不卫生，更不爽的是，由于两腿间的摩擦，卫生纸还会分解成一小块一小块的，然后从裤管掉出去，干净的还好，染了颜色的就很恐怖了啊！由于没有固定的胶纸，还有可能整个掉出去，拿就更恐怖了！而且卫生巾上如果染上了的话，长时间不换，就会有异味，卫生纸很湿时，在不方便换的时候就会非常痛苦，本来下半身在特殊时间就很容易变冷，在加上这人为因素，不舒服的程度可想而知。而且不符合标准的卫生纸很容易很容易导致妇科病，并且很难治愈。为了减少不必要的麻烦和痛苦，强烈建议：勤换卫生巾！预防甚于治疗！现在多花少量的钱，就能减少以后痛苦的机会，何乐而不为呢？</t>
  </si>
  <si>
    <t xml:space="preserve">电脑启动的时候需要按F1怎么解决？ </t>
  </si>
  <si>
    <t>你把bios的设置恢复成出场时的设置，如果再有提示就有2种可能，1是电池没电了，2就是你硬盘要报销了，不过一般第二种情况出现的非常少。如果你的系统时间经常不准就可能是电池的问题了。</t>
  </si>
  <si>
    <t xml:space="preserve">这是迈克尔杰克逊那首MTV，非常的喜欢，舞蹈也非常的棒。谢谢！ </t>
  </si>
  <si>
    <t>迈克尔杰克逊Dangerous的MV</t>
  </si>
  <si>
    <t xml:space="preserve">新浪免费邮箱怎么进不去呀我输入户名和密码后就会出现‘该页无法显示 </t>
  </si>
  <si>
    <t>等等再试试.</t>
  </si>
  <si>
    <t xml:space="preserve">剑斗士　巨剑能不能使用三连斩和波动三连斩洒家，我喜欢大大的剑（双? </t>
  </si>
  <si>
    <t>不能使用 因为技能规定了 是要2把刀才能使用啊！！！！！！！！！！</t>
  </si>
  <si>
    <t xml:space="preserve">因为我不爱??我一直觉得人是不可能同一时间爱着两人的。同时爱两个 </t>
  </si>
  <si>
    <t>在感情的道路上谁能够把握得很好！自己一定要做好自己。很多时候，爱你的人近在咫尺，可让你柔肠百转、牵肠挂肚的却往往是另外一个人。你为他流泪、为他悲哀；只讲付出，不要一点回报。你以为这是爱情，其实这只是出于人的本性：得不到的，就是最好的。轻易得到的，往往不懂珍惜。自己伤痕累累的同时我们也在伤害那些深爱我们的人。人总要学着长大，经历了，就会变得更成熟。把握好自己人生，明天一定会更好！</t>
  </si>
  <si>
    <t xml:space="preserve">帮忙找个音乐音乐网站我想下载很多歌手的音乐，却又不知每个歌手哪些 </t>
  </si>
  <si>
    <t>酷我音乐盒可以，酷狗和百度是按照链接速度，不过酷狗也是按照热度来评定的，因为酷狗是P2P，热度越高下载的就越多。google也有热标准。</t>
  </si>
  <si>
    <t xml:space="preserve">妊娠高血压终止妊娠后多长时间血压恢复 </t>
  </si>
  <si>
    <t>有的产后就回复了，有的还需调养一段时间，因人而宜！</t>
  </si>
  <si>
    <t xml:space="preserve">孕中期能吃雪糕吗？我怀孕五个月了，现在天气一天比一天热，我也比没 </t>
  </si>
  <si>
    <t>太冷了对宝宝有一定刺激,但可以少吃吧!</t>
  </si>
  <si>
    <t xml:space="preserve">现在问道怎么上去啊现在问道怎么上去啊现在问道怎么上去啊验证就是通? </t>
  </si>
  <si>
    <t xml:space="preserve">6月11日（周四）全部区组停机维护公告    发布日期： 2009-06-10  所属类别： 游戏公告     尊敬的游戏用户：        为维护《问道》良好的游戏环境，确保广大玩家享受更好的服务，《问道》所有网通电信区组服务器将于2009年6月11日（周四）7：00至14：00期间进行停机更新维护。我们将尽快完成维护工作，如果停机期间维护工作无法按时完，开机时间将会顺延。        维护时间：6月11日（周四）7：00---14：00        更新维护服务器：所有网通区组，所有电信区组主要更新说明：  </t>
  </si>
  <si>
    <t xml:space="preserve">都进来看...花什么钱..过过隐就行了百.不需要买什么车了.只需 </t>
  </si>
  <si>
    <t>这招..我正用呢..我车是PD..没多少CT 买SL  就算买了 也没钱改装..所以 我就 把PD 的 SL 的文件掉换了一下.开的是PD...却看着是 SL ...挺好玩的...也不需要 花 无需的钱...用这招,,,什么车 都开过...感觉 ...买车 已经没什么意义了...</t>
  </si>
  <si>
    <t xml:space="preserve">妻七年前与本单位两名同事有过性交往,被发现后曾保证不会发生再有此? </t>
  </si>
  <si>
    <t>叫她走</t>
  </si>
  <si>
    <t xml:space="preserve">请问无线鼠标，键盘有辐射吗？我怀孕２月，可是每天要对计算机工作． </t>
  </si>
  <si>
    <t>电子设备都有辐射的，不过它们的辐射小的可以忽略不计。</t>
  </si>
  <si>
    <t xml:space="preserve">求一台式电脑配置单，3000左右 </t>
  </si>
  <si>
    <t>可以配置i3 独立显卡600系列1G显存，硬盘500G 内存条4G 19寸显示器。</t>
  </si>
  <si>
    <t xml:space="preserve">100分！农村信用合作社的存款怎样才可以转移到农业银行里等2个问? </t>
  </si>
  <si>
    <t>你好！！！ 跟据你的情况，你可以在农村信用社里要求签发一张“现金本票”。 他们会给你一张本票申请书，上面的收款人就写你农业银行个人帐户的户名，写金额时前面要加“现金”子样（例如你要转一百万的话，就在金额处写“现金一百万元正”，以此类推），申请人姓名和地址就写你在农村信用社的户名和地址，不要忘记一定要写“代理付款行”（就写你要转到的那家农业银行网点的全称，例如“农业银行上海市松江区九亭支行”），为了起见，强烈建议你先打95599农业银行电话问一下，你要转到的那家农业银行是否受理本票业务（因为不是所有的农业银行网点都受理的，有的储蓄所是不能受理本票。如果不能受理的话，你只有再回到该农村信用社，把钱退到你的帐上，也就白跑一回了） 申请书写好交给柜面后，你就会拿到一张现金本票。这时，你只要带好你的有效身份证和这张现金本票到那家农业银行网点去办理本票兑付就可以了（记住你申请时代理付款行写的哪家农业银行网点，你就只能去哪家网点，如果你跑到别的地方是不能受理的），到时候会要你填一张进帐单，你就按照上面的要求写（收付款人都是你）把进帐单和现金本票一起交给农业银行柜面， 这样你就把农村信用社的钱转到农业银行了。 ---------------------------------------------------------------- 收费事宜： 1。只有在农村信用社签发现金本票时会收取“工本费”和“手续费”（具体多少不太清楚，我只知道在农业银行签发只要1.32元） 2。等你到农业银行网点办理本票兑付时是不需要任何费用的。</t>
  </si>
  <si>
    <t xml:space="preserve">召唤兽的资质是不是越高越好？是不是一个固定的值？ </t>
  </si>
  <si>
    <t>资质如果是没有经过炼妖的召唤兽，那么抓来或者用金66洗，出的BB（或者野生的）资质都是有个固定上限的，而炼妖的召唤兽有机会突破这个上限！（变异的召唤兽资质一般都可以高出普通的最高300）我目前最高炼出的召唤兽资质是1700防御的芙蓉（不过不是BB X-X）攻击还只破过1600 其他就没什么进展</t>
  </si>
  <si>
    <t xml:space="preserve">我看好的冷门，我不是大师塞尔维亚，本场无球迷，客队防守出色，防冷 </t>
  </si>
  <si>
    <t>分析的很到位啊,支持一下</t>
  </si>
  <si>
    <t xml:space="preserve">白羊金牛座的人，到底是怎样的性格？白羊金牛座的人，性格特点到底是 </t>
  </si>
  <si>
    <t xml:space="preserve">的确是兼具两个的性格。白羊金牛座：力量的交界　　4/19-24　　黄道宫位置：约在白羊座27度-金牛座4度 　　季节：仲春　　元素：火、土　　主宰行星：火星、金星　　象征符号：公羊、公牛　　理解事物的方式：直觉、感官　　白羊金牛结合了白羊和金牛两个星座的特质，它可比拟成七岁大的孩童，以及北半球春季中段时期，而这也正是大自然最美丽、最有力量的时间。因此，白羊金牛代表着“力量”。初春带给一般人的印象虽然有如田园生活般悠闲，但在这个时期的节日，无论是较原始的文化、基督教的复活节，或是犹太教的逾越节，都有血祭的仪式。春天时，山上融化的雪汇聚成汹涌的水流，甘霖普降，新生命纷纷自泥土中冒出来寻求光和空气。人类的孩童到了七岁时，也开始换新牙，男孩和女孩开始分别认同父亲和母亲；在这个时期，他们开始感受并运用新的力量，独立自主的能力也逐渐萌芽。　　这一周可以说充份显现出白羊金牛充满力量的特质，不但拥有白羊特有的直来直往和顽固，同时也表露出土象金牛实际、容忍的一面；也因此，他们身上稳定的金牛特质，恰好能和白羊的冲劲互相调和。　　在这六天出生的人，最大的特征就是热中权力的追求，而且也知道如何在追求目标的同时，不引起别人的反感和敌对。他们是天生的说服家，总能轻易说服别人同意他们的想法和作法。而且，只要最后能够达到目的，他们通常不在乎要耗费多久的时间。更重要的是，他们对时机的掌握十分敏锐，总是知道何时该行动，何时该停手。　　白羊金牛的人，常给别人安静、自信的第一印象，也很懂得观察和等待。这一型的人不屑于浪费时间向别人证明自己，而喜欢好整以暇地在旁边观察事情的发展，静待适合出击的时机来临。因此，他们既是可敬的对手，也会是能干的伙伴。这些人工作的方式十分专业，跟他们共事的人必须了解白羊金牛的人通常会将工作摆第一，而把维持双方的关系摆在后面。　　跟白羊金牛的人相处时，通常可以从他们的干练中获益良多。比方说，他们不但深知金钱的价值，也知道要如何赚取金钱。不过，他们努力的目的通常不是为了在工作中获得稳定的金钱收入，以便自由花用；而只是认为不应该在金钱上依赖别人。没办法，他们就是很难接受配偶、家人或朋友给予的经济或其他方面的援助。为了不失去自由，他们总是尽快寻求经济的独立。其实，如果他们能敞开心胸，接纳别人的关爱和好意，将使他们的个人成长往前迈进一大步。　　白羊金牛的人私下都希望能放弃现实社会中的你争我夺，以追求自己的梦想、欢乐，甚至是追求另外一个人，或者是懒散度日。不过，这样的理想状态大多无法维持很久，但对他们而言，这确实是现实生活中纾解压力的妙方。白羊金牛的人若能每隔一段时间就放松自己，例如透过睡眠、度假、沉思、按摩或游乐，重新凝聚力量再出发，通常都能有不错的表现。　　在人际关系方面，白羊金牛在与别人交往时，总有办法让人注意到他们的存在。他们可能会犯下惊人的大错，也可能创造非凡的成就，总之，不会是那种无足轻重的无名小卒。而且，他们的立场极为坚定，对自己的目标也毫不怀疑。他们宁可自己做决定，也不愿被人牵着鼻子走。这不只是在工作上，在感情路上，他们也是如此，一旦看上了某人，便会全力追求。不过，这并不表示他们的判断和选择都很正确。他们会因为做了正确的选择而洋洋得意，可是一旦判断错误时却会死不认错，因此常使自己身陷其中，痛苦得无法自拔。而之所以会有这样的反应，并非全然为了信守承诺，主要是因为他们不愿承认失败。事实上，白羊金牛的人都不擅于处理失败。　　出生在这一周的人，都自认为很慷慨大方，可是事实上，他们只有在对自己有利的情况下才会付出，而且还常会拿回已付出的情感和物品。这倒不是说他们很善变或动机不好，而是当他们发现自己的付出未得到应有的感激，或对方不值得如此的时候，才会这样。然而，结果却是白羊金牛的人虽然付出很多，却常常还是让对方没有安全感；要不然就是会造成付出和接受者双方很深的相互依赖，以至于日后难以改变。　　白羊金牛的人应该学习放弃部份掌控的力量，改用分享、合作和接纳的方式与人共处，这样他们才能有真正成长的机会。心地温暖、愿意付出的朋友和伴侣，以及洋溢着爱的家庭，对他们的发展非常重要。　　对白羊金牛的人影响最大的，莫过于爱的力量了！不论是性爱，或是浪漫、柏拉图式的爱情，甚至是宗教的博爱力量，都能温柔地打动他们。虽然白羊金牛的人很可能因一时高兴而追求或遗弃他们所爱的人，但大部份的时候，他们还是会和一个特定的人维持稳定的爱情关系。当他们愿意为某人无条件地付出时，通常也都会爱得轰轰烈烈，这大概是他们所能达到最无私、忘我的境界吧！　　优点：稳重可靠、有权势、慷慨大方　　缺点：迟纯、唯利是图、懒惰　　建议避免去控制别人。学习后退一步，让事情顺其自然地发生。你可能会忍不住，想亲自动手做某件事，但还是应该学习放手给别人，让他们用自己的方式去完成，就算偶尔会犯点小错，也是正常的。此外，也应该多多留意你周围亲朋好友的感受。　　情侣：处女座二、处女天秤座、天秤座二、天秤天蝎座、天蝎座二、天蝎座三、魔羯座三、水瓶座三　　夫妻：金牛双子座、双子巨蟹座、巨蟹座三、狮子座二、水瓶座一　　朋友：双鱼白羊座、白羊座一、白羊座三、白羊金牛座、金牛座三、双子座二、巨蟹座二、天秤座一、天秤座三、天蝎座一、天蝎座三、天蝎射手座、魔羯座二、水瓶双鱼座、双鱼座一　　家人：金牛座一、金牛座二、巨蟹狮子座、射手魔羯座、双鱼座二　　同事：白羊座二、双子座一、巨蟹座一、狮子座三、处女座一、处女座三、射手座一、魔羯水瓶座  </t>
  </si>
  <si>
    <t xml:space="preserve">四肢乏力是怎么回事 </t>
  </si>
  <si>
    <t>病情分析：引起四肢乏力的原因有很多，如某些全身性疾病（如甲亢、糖尿病、泌尿生殖系统炎症等）、心理问题（如抑郁症）等等。也有可能是肝肾阴虚，体质虚弱。另外自律神经失调，或者突眼性甲状腺肿也可导致全身无力。指导意见：如果有四肢乏力，同时伴有头晕眼花，脸色苍白等症状，贫血的可能就比较大，可以在日常饮食多进食些补血的食物，或服用补血的铁之缘片，一般一个月后四肢乏力就会得到缓解改善。您好，四肢乏力，原因较多，如低钾血症，糖尿病，甲亢，肝炎，贫血等。如果经常出现，建议到医院详细做下检查，如抽血化验肝功能，电解质，血糖，甲功五项等检查，先确定病因，再针对性的治疗较好。如果怀疑是白血病，可做血常规，必要时行骨髓穿刺等检查。</t>
  </si>
  <si>
    <t xml:space="preserve">硬盘坏了怎么办,里面有很重要的资料!!昨天打开电脑准备发照片,突 </t>
  </si>
  <si>
    <t xml:space="preserve">从帖子看，你生活在小城市并且也不懂有关电脑知识，因此我多说什么都无济于事，建议你在网上搜索一下，特别是一些杀毒软件公司或硬盘维修中心，他们有硬盘数据恢复业务，一般按数据恢复的“量”比如多少MB或者多少GB来收钱，你可询问一下。这个硬盘必须寄到修理处，当然要防震，所以，考虑寄费及恢复数据的收费，总额会大大高于硬盘的价格，这点你要有心理准备。按照我的经验，如果只是分区表或者引导区损坏，恢复还是很容易的，特别记住，尽可能不要在不懂情况下，自己做处理。有不懂可电邮zhrd@ </t>
  </si>
  <si>
    <t xml:space="preserve">那个老大告诉我下~我有个小王~盟里人要叫我帮他们换封号的颜色~我 </t>
  </si>
  <si>
    <t>/TITLE+1个空格+人名\F1~F0都是颜色然后直接输入想要的封号 你可以随意切换Ｆ１－９键盘看看颜色看多　看好哪个就选上吧分给我加哦</t>
  </si>
  <si>
    <t xml:space="preserve">DZ双致伤伤害高还是主手致伤副手致命伤害高打BOSS的情况下 </t>
  </si>
  <si>
    <t>双致伤高，不过没有其他盗贼或武器战士维持4%武器伤害就不如主致伤副致命了…</t>
  </si>
  <si>
    <t xml:space="preserve">谁给我推荐一部好看的电影啊？坐等…… </t>
  </si>
  <si>
    <t>恐怖游轮，万能钥匙[2013英国最新犯罪动作惊悚][欢迎来到庞奇][720P高清][中英双字][迅雷下载][2013美国最新科幻冒险喜剧][逃离地球][720P高清][中英双字][迅雷下载][2013美国最新科幻冒险动作大片][星际迷航：暗黑无界][TS][英语中字][IMDB 8.3][迅雷下载][2013韩国最新犯罪悬疑][读心术][576P高清][韩语中字][迅雷下载]中国合伙人、致青春《致青春》变身男女分手合约、中国合伙人中国合伙人中国合伙人，星际迷航要看哪种类型的啊韩国的《七号房的礼物》搞笑《上帝也疯狂》。悬疑《穆荷兰道》。犯罪《杀人回忆》。动画片《穿靴子的猫》。禁闭空间《终极面试》星际迷航：暗黑无界，挺好的，3D的，如果中国合伙人没看过，也值得去看。推荐法国电影&lt;的士速递&gt;4部曲很搞笑.『如帮到您，请点击❤“有用”您的采纳是我莫大的支持。』试试达芬奇密码！我看过5遍以上了！未知死亡圣诞玫瑰</t>
  </si>
  <si>
    <t xml:space="preserve">现在就能上了吧`!现在上没事吧`` </t>
  </si>
  <si>
    <t>现在除了合区的2个服务器，其他都可以上的！</t>
  </si>
  <si>
    <t xml:space="preserve">天使的画具是哪里的任务？RT知道的大虾说下？？？ </t>
  </si>
  <si>
    <t>不可思议的任务二</t>
  </si>
  <si>
    <t xml:space="preserve">宝宝不肯吃药怎么办？我家宝宝七个半月，这两天有点发烧，38度，去 </t>
  </si>
  <si>
    <t>我家宝宝也是不肯吃药，我前几天用了一个法子，感觉还不错。就是在孩子睡着的时候，用小胶囊或者是小针管把稀释好的药水，一滴一滴的喂进孩子嘴里，注意一次别太多，不然孩子会醒的。</t>
  </si>
  <si>
    <t xml:space="preserve">人生最大的悲哀是什么?是什么? </t>
  </si>
  <si>
    <t>人生最大的悲哀是：总是寻找自己的悲哀</t>
  </si>
  <si>
    <t xml:space="preserve">酒神新闻里说的用军用引擎开发是怎么回事在网元发布的代理《酒神ol </t>
  </si>
  <si>
    <t>用的是虚幻引擎吧，这个所谓的军用即时系统应该是类似于随机判断动作反映的，不是引擎，不过字面上看起来是神乎其神的，等游戏出来再看看</t>
  </si>
  <si>
    <t xml:space="preserve">有时一觉醒来心口痛，怎么回事？ </t>
  </si>
  <si>
    <t>心口痛泛指胸骨后疼痛，是临床上比较常见的一种疼痛，引起心口痛常见的有：     心绞痛：突然发生在胸骨后、心前区的一种疼痛，疼痛时有明显的重压、闷胀、窒息、紧缩或压榨感，并向左肩、左臂部放射，历时1～5分钟，很少超过15分钟，休息或含服硝酸甘油片缓解。患者表现为面色苍白、表情焦虑，出冷汗、气短或有濒死恐惧感。     溃疡病：十二指溃疡主要为饥饿痛，常半夜痛醒；而胃溃疡主要在餐后痛。用碱性药物、热敷可减轻疼痛症状。     食管癌：早期仅有食物通过时闷胀或刺痛、烧灼痛，或食物在某一部位有停滞感。渐而出现经常性的吞咽困难、食物返流与呕粘液，到后来连水都难以通过。     食管憩室与憩室炎：初期无症状或偶有咽部不适感或口涎增多。憩室逐渐增大后，进食时常觉有食物进入襄内，并有食物返流现象，饮水时有气过水声。憩室继发炎症与溃疡时，可出现胸骨后疼痛。     食管裂孔疝：多见于50岁以上的肥胖者。主要有胸骨下段或上腹部灼痛、嗳气、反胃等症状，多在饭后或平卧时出现，以睡前饱食为著，食后散步可缓解症状。     贲门癌：早期仅有上腹部及胸骨后疼痛，伴恶心、呕吐、呃逆，继之出现食欲减退、乏力、呕血、黑便等。胃管插入时在贲门部受阻，并有明显疼痛者，应考虑本病。     返流性食管炎与食管溃疡：多在餐后一小时内，胸骨后有烧灼或疼痛感，同时有泛酸苦味的液体。并有吞咽困难，间歇性梗阻。上述症状平卧或弯腰时发生，站立或服抗酸剂后缓解或消失是其特点。     慢性胃炎：多在进食后上腹部隐痛、胀痛，空腹时减轻。胃窦炎时腹痛较明显，常伴嗳气、食欲减退及消化不良症状；胃体胃炎常伴有不同程度的缺铁性贫血；少数胃萎缩者可有恶性贫血倾向。     胃粘膜脱垂症：表现为上腹部无规律的间歇性疼痛。进食或服抗酸剂不能缓解，右侧卧位可使疼痛加剧，左侧卧位则相反，并伴有嗳气、嗳酸、腹胀等症状。     慢性胆囊炎胆石症：常有上腹部闷胀、隐痛，可放射至右肩背部。进油腻食物后疼痛加剧，病史可长达数年。急性发作时右上腹疼痛持续，并阵发性加剧，右上腹有压痛和肌紧张。     胆道蛔虫症：多见于青少年，女性较多，为剑突下或右上腹发作性剧烈绞痛，并放射至右肩胛部及腰背部，常伴剧烈恶心呕吐，可吐出胆汁或蛔虫。疼痛发作时腹部往往无明显压痛及肌紧张。     急性胰腺炎：突然出现上腹或左上腹持续性剧烈疼痛，阵发性加剧，并向左背肩部（呈左腰带状）放射，伴恶心，呕吐，发热。</t>
  </si>
  <si>
    <t xml:space="preserve">生了孩子后感情会更好吗 </t>
  </si>
  <si>
    <t>呵呵 这个很难说的了 给我的感觉是不容乐观</t>
  </si>
  <si>
    <t xml:space="preserve">英文美国英语的简写是USA,那中国是什么 </t>
  </si>
  <si>
    <t xml:space="preserve">PRCPeoples Republic of China </t>
  </si>
  <si>
    <t xml:space="preserve">基本威严首饰解封了有什么变化吗？看见基本的威严首饰有人拿去解封` </t>
  </si>
  <si>
    <t>解了封的首饰加魔防,怎么会没用,基本的也加.况且基本首饰解封肯定会比普通首饰解封所费的G B少很多,所以很有必要.</t>
  </si>
  <si>
    <t xml:space="preserve">猜成语向后转跑(打一成语) </t>
  </si>
  <si>
    <t>背道而驰 成语</t>
  </si>
  <si>
    <t xml:space="preserve">怎么申请成为达人？ </t>
  </si>
  <si>
    <t>申请后系统会自动识别！</t>
  </si>
  <si>
    <t xml:space="preserve">请教：核心期刊的论文版面费一般是多少？如题，谢谢！ </t>
  </si>
  <si>
    <t>版面费没有固定的，根据刊物级别不同，稿件质量不同，每千字的钱数也不一样，比如正刊和增刊的价格天壤之别。我不知道您是什么行业的，我是学医学的，一般一级核心刊物正常价格都便宜，但对论文质量要求较高，现在目前象《营养学报》营养方面最高的刊物每千字大概50－100元，越是正规的刊物价格反而越低，二级核心刊物我投过《现代预防医学》，3500字左右就将近1000元，而增刊只需300元，《第一军医大学报》等这样的二级刊物版面费也很高，这个没有常规，各地有各地的政策、价格，但总之，要投正刊，一般都需要1000元左右，还得根据您论文的字数和质量，质量勉强的，价格就高。我们这里省级刊物价格也不低，都在800－900元左右呢，算起来还是核心期刊划算。但也有一些下三烂的刊物，虽然是核心，但只要给2000－3000元，无论论文多差劲都给发表。呵呵，一点经验，仅供参考！</t>
  </si>
  <si>
    <t xml:space="preserve">宝宝睡前要爸妈讲故事很晚怎么办?宝宝2.5岁了,睡前要爸妈讲故事 </t>
  </si>
  <si>
    <t>我也有过你这样的情况，可以采取童话的方式啊，比如：哦，妈妈好累了，你看我们的故事书也说累了，它也想睡觉啦，然后就可以以书或者故事中的人物的语气讲话，也许会有一些效果吧</t>
  </si>
  <si>
    <t xml:space="preserve">有关基金种类问题。请问，相对而言,股票型基金的风险最高,债券型基 </t>
  </si>
  <si>
    <t>根据最新颁布的《基金运作办法》的定义，股票型基金是指６０％以上的基金资产投资于股票的基金，债券型基金则是８０％以上的基金资产投资于债券，而货币市场基金指基金资产仅投资于货币市场工具的基金。因此，相对而言，股票型基金的风险最高，债券型基金次之，货币市场基金风险最低，收益也最低。 货币型基金主要投资于短期国债、商业票据、银行承兑汇票、银行大额可转让存单、回购协议及政府机构发行的短期债券等。供参考。</t>
  </si>
  <si>
    <t xml:space="preserve">数学18已知a大于０，b大于０,且a+2b=1,求(１／a)+( </t>
  </si>
  <si>
    <t>设a=(cx)^2,2b=(sinx)^2---&gt;b=(sinx)^2/2所以1/a+1/b=1/(cosx)^2+2/(sinx)^2=1+(tanx)^2+2+2(cotx)^2=3+[(tanx)^2+2(cotx)^2]&gt;=3+2√[(tanx)^2*2(cotx)^2]=3+2√2.当仅当(tanx)^2=2(cotx)^2---&gt;(tanx)^4=2---&gt;（tanx)^2=√2时---&gt;a=(cosx)^2=1/[1+(tanx)^2]=1/(1+√2)=√2-1.,,,,2b=(sinx)^2=1-(cosx)^2=1-(√2-1)=2-√2,b=(2-√2)/21/a+1/b取得最小值3+2√2。或者1/a|1/b=1(1/a+1/b)=(a+2b)(1/a+1b)=1+2b/a+a/b+2=3+(2b/a+a/b)&gt;=3+√(2b/a*a/b)=3+2√2由a+2b=1,2b/a=a/b解得a=√2-1,b=(2-√2)/2，此时1/a+1/b取得最小值3+2√2.</t>
  </si>
  <si>
    <t xml:space="preserve">一个不出头两个不出头三个不出头什么字 </t>
  </si>
  <si>
    <t>森不出头=木</t>
  </si>
  <si>
    <t xml:space="preserve">提交西游BUG为什么我玩着就把我T出来.让我提交BUG.. </t>
  </si>
  <si>
    <t>首先你说的不清楚:可能性1:你没有及时回答防外挂问题!这是最新更新的!在5分钟内不回答就会被T下线.可能性2:就是你的号被盗了.当其他人强行等入时,你就会被强行T出游戏.</t>
  </si>
  <si>
    <t xml:space="preserve">歇后语:官老爷的衙门 </t>
  </si>
  <si>
    <t>难进</t>
  </si>
  <si>
    <t xml:space="preserve">四周岁的孩子应该会什么?现在的各种班太多了,真不知让孩子学点什么 </t>
  </si>
  <si>
    <t>我的孩子今年5岁整,你的问题我自认还有发言权.我认为,如果幼儿园有英语、识字数字等课程，就随班学习好了，如果没有，平时要注重孩子的识字能力，但不是一本正经的像在学校里那样，而是买一些每页只有一两行大字的有图画的故事书，边玩边讲故事边认字，千万不要相信什么捷径；英语呢，等上小学再看上的小学有没有英语特长班，有就跟着，没有就在外边找一家信誉好的，强调玩儿中学的一般不好，那是做给家长看的；至于绘画，得等大一些孩子的理解能力够了再学，这期间要保持他的兴趣（如果有的话），和钢琴花钱太多，如果孩子只是简单地喜欢唱唱歌、蹦蹦跳跳，千万不要认为他有这方面的天分，毕加索、莫扎特、邓肯毕竟太少。反例：我同事的丈夫对弹琴十分感兴趣，16岁开始学习，由于理解力够了，学习事半功倍，现在的工作是教小朋友弹钢琴，挣的不少。总之，对孩子不要太抱太大期望，不要给太多呵斥就好。有那么一种家教理念：让孩子爱你，长大的孩子才会理你，才会在最需要听你话的事上听你的话，否则你自认为没有功劳还有苦劳，而孩子则是出于“传统美德”的束缚次不得不答理你，多痛苦。我的孩子现在很令我满意，身体健壮不得病，能独自玩儿长达一个小时，对学字、读英语、画画特有兴趣，写所谓的作业不用陪着、逼着。我打算就这样下去，让我的儿子什么时候想起妈妈都满怀深情和幸福。</t>
  </si>
  <si>
    <t xml:space="preserve">HUM打NE开矿问题打NE时，在TSEITRTM上哪个1B开矿好 </t>
  </si>
  <si>
    <t>打NE现在有三种战术可以称为主流。1.二本后的SKY一波流2.开矿之后的破法男女＋小炮的混合或者三本欧洲流3.DEF……1.SKY一波流是不开矿的，你没问这里就不详细讲了2.这个是一定要开矿的，开矿的时机选择在AM练到2级之后比较好，就是练掉两组怪以后。最好在天黑的时候拉上民兵开矿。之后出大量FM过度，方法是AM练到3级后带着2级水和对方周旋。打击分矿或者影响对方熊趴下来的时间，同时家里N塔防御。记住要在塔前恰当的位置放下农场，以便影响熊的攻击输出，跟重要的是影响熊猫的喷火！主分矿各一个圣塔其它全箭塔，手动圣塔攻击英雄。2本好了之后无论NAGA还是MK都行，感觉MK更好一点，因为NAGA的成长性比MK要低。然后可以有两种选择：速三本骑士小炮男女巫，二本三BR破法男女＋小炮。这两种是完全针对熊鹿的战术。当然开矿的话一定要注意NE的二本精灵龙RUSH。3.这个……很被BS的战术，比较好的开三片以上矿，然后TANK推NE的家，推到NE没有经济时开始防御反击并且转型。对了，无论在什么图上，要开矿还是1本开比较好，2本开的话熊趴下来的那一波分矿守不守的住都是个问题。</t>
  </si>
  <si>
    <t xml:space="preserve">坟墓和墓碑朝北好不好不好如何解决 </t>
  </si>
  <si>
    <t>因地制宜。一般是朝着山头，朝远水，如果远离老家，还可以朝向家乡的方向。总之，不管朝向哪里，都是健在的人的心里上的一种慰籍，别无其他的作用。如果你相信迷信，你就可以按照巫神们的说法行事，活着的人得到安慰就行，也不会有人追究你迷信了什么的。</t>
  </si>
  <si>
    <t xml:space="preserve">想买款数码相机，求大神们推荐… </t>
  </si>
  <si>
    <t>买专业单反相机还是普通家庭用的相机？看您是有什么需求，和什么价位，好推荐！不懂得可以问问我，希望能帮到你 QQ 18523030666推荐 索尼 佳能  本人比较喜欢佳能想买什么价位的机子，单反，还是卡片。佳能的IXUS255 140 132都不错的</t>
  </si>
  <si>
    <t xml:space="preserve">上个星期5作了一个奇怪的梦,会解梦的帮忙分析下是这样的,梦到参加 </t>
  </si>
  <si>
    <t>这个梦表示你有好的运气，但是你没有成功。梦中你与别人一起结婚表示你有好运气。梦中你找不到礼服，并且你到厕所哭，表示失败。</t>
  </si>
  <si>
    <t xml:space="preserve">2011年M9卖价多少 </t>
  </si>
  <si>
    <t>8GB 2499元，16GB 2699元合肥魅族旗舰店 合肥宿州路店合肥市宿州路13号（解放电影院对面）0551-2691159</t>
  </si>
  <si>
    <t xml:space="preserve">如何@别人？如何@好友？怎么操作最简便？ </t>
  </si>
  <si>
    <t>编辑好新的微博以后按住shift键和数字键2，添加符号@，然后在后面输入你想@好友昵称的关键字，系统就会跳出含该关键字的好友供你选择。</t>
  </si>
  <si>
    <t xml:space="preserve">紫云剑老师：600008首创9.26买入，今天要止赢吗？谢谢 </t>
  </si>
  <si>
    <t>强势行情，还没改变，持仓观望</t>
  </si>
  <si>
    <t xml:space="preserve">深敏锐匕首贼有必要出无情打击吗？高手进如题！ </t>
  </si>
  <si>
    <t xml:space="preserve">这要看楼主天赋选择的目的了对于P PVE来说 无情打击 都是个很强力的天赋，虽然由以前的刺杀3层1点变为现在敏锐的1层5点，耗费了很多天赋点，但是不论PVP还是PVE这5点对于敏锐贼来说都不浪费天赋。    敏锐中途有很多天赋是没有太高性价比的，比如先发制人，3点天赋对于起手预谋来说，3点天赋实在没有性价比，有人说这3点配上影舞会获得大量连击点，这点我将在后面证明这3点天赋和预谋相比是如何的鸡肋。   当然我们在1层赋中就投入10点天赋，对后面的天赋选择也会造成影响，比如，我们会被迫放弃狡诈，和鬼魅，以及俯体之影。   我想 调整，敏锐大师，打劫相比没人会去+的   现在我来说说PVP中无情打击的用处，和为什么我会放弃先发制人和打劫。   首先敏锐要想在PVP中取得足够大的优势取决于影5的应用。影5对于匕首敏锐能充分发挥这10秒的优势和功效，而对剑锤类不能发动伏击技能的敏锐贼来说用处并不明显。个人感觉   我也是匕首敏锐贼，PVP我重点来说如何打战士，贼，D等大多只靠章解控制的职业。现在能量回复系统已经改了，这也意味着我们从起手就能开始回能量，也能更方便的计算我们在10秒控制中能量的计算，首先对于4S装110能量贼来说起手 预谋偷袭-影5-伏击，这中间4秒控制足够完成而我们手中有5星，对于皮甲职业他至少已经下了4000左右血，除非你装备太差伏击打不出2500+，或者80暴率的伏击没暴。而4秒起手后我们的能量为110-40-45+40=75，后面2秒控制的好坏才是成败的关键，   5星肾6秒相比任何职业都会选择章解，而我们要做好肾后接偷袭的准备。   如果失手被对方解+盲，那么放弃影舞剩余时间，不要贪，章解补盲，优势还在我们手中，盲8秒+闷8秒+闷5秒，然后再次偷袭，这时递减效果已经没了，稳稳的4秒偷袭，6秒肾，可以打出共3个背刺，1个割裂，消失后还是我们的优势，而对手只能任人摆布。    如果对方章解后成功补偷袭就+伏击或缴喉，割裂，要注意第2次偷袭只有2秒所以动作要快，这时我们的能量为75-40+20-45而我们实际能量会在补肾时少去一部分，不应该大于小于10，这取决于肾的提前量，过早肾说明操作或者心理问题，而肾后我们能量会大于或等于75，这取决于对方解的延迟量。    而如果对方没有章或者不选择章解肾，那么他已经输了，在6秒肾的时间，我们有75+60的能量，打出3个伏击（9000+的伤害）或者2个伏击+偷袭割裂，或者2伏击+缴喉，偷袭割裂会更好些有2秒回20能量。    如果对方选择偷袭章解那么他将享受整整5星6秒的控制和剩余的2个3000伏击，而最终我们还可以补偷袭上割裂，急跑消失，主动仍在我们手中。    这种打法基本可以保证对于，贼战等解移动限制和自保能力查的职业成功的起手象征着胜利，除了防御战士。   而这套打法的重点就在于无情打击，如果没有他我们起手后5星的肾就不会100%回25能量，而之后即便对方无章不解也会使得后期控制后的攻击疲软，要知道肾后第 2 3个伏击是多么强力，稳定，对于血少于35%的目标会提高10伤害，是绝对致命的。   我曾经用这种方法和会里的S4套300+韧的毁伤贼打，把把先手，把把赢，而第2次决斗由于他章CD，10秒秒掉。      此外无情打击在PVE方面也是敏锐输出必+的天赋，在1个改版前可以轻松FARM掉蛋蛋的团队的强力近战组里，窃贼的荣誉 可以让你只打1个带星技能就冲满5星，而敏锐贼的输出就可以在PVE 40%+的伤害里完全靠终结技，可以这么说，我的能量几乎全是留给终结技的，而且有时候即便这样，我也会因为无间断TG+切割+割裂而空能量。。。（记得有次我在FS组里，的确算无爱组，可FS们有次暴风雪A怪。。。我满屏幕全是5星的提示。。而且能量打空后依然无奈的5星刷屏。。。）而我可以通过无情打击获得可以于战斗贼相聘美的能量回复   由于工会现在可以轻松过布胖，所以我暂时还是匕首敏锐8 0 53的+法，而敏锐FB输出完全可以+成8 10 43刺杀8出强TG，因为毒伤虽然依然可以比TG多出几百伤害，让我们去+强割裂，但是我们星多的连双手致命都不能保证每次毒伤都打5层毒效果，当然也可以+割裂，还多1点可以+切割，但是切割在无限终结技下显得也很费柴，当然这都完全看个人喜好，因为黑庙崇拜饰品现在可以给我提供全程5暴以上的效果，我更愿意+TG去多放切割    下周再打布胖我会洗8 10 43的天赋，相比伤害一定可以跟深战斗聘美。扯了好远。。。希望能解答楼主的疑问。       </t>
  </si>
  <si>
    <t xml:space="preserve">现在有什么好玩的网游、、。有什么好玩的3D网游、可以推荐几个吗？ </t>
  </si>
  <si>
    <t>可以试试无有传奇啊  很稳定的一款游戏  我最近和朋友们都在玩  很刺激  楼主有兴趣可以和我们一起玩啊</t>
  </si>
  <si>
    <t xml:space="preserve">windows2000下如何进入纯dos </t>
  </si>
  <si>
    <t>无法进入纯dos，你要进入纯dos只能使用WIN-9X（ME）系列启动软盘（或者WIN98系列启动光盘）引导启动才能进去。</t>
  </si>
  <si>
    <t xml:space="preserve">八年级几何，求教正方形ABCD,直角三角形直角顶点P沿对角线CD </t>
  </si>
  <si>
    <t>角EPF=角DAB=90°所以P、E、F、A四点共圆所以∠EFP=∠CAB=45度所以等腰RT△EFP所以PE=PF这个..是凭借感觉+记忆中打出来的...你可以考虑多画两个图看哪个对的上号..</t>
  </si>
  <si>
    <t xml:space="preserve">QQ空间比较好看的模块我的空间风格是粉黑蕾丝全屏，皮肤是星光点点 </t>
  </si>
  <si>
    <t>商店里有的自己花个1小时去看看，还有免费的，只是要很仔细的去找哦!</t>
  </si>
  <si>
    <t xml:space="preserve">谁帮我看看这些是病毒吗？流行病毒统杀工具2007木马病毒查杀结果 </t>
  </si>
  <si>
    <t>在网上搜一下"HijackThis1991"这个软件,用他强行删去这些文件.</t>
  </si>
  <si>
    <t xml:space="preserve">伴奏（成语一） </t>
  </si>
  <si>
    <t>伴奏（成语一）－－随声附和</t>
  </si>
  <si>
    <t xml:space="preserve">物归失主(化学词) </t>
  </si>
  <si>
    <t>还原</t>
  </si>
  <si>
    <t xml:space="preserve">贫血的原因是什么 </t>
  </si>
  <si>
    <t>临床上常从贫血发病机制和病因的分类：（一）红细胞生成减少性贫血造血细胞、骨髓造血微环境和造血原料的异常影响红细胞生成，可形成红细胞生成减少性贫血。1．造血干祖细胞异常所致贫血（1）再生障碍性贫血（aplastic anemia，AA）：AA是一种骨髓造血功能衰竭症，与原发和继发的造血干祖细胞损害有关。部分全血细胞减少症的发病机制与B细胞产生抗骨髓细胞自身抗体，进而破坏或抑制骨髓造血细胞有关。（2）纯红细胞再生障碍贫血（pure red cell anemia，PRCA）：PRCA是指骨髓红系造血干祖细胞受到损害，进而引起贫血。依据病因，该病可分为先天性和后天性两类。先天性PRCA即Diamond-Blackfan综合征，系遗传所致；后天性PRCA包括原发、继发两类。有学者发现部分原发性PRCA患者血清中有自身EPO或幼红细胞抗体。继发性PRCA主要有药物相关型、感染相关型（细菌和病毒，如微小病毒B19、肝炎病毒等）、自身免疫病相关型、淋巴细胞增殖性疾病相关型（如胸腺瘤、淋巴瘤、浆细胞病和淋巴细胞白血病等）以及急性再生障碍危象等。（3）先天性红细胞生成异常性贫血（congenital dyserythropoietic anemia，CDA）：CDA是一类遗传性红系干祖细胞良性克隆异常所致的、以红系无效造血和形态异常为特征的难治性贫血。根据遗传方式，该病可分为常染色体隐陛遗传型和显性遗传型。（4）造血系统恶性克隆性疾病：这些疾病造血干祖细胞发生了质的异常，包括骨髓增生异常综合征及各类造血系统肿瘤性疾病如白血病等。前者因为病态造血，高增生，高凋亡，出现原位溶血；后者肿瘤性增生、低凋亡和低分化，造血调节也受到影响，从而使正常成熟红细胞减少而发生贫血。2．造血微环境异常所致贫血造血微环境包括骨髓基质，基质细胞和细胞因子。（1）骨髓基质和基质细胞受损所致贫血：骨髓坏死、骨髓纤维化、骨髓硬化症、大理石病、各种髓外肿瘤性疾病的骨髓转移以及各种感染或非感染性骨髓炎，均可因损伤骨髓基质和基质细胞，造血微环境发生异常而影响血细胞生成。（2）造血调节因子水平异常所致贫血：干细胞因子（stem cell factor，SCF）、白细胞介素（IL）、粒-单系集落刺激因子（GM-CSF）、粒系集落刺激因子（G-CSF）、红细胞生成素（EPO）、血小板生成素（TPO）、血小板生长因子（TGF）、肿瘤坏死因子（TNF）和干扰素（IFN）等均具有正负调控造血作用。肾功能不全、肝病和垂体或甲状腺功能低下等时产生EPO不足；肿瘤性疾病或某些病毒感染会诱导机体产生较多的造血负调控因子如TNF、IFN、炎症因子等，均可导致慢性病性贫血（anemia of chronic disease，ACD）。3．造血原料不足或利用障碍所致贫血造血原料是指造血细胞增殖、分化、代谢所必需的物质，如蛋白质、脂类、维生素（叶酸、维生素B12等）、微量元素（铁、铜、锌等）等。任一种造血原料不足或利用障碍都可能导致红细胞生成减少。（1）叶酸或维生素B12缺乏或利用障碍所致贫血：由于各种生理或病理因素导致机体叶酸或维生素B12绝对或相对缺乏或利用障碍可引起的巨幼细胞贫血。（2）缺铁和铁利用障碍性贫血：这是临床上最常见的贫血。缺铁和铁利用障碍影响血红素合成，有称该类贫血为血红素合成异常性贫血。该类贫血的红细胞形态变小，中央淡染区扩大，属于小细胞低色素性贫血。（二）溶血性贫血（HA）即红细胞破坏过多性贫血（三）失血性贫血根据失血速度分急性和慢性，慢性失血性贫血往往合并缺铁性贫血。可分为出凝血性疾病（如特发性血小板减少性紫癜、血友病和严重肝病等）所致和非出凝血性疾病（如外伤、肿瘤、结核、支气管扩张、消化性溃疡、痔和疾病等）所致两类。</t>
  </si>
  <si>
    <t xml:space="preserve">加入圈子，得有邮件地址，怎摸申请 </t>
  </si>
  <si>
    <t>你好！如何加入圈子？加入圈子需要已经开通新浪博客，一个新浪用户最多加入100个圈子。点击“加入圈子”的按钮，即可提交申请，根据不同圈子对加入的设置，可能有四种情况：1、圈子允许任何人加入：您可以即刻加入圈子。2、需要圈主或管理员验证才能加入：需要圈主或管理员进行审核，审核通过才可成功加入。3、需要密码验证：输入加入圈子的密码，验证通过后即刻加入圈子。该加入密码是圈主设定的。4、圈子不允许加入：不能加入圈子。 谢谢您的提问，祝您一切顺利！欢迎光临我的博客!</t>
  </si>
  <si>
    <t xml:space="preserve">三个多月的宝宝,可以经常竖抱吗?我家宝宝三个月零五天了,现在经常 </t>
  </si>
  <si>
    <t>当然可以，但是在你宝宝允许的条件下的，有的宝宝身体壮的，三个月时就可以竖着抱了。但是你一定要让宝宝舒服，抱时托住宝宝的腰。让头靠在你的肩上，如果头能抬起来就没有关系了，屁股也要托好了。有资料显示，孩子在两个月时就可以竖着抱，每天抱孩子的时间要在两小时以上，这样可以锻炼孩子的肌肉和骨骼，让他健康成长。</t>
  </si>
  <si>
    <t xml:space="preserve">专业术语内盘,外盘是什么意思啊 </t>
  </si>
  <si>
    <t>内盘是盘面上挂的卖盘总和外盘是盘面上挂的买盘总和</t>
  </si>
  <si>
    <t xml:space="preserve">沈阳市治疗肝纤维化哪个医院好 </t>
  </si>
  <si>
    <t>治疗肝纤维化可以去公立甲等医院，医院的资质较深，成立年限久远，口碑良好，是治疗肝纤维化的首选。想治疗肝纤维化可以去肝病专科医院，会给患者提供一对一的服务，针对患者制定合理的康复方案。一般来说可以去大型的医院，治疗起来都是比较可靠的，千万不要盲目相信私立医院，以免耽误病情，出现恶化。</t>
  </si>
  <si>
    <t xml:space="preserve">p汉卧铝羐移R?&amp;nbsp;&amp;nbsp; </t>
  </si>
  <si>
    <t>月球绕着地球旋转，为什么绕地球转？因为地球的引力作用，月球要摆脱地球引力，但又逃不远，所以，只能绕着地球旋转，如果不转了，月球将被地球俘虏。</t>
  </si>
  <si>
    <t xml:space="preserve">小说《搜神记》的作者是谁小说作者，搜神记 </t>
  </si>
  <si>
    <t>你问的是哪？是东晋的史学家干宝的古代民间传说中神奇怪异故事的小说集《搜神记》，还是现代玄幻作家树下野狐的作品？</t>
  </si>
  <si>
    <t xml:space="preserve">给蛐蛐打点激素会怎样？ </t>
  </si>
  <si>
    <t>别打了，多残忍啊，你要真想养蝈蝈，改天俺去田间地里给你逮几个。</t>
  </si>
  <si>
    <t xml:space="preserve">脑子急转弯？ </t>
  </si>
  <si>
    <t>怎么转？</t>
  </si>
  <si>
    <t xml:space="preserve">请问，乙肝小三阳变成肝硬化的几率大吗？总是怕小三阳会变成肝硬化，? </t>
  </si>
  <si>
    <t>乙肝小三阳变成肝硬化的几率不是很大，要每年一次的化验两对半</t>
  </si>
  <si>
    <t>09107r9来张10万中奖单01富勒姆(09)</t>
  </si>
  <si>
    <t>01 富勒姆(09) --- 曼　联(02) 310 这场包的不错</t>
  </si>
  <si>
    <t xml:space="preserve">空悟：您好！我现在可以直接起诉他遗弃罪吗？因为他总是不会在一个地? </t>
  </si>
  <si>
    <t>刑法第二百六十一条对于年老、年幼、患病或者其他没有独立生活能力的人，负有扶养义务而拒绝扶养，情节恶劣的，处五年以下有期徒刑、拘役或者管制。遗弃罪属于告诉才处理。即公安机关、检察机关不予受理，受害人直接到法院起诉。</t>
  </si>
  <si>
    <t xml:space="preserve">癫痫患者可以生宝宝不？ </t>
  </si>
  <si>
    <t>指导意见：您好，一般建议停药半年后再考虑要小孩癫痫病通过正确的治疗大多数癫痫患者是可以治愈的预后是良好的癫痫有许多类型癫痫的治疗目前还是首选药物治疗为主药物治疗多数的病人都是可以达到比较理想的效果.有一少部分适合手术治疗比如脑肿瘤、脑出血等器质性蹭但手术治疗也有复发的可能术后还需要坚持服用药物治疗。</t>
  </si>
  <si>
    <t xml:space="preserve">比较。。。。怎么说呢我身高171喜欢1个170的女孩子但是我怕怕 </t>
  </si>
  <si>
    <t>你可以打扮得阳光一些,然后大方地邀请她去郊游或去逛街吃饭什么的,如果她答应了,这说明她至少不讨厌你...接着就看你如何发动攻势了..比如:买点什么小礼物送她,带他看电影什么的或去看演唱会等,...最重要的是你的嘴是否能瞎吹...总而言之,你要让他知道你有钱,知道你大方,...现在的小MM很现实,有钱是第一位!长得帅不帅不是很重要!</t>
  </si>
  <si>
    <t xml:space="preserve">重装PK装备重装PK穿闪装好还是命中装好 </t>
  </si>
  <si>
    <t>PK的话当然是命中装好了 光有闪打不着别人不是干着急么    一般现在穿命中装闪也可以到达60以上 基本就够了  而且如果100命中打100闪的话  那闪就跟假的似的  所以PK用命中装好些</t>
  </si>
  <si>
    <t xml:space="preserve">如何获得积分我刚注册，才20分，怎样才能获得更高的积分啊，我要下 </t>
  </si>
  <si>
    <t xml:space="preserve">1》多回答多提问,天天都登陆 1、爱问每天得分：登陆限制＋5分，限制评论10条，10×1＝10分；限制投票10个＋10分。因此，如果您每天操作了，就有25分。 2、选择自己擅长的分类，每天精心回答10条，那么，采纳率应该在60％左右。然后，您再选择一些快到期没人回答的提问，这样，采纳率会提高很多。 综上所述，如果您能解决好回答提问方面问题，一天200分应该不成问题。 4)积分增减的详细规则： 积分 上升 上升值 回答问题（限被编辑审核通过后） +1分 您的回答被提问者采纳 +10分 您回答有悬赏分的问题并被提问者采纳 10分+该问题的全部悬赏分 提问（限被编辑审核通过后） +1分 评论（限被编辑审核通过后，每天10分封顶） +1分 参加投票（每天10分封顶） +1分 采纳答案时，为回答者写评价和评定 +1分 新用户首次登录时免费获赠 +20分 注册后激活E-mail地址 +20分 会员日常登录（一天只可获得一次积分） +5分 积分 奖励 上升值 您的提问被评为“编辑推荐问题”时 +30分 您发现已解决问题的答案有错，“揪”错成功时 +30分 您的投诉编辑确认有效时 +5分 积分 减少 下降值 您没有在问题有效期内处理自己的问题 -20分 在已经有回答的情况下，您撤消了自己的提问 -10分 您提交的内容违背了“爱问”原则而被删除 -10分 您提交的内容被其他用户投诉，并被编辑确认 -10分 您为了吸引更多回答，而悬赏自己的积分时 -所设置的积分 ·级别 　1)积分是衡量级别的唯一标准，只要积分提高到一定的分值，系统会自动完成级别的提高。但请注意，积分的降低也会使级别下降。 　2)“爱问”的级别设置： 男 性 积 分 女 性 新 手 500分以下 新 手 ★ 学 弟 501—---500分 学 妹 ★★ 　 学 长 1501—--5000分 学 长 ★★★ 学 者 5001—-10000分 学 者 ★★★★ 大 师 10001—-20000分 大 师 ★★★★★ 智 者 20001—-30000分 智 者 ★★★★★★ 圣 人 30001—-50000分 圣 人 ★★★★★★★ 先 知 50001—-80000分 先 知 ★★★★★★★★ 神 80001—100000分 神 ★★★★★★★★★ 神机真人 100001—130000分 风神 ★★★★★★★★★★ 天外飞仙 130001—150000分 水神 ★★★★★★★★★★★ 智慧天尊 150001—200000分 月神 ★★★★★★★★★★★★ 文曲星 200001—300000分 雅典娜女神　★★★★★★★★★★★★★ 紫薇星 300001—600000分 紫薇星 ★★★★★★★★★★★★★★ 爱问之星 600001以上 ★★★★★★★★★★★★★★★ 2》还有在您寻求答案的过程中,积分是非常有用的.积分规则中也说明了,我在简单地说一下.如果想要得到比较满意的回答,或者至少是得到更多人的关注的话,您可以设悬赏分(如果设了悬赏分,当您按下"提交"的时候,您所设置的悬赏分就立即扣除,目前即使没有人回答您的问题也无法挽回悬赏分).如果在iask中下载您需要的资料需要积分的话,您是需要付出提供资料者所设置的积分,才能够下载的.您的积分高了,能够获得的资料就越多. </t>
  </si>
  <si>
    <t xml:space="preserve">我进了游戏之后出现连接失败这是为什么？进了游戏还没到账号的登陆画 </t>
  </si>
  <si>
    <t>我以前也是这样  下载了 但不能更新 后来我问了服务员 他说公测才开服务</t>
  </si>
  <si>
    <t xml:space="preserve">我是个电脑菜鸟..我想问问显卡和内存的关系...因为显卡坏了..? </t>
  </si>
  <si>
    <t>更换显卡和内存没什么关系,真正关系的是你的主板上显卡接口是AGP的还是PCI-E的,这个是要注意的.所谓显存DDR2 DDR3是表示显卡上用的内存颗粒是什么,只关系到显卡的运行性能,和物理内存无关.</t>
  </si>
  <si>
    <t xml:space="preserve">荐谜：小姑居处本无郎－－哲学名词一 </t>
  </si>
  <si>
    <t>第一性</t>
  </si>
  <si>
    <t xml:space="preserve">胡适，巴金，郭沫若，琦君，林清玄，毕淑敏的作品故事看他们的作品和 </t>
  </si>
  <si>
    <t>建议楼主去找文学网吧，那里会有更多文学家的介绍。</t>
  </si>
  <si>
    <t xml:space="preserve">求一个奇迹世界激活码，给一个吧，555 </t>
  </si>
  <si>
    <t>我有，不过我要卖rmb，安迅平台交易</t>
  </si>
  <si>
    <t xml:space="preserve">请问IP是指什么？IP是网址，还是广告？或是……？ </t>
  </si>
  <si>
    <t xml:space="preserve"> 由于你的问题只说IP，不知你要了解那一种 ，下面就给你说下现在社会很普遍的两种：    1、指的是IP地址。    又称Internet地址，共32位，可用四个十进制数表示，每个数的取值范围为0～255，每个十进制之间用“."号隔开（如 ),IP地址又分为A，B，C，D四类。IP地址由InternetNIC（Internet信息中心）统一负责全球地址的规划、管理。通常每个国家成立一个组织，统一向国际组织申请IP地址，然后再分配给客户。    由于IP地址是数字型的，难以记忆，也难以理解，因此，Internet采用另一套字符型的地址方案，即域名地址。它是一定意思的字符串来标识主机地址，IP与域名地址两者相互对应，而且保持全网的统一。如《互联网时代》的IP地址是 ,它所对应的域名是     注意：一台主机的IP地址是唯一的，即只能有一个IP地址，但它的域名数却可以有多个！！！    2、指的是IP电话。    IP是国际互联网协议（Internet Protocol)的简称，IP电话是按国际互联网协议规定的网络技术开通的电话业务，中文翻译为网络电话或互联网电话，它是利用国际互联网（Internet)为语音传输的媒介，从而实现语音通信的一种全新的通信技术。由于其通信的费用低廉，所以也有人称之为廉价电话。网络电话、互联网电话、经济电话或者廉价电话，这些都是人们对IP电话的不同称谓。现在用得最广泛，也是比较科学的叫法即是“IP电话”。</t>
  </si>
  <si>
    <t xml:space="preserve">男人做爱后会出汗吗？女人做爱后感觉很累吗？ </t>
  </si>
  <si>
    <t>男人是力气活，拼命三郎啊！我的男人基本每次都出汗的。我也很累的。后改成女上位就好点了。</t>
  </si>
  <si>
    <t xml:space="preserve">恭喜！恭喜！纽伦堡绝杀 </t>
  </si>
  <si>
    <t>我买的31啊，算不算浪费呢，哈哈</t>
  </si>
  <si>
    <t xml:space="preserve">输卵管通液后多久可以aa? </t>
  </si>
  <si>
    <t>通液后来一次月经就可以</t>
  </si>
  <si>
    <t xml:space="preserve">hoho，终于要结婚了，大家说说婚礼当天要注意什么啊 </t>
  </si>
  <si>
    <t>婚礼当天新人注意事项【暖花婚庆】1 早晨沐浴后，因为当天的皮鞋都是新的，故在自己的脚后跟贴上创可贴，以防新鞋磨破脚。2. 多带点矿泉水，以防路上口渴。（带上吸管便于新娘喝水）3. 多带点点心，以防路上饿，晚上饿。4. 带好针线，以防婚纱开线。5. 准备零钱，备用买门票、停车费等。6. 各项工作落实到人，婚前三天核对一遍。7. 男女双方必须有总指挥，如备有车辆接送来宾，必须有车长及车辆调度。8. 除伴朗、伴娘以外，再请一对备用伴郎、伴娘。9. 男女双方家里各请一位烧午饭、点心的人（阿姨、姑姑、舅妈）10. 当天结帐交给一个人（爸、妈、舅舅等）如用食用卡要告知他们卡的种类、身份证、密码。11. 当天提前三小时有人到酒店的婚房，放置点心、水果、结婚照、香烟、席卡、礼服、喜糖，一次性茶杯。12. 当天放鞭炮时，新人要特别注意安全，离鞭炮远一点。13. 宴会上别用白酒招待客人。14. 多请一些朋友帮忙，最好每人负责一件事，签到、放台卡（男、女各一，他们最好熟悉新人的来宾）发糖、结帐……</t>
  </si>
  <si>
    <t xml:space="preserve">听说真仙堂可以挽回感情，真的吗？我想让老公回到我身边，老公我爱你? </t>
  </si>
  <si>
    <t xml:space="preserve">看到标题我就进来了，我也是婚姻出问题，才找真仙堂，大师人很好，而且不厌其烦的回答我的问题，请符过后一个月老公对我的态度好很多了，直到现在我们的感情非常好。 </t>
  </si>
  <si>
    <t xml:space="preserve">诛仙之一把菜刀闯天涯的称号,怎么办得? </t>
  </si>
  <si>
    <t>菜刀是一个BOOS级的大怪~~~45级应该就可以接的任务~~~但有时间限制  20分钟  最好组队高等级的  一群人去打比较容易````在天音 铁匠那接任务~~~怪在千佛塔后面~~~</t>
  </si>
  <si>
    <t xml:space="preserve">三界悬赏令是什么？三界悬赏令是什么，得到的条件和方法是什么？有什 </t>
  </si>
  <si>
    <t xml:space="preserve">战斗随即出现的人物对话框  （就是战斗前让你点击人物的那个）有一定几率会得到 奖励是钱和经验  （不过战斗比较有难度 准备好了在去）还有奖励`不过没什么好东西的 </t>
  </si>
  <si>
    <t xml:space="preserve">制作香甜玉米月饼中材料"玉米"的获取方法?此料理6级料理技能的人? </t>
  </si>
  <si>
    <t xml:space="preserve">料理技能可学,需要买礼包~玉米是6级物品，猎人技能等级不够就别去了，还是买玩家的吧。地点：在曙光骑士营地的番茄地里，坐标（45.66）附近~卖店: 20个是73G </t>
  </si>
  <si>
    <t xml:space="preserve">什么是双核处理器 </t>
  </si>
  <si>
    <t>什么是双核处理器呢?双核处理器背后的概念蕴涵着什么意义呢?简而言之，双核处理器即是基于单个半导体的一个处理器上拥有两个一样功能的处理器核心。换句话说，将两个物理处理器核心整合入一个核中。企业IT管理者们也一直坚持寻求增进性能而不用提高实际覆盖区的方法。多核处理器解决方案针对这些需求，提供更强的性能而不需要增大能量或实际空间。 双核心处理器技术的引入是提高处理器性能的有效方法。因为处理器实际性能是处理器在每个时钟周期内所能处理器指令数的总量，因此增加一个内核，处理器每个时钟周期内可执行的单元数将增加一倍。在这里我们必须强调一点的是，如果你想让系统达到最大性能，你必须充分利用两个内核中的所有可执行单元:即让所有执行单元都有活可干! 为什么IBM、HP等厂商的双核产品无法实现普及呢，因为它们相当昂贵的，从来没得到广泛应用。比如拥有128MB L3缓存的双核心IBM Power4处理器的尺寸为115x115mm，生产成本相当高。因此，我们不能将IBM Power4和HP PA8800之类双核心处理器称为AMD即将发布的双核心处理器的前辈。 目前，x86双核处理器的应用环境已经颇为成熟，大多数操作系统已经支持并行处理，目前大多数新或即将发布的应用软件都对并行技术提供了支持，因此双核处理器一旦上市，系统性能的提升将能得到迅速的提升。因此，目前整个软件市场其实已经为多核心处理器架构提供了充分的准备。 多核处理器的创新意义 x86多核处理器标志着计算技术的一次重大飞跃。这一重要进步发生之际，正是企业和消费者面对飞速增长的数字资料和互联网的全球化趋势，开始要求处理器提供更多便利和优势之时。多核处理器，较之当前的单核处理器，能带来更多的性能和生产力优势，因而最终将成为一种广泛普及的计算模式。多核处理器还将在推动PC安全性和虚拟技术方面起到关键作用，虚拟技术的发展能够提供更好的保护、更高的资源使用率和更可观的商业计算市场价值。普通消费者也将比以往拥有更多的途径获得更高性能，从而提高他们家用PC和数字媒体计算系统的使用。 在单一处理器上安置两个或更多强大的计算核心的创举开拓了一个全新的充满可能性的世界。多核心处理器可以为战胜今天的处理器设计挑战提供一种立竿见影、经济有效的技术――降低随着单核心处理器的频率(即“时钟速度”)的不断上升而增高的热量和功耗。多核心处理器有助于为将来更加先进的软件提供卓越的性能。现有的操作系统(例如MS Windows、Linux和Solaris)都能够受益于多核心处理器。在将来市场需求进一步提升时，多核心处理器可以为合理地提高性能提供一个理想的平台。因此，下一代软件应用程序将会利用多核处理器进行开发。无论这些应用是否能帮助专业动画制作公司更快更节省地生产出更逼真的电影，或开创出突破性的方式生产出更自然更富灵感的PC机，使用多核处理器的硬件所具有的普遍实用性都将永远地改变这个计算世界。 虽然双核甚至多核芯片有机会成为处理器发展史上最重要的改进之一。需要指出的是，双核处理器面临的最大挑战之一就是处理器能耗的极限!性能增强了，能量消耗却不能增加。根据著名的汤氏硬件网站得到的文件显示，代号Smithfield的CPU热设计功耗高达130瓦，比现在的Prescott处理器再提升13%。由于今天的能耗已经处于一个相当高的水平，我们需要避免将CPU作成一个“小型核电厂”，所以双核甚至多核处理器的能耗问题将是考验AMD与Intel的重要问题之一。 关于多核处理器，从全球范围内看，AMD在对客户的理解和对输出最符合客户需求的产品方面的理念走在Intel的前面，从上世纪九十年代起就一直计划着这一重大进展，它第一个宣布了在单处理器上安置多个核心的想法。</t>
  </si>
  <si>
    <t xml:space="preserve">石头记里的东西都是真的吗? </t>
  </si>
  <si>
    <t>问"都是真的吗"?这个问题要回答得准确还颇难.难在何处?是个真假的标准问题.各地的"石头记"里,各种颜色的水晶占了相当的份额.其中,既有天然产出的水晶,也有工厂里生产出来的合成水晶.你问店里的营业员,她们就不分是天然的还是合成的,反正都是水晶.珠宝界业内人士认为,天然产出的水晶原料,经加工的制成品才算是真的水晶,工厂生产的合成水晶制成的饰品就算是假的了.仅此一类水晶,就可说明"真假"都有!这个回答供你参考.因为它也不是叫珠宝店啊!其店名叫"石头"嘛!</t>
  </si>
  <si>
    <t xml:space="preserve">为什么现在的黑网吧那么多而且相关部门来查处呢？ </t>
  </si>
  <si>
    <t>揭发它呀！你还有奖呢！！！</t>
  </si>
  <si>
    <t xml:space="preserve">漏洞更新无法进行查系统漏洞，下载了更新，但是更新失败，显示在电脑 </t>
  </si>
  <si>
    <t xml:space="preserve">winxp系统的自带的自动更新确实无法更新，但WIN98就可以自动更新。可以正常更新,如果你实在更新不上,建议你下载360安全卫士, 由她可以自己更新, </t>
  </si>
  <si>
    <t xml:space="preserve">我是跑照明灯具业务的,该怎么说服客户买我们的高价产品?有经验的告 </t>
  </si>
  <si>
    <t>你们产品的价格高,为什么高？先搞清楚，试着先说服自己再去说服客户</t>
  </si>
  <si>
    <t xml:space="preserve">外痔疮的症状是什么样子的？ </t>
  </si>
  <si>
    <t>外痔在临床上分为：血栓外痔、静脉曲张性外痔、炎性外痔及结缔组织性外痔四种。1、血栓性外痔：多数是由于用力排便，大便干结，咳嗽等剧烈活动，使肛门缘静脉破裂，血液外渗到结缔组织内，成为血肿，在肛门部皮下淤积形成一个隆起的小血肿，并突然发病，疼痛剧烈，坠胀不适。2、静脉曲张性外痔：肛门缘隆起的成椭圆形或长形，触之柔软，无疼痛，大便用力时，可见肛门缘有暗紫色肿块，排便或休息后肿块体积可缩小。3、炎性外痔：是由于肛门皱襞发生炎性水肿，疼痛、肿胀、发红、发热。多数因肛门摩擦受损，感染细菌而发病。4、结缔组织外痔：是由肛门缘皮肤皱襞变大，结缔组织增生，形成的皮赘，多见于炎性外痔后。 痔疮不太好治，建议你找找认识的朋友，找个比较靠谱的医院。</t>
  </si>
  <si>
    <t xml:space="preserve">跪求鲁迅《孔乙己》的写作艺术手法！ </t>
  </si>
  <si>
    <t>①善于在典型环境中塑造典型人物。作品通过酒店小伙计的回忆，将小说的主要片段集中在镇口酒店这个典型环境中。利用情节的巧妙裁取，用对比手法----逐步完成了对孔乙己这个典型人物的塑造。比如，孔乙己第一次出场时“排出九文大钱”时的神气，最后一次盘着被打残的腿，喝完最后一碗酒的凄惨。一个迂腐穷酸、潦倒落迫的形象栩栩如生，令人难忘。      ②白描手法---和生动的细节描写。鲁迅在小说中用简朴清晰的笔触勾勒人物形象，刻绘细腻传神的细节。如写孔乙己的脸色，最先是“青白脸色”，临终是“黑而且瘦”。又如，最先不穿短衣到最终穿着破夹袄等。这些细节对塑造孔乙己的形象有画龙点睛作用。      ③个性化的人物语言。“窃书不能算偷！”“多乎哉，不多也”等独特语言，让人“哀其不幸，怒其不挣”。</t>
  </si>
  <si>
    <t xml:space="preserve">有人有中央电视台演&lt;陈庚大将&gt;的片尾曲吗?最近中央一套正在热播的 </t>
  </si>
  <si>
    <t>作词：叶风作曲：徐磊演唱：黄学新歌词：在路上你一直在路上，风萧萧的路上，多少金戈铁马，和多少雨雪风霜；你一定在路上，征尘依然飞扬，你将儿女情长，折叠好藏进戎装。你总说越是风浪，越生出从容坚强，你拍拍我的肩膀，告诉我挺起胸膛，我多想变得和你一样。我想你又在路上，你走得如此匆忙，我沿着你的目光，追赶你的方向，我看到鲜花开满山岗。下载地址： 在路上.mp3</t>
  </si>
  <si>
    <t xml:space="preserve">问天皮和丝材料在那里买? </t>
  </si>
  <si>
    <t>皮和丝您可以采集小动物的尸体或者向其它玩家购买</t>
  </si>
  <si>
    <t xml:space="preserve">怀孕了能用一些护肤品保养皮肤吗现在春夏季交接,皮肤老是干干的,有 </t>
  </si>
  <si>
    <t>最好别用，可能你的一时舒服毁了孩子一生，因为你不知道现在中国那些化妆品到底是安全的</t>
  </si>
  <si>
    <t xml:space="preserve">艺术是什么 </t>
  </si>
  <si>
    <t>是什么？其实三言两语真的是说不清楚的。《现代汉语词典》中说：艺术是“用形象来反映现时，但此客观有典型性的社会意识形态。”“艺术”（ART）在西文里本义为“人工造作”。认识论认为：艺术是自然在人的头脑里的“反映”，是一种意识形态；实践论认为：艺术是人对自然的加工改造，是一种劳动生产，所以艺术有“第二自然”之称。人类劳动是为了创造物质财富和精神财富，一切艺术都要有一个创造主体和一个创造对象，因此，它既要有人的条件，又要有物的条件。人的条件包括艺术家的自然资禀、认识经验和文化教养；物的条件包括社会类型、时代精神、民族特色和社会实况，这些都是需要不断加工改造的对象；此外还有加上用来加工改造的工具和媒介。所以艺术既离不开人，也离不开物，它和美感一样，也是主客观的统一体。1999年版的《辞海》对艺术的内涵和外延作了解释：“人类以感情和想象作为特性的把握世界的一种特殊方式，即通过审美创造活动再现现实和表现情感理想，在想象中实现审美主体和审美客体的互相对象化。具体说，他们是认识现实生活和精神世界的形象反映，也是艺术家知觉、情感、理想、意念综合心理活动的有机产物。作为一种社会意识形态，艺术主要是满足人们多方面的审美需要。从而在社会生活中尤其是精神领域起着潜移默化的作用。根据表现手段和方式的不同，可分为表演艺术（音乐、舞蹈）造型艺术（绘画、雕塑、建筑），语言艺术（文学），综合艺术（戏剧、影视）。根据表演的时空性质，又可分为时间艺术（音乐），空间艺术（绘画、雕塑、建筑），和时空并列艺术（文学、戏剧、影视）。    而我认为其实生活本身就是艺术。艺术可谓对日常生活的影响无所不在。生活造就了无数艺术家，艺术家的创造，也丰富美化了人类的生活。假如生活是一片晴朗蓝天，艺术犹如蓝天上的云霞。它们时而洁白如雪，时而五彩缤纷，时而轻盈如柔曼的丝絮，时而辉煌如燃烧的烈火……如果没有它们，空荡荡的天空会显得多么寂寥。假如人生是一条曲折的路，艺术就是路边的花树和绿草。大自然的花草会凋谢，艺术的花草却永远新鲜美丽。无论你喜欢浓艳或者淡雅，大红大紫如牡丹勺药，素洁清幽如腊梅莲荷，甚至是野草丛中一束雪青的矢车菊，你尽可以随手采摘，或观其色，或闻其香，或赏其形……一花在手，旅途的寂寞就会烟消云散。    在黑暗的时刻，艺术会在你的心头燃起晶莹而灿烂的火苗，火光里，你憧憬和梦幻中的一切奇丽美妙的景象都可能一一出现，就在你为之由衷惊叹时，艺术悄悄地把你引出了灰色的迷途……在寂静的时刻，艺术会化作无数闪闪发光的音符，在你的周围翩翩起舞……在喧嚣的时刻，艺术会化作一缕清风，洗涤你心头的浮躁和烦恼……    艺术是一个忠实而又多情美丽的朋友，假如你曾经迷恋过她，追求过她，热爱过她，她就永远不会离开你。当你的朋友们都拂袖而去，她仍会一如既往地留在你的身边，在寂寞中为你歌唱，在孤独时伴你远行……让我们用清澈透明的心灵去理解艺术，升华艺术的内涵。</t>
  </si>
  <si>
    <t xml:space="preserve">牙齿健康为什么我牙齿很白但会有屎牙？ </t>
  </si>
  <si>
    <t xml:space="preserve">你说的是牙石吧。刷牙不彻底，牙面上会形成菌斑，钙化后形成牙结石。每年洗牙1-2次即可去除。参看 </t>
  </si>
  <si>
    <t xml:space="preserve">这段时间我发现我心脏跳动特别快,晚上睡眠不好,睡到半夜就会惊醒然? </t>
  </si>
  <si>
    <t>知音啊，我前两天也有和你相同的症状，失眠真得很不好受。你可以试着去放松心情，抛开一切杂念，听听瑜伽的冥想会对你有帮助的。　　2006世界睡眠日：健康睡眠进社区。 　　人一生中有三分之一的时间是在睡眠中度过，五天不睡眠人就会死去，睡眠作为生命所必须的过程，是机体复原、整合和巩固记忆的重要环节，是健康不可缺少的组成部分。据世界卫生组织调查，27％的人有睡眠问题。国际精神卫生组织主办的全球睡眠和健康计划于2001年发起了一项全球性的活动———将每年的3月21日，即春季的第一天定为“世界睡眠日”，2006年世界睡眠日的主题是“健康睡眠进社区”。可能有人觉得奇怪，这睡眠怎么还分健康和不健康的，不都是闭上眼睛睡觉吗？其实，很多人习以为常的睡眠习惯恰恰是不科学的。 　　不健康睡眠一： 　　平时通宵，周末狂睡 　　误区：有些人平时工作很辛苦，有时加班到了凌晨，但第二天还是得六七点爬起来去上班。睡眠严重不足，怎么办？周末在家恶补睡眠，睡它个20小时，把平时的都补回来。还有些人今天听说8小时睡眠足够，明天听说7小时睡眠长寿，到底多少小时睡眠好，自己也搞不清楚。不过据说充足的睡眠既美容又养颜，那就睡它个10小时。 　　专家分析：保证每天正常睡眠时间 　　每天保证正常的睡眠时间是很重要的，一般成年人应该在6－9个小时。比如晚上10－11点睡觉，早上6－7点起床，这样可以使人维持一个较稳定的生物节律，对人体身心都是有益的。 　　对于睡眠时间的长短，没有统一的说法。因人而异可以分为长睡眠型（8小时左右）和短睡眠型（6小时左右），其实4－10小时都属于正常范围，主要以第二天醒后精神饱满为准。实际上，各种人群对睡眠的要求是不同的。一般而言10－18岁的人群，每天需要8小时的睡眠时间，18－50岁的人群，每天需要7小时的睡眠时间，50－70岁的人群，每天需要5－6小时。特别对于上了年纪的人，睡眠质量比不上年轻人是自然规律，只要不影响身体健康就好。关于每天应该睡多少小时，因个人体质存在差异，只要符合自己的睡眠习惯、能够保证白天精力充沛、醒后没有疲乏感即可。很多伟人，他们睡得很少，但却精力旺盛，原因在于他们补充的主要是深睡眠，量虽少、质却高。 　　不健康睡眠二：睡前保持安静少运动 　　误区：有些人，晚上一有活动，就会睡觉时兴奋得睡不着。所以，他们认为吃完饭就应保持安静，连一些正常的低运动量活动也拒绝参与。本来白天就在单位里坐了一天，回家后继续坐着，坐到睡觉前反而睡不着了。 　　专家分析：适量运动促睡眠 　　临睡前的过量运动，会令大脑兴奋，不利于提高睡眠质量。但适量的体育运动，能够促进人的大脑分泌出抑制兴奋的物质，促进深度睡眠，迅速缓解疲劳，并从而进入一个良性循环。 　　特别是脑力工作者，一天下来可能都没什么活动，而晚饭后的轻微活动反而可以有助睡眠。研究发现，临睡前做一些如慢跑之类的轻微运动，可以促进体温升高。当慢跑后身体微微出汗时（一般来讲在20－30分钟为宜），随即停止。这时，体温开始下降。当30－40分钟后睡觉时，人将很容易进入深度睡眠，从而提高睡眠质量。 　　不健康睡眠三： 　　公交地铁上补睡眠 　　误区：有些人晚上喜欢熬夜工作，觉得好在公司与家距离甚远，无论是坐地铁，还是坐公交车，只要一坐下来就打瞌睡，一路睡到公司，认为这样的补眠方式，既没影响工作，又不耽误睡觉。专家分析：深睡眠使人得到充分恢复 　　人的睡眠大致分为“非快速眼动睡眠”和“快速眼动睡眠”两个阶段，在前一个阶段中，又可以分为“浅睡眠”和“深睡眠”两个过程，这两个过程在睡眠中循环多次。人们只有在睡眠中经历了几个“深睡眠”过程后，才能使疲劳得到充分的消除。但是，在汽车上睡觉、打盹、补觉，容易受到各种因素的干扰，汽车的晃动、光线的刺激、声音的影响、空间的狭窄等都不容易使人进入“深睡眠”状态，而在“浅睡眠”状态下休息，只能使人得到不充分的恢复。我们经常听到有同事抱怨，车里睡了一觉后，反而觉得腰酸腿疼、疲乏无力。另外，在车上睡觉，还容易导致生病。比如车上小睡后，最容易落枕和感冒。脖子歪向一边睡觉，容易使一侧的脖子肌肉疲劳，所以很容易落枕。还有，在车上睡觉，车门开关、风扇吹动，一不小心就容易着凉。白天疲劳的时候小睡一段有助于体能的恢复，但是尽量不要选择在车上睡。 　　不健康睡眠四： 　　睡得不好用吃来补 　　误区：有些人觉得睡眠不好，就多吃些人参、鹿茸等补品，不但有益于提高睡眠质量，而且补得好了，就是适当减少些睡眠时间，问题也不大。 　　专家分析：学会睡个“子午觉” 　　美国医学教授威廉·德门特说：“睡眠是抵御疾病的第一道防线。”他发现，凡是在凌晨3点钟起床的人，第二天的免疫力就会减弱，血液中有保护作用的杀病菌细胞也会减少1／3。所以，我国民间流传的“吃人参不如睡五更”这句话是很有道理的。我国传统养生学提倡睡“子午觉”。“子”是指夜间的23－1点，“午”是指白天的11－13点。认为睡“子时”可以养精蓄锐，而睡“午时”则可以顺应阳气的开发。 　　为了保证深睡眠，应该尽量做到早睡早起。虽然很多白领工作繁忙，但宁可把工作时间提前开始，也不宜推迟结束。晚上10点至凌晨4点，是最佳睡眠时间，入睡的最晚极限不能超过11点。过了11点后，人反而会变得兴奋，更难入睡。凌晨两三点，是熬夜的人感到最困的时候，而天亮后，人就开始进入浅睡眠期，这时候开始多梦、易醒。有些人喜欢睡“回笼觉”，来增加睡眠时间。当然，这不失为补充睡眠不足的一个办法，要提醒的是，“回笼觉”补充的主要是浅睡眠，效果不如早睡早起获得的深睡眠更好，宁可早上5点起床，也不要到晚上12点才睡觉。 　　此外，睡午觉也是个很好的睡眠习惯。临床基础研究已经证实，深睡眠在一天中有几个阶段，在中午12点至下午2点之间，有半小时的深睡眠期，但具体从哪个时段开始，因个人情况而异。因此，中午小睡片刻，可以争取半小时深睡眠，帮助人体机能的自行修复。从人的能量消耗和补充平衡角度，午睡也很有道理。因为从清晨到中午，从中午到晚上入睡前，这两个时段都有七八个小时，持续运作会让人体各部分的效能降低，尤其是脑力劳动者，午睡是有效的“充电”手段，小睡片刻换来的是下午工作的高效率。但午睡并不需要过久，半小时足够，最多不超过1小时，否则会影响晚上的睡眠。最后，祝你早日走出失眠的困境。</t>
  </si>
  <si>
    <t xml:space="preserve">审计师是做什么的？和会计师相比又有什么区别呢？ </t>
  </si>
  <si>
    <t xml:space="preserve">有人认为审计是从会计中派生出来的，其本质还是与会计有关。事实上，审计与会计是两种不同的但又有联系的社会活动。审计与会计的联系主要表现在：    审计的主要对象是会计资料及其所反映的财政、财务收支活动。会计资料是审计的前提和基础。会计活动是经济管理活动的重要组成部分，会计活动本身就是审计监督的主要对象。我国古代的“听其会计”和西方国家的“听审”，都含有审查会计之意，检查会计资料只是审计的一种手段和方法。随着审计的发展，审计和会计的区别越来越突出，主要表现在：    一是产生的前提不同。会计是为了加强经济管理，适应对劳动耗费和劳动成果进行核算和分析的需要而产生的；审计是因经济监督的需要，也即是为了确定经营者或其他受托管理者的经济责任的需要而产生的。     二是两者性质不同。会计是经营管理的重要组成部分，主要是对生产经营或管理过程进行反映和监督；审计则处于具体的经营管理之外，是经济监督的重要组成部分，主要对财政、财务收支及其他经济活动的真实、合法和效益进 行审查，具有外在性和独立性。    三是两者对象不同。会计的对象主要是资金过程，也即是经济活动价值方面；审计的对象主要是会计资料和其他经济信息所反映的经济活动。    四是方法程序不同，会计方法体系由会计核算、会计分析、会计检查三部分组成，包”括了记账、算账、报账、用账、查账等内容，其中会计核算方法包括设置账户、复式记账、填制凭证、登记账簿、成本计算、财产清查、会计报表等记账、算账和报账方法，其目的是为管理和决策提供必须的资料和信息；审计方法体系由规划方法、实施方法、管理方法等组成，而实施方法主要是为了确定审计事项、收集审计证据、对照标准评价，提出审计报告与决定，使用资料检查法、实物检查法、审计调查法、审计分析法、审计抽样法等，其目的是为了完成审计任务。    五是职能不同。会计的基本职能是对经济活动过程的记录、计算、反映和监督；审计的基本职能是监督，此外还包括评价和公证。会计虽说也具有监督职能，但这种监督是一种自我监督行为，主要通过会计检查来实现，会计检查或查账，只是检查账目的意思，主要针对会计业务活动本身，而审计，既包含了检查会计账目，又包括了对计算行为及所有的经济活动进行实地考察、调查、分析、检验，即含审核稽查计算之意；会计检查只是各个单位财会部门的附带职能，而审计是独立于财会部分之外的专职监督检查；会计检查的目的主要是为了保证会计资料的真实性和准确性，其检查范围、深度、方式均受到限制，而审计的目的在于证实财政、财务收支的真实、合法、效益，审计检查会计资料只是实现审计目的的手段之一，但不是惟 一手段。 ____任何审计都具有三个基本要素，即审计主体、审计客体和审计授权或委托人。审计主体，是指审计行为的执行者，即审计机构和审计人员，为审计第一关系人；审计客体，指审计行为的接受者，即指被审计的资产代管或经营者，为审计第二关系人；审计授权或委托人，指依法授权或委托审计主体行使审计职责的单位或人员，为审计第三关系人。一般情况，第三关系人是财产的所有者，而第二关系人是资产代管或经营者，他们之间有一种经济责任关系。第一关系人----审计组织或人员，在财产所有者和受托管理或经营者之间，处于中间人的地位，这要对两方面关系人负责，既要接受授权或委托对被审计单位提出的会计资料认真进行审查，又要向授权或委托审计人（即财产所有者）提出审计报告，客观公正地评价受托代管或经营者的责任和业绩。为此，计组织或审计人员进行审计活动，必须具有一定独立性，不受其审其他方面的干扰或干涉，这是审计区别于其他管理的一个根本属性。     </t>
  </si>
  <si>
    <t xml:space="preserve">化学问题2。下列各组离子中因发生氧化还原反应而不能大量共存的是（ </t>
  </si>
  <si>
    <t>选C。题中说“各组离子中因发生氧化还原反应而不能大量共存”，所以就看这些选项中，哪些物质彼此之间能发生氧化还原反应，也就是看有化合价的改变的反应。A中的OH-和HCO3-会发生复分解反应，但不是氧化还原，所以不能选。B可共存。C中的亚铁离子与硝酸根离子在酸性条件下，亚铁离子会被氧化为三价铁离子，是氧化还原反应。D中氢离子与SiO3~2-反应可生成硅酸沉淀，发生的是复分解反应，因而也不能选。正确答案C。</t>
  </si>
  <si>
    <t xml:space="preserve">9C这个天杀的什么时候出月卡啊要挣多少黑心钱才能出月卡啊！服务器 </t>
  </si>
  <si>
    <t>9c是个天杀的。 魔世这个游戏在国外都是月卡，没有出过点卡这种东西！！在国内，搞什么中国特色，全是点卡，没有月卡！！难道中国人挣钱比老外容易？魔世在国外，包月 12.99美元，相当于 三瓶矿泉水的钱！！（在美国矿泉水的价格普遍是3～4.99美元，可口可乐 1.5美元，牛奶 1美元）</t>
  </si>
  <si>
    <t xml:space="preserve">关于四级考试我想知道司机考试时没有身份证能否用学生证代替，谢谢！ </t>
  </si>
  <si>
    <t>不行．．．因为是全国统考，而且如果不是在校生现在已经不能考了，所以一定要带身份证，如果你的身份证丢了，可以让学校或者派出所开个证明．</t>
  </si>
  <si>
    <t xml:space="preserve">鲁滨逊漂流记》真有此事吗？ </t>
  </si>
  <si>
    <t>《鲁滨逊漂流记》取材于一个真实的故事。一个名叫亚历山大•塞尔扣克的人被放逐到一个与鲁滨逊所居住的小岛非常相似的荒岛上，他在那里独自生活了几年，后来成功获救。作者是在报纸上看到这条消息的，激发他创作这部小说。当然作者在这部作品中展示了自己高超而生动的想象和虚构能力。</t>
  </si>
  <si>
    <t xml:space="preserve">怎么教宝宝说话？宝宝都１周岁多三个半月了，还是不会说话，连爸爸妈 </t>
  </si>
  <si>
    <t>你家宝宝和我家宝宝一般大，我家的也是不会说话，郁闷的是家里的爸爸、阿爹、好婆都会叫，就是不肯叫妈妈，每次叫她叫妈妈，要么就是“大大”算叫妈妈了，要么就是索性不叫，左右顾及好像很忙的样子。就是跟他说话她什么都懂，也很会表达自己的意愿。开始我也很担心，一直胡思乱想，现在慢慢也想通了，我现在给她买了很多卡片阿什么的，现在已经认得很多东西了，至少除了说不出来什么都懂也不错的，应该慢慢的会说话的，你不用很担心，反正只要不是发不出声，会不会说话是早晚的事情，不用太请求，当然，随时随地的教她说话是必须的</t>
  </si>
  <si>
    <t xml:space="preserve">"人贫志短马瘦毛长"是什么意思?这句话说的是一种现象是吗? </t>
  </si>
  <si>
    <t>“人贫志短马瘦毛长”形容人贫困的时候显的无志气，容易委屈求全，马匹瘦弱时显的毛长；说它是一种社会现象也可以，现实吗！【出处】: 宋·庄季裕《鸡肋编》卷下引陈无己诗：“人穷令智短。”惟白《建中靖国续灯录》：“人贫智短，马瘦毛长。”</t>
  </si>
  <si>
    <t xml:space="preserve">为什么我用按鼠标“首页”就是没反应要按f5才刷新啊？？ </t>
  </si>
  <si>
    <t>网速，要么你电脑卡了</t>
  </si>
  <si>
    <t xml:space="preserve">瀚茶缘（北京）雍和宫会馆还是什么会所？ </t>
  </si>
  <si>
    <t>瀚茶缘（北京）雍和宫会馆还是茶、素宴、抗衰老会所瀚茶缘—可以躺着喝茶的四合院。推开厚重的木门，古典音乐滑过耳际，古老的家具和木雕，中国的书画和宫灯，民俗的饰品和炕头将向您讲述源远流传的中华文化；院内山石跌承和小桥相依托，修竹与朗月相辉映，古老的木屋顶带给您无限延展的空间…在这里可以品茗、素餐宴客、聚会活动、洽谈休闲、健康咨询、网上冲浪、收看电视等…</t>
  </si>
  <si>
    <t xml:space="preserve">30克盐30克水混合是什么 </t>
  </si>
  <si>
    <t>氯化钠溶液</t>
  </si>
  <si>
    <t xml:space="preserve">枸杞排骨芋艿汤的做法 </t>
  </si>
  <si>
    <t>排骨切成小段，先入开水里焯去血水，盛出，晾凉，待用砂锅内倒入开水，水沸腾后，将已经焯好的排骨放入，用大火煮开后，放入切好的生姜片，以及花雕，盖上锅盖，用大火继续煮开煮开后，将火调成文火，慢慢笃排骨汤约1小时一小时以后，将切成块的芋艿放入沙锅中，盖上锅盖，继续用文火焖笃40分钟40分钟后，放入洗干净的枸杞若干，同时，芋艿也已经酥软，且开始有黏稠感；文火继续焖15分钟15分钟后，关火。不要马上揭锅盖，焖上5分钟后，再开沙锅，将汤盛出，最后撒上小葱花，喜欢白胡椒的童鞋可以尽情的撒哈</t>
  </si>
  <si>
    <t xml:space="preserve">丝路传说罗马技能点问题我只压了100W技能点，再买个旗舰，想练个 </t>
  </si>
  <si>
    <t>游吟诗人       游吟诗人之梦 191815战斗和弦 370616和谐之音 195115弦律 228119不和谐之音 454555华美的生命 49290舞池 194629法师       自然精神 374316精神力量 103197地球智慧 279761冰系魔法 355822火系魔法 431014电系魔法 279488我现在也在练一个法琴 本来就压了240W由于更新后 压点烦所以升级了 要想练一个有前途的法琴 技能都满 或者说偏优秀点的话 建议还是压个300W吧300W始终只是一个基本保证 其实 100W+旗舰那点技能点的话 升到110也是没多少问题的了 前期最好做琴吧 等琴的技能差不多了 就升法 反正琴的很多技能都是没必要学的 你这样练也够用 只是比较捉襟见肘</t>
  </si>
  <si>
    <t xml:space="preserve">张家口半截塔的来历和文化? </t>
  </si>
  <si>
    <t>半截塔　　位于承德城北围场县半截塔乡半截塔村。建于元至元年间(1264～1294)，是中国尚存的为数很少的元塔之一，具有极高的历史价值。塔在清朝中期已剩一半，遂有"半截塔"之称。民国19年(1930)当地士绅捐资重修，方具塔之全貌。塔空心，座用石条砌成，正方形，边长10米，高8米；塔身3层，椭圆形，高30米；塔顶2米为宝珠式。重修后更名为"新风塔"，但人们仍习惯称之为"半截塔"。</t>
  </si>
  <si>
    <t xml:space="preserve">化学问题硝酸银和氨水反应时有什么现象,写出方程式 </t>
  </si>
  <si>
    <t xml:space="preserve">  试剂滴加顺序不同现象也不同： 1。 在硝酸银溶液中逐滴滴入氨水，边滴边振荡，先出现浑浊后消失，所得溶液为银氨溶液。 Ag++NH3·H2O=AgOH↓+NH4AgOH+2NH3·H2O=[Ag(NH3)2]++OH-+2H2O   2。在氨水中逐滴滴入硝酸银溶液，边滴边振荡，只出现棕黑色沉淀。 Ag++NH3·H2O=AgOH↓+NH4+ 2AgOH=Ag2O+H2O</t>
  </si>
  <si>
    <t xml:space="preserve">二尖瓣关闭不全(轻度)三尖瓣关闭不全(轻微)···懂医学的帮忙看? </t>
  </si>
  <si>
    <t>一、心脏超声检查主要问题是：1、二尖瓣关闭不全(轻度) ——引起二尖瓣口轻度返流2、三尖瓣关闭不全(轻微)——引起三尖瓣口轻微返流以上意思是说，由于二尖瓣或三尖瓣有轻微关闭不全，所以在心脏收缩时关闭欠佳，可有少量血液返回左心房或右心房。3、其他各项均正常，如：心脏各房室不扩大，心室无肥厚，瓣膜无狭窄，室壁正常，心功能（射血分数——EF 57%）正常。二、引起关闭不全与返流的可能原因：由于超声仪器的不断进步，二尖瓣、三尖瓣返流，特别是轻微返流是很常见的。引起返流的原因一是功能性(或生理性)的，二是器质性的。1、二尖瓣关闭不全(轻度)：对于年轻女性，主要考虑风心病或心肌炎等心脏疾病，引起二尖瓣关闭不全。但风心病时，多有二尖瓣狭窄，单纯二尖瓣关闭不全少见，且有左心房、右心室扩大，心肌肥厚等心脏改变。而病人瓣膜无狭窄，心脏不扩大，心室无肥厚，这些都不支持风心病的诊断。2、三尖瓣有轻微的关闭不全，引起轻微返流，也不伴有瓣膜狭窄，多属于功能性的，病理意义不大。3、结合病人在11岁时有感冒发烧病史，原因可能是病毒性，或风湿性心肌炎，以后疾病基本痊愈，遗留二尖瓣关闭不全(轻度)与三尖瓣关闭不全(轻微)。三、关于病情：根据心脏超声检查情况，考虑：1、心脏结构大致正常，心脏功能正常，可定期复查心脏超声，观察心脏瓣膜等改变，并检查血沉、抗链“O”等，除外风湿引起的可能。2、根据心脏情况，病情不重，不影响结婚与生育，不需要手术。如果能除外风心病，则一般不会复发。回答评论问题：如果病情加重，或复发，可检查：1、心脏超声：如出现二尖瓣等瓣膜狭窄，或关闭不全加重，或出现心脏扩大，心肌肥厚，心功能减退等，则为复发或加重。2、检查心电图，看有无异常改变。3、检查血沉、抗链“O”，除外风湿活动。4、如疑有心肌炎，可查心肌酶。</t>
  </si>
  <si>
    <t xml:space="preserve">怎么建族啊QQ堂家 </t>
  </si>
  <si>
    <t>买几个建族券就OK了</t>
  </si>
  <si>
    <t xml:space="preserve">白体妖问题，请高手指教白体妖多少级可以去象4练级顺便打魂体，对装 </t>
  </si>
  <si>
    <t>48以前都用弓，练级就在偶瑞打爱族，或者去火山，48以后根据自己财力来考虑要不要换刀，身家过千W了就换刀，不然就不换继续用弓，如果用刀就用细剑，力套力练一定要买，然后就一直在龙古一楼练，如果有保姆跟着，去34以下练也可以，还有，50以前如果用刀最好学水</t>
  </si>
  <si>
    <t xml:space="preserve">阴部长了个小疙瘩 </t>
  </si>
  <si>
    <t>是疖肿，可以用抗生素。</t>
  </si>
  <si>
    <t xml:space="preserve">14实单别错过.老师门多指点富勒姆20日23:00热　刺3利物浦 </t>
  </si>
  <si>
    <t>富勒姆 20日23:00 热　刺 30利物浦 20日20:45 切尔西 31曼　城 21日01:15 布莱克 1米德尔 20日23:00 博尔顿 30纽卡斯 20日23:00 西汉姆 3雷　丁 20日23:00 谢菲联 3维　冈 21日21:30 埃弗顿 1阿森纳 22日00:00 曼　联 310恩波利 21日22:00 桑普多 1国　米 21日22:00 佛罗伦 31拉齐奥 21日03:30 AC米兰 30利沃诺 21日22:00 罗　马 30雷吉纳 22日03:30 巴勒莫 1乌迪内 21日22:00 梅西纳 3</t>
  </si>
  <si>
    <t xml:space="preserve">五一放假怎样安排？如题 </t>
  </si>
  <si>
    <t>4月29日至5月1日放假调休，共3天。其中4月29日(星期日)为公休、4月28日(星期六)公休调至4月30日(星期一)、5月1日(星期二、“五一”国际劳动节)为法定节假日，即4月29日(星期日)、30日(星期一)、5月1日(星期二)放假三天，4月28日、5月2日(星期三)照常上班。</t>
  </si>
  <si>
    <t xml:space="preserve">DZ宏的问题想求一个DZ5星冷血剔骨的宏 </t>
  </si>
  <si>
    <t>/script if ( GetComboPoints() &gt;= 5 ) then CastSpellByName("冷血") SpellStopCasting();CastSpellByName("剔骨(等级 8)");else CastSpellByName("邪恶攻击(等级 8)"); end 说明：判断宏，如果目标有5星，则冷血剔骨。如果有5星，冷血没冷却，就普通剔骨。没5星就邪恶攻击。（**注意设置背刺、剔骨技能等级）</t>
  </si>
  <si>
    <t xml:space="preserve">全是加速,不想解决一下吗？我在4区斗牛圣地,从篮球一出我就开始玩 </t>
  </si>
  <si>
    <t>全是加速?你有没搞错?太夸张了吧.我先说下我个人的意见.首先.全是加速?不可能.有些人就是这样.打不过看人家跑位合理就说别人加速.我网吧就有好几个新手这样说.他们听老手说这游戏有加速.于是他们打比赛的时候一旦打不过别人.总是不从自己身上找原因.但是有无法找到自己失败的理由.所以他们把这一切都归结为加速.这是我个人的一点看法.当然不是针对楼主```</t>
  </si>
  <si>
    <t xml:space="preserve">26期应该滚存了吧？如滚存奖金会超1500万，这期努力吧！ </t>
  </si>
  <si>
    <t>毫无疑问，滚了</t>
  </si>
  <si>
    <t xml:space="preserve">歌词含有“来世化蝶偎依你身旁”的是哪首？ </t>
  </si>
  <si>
    <t>走天涯（歌词）演唱：降央卓玛</t>
  </si>
  <si>
    <t xml:space="preserve">白血病的鉴定标准是什么?何种检查?是血常规检查吗? </t>
  </si>
  <si>
    <t>血常规只是一个参考，真正的鉴定是需要做骨髓穿刺和活检的。</t>
  </si>
  <si>
    <t xml:space="preserve">肯的第二个任务找那个草屋的那个草屋在什么地图啊是在科贝拉么？？知 </t>
  </si>
  <si>
    <t>废弃码头那个?传送拜耳罗然后进废弃码头,地图正中间一个小黑点就是.</t>
  </si>
  <si>
    <t xml:space="preserve">爱问究竟是怎么样的啊？我前一段时间已经被提升为高信用用户，回答和 </t>
  </si>
  <si>
    <t>高信用用户    和普通的用户的差别就是在这里的 高信用用户的回答不需要审核的有时候上网的高峰期也会有这样的情况的事情发生的！！！</t>
  </si>
  <si>
    <t xml:space="preserve">腹部岔气怎么办 </t>
  </si>
  <si>
    <t>病情分析：您好，这可能是肝气郁滞的问题，中医可以用柴胡桂枝汤治疗。没有这个方的情况下也可以用按摩，吃中成药的方法加以解决。另外也有可能是运动过于剧烈的问题，这个情况出现有多久了？中途有没有外伤，或者是运动过于剧烈？指导意见：如果没有外伤，运动过剧的情况的话，建议可以用柴胡疏肝丸治疗一段时间，另外，心情有否不愉快？这种情况一定要保持心情舒畅才会尽快好转。祝您身体健康！这个情况应该是一个肠梗阻的表现,建议您去医院检查一下. 肠梗阻的原因很多,有的是肿瘤导致的.但是无论是什么原因都是可以导致患者出现肠道坏死的.建议您积极的采用检查来确诊.在没有诊断清楚前千万不要使用任何药物.以免掩盖真实的病情.</t>
  </si>
  <si>
    <t xml:space="preserve">吃熟地生地会引起舌苔白厚怎么回事 </t>
  </si>
  <si>
    <t>受湿邪，应保持干燥环境，少吃甜事应该不是，舌苔厚白多为寒湿,是有寒气，注意保暖，不吃凉性食物 你可以再进一步查看舌色及舌形，确认你的症状。</t>
  </si>
  <si>
    <t xml:space="preserve">打开excel或者word编辑的时候出现的这个图标是什么意思如下 </t>
  </si>
  <si>
    <t>这些都是office临时文件，有时突然死机或断电可用来恢复一些文件内容。一般都是隐藏属性的，可不必管它的。</t>
  </si>
  <si>
    <t xml:space="preserve">百人开到什么时候? </t>
  </si>
  <si>
    <t>45977</t>
  </si>
  <si>
    <t xml:space="preserve">求助，什么情况下，doing＝tobedone，限高一知识是不是 </t>
  </si>
  <si>
    <t>在be worth， need, want ,require后用doing,主动表被动，在be worthy of后需用 to be   worth doing=be worthy of to be done,</t>
  </si>
  <si>
    <t xml:space="preserve">1在天津，什么情况下会有专车接送你到机场？2如果有，这种专车是否? </t>
  </si>
  <si>
    <t>在天津明昊航空服务发展有限公司购买机票，可以享受免费接送机场服务</t>
  </si>
  <si>
    <t xml:space="preserve">会练工匠的进，怎么练工匠？我是个20级的工匠全部家当一共是10W </t>
  </si>
  <si>
    <t>你说有D顶双刀+锁子套+200W对吧~我来帮你一下吧~(我以省钱.安全为主.效率其次.因为你是想白手起家.)首先1.买张D蛋卷和D祝魔灵蛋卷..基本上这两张都很便宜.甚至好点的人会送你~你可以加个好盟问老大要~2.买D晶(最好先跟别人买.580一个差不多)和魔精石来做D祝魔蛋..在古村卖.卖的价你看你们F的市价吧.卖这个满赚的.需求量很大.等到身上钱有了400W就去买D晶和精灵矿石做D蛋给自己练级去.还要买点攻速水练.红水也要带些应急.还是坐地板为主~3.20~25打狼营的小怪~新兵.残存者.这几个.4.25~33单练的话都在狼营打指挥官.将军...组队可到遗忘=记得钱花到剩200W时,就买D晶和魔精石做D祝魔蛋卖.卖到钱有500W就再做D蛋练=下次剩300W就卖蛋..卖到600W再练..再下次400就卖蛋.700再练.以此类推慢慢存5.33~40单练实在累.真要就在遗忘慢慢练..组队建议组个奶妈到细语平原.从海音城走..看地图上有个细雨平原的柱子的左下方练.别到右上.有狩猎守领.这里是个很好人又少的练级地.只是很多人都不知道呵.在这奶妈得专业点.睡怪定怪风琐都要会用~用的好可以不用坐地板一直练.详细你要自己在这待过才知道..6.转2转...转完后就卖D祝存钱..存到能买合金套..武器去奇岩精品店换里面最好的钝器..再买张C灵蛋卷..价格每个F不同7.二转后.一样找个奶妈.建议找黑长老.可以再在细雨混..混到看怪都蓝字...就再找个打手..建议找同级左右CK(找人时,你可以说明你可以提供便宜C蛋练级)..到鳄鱼岛练..记得去仓库找个人接杀鳄鱼任务.具体看官网~在鳄鱼岛可练到52.你可以跟队友在岛上探险~反正上面怪40~49都有~一定够练到52..而钱的问题一样照卖蛋的方法存钱~.这时可以买张C祝魔灵蛋卷.这张会贵点.你自己要注意!但卖C祝超赚哦~B装B武器就靠这个赚拉~~~在鳄岛上有D顶武器掉~一把就600W哦~我自己从40~52打了两把精灵长剑~~8.52后一定得找固定组练~~一样可用便宜蛋为号招找队友~~~B蛋卷便宜呢~~高等后有了很多朋友..去哪练去哪看风景就是你们的自由拉~~~没有一定哪里最好的~~~差不多这样..希望能帮上你拉~~</t>
  </si>
  <si>
    <t xml:space="preserve">关于包皮包皮切除后要注意哪些事项 </t>
  </si>
  <si>
    <t>注意按照医生嘱咐定时换药,注意保持伤口处清洁,小便时注意尽量不要被尿液污染,经常换洗干净的内裤.不要多想那事.</t>
  </si>
  <si>
    <t xml:space="preserve">巴拉克疯狂追着裁判那么激动怎么了刚才就看了一眼他在干什么什么情况 </t>
  </si>
  <si>
    <t>他在干什么，他急了，他在想把裁判给撕碎了．因为那个人几次三番不给切尔西判该判的点球．</t>
  </si>
  <si>
    <t xml:space="preserve">频道达到最大值.又找不到以前建的频道怎么办 </t>
  </si>
  <si>
    <t>您好。请您提供您创建服务器的UT账号，我们帮您查找您的服务器ID</t>
  </si>
  <si>
    <t xml:space="preserve">怎么能重装XP系统，我的原来的系统，不小心把什么东西删除了，不能? </t>
  </si>
  <si>
    <t>你完全可以改变一下ＣＭＯＳ的起动顺序，先让光盘起动，然后再进行安装就可以了．如果不行的话，那就和我联系，我在网上传给你．</t>
  </si>
  <si>
    <t xml:space="preserve">街头篮球选后卫好还是中锋，前锋 </t>
  </si>
  <si>
    <t>中锋内线的霸王！前锋全能使者！后卫外线好手！青菜萝卜各有所爱！往后还有组织后卫和得分后卫、大前锋和小前锋！要看自己的喜好偏向来选择职业！祝你成功！</t>
  </si>
  <si>
    <t xml:space="preserve">我可以永远问为什么吗例如有人向我解释什么是宇宙，那我可以对这个人 </t>
  </si>
  <si>
    <t>你的好奇心有多少，就有多少为什么，当有一天你对事物有了自己的看法，立地成佛之后，可以回答自己的疑问了，也就没有为什么了。</t>
  </si>
  <si>
    <t xml:space="preserve">武修技能都到了,称号没到,是继续修还是练级？ </t>
  </si>
  <si>
    <t>继续</t>
  </si>
  <si>
    <t xml:space="preserve">新手创业大家帮忙是这样的我是一个刚刚开始创业的新手，我想和我战友 </t>
  </si>
  <si>
    <t>每个商家对做代理的要求不一样的，你应该看一下创业指导，还有一些需要注意的问题，做啤酒可不是个小项目，一定要考虑周全，慎重，给你个网址，你上去看看吧，那有不少点子和案例，也许对你会有帮助！</t>
  </si>
  <si>
    <t xml:space="preserve">内分泌不好，有什么方法可以治吗？ </t>
  </si>
  <si>
    <t>内分泌失调会使人的机体出现各种不适变化，也会引发不少疾病。很多女性都有过这样的经历，亮丽的脸上突然出现了很多黄斑、色斑，抹了不少的品也无济于事，其实这不只是单单的皮肤问题，这些色斑就是内分泌不稳定时受到外界因素不良刺激引起的；更年期女性经常会出现一些脾气变得急躁，情绪变化较大的情况，出现出汗、脾气变坏等，是女性内分泌功能出现下降导致的；不育不孕、子宫内膜异位症、痛经、月经不调等都是内分泌的疾病，还有一些乳腺疾病也和内分泌失调有关，有些面部色斑也是由于妇科疾病造成的。 史主任认为 “内分泌失调”代表荷尔蒙的不稳定状态，如何防止内分泌失调，中西医也给出了不同处方。人体气血不正常容易导致气血运行失常，出现痛经、月经失调或子宫肌瘤等问题，中医针对内分泌治疗主要以中药调理为主，根据每个人的身体情况进行辩证施治，看其属于寒、风、暑、湿等外邪中的哪一类，根据实、虚、阴、阳、气、血等进行不同调理，中药可清除体内代谢淤积，平衡女性气血，使内分泌系统恢复正常运行，一般通过调理气血、化瘀散结进行中药调理。同时要养成良好的饮食习惯，多吃新鲜果蔬、高蛋白类的食物，多喝水，补充身体所需的水分，多参加各种运动锻炼，加强体质，还要有科学的生活规律，不要经常熬夜，以免破坏正常的生理规律，造成荷尔蒙的分泌失衡甚至不足，进而引发其他疾病，还要保证注意休息、充足睡眠。 ■什么是内分泌失调 人体有内分泌系统，分泌各种激素和神经系统一起调节人体的代谢和生理功能。正常情况下各种激素是保持平衡的，如因某种原因使这种平衡打破了（某种激素过多或过少）这就造成内分泌失调，会引起相应的临床表现。 ■内分泌失调的各种症状 见网页：   ■内分泌失调的危害与调理 很多女性不得不面临这样的问题：好好的皮肤突然出现了黄褐斑，肥胖总在不经意间造访，身体的某些敏感部位会出现肿块等不适……，其实这都是人体生理机能的调控者—内分泌在作怪。医学专家认为，随着春季天气转暖、转热，人体新陈代谢也加快，体内水分和营养消耗增加，更容易造成女性内分泌失调。让我们提早动手，远离内分泌失调的困扰，度过一个健康的美丽季节。 ■“四大罪状”控诉内分泌失调 内分泌失调会使人的机体出现各种不适变化，也会引发不少疾病。 ◆罪状一 肌肤恶化 很多女性都有过这样的经历，亮丽的脸上突然出现了很多黄斑、色斑，抹了不少的化妆品也无济于事，其实这不只是单单的皮肤问题，这些色斑也是内分泌不稳定时再受到外界因素不良刺激引起的。 ◆罪状二 脾气急躁 更年期女性经常会出现一些脾气变得急躁，情绪变化较大的情况，出现出汗、脾气变坏等，这可能是女性内分泌功能出现下降导致的。 ◆罪状三 妇科疾病 妇科内分泌疾病很常见，不育不孕、子宫内膜异位症、痛经、月经不调等都是妇科内分泌的疾病，还有一些乳腺疾病也和内分泌失调有关，有些面部色斑也是由于妇科疾病造成的。 ◆罪状四 肥胖 “喝凉水都长肉”，很多人经常发出这样的感慨。据内分泌科医生介绍，这可能和本人的内分泌失调有关系，高热量、高脂肪的食物，不注意膳食平衡等饮食习惯也会对内分泌产生影响。 ■解忧处方：中医西医各有侧重 “内分泌失调”代表荷尔蒙的不稳定状态，如何防止内分泌失调，中西医也给出了不同处方。 调节内分泌主要从饮食、运动上入手，必要时辅以药物治疗，要养成良好的饮食习惯，多吃新鲜果蔬、高蛋白类的食物，多喝水，补充身体所需的水分，同时多参加各种运动锻炼，加强体质，还要有科学的生活规律，不要经常熬夜，以免破坏正常的生理规律，造成荷尔蒙的分泌失衡甚至不足，进而引发其他疾病，还要保证注意休息、充足睡眠。 人体气血不正常容易导致气血运行失常，出现痛经、月经失调或子宫肌瘤等问题，中医针对内分泌治疗主要以中药调理为主，根据每个人的身体情况进行辩证施治，看其属于寒、风、暑、湿等外邪中的哪一类，根据实、虚、阴、阳、气、血等进行不同调理，中药可清除体内代谢淤积，平衡女性气血，使内分泌系统恢复正常运行，一般通过调理气血、化瘀散结进行中药调理。 ■“情志”直接影响内分泌 “从中医上来讲，情志也对内分泌有一定影响”，所谓的“情志”实际上指的是人的精神心理状态。《黄帝内经》反复论述了不良的精神心理状态对人体脏器所造成的损伤，认为“怒伤肝”、“喜伤心”、“思伤脾”、“忧悲伤肺”、“恐伤肾”。情绪好坏会直接影响到人体雌激素等的分泌。 女性因为特殊的生理及心理特性，也会出现独特的情绪表现，她们因为较易受到外界环境的影响，经常出现焦虑、愤怒、抑郁等不良情绪，所以要主动调节情绪，保持稳定的情绪和心境，以减轻特殊生理周期前后皮肤的变化，保持良好的精神状态。当然，还要保持规律的生活和充足的睡眠，尤其是在月经、更年期等特殊的日子里，更要注意及时转移自己的不良情绪。</t>
  </si>
  <si>
    <t xml:space="preserve">硫酸铜在不同温度下的溶解度，溶解度曲线也可以，但要注明温度 </t>
  </si>
  <si>
    <t>五水硫酸晶体的溶解度：0℃：14.3克   10℃：17.4克   20℃：20.7克30℃：25克   40℃28.5克   50℃：33.3克   60℃：40克   80℃：55克100℃：75.4克 以上数据来自1978年广西人民出版社出版的《简明化学手册》</t>
  </si>
  <si>
    <t xml:space="preserve">某某恭喜你中签了，请你确认，是什么意思？还有申购中签是什么意思？? </t>
  </si>
  <si>
    <t>申购中签就是购买股票后会有申购号。因为买股的人多，所以要抽签，中签才是购买成功了，没中签的会自动退回款。中签了还是要钱才可以得到这些配股的 。</t>
  </si>
  <si>
    <t xml:space="preserve">为什么感觉生活很无奈 </t>
  </si>
  <si>
    <t>找准奋斗目标,不断努力,天天有做不完的事,</t>
  </si>
  <si>
    <t xml:space="preserve">我是内测的，我角色进去点传送石去其它地方，人就卡住了，然后重先进? </t>
  </si>
  <si>
    <t xml:space="preserve">服务器的事 G T又拿垃圾服务器玩我们 不是我们在玩游戏 是G T在玩我们 </t>
  </si>
  <si>
    <t xml:space="preserve">详细的热固性酚醛树脂的合成我用这种方法没成功不知道为什么在装有搅 </t>
  </si>
  <si>
    <t xml:space="preserve">【原理】苯酚和甲醛在酸性或碱性的催化剂作用下，通过缩聚反应生成酚醛树脂。在酸性催化剂作用下，苯酚过量时生成线型热塑性树脂；在碱性催化剂作用下，甲醛过量时生成体型热固性树脂。 　　【操作】 　　（1）在25×200mm的试管中加入 4g纯苯酚和2.5mL化学纯甲醛溶液（密度约1.1g/cm3、浓度为36～38%），再加入1mL化学纯的浓盐酸，振荡均匀后塞上带有直玻璃管（长300mm）的橡皮塞。把上述试管固定在铁架台上，放在80～90℃的水浴中加热（如左图）。片刻后，试管中发生剧烈反应，反应后还要继续加热，直到生成粉红的固体树脂为止。取出固体树脂（用铁丝钩出），用水冲洗后得到热塑性树脂。 　　（2）在25×200mm的试管中加入2.5g化学纯苯酚和3mL化学纯甲醛溶液（浓度同前），再加入1mL化学纯浓氨水（浓度为25～28%），振荡均匀后塞上带有直玻璃管（长300mm）的橡皮塞。把上述试管固定在铁架台上，用沸水浴加热，直到混合物分成两层。当底层的树脂粘度增大时，取下试管用水冷却，等树脂固化后倒出，用水冲洗，得到黄色的热固性树脂。 　　【说明】 　　（1）苯酚和甲醛在碱性条件下反应，要比在酸性条件下反应慢。要使生成的树脂冷却后呈固体，必须加热半小时以上。 　　（2）苯酚和甲醛在碱性条件下是逐渐生成体型树脂的。开始生成的液态物是可溶于酒精、丙酮和碱性水溶液的树脂，叫做甲阶树脂。继续加热后，生成粘稠状的液体，冷却后成为脆性固体，能部分溶于酒精、丙酮，但不溶于碱性水溶液。它叫乙阶树脂（固体受热能软化）。再继续加热，才生成不溶不熔的体型树脂，叫做丙阶树脂。在课堂教学实验中制备，由于加热的时间不够，一般生成乙阶树脂。 </t>
  </si>
  <si>
    <t xml:space="preserve">谜语：白展堂，佟香玉（猜意大利十八世纪一著名喜剧） </t>
  </si>
  <si>
    <t>《一仆二主》</t>
  </si>
  <si>
    <t xml:space="preserve">请问药水怎么放？是放技能栏里吗？ </t>
  </si>
  <si>
    <t>放在技能栏里就可以！武器也可以放在里面，比如：用弓和剑的，把弓和剑都放在里面好快速换，还有动作也可以放在里面，像捡东西的动作放在里面，一点就可以捡东西了！很方便！</t>
  </si>
  <si>
    <t xml:space="preserve">物流最高职务是物流总监嘛？求答案？物流行业的哦 </t>
  </si>
  <si>
    <t>最高的都是总经理啊!每个行业都一样的..</t>
  </si>
  <si>
    <t xml:space="preserve">来说说色狼畅所欲言从这种人的外表、内心、习惯、家庭、避免……等等 </t>
  </si>
  <si>
    <t>关键是原则！！！</t>
  </si>
  <si>
    <t xml:space="preserve">买足彩不如买大乐透！！！！买足彩都是赛完后恍然大悟，赛前都是信誓 </t>
  </si>
  <si>
    <t>足彩是为了看球更有劲，，，数字彩呢只能等馅饼砸。。。</t>
  </si>
  <si>
    <t xml:space="preserve">诺基亚E72为什么在深圳专卖店要3108，但是在深圳顺电却要27 </t>
  </si>
  <si>
    <t xml:space="preserve">如果是正规商家应该没问题，根据诺基亚官网专卖店E72的价格已经降到2700多元，另一家标价3000多可能是进货渠道不一样或者没及时调整价格… </t>
  </si>
  <si>
    <t xml:space="preserve">我做40级妖魔道任务时因为包裹满了没拿到任务物品，还会再遇到任务? </t>
  </si>
  <si>
    <t>那是一定还会的了我老公过时就遇到这种情况了没事的!!!~~~~~~~~</t>
  </si>
  <si>
    <t xml:space="preserve">长时间频繁的性生活后眼光黯淡？有时候眼前是一片黑暗，即使是在白天 </t>
  </si>
  <si>
    <t>纵欲过度　太多了　不仅眼光暗淡　还会影响你大脑的反映速度呢</t>
  </si>
  <si>
    <t xml:space="preserve">我跟他在网络上开始聊天的，之前是因为我们双方父母要我们双方介绍对? </t>
  </si>
  <si>
    <t>喜欢你。。。。。。。。。。。。。。。。。。。。。。。。。。</t>
  </si>
  <si>
    <t xml:space="preserve">用什么中药可以治疗腰间盘突出和颈椎病？ </t>
  </si>
  <si>
    <t>目前腰椎间盘突出的保守治疗方法很多，有按摩，针灸，理疗，推拿等。中医用辨症用药的方法来治疗本病的，这是根据病人的身体情况和病变情况，经过四诊八纲辨症开出的方药，经成药效果要理想的多，常 用的中成药腰痛宁等，丹鹿通督片等。常用的方子有颈腰骨康汤加减等。注意事项如下：一：睡硬板床.睡硬板床可以减少椎间盘承受的压力 . 二：注意腰间保暖,尽量不要受寒.白天腰部戴一个腰围（护腰带）,强腰背部的保护,同时有利了腰椎病的恢复 . 三：平时不要做弯腰又用力的动作（如拖地板…）,急性发作期尽量卧床休息,疼痛期缓解后也要.注意适当休息,不要过于劳累.,以免加重疼痛 . 四：平时提重物时不要弯腰,应该先蹲下拿到重物,然后慢慢起身,尽量做到不弯腰. 五：急性发作期尽量卧床休息,疼痛期缓解后也要.注意适当休息,不要过于劳累.,以免加重疼痛 .可以用腰痛宁，丹鹿通督片治疗的。如果效果不很理想，可以用颈腰骨康汤辨症加减用药治疗的。</t>
  </si>
  <si>
    <t xml:space="preserve">我有两封文件，请问直接查看看不到时该怎么办？ </t>
  </si>
  <si>
    <t>是什么样的文件,有些系统文件是打不开的,你可以点右键--打开方式--选择程序,这是会出现一个窗口,选一个程序然后确定打开就可以了.</t>
  </si>
  <si>
    <t xml:space="preserve">关于BOSSBOSS都有哪些都是多少级都暴什么东西？？？要详细的 </t>
  </si>
  <si>
    <t>武钢车 机关废弃处  22级。掉落一级核，一级冥龙令。一级首领宝石袋及银包。装备。药书。灰书等。骨都侯 雁门关 35级（貌似）掉落二级核，一级冥龙令， 宝石袋及银包等 大食幻镜 船1  掉落3级核。冥龙，宝石袋及银包。妲己 酒池肉林  掉落3级，4级核，冥龙2级。月华，星晨都是微粒。好像是58级变形金工 鲁班船3层  掉落4级核。冥龙2.垃圾就不说了。 嗜血神庵 七寒泉  掉落5级核6级核。70级仓颉玄文·首领， 桃花源深处.85级。掉6级与7级核。掉落的东西捡了一些有价值的列举了，没有价值如装备等物品就不说了，这些楼主想必也知道。每个BOSS基本必掉首领的宝石袋与银包，1级是1－3000.2级是1－6000.BOSS都2小时一刷。打BOSS准备好人参，记忆，翅膀等应急物品。特别是高级BOSS，如果装备不好，建议组队前往。</t>
  </si>
  <si>
    <t xml:space="preserve">开个好一点的旅馆大约多少钱？我想开一个20左右房间的旅馆，要装修 </t>
  </si>
  <si>
    <t>20个房间的旅馆，不含餐厅，大约要500平米，装修10万；空调200+电视1000，6、7万，其他如床单、桌椅等，总计要25万左右吧。</t>
  </si>
  <si>
    <t xml:space="preserve">关于巫师技能学法的问题大家觉得巫师恢复魔法应该强超都学还是只一个 </t>
  </si>
  <si>
    <t>强和超个有个的用处~~其实都是一样~~! 只是运用的不一样</t>
  </si>
  <si>
    <t xml:space="preserve">dir300升级固件时总提示不是有效镜像文件我的dir300固件 </t>
  </si>
  <si>
    <t>升级软件是bin后缀的文件。是压缩文件要解压的。在迪林客之家有升级的文件</t>
  </si>
  <si>
    <t xml:space="preserve">考医师证的程序我学的是中西医，两年前已中专毕业，在县医院实习一年 </t>
  </si>
  <si>
    <t xml:space="preserve">大家看看这个配置兼容不速度啊就要买了闪龙2800+(盒)(390 </t>
  </si>
  <si>
    <t>兼容是应该没问题的。关键你的是AMD的CPU，主板要一个合适的。</t>
  </si>
  <si>
    <t xml:space="preserve">想忘记一个人该删除关于他的所有吗？我一直喜欢一个得不到但是又不甘 </t>
  </si>
  <si>
    <t>首先，虽然不好听，可是我要告诉你，身体留不住男人，因为全世界的女人没比你少什么，你可以给的没有女人给不了。这个男生我对他印象不好，觉得他在欺骗你。不过我在此对他不多做评论。你真的好爱那个男生，每个人都会动容的，可你要的是他的心，不是他的身体，不是么？那你为什么不尝试留住他的心呢？他喜欢什么样子的女生，你就变成什么样子的女生啊。这只是理论上，我还是建议你尽早放手，不知道你的年龄，不过通过一句话猜测你还不大，不过相信你再长大些就会更加明白了。我看了其他人的回答，觉得虽然水平参差不齐，虽然语言或简或繁，都是关心你的。你多看看大家的回答，对你会有所帮助！我送你一句话，不是什么名人说的，就是我说的：有时放手时早晚的事，不要把自己沉浸在幻想里了，悲伤必然来临，失去的总会失去，为什么不早些呢？这样，伤害轻些，这样，你可以早点看到更美的希望！</t>
  </si>
  <si>
    <t xml:space="preserve">目前在中国基督教教会招聘工作人员的途径有哪些 </t>
  </si>
  <si>
    <t>一般的情况下，是从基督教的学校的学生中选聘。很少面向社会进行招聘，个别情况除外。当然，也不排除信徒为教会组织的活动作义务服务。</t>
  </si>
  <si>
    <t xml:space="preserve">用信用卡买基金适合吗？同事申请信用卡的时候拉上我一起办了张，交行 </t>
  </si>
  <si>
    <t xml:space="preserve">   现在这个时候不适宜买基金，市场行情不好，虽然可以购买基金，但到一定月份你必须还清这个钱，不然要你利息的，到时你更不划算的，祝你成功！   </t>
  </si>
  <si>
    <t xml:space="preserve">开赛后网络还是现在这个速度就太没劲了! </t>
  </si>
  <si>
    <t>等看到我的回帖，球赛也结束了．</t>
  </si>
  <si>
    <t xml:space="preserve">这个家族名好么?想建个门派,各位说是叫0o傲血孤魂o0门,好还是 </t>
  </si>
  <si>
    <t>当然是第一个好 显得漂亮 我在学校想了一节课的门派 -_-! 呵呵~给你举个例子红叶门 小刀会 收魂帮 0周杰伦0歌友会 缥缈无情门  血杀门   半夜敲你家门........好多啊 就看你想要另类的 还是酷酷的了</t>
  </si>
  <si>
    <t xml:space="preserve">移动，联通，电信是不是暴利行业？ </t>
  </si>
  <si>
    <t>不但是暴利而且是非常之暴利我曾经在移动公司工作过一段时间从一些细节就可以看出来一些迹象职工工资一般在1400左右 奖金是工资的1。4倍这只是普通职工的待遇 而且是黑龙江省地区城市每年年底都要突击花钱把去年买的车低价卖掉然后买新车不然今年上缴的多了明年任务就会飑升</t>
  </si>
  <si>
    <t xml:space="preserve">分红菇的问题粉红蘑的精神长是多少？你们谁知道？我的掉魔？　但我算 </t>
  </si>
  <si>
    <t>网站上给的粉红数据错误的！ 用计算器算不了的！ 他写的防29 那有那么底 给你这个看看 就知道了！ 全满精神 1.76才对~[粉红菇]加[魔]生命 18.885 魔力 31.905 攻击 2.319 防御 3.011 敏捷 1.787 精神 1.762等级|生命|魔力|攻击|防御|敏捷|精神|1| 112| 133| 31| 35| 28| 105|60|1226|2015| 167| 213| 134| 208|70|1415|2334| 191| 243| 152| 226|80|1604|2653| 214| 273| 169| 244|90|1792|2972| 237| 303| 187| 261|100|1981|3291| 260| 333| 205| 279|110|2170|3610| 283| 363| 223| 297|120|2359|3929| 307| 393| 241| 314|</t>
  </si>
  <si>
    <t xml:space="preserve">注册里面的邮箱验证码是什么？我注册完总是叫我填写邮箱验证码才能更 </t>
  </si>
  <si>
    <t>多刷新几下，，，验证码就是防止别人用工具来申请帐号。。。</t>
  </si>
  <si>
    <t xml:space="preserve">帮我挑下职业~我想练个小号不知道练什么好,最好技能烧起来简单点, </t>
  </si>
  <si>
    <t>驯兽或士兵这2个职业还可以　不过竟然你有忍了  所以我想你肯定不会去练士兵[玩过忍的 都这样想]　驯兽还可以  优势:不用烧技能  调教就跟暗杀一样的长而且抗可以到6   还是轻装  可以穿龙衣服 魔术师帽子保证你高闪 高命中现在又开了骑宠  骑宠是跟调教有关的 你调教又可以到10宠物帮你挡的血又变多了  你练个杂一点的  功血敏都平均点穿一身好一点的装备  100级差不多1850+血 650+功 330+敏很强的不过士兵也可以  不用烧技能  [说实话,你心里面肯定有看中的职业了,提问只是为了 得到别人的认可吧]</t>
  </si>
  <si>
    <t xml:space="preserve">硒与酵母的结合，对于肿瘤病人有什么意义？听说硒与酵母的结合，对于 </t>
  </si>
  <si>
    <t>1996 年，美国亚利桑那大学“亚利桑那癌症中心” Clark 教授对 1312 例癌症患者进行了长达 8 年大规模对照试验，结果表明，每日补充 200 微克硒的富硒酵母，癌症的死亡率下降了 50% ，其中硒对前列腺癌、肺癌和直肠癌防治十分明显。而对未患癌症的人，总发病率下降了 37% 。此项开拓性的研究被称为“硒防癌里程碑”研究，强烈地刺激国际社会关注硒的研究和应用。硒的补充以前主要靠亚硒酸钠，但是这是一种毒性较大的物质，会对人体造成一定的伤害。于是人们普遍倾向于通过酵母来转化硒元素，即将无机硒转化为有机硒，这样硒就大大降低了毒性，更大程度的发挥硒抗肿瘤、抗氧化的功能。 事实上，通过酵母将无机的微量元素转化成生物态的微量元素，是一种复杂的生命过程，大致原理是这样的，科学家们在酵母的生长过程中添加一些无机的微量元素比如硒，使酵母能吸收它们，这些无机硒到达酵母体内后，便与酵母的蛋白质和多糖结合，形成生命结合态，也就是说，硒成为了酵母的一种营养成分。我们再食用这些富含硒的酵母，就和吃含硒营养丰富的肉一样，是非常安全的。</t>
  </si>
  <si>
    <t xml:space="preserve">剑灵力士妖魔斧头用什么升级啊给他 </t>
  </si>
  <si>
    <t>看你需要喂养什么狗粮，20一下的就喂养忽雷的，20-36的喂养炎黄的，再往上看个人经济情况，花得起钱用四大本出的武器喂养比较好，花不起钱的继续炎黄武器往上升</t>
  </si>
  <si>
    <t xml:space="preserve">我们必须依法治国，才能实现社会主义民主。正是由于我们现在是社会主 </t>
  </si>
  <si>
    <t>就如争取男女平等一样，实际是缺少什么才强调什么？</t>
  </si>
  <si>
    <t xml:space="preserve">人力资源公司怎么样报税的？具体的步骤是什么？ </t>
  </si>
  <si>
    <t>一般纳税人报税流程： 一般纳税人每月1日必须进行防伪税控开票机的抄税工作，在税务机关规定的报税时间前到办税服务厅1-10号综合办税窗口、11-12号企业发行窗口或13-14号代开专票窗口中任意一个服务窗口都可以办理报税工作。报税时纳税人需要携带税控IC卡、增值税防伪税控开票系统打印的增值税销项发票统计表和增值税销项发票明细表（2-9表），抄税不成功的纳税人还需要携带上月已开具发票的记帐联进行存根联补录。 一般纳税人抄税、报税应当注意的事项： 一般纳税人抄税、报税时应当注意：1、上月纳税人开具的所有的增值税专用发票是否全部抄税、报税；否则就有可能造成存根联漏采集；2、一般纳税人月度中间重新更换金税卡的要特别注意在更换金税卡前已经开具的增值税专用发票是否抄报税成功，否则要携带未抄税成功发票的存根联或记帐联到办税服务厅服务窗口进行非常规报税并进行存根联补录；3、纳税人报税后申报时发现比对不符的要及时查明原因，不能随便调整申报表数据进行申报。</t>
  </si>
  <si>
    <t xml:space="preserve">求人力资源管理论文我是学工商管理的已经要写论文了,哪个高手帮我写 </t>
  </si>
  <si>
    <t xml:space="preserve"> 　　             人力资源若干问题释疑            　　1.公司的人力资源咨询与教师的人力资源咨询有何区别？            80年代，高校教师（或科研人员）倡导人力资源管理，引入了我国早期人力资源管理理念。后来，以公司（法人组织形式）为主体的人力资源咨询蓬勃发展，与过去以个人为主体的人力资源咨询有了明显的区别：            着眼点不同：人力资源咨询公司是在理念引导下，进一步关注人力资源咨询的可操作性和时效性，即着眼于"如何去做"，是过程与结果导向的。            咨询理念不同：人力资源咨询公司以咨询活动及其效果为自身业绩，从自身利益出发希望与客户结成长期伙伴关系，互相促进，共同成长。            运作规范不同：人力资源公司以咨询为己任，遵循业界运作规范，有的流程和制度，依靠数据库进行技术分析，重视企业长期利益。            智力资源不同：公司提倡团队协作，智力联盟，既延揽具有深厚理论功底的学者，又聘用业界精英，从而实现理论知识与既有经验的最佳组合，发挥最大效力。            外在约束不同：在目前的法制背景下，公司作为法人实体，所受外在约束严格；同时，作为一个长期存在，谋求发展的企业，人力资源咨询公司具有内在的自我控制机制。            2.什么是大人力资源观？            我们倡导的"大人力资源观"强调的是以系统、全局的观点来看待人力资源问题，即跳出人力资源的圈子看人力资源。不把人力资源局限于相关的部门，不把人力资源管理封闭于狭小的领域，而是把人力资源管理作为支持公司长远发展的战略性力量，在企业远景、企业使命、经营战略、核心价值观的指导下，使它与企业组织结构、企业文化紧密结合，以达到短期内促进企业业绩提升，长期内推动企业战略实现的目标。            3."软"的企业文化如何与"硬"的人力资源操作系统融合？            从大人力资源观来看，企业是一个大系统，企业文化、人力资源平台、操作系统是这个大系统内相互渗透、相互影响的子系统。系统的观点强调牵一发而动全身，所以任何一个子系统的变化必然影响其他子系统。因此硬的人力资源平台、操作系统的设计，不能不考虑软的企业文化。举个例子：可口可乐与百事可乐是碳酸饮料的两强。可口可乐由于起步早，建立了霸主地位，它的企业文化崇尚稳固、渐进，与之相适应的职位、工作、人（即人力资源平台）强调的是渐变，是相对稳定的；而操作系统中的招聘系统则强调员工的稳重素质，一般从内部提升管理者。相反，百事可乐出道较晚，必须以锐意进取、求异思变的精神去挑战行业巨头可口可乐，因此，百事可乐的企业文化注重的是创新、进取，其人力资源平台经常处于变动之中，而其招聘新员工时则强调创新、变革和冒险精神，喜欢从外部招人。            企业文化与人力资源平台、各操作系统的融合并不是机械的，是有一定的模式可以遵循的。处理好三者关系的核心在于建立人力资源平台和各操作系统是要有意识地以企业文化为主要决定因素之一，要考虑两者之间是否协调一致，如果存在矛盾，就必须站在企业文化的角度重新审视人力资源平台与操作系统。            4．人力资源系统如何与其他系统相结合？            从大人力资源观的观点出发，人力资源系统与其他管理系统是相互作用和相互影响的；每一个系统中都有人力资源管理问题。            职能系统包括可操作的各项人力资源政策、制度、程序、方法；人力资源部通过制定作为"技术资源"的职能系统，以及为公司所有管理者提供"技术"应用培训和咨询辅助，促进管理者有效运用功能系统，两类系统的有机结合，旨在形成人才"引得进，用得好，留得住"的机制。事实上功能系统融于企业的每一个系统之中，因为员工吸引、人事考核、员工激励、员工保留也是生产系统、财务系统、营销系统、决策系统等的重要任务，所以在功能系统这个层次上，人力资源系统与其他系统有机结合在一起；通过功能系统使人力资源系统与其他系统相结合，就要求我们在进行人力资源系统建设时与其他系统协调一致，这就是结合的方式。            5．人力资源部与其他部门的人力资源管理区别何在？            大人力资源观认为人力资源管理不仅仅是人力资源部的事。事实上企业各部门都存在人力资源管理，但人力资源部与部门人力资源管理在职能上有很大差别。人力资源部有三大特点：            人力资源部主要通过建设人力资源平台（职位、工作、人三者关系），来建立各操作系统，如招聘录用、绩效管理、报酬奖励、培训发展等，因此人力资源部的主要任务是建立制度，提供作为"技术资源"的职能系统。            人力资源部的主要职责是辅助、监督其他部门按统一制度实施人力资源管理，确保每一位员工得到公正的对待。            人力资源部还担当了一个培养、培训的专家角色，为其他部门的人力资源管理提供支持性服务，而其他部门的人力资源管理只是在人力资源部的指导下，遵循人力资源部制定的制度，将之用于本部门经营活动。也就是说人力资源部与部门人力资源管理是指导与被指导的关系，部门人力资源管理是人力资源部的功能系统，通过功能系统作用的发挥，企业形成了人才"引得进，用得好，留得住"的机制。            6．如何衡量人力资源咨询的效果？            人力资源管理咨询的目标是短期内促进企业业绩提升，长期内注重企业发展，而侧重点是企业的长期发展，这样就给评价、衡量人力资源咨询的效果带来了一定的困难：即人力资源咨询的效果大部分是不能量化的，但这并不是说无法评价、衡量人力资源咨询效果，事实上可以通过以下几个途径来衡量：            短期内，进行成果导向的绩效评估：企业进行人力资源管理咨询总是因为企业人力资源管理上存在这样那样的问题，如招聘、面视程序不合理，关键员工无法保留，报酬系统不合理，绩效考评流于形式等。在这种情况下，人力资源咨询的首要任务就是解决这些"紧迫问题"，处理"危机"，这些问题是否得以圆满解决是衡量人力资源咨询成效高低的标志。            长期内，人力资源咨询倡导的是一种全新的管理理念，内容包括人力资源框架（包括价值观、企业文化、组织结构）的重构，这些都是需较长时间才能有效反映出来的。在这种情况下，衡量人力资源咨询效果主要是看是否有效提供了新理念的启发，是否引导了企业内部新理念的产生和认同。            从技术手段上讲，可以采用满意度调查、组织气氛调查、组织文化调查等多种方法来评价、衡量人力资源咨询的效果。            人力资源咨询在企业人力资源工作中只能扮演一个战略支持的角色，不可能在企业发展中居主要地位。但是推崇"成长伙伴"理念的人力资源顾问公司会将自己与被咨询企业的命运联系在一起，提供跟踪服务，对既有成果不断进行评估，寻求改进。更多的看 </t>
  </si>
  <si>
    <t xml:space="preserve">更换机油机滤的费用多少 </t>
  </si>
  <si>
    <t>费用一般在50元左右，不过有些维修店是不另外收取费用的，只收取零件的费用！</t>
  </si>
  <si>
    <t xml:space="preserve">基金撤单后的钱什么时候到位？今天下午5：00在农行的网银上买的， </t>
  </si>
  <si>
    <t>应该是T+4,去年我的华夏大盘申购后撤单，就是4天后收到资金的，看现在的华夏大盘，让人眼红。</t>
  </si>
  <si>
    <t xml:space="preserve">据说，人是由猿猴进化而来，那猿猴是怎么来的？ </t>
  </si>
  <si>
    <t>跟其它哺乳动物一样，是由爬行动物进化而来，中间经历了数以千万年计的不断进化。</t>
  </si>
  <si>
    <t xml:space="preserve">对爱情的失望我是一个结婚有4年的女人了，我一直觉得我是这个世界上 </t>
  </si>
  <si>
    <t xml:space="preserve">   你把他当成了你的全部了，这样完全没有了自己，也没有了魅力了。而且很多的男人都认为女人结婚后一定会忍让自己的出轨，你要让他知道，你不是非他不可的</t>
  </si>
  <si>
    <t xml:space="preserve">谁能给我个内测帐号啊QQ9,有那位大虾帮帮忙 </t>
  </si>
  <si>
    <t>我有。。但是不会给你。</t>
  </si>
  <si>
    <t xml:space="preserve">用阴道清洗液后要不要用清水洗净一般用完阴道清洗液后要不要用清水再 </t>
  </si>
  <si>
    <t>如果没有医生医嘱，不宜用所谓阴道清洗液清洗阴道，否则不但起不到保护作用，反而会破坏阴道自然菌群，诱发感染。现在总有人迎合有些没有性知识的妇人爱干净的想法，生产所谓的阴道清洗液之类的产品，这是非常有害的，国家怎么不管一管？</t>
  </si>
  <si>
    <t xml:space="preserve">漂亮的女孩子性早熟吗？人们都说:漂亮的女孩比不漂亮的女孩性早熟. </t>
  </si>
  <si>
    <t>只能说她们心理年龄成熟　因为会打扮了有人不是说嘛　不有丑女人　只有懒女人　只要是人样　都能整成明星</t>
  </si>
  <si>
    <t xml:space="preserve">不解乙肝病人，好了之后真的会影响性欲，使夫妻生活减少吗？ </t>
  </si>
  <si>
    <t>不会吧，不过每次都要戴安全套，乙肝病毒可以通过性传播</t>
  </si>
  <si>
    <t xml:space="preserve">Nikon7100怎么样？求大神指导 </t>
  </si>
  <si>
    <t>非常强大的机子，现在来说就是性价比不高。优点1 操控便捷，易上手2 整体响应速度提升3 新增多种滤镜效果4 新增翻转屏，显示效果佳5 高感降噪能力提升缺点1 体积为改进2 翻转屏较劲3 不支持1080P摄像可以，尼康比较实用的一款1.外形专业 2.最好的操作体验 3.NR滤镜，白天拍风光很不错 4.焦段实用 5.很多尼康配件可通用，如EN-EL14电池、遥控器、外闪。这些我都有，直接用在P7100上提升战斗力但是也有缺点的：1.光圈不够大 2,广角不够广综合来说，性价比蛮好的！（帮助他人，快乐自己，若我的回答能够帮助到你，请选择“设为有用”，谢谢你的采纳。）其实蛮想知道是P7100还是D7100我想多半是说D7100吧http://product.pchome.net/baike/content-41342.htmlD7100作为一台中端机，其性能还是想当不错的　不错的机子啊优点1. 操控便捷，易上手2. 整体响应速度提升3. 新增多种滤镜效果缺点1. 体积为改进2. 翻转屏较劲3. 不支持1080P摄像如果回答对你有帮助，请点有用，谢谢。</t>
  </si>
  <si>
    <t xml:space="preserve">有人帮我解情劫吗我是11年下半年三本学校毕业学的汉语言文学毕业后 </t>
  </si>
  <si>
    <t>人都是得不到的才是最好的，承认自己的心理多少是因为她爱上别人，好强的你多少潜意识里有些挫败感！时间是一切情商最好的药！把你的精力和时间主要放在你的事业追求上吧，少想少忆少念或许对于你现阶段的过于执着更好，退一步海阔天空！转过头你会发现你也可以云淡风轻！</t>
  </si>
  <si>
    <t xml:space="preserve">电脑上用耳机听，不用音相听。怎么操作 </t>
  </si>
  <si>
    <t>如果音箱上有耳机插空,就插上耳机就可以了,如果没有就拨掉音箱再插上耳机就可以了.</t>
  </si>
  <si>
    <t xml:space="preserve">保险品种能否改变本人1997年买了中国人寿的88鸿利，请问人寿保 </t>
  </si>
  <si>
    <t xml:space="preserve">97年的险种无论是什么险种都是非常划算的。基本上当时的预定利率都是在8%以上，复利计息。不太清楚您的合同上有没有转换条款，不过即使可以转也劝你不要转。平安深圳  杨哲13794457999 </t>
  </si>
  <si>
    <t xml:space="preserve">网上买彩票中大奖可能吗？去哪里概率大 </t>
  </si>
  <si>
    <t>中国足彩网有句话叫做“让彩票融入生活”有时候也许一张彩票会改变一个人的一生，但是运 气不会经常眷顾你，中国足彩网一直的口号就是“理性购彩，快乐中奖！”关注生活，也关注 中国足彩网吧。</t>
  </si>
  <si>
    <t xml:space="preserve">QQ的更新组件下载安装到什么地方了 </t>
  </si>
  <si>
    <t>一般是安装在QQ文件夹里了 如果你 没有选择安装路径的话 应该在C盘 你搜一下就可以找到</t>
  </si>
  <si>
    <t xml:space="preserve">QQ幻想面具魔王的任务面具魔王刷在？隔多少时间刷一次？ </t>
  </si>
  <si>
    <t>在幻函谷坐标是467/127</t>
  </si>
  <si>
    <t xml:space="preserve">张韶涵美吗？我喜欢张韶涵！不过要说实话哦！不然，不给你分！ </t>
  </si>
  <si>
    <t>不能说她是美，应是可爱，喜欢她是先被她的声音吸引（例如我）而后是她的人，特别是它可爱的大眼睛，在着淑女装的时候是最可爱的。还有我的是喜欢她的可爱。</t>
  </si>
  <si>
    <t xml:space="preserve">.问是权责发生制还是收付实制?!计提固定资产折旧35600元,其 </t>
  </si>
  <si>
    <t>计提固定资产折旧是权责发生制，折旧的分录：  借：管理费用(营业费用、制造费用、应付福利等)      贷：累计折旧生产车间计提的折旧25600元，应计入制造费用</t>
  </si>
  <si>
    <t xml:space="preserve">调研报告的范文 </t>
  </si>
  <si>
    <t xml:space="preserve">市场调研报告范文: 调研报告范文集锦: </t>
  </si>
  <si>
    <t xml:space="preserve">解放军的勋章新的勋章怎么还没见佩戴？是怎么佩戴？ </t>
  </si>
  <si>
    <t>总政组织部领导就新式勋章、奖章、纪念章答记者问来源：解放军报  作者：记者　赵风云  时间：2011-07-26 06:39:30    经中央军委胡主席批准，总政统一设计制作的军队新式一、二级英雄模范勋章，一、二、三等功奖章和国防服役、卫国戍边、献身国防、和平使命、执行作战和重大任务等五类纪念章，从今年“八一”建军节起正式启用。日前，总政组织部领导就新式勋章、奖章、纪念章（图案见今日第五版）的设计理念、颁发范围、程序及管理办法接受了本报记者访问。    新式奖励证章更加体现军队特点和时代特色    问：为什么要制发新式奖励证章？    答：1979年，我军首次统一制发英雄模范奖章和立功奖章。30多年来，颁发奖章对于激励一代代官兵爱军精武、争创一流，圆满完成各项任务发挥了重要作用。随着中国特色变革深入推进，奖励工作面临许多新情况新问题。2010年新修订的《纪律条令》将英雄模范奖章调整为英雄模范勋章，增设了国防服役、卫国戍边、献身国防、和平使命以及执行作战和重大任务等5类纪念章，进一步创新发展了我军奖励形式。已使用32年的立功奖章也有必要进行改进。依据条令制作颁发新式勋章、奖章、纪念章，有利于充分发挥奖励工作的激励导向作用，更好地调动广大官兵立足本职、建功军营的积极性和创造性。    问：能否介绍一下新式奖励证章的设计理念和元素？    答：这次设计制作新式奖励证章，突出政治性和荣誉性，体现军队特点和时代特色，使各类证章更加庄重、精致、美观，富有激励作用和纪念意义。在图案样式上，以军徽为共有元素，注重内在联系，形成一个体系，突出红旗、桂叶、长城等元素，寓意英雄模范是一面旗帜、立功受奖光荣、保家卫国荣耀；在规格设计上，证章尺寸普遍增大、更显厚重，一、二级英雄模范勋章和一、二、三等功奖章直径分别为70、65、60、55、50毫米（原奖章直径分别为：45、43、41、38、36毫米），纪念章的直径均为45毫米；在材质上，金、银、铜质纪念章分别按铜质镀金、铜质镀银和紫铜材质制作，英雄模范勋章和一等功奖章中间军徽用纯金制作，二等功奖章主体为纯银，彰显了荣誉的层次性。同时，每枚证章均设计有刻印章名的附章和略章，配有木盒和说明卡片、绶带，勋章、奖章证书分开设计，用防伪纸张制作，力求精美配套。    增设5类纪念章成为此次奖励制度的创新亮点    问：在新修订《纪律条令》中，除原有奖励证章外，还增加了国防服役、卫国戍边、献身国防、和平使命、执行作战和重大任务5类纪念章。请问，为什么要增设这5类纪念章？    答：增设5类纪念章是这次奖励制度创新的重要内容。军委领导多次强调，要加大改革创新力度，丰富奖励项目，增强奖励工作的实效性。部队官兵普遍反映，现行奖励项目比较单一，与外军相比奖项明显偏少。贯彻落实军委领导的指示要求，借鉴外军和地方的有益做法，新修订的《纪律条令》增加了颁发纪念章的内容，明确国防服役纪念章用于褒奖长时间服现役的官兵，卫国戍边纪念章用于褒奖在边远艰苦地区服现役的官兵，献身国防纪念章用于褒奖为国防和军队建设光荣牺牲或致残的官兵，和平使命纪念章用于褒奖执行国际维和、联合反恐等涉外军事任务的官兵，执行作战和重大任务纪念章用于褒奖执行军委赋予的作战、抢险救灾、处突维稳等重大军事行动任务的官兵。    新式勋章、奖章、纪念章的颁发及管理更加有章可循    问：新式勋章、奖章、纪念章颁发给哪些官兵？    答：勋章、奖章颁发给2011年8月1日后受到相应奖励的人员；7月31日前受到奖励的，不予补发或换发。纪念章颁发给2011年8月1日后符合《纪律条令》有关规定条件的人员；2011年7月31日前退出现役或牺牲、病故的，不予补发。    问：国防服役纪念章分金、银、铜质三种，分别颁发给哪几档服役年限的官兵，这个年限的确定是基于什么样的考虑？    答：国防服役金质纪念章颁发给服现役满35年以上的官兵；银质纪念章颁发给服现役满20年以上、不满35年的官兵；铜质纪念章颁发给服现役满10年以上、不满20年的官兵。设置这样的年限主要是考虑服现役满35年以上的官兵，基本上是师职以上干部，其中绝大部分将服役至退休，因而给其颁发最高等级的金质纪念章。同时，服役满10年的官兵一般为营连职干部或中级士官，服役满20年的官兵，一般为团职干部或高级士官，对符合这些条件的官兵，相应颁发铜质或银质纪念章。    问：卫国戍边、献身国防纪念章也分金、银、铜质三种，它们的颁发对象如何分类？比如，哪一种情况可以获金质纪念章？哪一种情况只能获铜质纪念章？    答：献身国防纪念章的颁发对象，《纪律条令》规定得非常明确，其中金质纪念章颁发给军队烈士，银质纪念章颁发给因公牺牲军人，铜质纪念章颁发给因公致残军人。    卫国戍边纪念章颁发给在边远艰苦地区服现役的官兵，颁发条件比较复杂。其中，对在第一、二等级边远艰苦地区累计服现役满1年、不满2年的；在第三等级边远艰苦地区累计服现役满2年、不满4年的；在第四等级边远艰苦地区累计服现役满3年、不满6年的；在第五等级边远艰苦地区累计服现役满4年、不满8年的；在第六等级边远艰苦地区累计服现役满5年、不满10年的，可授予铜质纪念章。在上述边远艰苦地区服现役时间，累计超过以上相应规定时间2倍或3倍以上的，可授予银质或金质纪念章。    边远艰苦地区范围按照总后《关于调整完善高山海岛津贴制度的通知》规定执行。卫国戍边纪念章的颁发对象，应为《纪律条令》施行后仍在第一至第六等级边远艰苦地区服役的官兵。    累计超过相应规定时间2倍或3倍以上的计算方法，可按授予铜质纪念章规定的下限时间为基数。如，《纪律条令》规定在第一、二等级边远艰苦地区服役满1年、不满2年的，可授予铜质纪念章，而授予银质、金质纪念章应分别为满2年、3年。    对间断在上述地区服役的官兵，其在边远艰苦地区服役的时间可作累计。对在不同等级边远艰苦地区之间调动工作的，服役时间可按不同等级边远艰苦地区颁发纪念章规定时间相应的倍数关系进行换算。如，在第一、二等级边远艰苦地区工作半年，相当于在第六等级边远艰苦地区工作2年半。鉴于金质纪念章是最高级别，获得金质纪念章后仍在边远艰苦地区服役的，不再重复颁发。    问：和平使命纪念章是所有参加执行联合国维和行动、联合反恐、联合军演、援外活动等军事任务的官兵都给予颁发吗？    答：原则上是所有符合条件的官兵都可以颁发，但也要视执行任务的具体情况而定。    问：颁发执行作战和重大任务纪念章需单独报批，它的颁发对象是参加此次行动的部分官兵还是全体官兵？    答：执行作战和重大任务纪念章统一设计了2种，1种是执行作战任务纪念章，1种是执行重大任务纪念章，附章和章体背面分别刻印每次执行作战任务或执行重大任务的具体名称。该章的具体名称和颁发范围，由总政治部拟定并报军委批准。具体颁发对象根据执行任务情况确定。    问：发放纪念章如何组织？    答：《纪律条令》规定，纪念章颁发由大单位审批并组织实施。为便于实际工作中操作执行，纪念章的颁发对象由团以上单位逐级审核呈报，大单位审定并以通知形式发布，旅团级单位负责颁发。政治机关组织部门具体承办。    考虑官兵入伍、退伍时间大多在年底，为便于操作，国防服役、卫国戍边纪念章在年终颁发。其他纪念章由于颁发条件不同，为体现时效性，保证颁发效果，献身国防纪念章在批准为烈士、确认为因公牺牲或者认定为因公致残后颁发；和平使命、执行作战和重大任务纪念章通常在任务结束后或年终颁发。</t>
  </si>
  <si>
    <t xml:space="preserve">125期的逆向思维买足彩大家什么资料都在参考，有主攻基本面的，有 </t>
  </si>
  <si>
    <t>顶朋友原创！博尔顿看了下，决定改变30策略，买了31！好运朋友</t>
  </si>
  <si>
    <t xml:space="preserve">电脑连网问题?几台电脑都可以互连,但就是在打开另一台电脑文件时修 </t>
  </si>
  <si>
    <t>计算机开放了共享，并不等于那台计算机的内容别人就能看到，需要把想被人看到的共享的文件夹设置共享别人才可能看到。同理，把文件夹设置成共享后并不意味着所有人都能访问，还要设置权限：谁能访问？访问时是否要密码？是只读还是可改写？你的问题可能出在---=该文件夹的共享设置是只读共享，没有改写的权限。解决方法：重新设置共享文件夹，将他设为完全开放即可。是否需要密码，视情况而定。谢谢你的提问！</t>
  </si>
  <si>
    <t xml:space="preserve">哈哈哈～｀｀！！！！！！！！！！！！！我们胜利了！留两场可以！！ </t>
  </si>
  <si>
    <t xml:space="preserve">西乙11场+1场挪超 可以买R9…… </t>
  </si>
  <si>
    <t xml:space="preserve">我是高级敏WX有什么好点的办法过神无，能不能找小号开门他们带过是? </t>
  </si>
  <si>
    <t>带过就是，专业通关队伍，先组你和要带过的人满6个进去，先不接任务，然后你们在FB里下线，（最好在点石碑那里下，在神之眼附近下，等下开打了，一直战斗状态可能会下不了的。），队长再出去组人，组够了人了，最后组上能过神无地专业队员。假如你过狼的话。你要一直和队长保持联系，TS，QQ或双开个小号联系都可以。等到你任务BOSS是，他们自然会通知你上线，上线让他们组，这样就可以了。不过神无有时你下线久了，FB会自动清人。即使你是下线状态都会被T出FB。所以要在个不会被神之眼影响到的位置下线，要不60秒过了就要出FB了。</t>
  </si>
  <si>
    <t xml:space="preserve">左手写字用硬改吗?我儿子6岁了,9月就上一年级,可是他用左手写字 </t>
  </si>
  <si>
    <t>大多数人用右手，是个事实，少数人用左手，也是事实。正因为后者人数较少，所以受到社会压力，如被称为“左撇子”。社会上的一些产品，也没考虑用左手的人的特点，如：剪刀等。于是，许多惯用左手的孩子的父母都要求孩子改用右手。　　有人做过调查，发现一个有趣的现象，就是习惯用左手的人比较聪明。这究竟说明了什么?从神经生理学上看，人类大脑的左右半球，分别担负不同的功能，左半球负责语言表达，右半球负责空间想象，当然两半球还有其相同的功能，即分别管理左、右肢体的活动。由于语言的能力对于人类极其重要，因此，人们习惯上称控制说话能力的半球为优势半球。由于左半球区管右肢活动，有半球运动区管左肢活动，所以对多用左手的人来说，右半球的锻炼就比较多，由于同时运动着两个半球，它们的功能也就相应地提高些。这是用左手的人比较聪明的一种解释。　　有的父母不理解这点，他们希望看到自己的孩子同别的孩子一样，都用右手，于是用体罚强迫孩子使用右手，结果，有些孩子产生了口吃，这与违背孩子的正常发展不能说没有关系。由于汉字书写的需要，用左手写字很不方便，那么可以让用左手的孩子改用右手写字，但是吃饭使用筷子、勺子，就完全没有必要让他们改变习惯。我们可以看到，一些纠正过来的“左撇子”，使用右手时往往显得笨拙、不灵活。我们为什么不让孩子用自己最方便的方式呢?　　事实上，习惯用左手的人并不是小数目，据统计，美国1932年，用左手的人占2．1％，到1972年则达到11％，1990年甚至高达20％以上。在东方人中，可能受到压抑，用左手的人相对要少些。　　为了孩子不产生口吃等问题，为了减轻社会对用左手的孩子的压力，父母实在不应对使用左手的孩子横加干涉！</t>
  </si>
  <si>
    <t xml:space="preserve">雪菜是什么？广东有吗，广东人又叫雪菜叫什么？在深圳哪里有得卖？ </t>
  </si>
  <si>
    <t>雪菜就是雪里蕻,俗指腌过的雪里蕻咸菜,在深圳超市里有买.菜场里有时有卖新鲜的.</t>
  </si>
  <si>
    <t xml:space="preserve">我身上为什么会出现白斑？好几年前就在腰部发现一块白斑，白斑部位也 </t>
  </si>
  <si>
    <t>如果跟健康皮肤相比只是颜色不同其他都一样，没不适感，应该是白癜风。</t>
  </si>
  <si>
    <t xml:space="preserve">笔记本老是黑屏，怎么回事？仔细一看，居然还能看见屏幕上的页面，就 </t>
  </si>
  <si>
    <t>1)显示器断电，或显示器数据线接触不良。另外电脑使用过久显示器电源线容易氧化破损； (2)主板没有供电； (3)显卡接触不良或损坏； (4)CPU 接触不良； (5)内存条接触不良； (6)机器感染 CIH 病毒，BIOS 被破坏性刷新； (7)检查插拔，如必要可用橡皮等清除金手指上的氧化膜； (8)如果软驱有软盘,很多的时候会造成电脑开机或重起的时候,电脑就会出现黑屏,而无法进入系统。为避免此类情况也可以在BIOS中取消软盘启动项。(转载于瑞星卡卡）</t>
  </si>
  <si>
    <t xml:space="preserve">吸内5%的镖问价54级少林亮银镖，按顺序：内61、毒防13%、吸 </t>
  </si>
  <si>
    <t>镖唐的好武器,可惜级太低咯但是用来练90武功应该还是不过的选择.2000W卖掉吧不过我建义:留着紫色装备的镶嵌,这个属性镶嵌到大风刀可是好价钱</t>
  </si>
  <si>
    <t xml:space="preserve">请问大家，有没有能看资讯的手机炒股软件呀？rt，本人平时比较忙了 </t>
  </si>
  <si>
    <t>“大智慧”﹑“同花顺”﹑“易阳指”都有资讯浏览功能。</t>
  </si>
  <si>
    <t xml:space="preserve">如何鉴别真假百隆铰链我订做的橱柜，于前日已安装，所谓的百隆铰链只 </t>
  </si>
  <si>
    <t>我家用的也是百隆当日安装的时候看到外包装也是blum里面我没注意回去看看后我门再交流</t>
  </si>
  <si>
    <t xml:space="preserve">出句：兵败如山倒 </t>
  </si>
  <si>
    <t>出句：兵败如山倒对句：将和若日升</t>
  </si>
  <si>
    <t xml:space="preserve">洗摩托车化油器，是化油器清洗剂上说的那样吗？(从绿清器喷入那样吗? </t>
  </si>
  <si>
    <t>这就要看你化油器出现什么问题.如出现富油冒黑烟.加速发吐.放炮.贫油.加速无力.火花塞发白.就应检查化油器油平是否高或低引起富贫油.怠速不好就要检查怠速发泡量孔是否有堵塞.加油不畅就看主发泡管了.因说化油器小他就像人的胃.问题很多在此不能全部细说望谅.请朋友最好找一师父解决.</t>
  </si>
  <si>
    <t xml:space="preserve">我有一种冲动……我是高中老师，女，离异，看见高大又帅的男生，就想 </t>
  </si>
  <si>
    <t>你的心理其实也很正常。长期的性不足，的确会让你产生某种性幻想，不过现实生活中的性，也需要符合社会的道德规范，此时你也只能“心动”，千万不能有所“行动”。不过你可以通过适度的自慰，来暂时消除你的性不足，同时你应该积极的寻找合适的性伴侣，达到一个完美的性和谐。</t>
  </si>
  <si>
    <t xml:space="preserve">急！急！急！求求fenny大师，您好！请帮忙择结婚吉日！！！谢谢? </t>
  </si>
  <si>
    <t xml:space="preserve">2009农历（阴历）年八月初六日、八月初六日或八月十二日不宜领证和举行仪式。 阳历2009年9～10月份除了下面的日子，没有你们可以领证和举行结婚仪式的日子。 男方：农历1981（辛酉）年5月13属鳮， 女方：农历1988（戊辰）年6月初二属龙， 领证、宴客和举行结婚仪式的吉日如下：领证和宴客没有忌生肖，结婚仪式才有忌生肖。 阳历2009年9～10月份适合两人领结婚证和结婚（仪式）的黄道吉日：9月9日、9月17日、9月21日、9月29日、10月15日或10月18日。 分析如下： 1、阳历2009年9月9日，农历（阴历）七月二十一（丁巳）日：丁巳日的贵人是男方生肖；丁巳日和男方生肖三合；丁巳日是女方生肖的禄。 “拜堂典礼、仪式”时请生肖属猪的亲朋好友暂时避开。 2、阳历2009年9月17日，农历（阴历）七月二十九（乙丑）日：乙丑日和男方生肖三合；乙丑日是女方生肖的贵人。 “拜堂典礼、仪式”时不忌生肖。 3、阳历2009年9月21日，农历（阴历）八月初三（己巳）日：己巳日和男方生肖三合；己巳日是女方生肖的禄。 “拜堂典礼、仪式”时请生肖属猪的亲朋好友暂时避开。 4、阳历2009年9月29日，农历（阴历）八月十一（丁丑）日：丁丑日的贵人是男方生肖；丁丑日和男方生肖三合；丁丑日是女方生肖的贵人。 “拜堂典礼、仪式”时不忌生肖。 5、阳历2009年10月15日，农历（阴历）八月二十七（癸巳）日：癸巳日和男方生肖三合；癸巳日是女方生肖的禄；癸巳日和女方生肖五合。 “拜堂典礼、仪式”时请生肖属猪的亲朋好友暂时避开。 6、阳历2009年10月18日，农历（阴历）九月初一（丙申）日：丙申日的贵人是男方生肖；丙申日和男方生肖五合；丙申日和女方生肖三合。 “拜堂典礼、仪式”时请生肖属虎的亲朋好友暂时避开。 阳历2009年9～10月份可以领结婚证和结婚，但对两人助益不大（无助无害）的日子：9月4日、10月2日、10月16日、10月28日或10月30日。 1、阳历2009年9月4日，农历（阴历）七月十六（壬子）日。 “拜堂典礼、仪式”时请生肖属马的亲朋好友暂时避开。 2、阳历2009年10月2日，农历（阴历）八月十四（庚辰）日。 “拜堂典礼、仪式”时请生肖属狗的亲朋好友暂时避开。 3、阳历2009年10月16日，农历（阴历）八月二十八（甲午）日。 “拜堂典礼、仪式”时请生肖属鼠的亲朋好友暂时避开。 4、阳历2009年10月28日，农历（阴历）九月十一（丙午）日。 “拜堂典礼、仪式”时请生肖属鼠的亲朋好友暂时避开。 5、阳历2009年10月30日，农历（阴历）九月十一三（戊申）日。 “拜堂典礼、仪式”时请生肖属虎的亲朋好友暂时避开。 “拜堂典礼、仪式”指拜别高堂（娘家父母）、拜高堂（婆家父母）、戴戒子、新娘奉茶…等。 “拜堂典礼、仪式”举行后，就不忌生肖了。 祝白头偕老，百年好合。 欢迎光临fenny的博客  </t>
  </si>
  <si>
    <t xml:space="preserve">今天又值班，明天打算带上公交卡周游成都。。谁能告诉我成都哪里比较? </t>
  </si>
  <si>
    <t>可以去成都锦里玩玩，或者去武侯祠望江，浣花溪，百花滩，锦里…喜欢闹热就去锦里泡酒吧纸醉金迷，喜欢清净就去杜甫草堂望江公园凭吊古人，喜欢市井就去宽窄巷子文书坊喝茶摆龙门阵．成都哪个塌塌是不漂亮的哈，</t>
  </si>
  <si>
    <t xml:space="preserve">乙肝表面抗原阳性乙肝表面抗体阴性乙肝E抗原阴性乙肝E抗体阳性乙肝? </t>
  </si>
  <si>
    <t>属于俗称的“乙肝小三阳”，需要检查肝功能和乙肝病毒HBV DNA，才能考虑是否需要抗病毒治疗。</t>
  </si>
  <si>
    <t xml:space="preserve">天津建经教育与建迅教育哪个更好些 </t>
  </si>
  <si>
    <t>天津建经教育更好一些，老师比较专业一点，教学质量也不错，诚心为您解答，给个好评哦亲，谢谢了</t>
  </si>
  <si>
    <t xml:space="preserve">怎么开口约男生看电影?我是一个天蝎座的女生,他是处女座的,我很喜 </t>
  </si>
  <si>
    <t>不要太直接，估计那样你也说不出来。工作的空间没有别人的情况下闲聊一会，自然的谈谈你他喜欢的影星，“票”最好说别人给的，不然女孩请客，男孩多少会有点不得劲，尤其是处女座的。相信天蝎美妹灵动的眼睛，处女男孩是读得出的。你不主动，他恐怕更不知这个蝎美妹是不是喜欢自己了。</t>
  </si>
  <si>
    <t xml:space="preserve">DiorONEEssential精华液里面的成分是什么啊？网上都 </t>
  </si>
  <si>
    <t>它里面主要含有马达加斯加的长生果复合物凝珠，能够激活肌肤深层的蛋白水解酶，帮助皮肤清除人体内外的毒素，提升皮肤自我修复能力。这些高档护肤品完全都是采用纯天然物质的.</t>
  </si>
  <si>
    <t xml:space="preserve">电脑开机连网，连上后一段时间开始菜单和任务栏没反应怎么解决？桌面 </t>
  </si>
  <si>
    <t>把你的上网方式补充一下，不然我也不太好回答。如果你没有给你的本地连接设置IP，那么请你手动把IP设置好。设置IP：网络连接 本地连接 属性 internet协议</t>
  </si>
  <si>
    <t xml:space="preserve">我是不是该选择分手了和她认识了三个月了,中间因为地震少了点联系, </t>
  </si>
  <si>
    <t>爱情不是这么经不起风雨的，你也不能渴求爱情毫不费力的降临在你的身上，没有努力，没有追求的爱情，没有人会去珍惜，所以你跟你的女友要做的更多的是相互的付出，相互的沟通，从此增加彼此的信任，学会包容和理解才是爱情的真谛，不要随便牵手更不要随便放手，祝好！</t>
  </si>
  <si>
    <t xml:space="preserve">任务栏右边的文字输入状态图标不见了，我要怎样找回来呢？ </t>
  </si>
  <si>
    <t>开始，运行，输入ctfmon.exe出来了~如果每次都这样，那就开始，运行，输入msconfig,启动，找到ctfmon，打上对号</t>
  </si>
  <si>
    <t xml:space="preserve">是否有朝阳光华路货币兑换中心?收到电话,要我去货币兑换中心等面值 </t>
  </si>
  <si>
    <t>北京朝阳光华路货币兑换中心？没听说过中华纪念钞？还包括港澳台纪念钞？1999年建国50周年纪念钞（面值50元）市价在60多元2000年世纪龙钞（面值100元）市价在400多元2008年北京奥运会纪念钞（面值10元）市价在1500元…………怎么会等值兑换？有这等好事？还主动给人打电话？只能说是假的！要不，探入“虎穴”看看究竟？</t>
  </si>
  <si>
    <t xml:space="preserve">玩不了请各位大虾门看看家里的电脑重做了系统,音频设置没了.为什么 </t>
  </si>
  <si>
    <t>重装了系统之后先安装主板驱动,然后再安装声卡驱动.</t>
  </si>
  <si>
    <t xml:space="preserve">台式电脑快递多少钱从福建快递台式电脑到湖南大概需要的费用是多少？ </t>
  </si>
  <si>
    <t>５0元打不住的，更何况你是台式电脑...叫快递其实和邮局寄包裹差不多，先看你东西的，你东西小按照分量来算，你东西大按照体积＋分量来算如果光一台主机的话，少说也得一百，我是专门负责我们公司寄出去包裹的，按照三环以内计算，首重一公斤三十元，每续重一公斤一元，国内大中城市首重三公斤二百元，每续重一公斤十元，体积大的装箱子按照抛货算，48小时内到达。如果你不急的话可以注明一般，急的话就注明加急。一般的话为五个工作日，首重三公斤一百二十元，续重同上一样。以上仅供你参考下，心里有个低。</t>
  </si>
  <si>
    <t xml:space="preserve">“信用卡套现”到底是怎么回事？ </t>
  </si>
  <si>
    <t>楼上回答的错矣，如果是取现，那么只能说是用信用卡支取现金，这是正常的经济行为，不存在套不套的问题，银行既然给你取现额度（目前国内最高取现额度为总额度的50%，也就是额度为10000元，最多取现只能取5000元，且每天最多不得超过2000元）自然就让你在额度内支取现金，这不算套现。真正的套现是指，打个比方，如果你和一个收银员会熟悉，你到他那按消费的方式刷卡刷了10000元，然后让他从收银钱箱中取出10000元的现金给你，这才产生的套现。这种风险比较大，因为如果持卡人将卡内全部额度都套现后持卡人有可能远走高飞，使银行产生不良资产。</t>
  </si>
  <si>
    <t xml:space="preserve">哺乳期妈妈感冒了吃药对孩子吃母乳有影响吗 </t>
  </si>
  <si>
    <t>你好!你所说的这些药都可以用在小婴儿的,不会对孩子造成什么影响的.而静脉用药打在头皮上,不过是打在血管里,并不会影响大脑,不用担心.</t>
  </si>
  <si>
    <t xml:space="preserve">什么叫利空？利多？ </t>
  </si>
  <si>
    <t>什么是利多利多是指刺激股价上涨的信息，如股票上市公司经营业绩好转、银行利率降低、社会资金充足、银行信贷资金放宽、市场繁荣等，以及其他政治、经济、军事、外交等方面对股价上涨有利的信息。什么是利空利空是指能够促使股价下跌的信息，如股票上市公司经营业绩恶化、银行紧缩、银行利率调高、经济衰退、通货膨胀、天灾人祸等，以及其他政治、经济军事、外交等方面促使股价下跌的不利消息。</t>
  </si>
  <si>
    <t xml:space="preserve">关于半一盘问题1、如果半一盘，主队进了一个球，是不是主队赢了一半 </t>
  </si>
  <si>
    <t>问题1、如果半一盘，主队进了一个球，是不是主队赢了一半，客队输了一半 这个对！问题2、不管什么样的带半的盘，是不是一方赢一半，则另一方输一半，如一方输一半，是不是另一方赢了一半啊？这个不对！如果主队让平半，主队赢一球，主队全赢客队全输。简单说明，希望你能明白。祝你好运！</t>
  </si>
  <si>
    <t xml:space="preserve">爱问专家团可信吗？权威吗？ </t>
  </si>
  <si>
    <t>有他的可信程度。但是具体问题具体分析，关键是自己的准确判断。</t>
  </si>
  <si>
    <t xml:space="preserve">有些人头上的写着5个字的牌子是什么？怎么得？ </t>
  </si>
  <si>
    <t>和王宫的王后说话就有了</t>
  </si>
  <si>
    <t xml:space="preserve">请大师就600635上周走势分析一下。成交量不断放大。 </t>
  </si>
  <si>
    <t>600635是近期强势股,量价齐升,显示增量资金介入积极,填权之日指日可待,继续持股.</t>
  </si>
  <si>
    <t xml:space="preserve">最简单的副职问题谢谢拉本人新人，没有转过副职，请问我主职SL，想 </t>
  </si>
  <si>
    <t>可以，当你主的SL练到75级并做完转副的任务，就能转副的XL,当你的副的XL也练到75级,就能再转副的XZ,当你的第2个副的XZ也到75级就能再一次转副的,也就是说一个人物可以转3次副职的,前提是要到75级才能转下个副的........因为你本职是人类,所以你没有不能转的职业,除了工匠和霸主和跟你同系的外(你是SL所以没有其他职业是跟你同系的),同系不能互转也就是楼上写的...........................1 ??藏獵人、大地行者、深?Y行者 (同系)2 聖騎士、?騎士、席琳騎士、聖殿騎士 (同系)3 法魔、元素使、?影召?臼?(同系)4 長老、席琳長老 (同系)5 ?πg?人、?θ形枵?(同系)6 術士、狂咒術士、咒術?人 (同系)但是你SL可以转副的人CK,到了75级后再转副的黑CK...是可以的!!!!因为他是以主职来做比较的!!</t>
  </si>
  <si>
    <t xml:space="preserve">宝宝发烧睡觉时一抖一抖的是怎么回事？ </t>
  </si>
  <si>
    <t>小儿发烧的病因是相当多的，临床上可以分为感染性与非感染性，以感染性多见，如感冒等是最常见的病因，对于发热需要首先明确病因，针对病因进行处理，体温过高时容易引起小儿高热惊厥甚至导致癫痫，所以也是有必要控制体温的，主要是采用药物降温与物理降温的方法，具体用药最好能在医生指导下使用。</t>
  </si>
  <si>
    <t xml:space="preserve">哪位高手用的赤月2脱机外挂啊？请进来一下我的赤月2脱机挂机外挂从 </t>
  </si>
  <si>
    <t>我跟你是一样的状况。至于什么原因我也不清楚~  但是可以肯定的是，外挂没有被封不仅是外挂连不上服务器，我自己上的时候也是点了“开始”之后就黑屏~其实还是盛大以及网络的原因~    没办法，等几天应该就会好~！</t>
  </si>
  <si>
    <t xml:space="preserve">战士在拿西洋剑和手枪的情况下还可以用西洋剑姿势技能吗战士在用了战 </t>
  </si>
  <si>
    <t>不能。必须把枪拿下来。</t>
  </si>
  <si>
    <t xml:space="preserve">怎样去除脸上的红血丝？我生来脸上就有很多红血丝，请问怎样才能去除 </t>
  </si>
  <si>
    <t xml:space="preserve">红血丝的皮肤一定要注意:1.如果有去角质的习惯,尽量减少频率,很多时候红血丝就是由于过度去角质导致的.特别是果酸\磨砂类的都可能让你的红血丝更厉害.2.不要用刺激性的护肤品,选择护肤品的时候不要一味的追求快速疗效.譬如某些号称见效迅速的美白,去斑产品等,可能都会让红血丝更明显.如果您是由于使用这些产品而导致红血丝的请立即停用.3．针对红血丝的治疗，目光主要以光疗为主。在光疗下皮肤自身的修复能力是平时的数倍，使肌通过光疗来恢复自身的健康，从根本上使肌肤脱离病态症状。由于医院治疗的不便，近两年来，国外的许多医院及美容机构也在推行个人在家即可使用的家用型的光疗仪器。日前笔者曾在某展会看到台湾热卖的“波动光彩美容按摩仪”，据悉此此产品已在国内开始销售，看来此风大有蔓延国内之趋势。总之,红血丝不是一朝一夕可以改善的(譬如某个单一的产品是很难凑效的),产品选择上一定要注意,不要选择刺激性的产品,辅以正确的护理方法以及长期的坚持,会有一定的成效. </t>
  </si>
  <si>
    <t xml:space="preserve">连进都进不了了??? </t>
  </si>
  <si>
    <t>老服中国王朝服务器突发状况，我们已经第一时间通知合作伙伴51wan针对老服做紧急维护，尽快解决服务器的问题。 同时，老服国战需要推迟开始时间，服务器问题解决后再开放国战。 开放时间请玩家朋友关注游戏公告。</t>
  </si>
  <si>
    <t xml:space="preserve">脚板脱皮严重是怎么回事，该怎么办 </t>
  </si>
  <si>
    <t>是湿气，可以用达克宁效果不错。</t>
  </si>
  <si>
    <t xml:space="preserve">请问在今年阳历12月24日结婚，这日子好吗？ </t>
  </si>
  <si>
    <t>我认为不太好,但今年内结婚好,听人说今年内有双春结婚人丁兴旺,选个好日子吧,比如说元旦呀,小年呀,都不用考虑日子不好,我们就选择小年补办结婚.祝你们美满幸福!!!!!!!!</t>
  </si>
  <si>
    <t xml:space="preserve">遇到问题了！买车问题，帮我参考下吧！我现在有3600点。我是买锋 </t>
  </si>
  <si>
    <t>→礼拜天娱乐←   来我们队吧我们队上线人数很多的（每天）PD有个毛病的---爱翻车不过要刷威望的   买PD也无妨。但是一定要有心理准备  很难驾御它的哦   买了就不要后悔的，切记！既然威望要刷的  那就PD了  偶尔也可以练练抓人 娱乐一下的不过 ，现在的飞车党相当难抓的（也是要有心理准备的）我也见过锦标的PD高手，但是就是见到的少罢了最后，我们的意见归意见  最后拍板的还是你自己哦</t>
  </si>
  <si>
    <t xml:space="preserve">我的嘴唇老是掉皮，而且经常觉得口干。是怎么回事？ </t>
  </si>
  <si>
    <t>病情分析：是干燥引起的，喝水是需要的，但是还是不能避免冬季的干燥的。指导意见：所以你还是需要使用其他的办法来预防的，可以使用唇膏的，还可以睡前再嘴唇上涂上蜂蜜，效果也是不错的。病情分析：您好！一般情况下，嘴唇干燥的原因是缺少维生素、缺少水分，应多吃水果、青菜，多喝水，及时做保养。 中医认为，嘴唇干裂这种情况多是虚火和实火造成的。指导意见：治疗：可用0.1%利诺液或1/5000呋喃西林液,将纱布润湿,湿局部. 每日3次,每次20～30分钟,然后擦红霉素软膏，同时可以口服维生素B2。另外可以服用中药来治疗,可用补中益气汤和附子理中汤,服用两周，多吃新鲜蔬菜，如黄豆芽、油菜、白菜、白萝卜等等。如觉得嘴唇干裂，不要总用舌头去舔，这会加速干裂的发生，祝您身体健康！</t>
  </si>
  <si>
    <t xml:space="preserve">我姐姐可能患抑郁了，最近一段时间老抑郁、也不爱说话，不喜欢和人交? </t>
  </si>
  <si>
    <t xml:space="preserve">抑郁现在很多见的，主要表现为精神萎靡，食欲不振，怏怏不乐，现在呢，你们能做的就是给她一个轻松欢快的环境，让她对你们的快乐和幸福感同身受，把心理的郁结帮她细致的打开分析，最好得到解决，同时配合一些安神补气的药物治疗，肯定可以好起来的，或是去成都南亚生物医学研究所去看看，祝她早日康复！ </t>
  </si>
  <si>
    <t xml:space="preserve">怎么赚取更多的积分 </t>
  </si>
  <si>
    <t>爱问积分规则 1.注册成为爱问知识人用户+20分； 2.成功激活邮箱+20分； 3.登陆爱问知识人签到，第一次签到得1分，连续签到两次得2分…以此类推，连续签到5次即可得到5分，5分封顶； 4.成功提交提问或者回答+1分； 5.采纳回答时，填写感谢语和答案星级+1分； 6.回答被提问人采纳+10分+问题悬赏分； 7.成功提交投票或者评论一次+1分，每天10分封顶； 8.问题被设置为推荐问题+10分； 9.提交提问中的第一个回答+3分。</t>
  </si>
  <si>
    <t xml:space="preserve">宝宝什么时候开始补钙？请问：出生40多天的宝宝什么时候开始补钙好 </t>
  </si>
  <si>
    <t>你的形容是宝宝在长个,这个时候的宝宝都是这个样子的,呵呵至于补钙嘛,看你宝宝缺不缺了,缺的话就定时定量的补,不缺的情况下就偶尔补点.最重要的是要吃AD鱼油,帮助钙的吸收.妈妈平时吃含钙的食品,宝宝间接吃母乳也可以补到的,我家宝宝都四个多月后才开始补的,也没有每天吃,都是间接的吃的,呵呵.我家宝宝吃的是葡萄糖酸钙.祝你宝宝健康快乐!!</t>
  </si>
  <si>
    <t xml:space="preserve">手被烫伤了拿高温的东西被烫到，要怎么处理 </t>
  </si>
  <si>
    <t>用凉水冲    如果起水泡了你要保持伤口干净，等过了三到四天的组织液渗出期，你可以用消毒过的针刺破水泡用棉签吸引组织液，然后用酒精棉花消毒伤口周围，用生理盐水消毒伤口，涂点绿药膏防止感染，一般两到三周就可以愈合</t>
  </si>
  <si>
    <t xml:space="preserve">如何写好作文的开头和结尾 </t>
  </si>
  <si>
    <t xml:space="preserve">你好！如何写好作文的开头和结尾《作文开头和结尾歌》推荐 开头方法有五条，一条一条都有效。 开门见山点题式，时间地点有分晓。 渲染气氛描写式，写景开头定格调。 抒情开头方法好，激发读者感情高。 先叙结局悬念式，扣人心弦求根底。 设问反问作开头，引人入胜添气氛。 结尾也有好方法，每种方法都奇妙。 自然结尾收束式，干脆利索废话少。 总结结尾电题式，画龙点睛笔法妙。 抒情议论做结局，突出中心让人明。 结尾利用反问式, 引人深思受启迪。 首尾呼应照应式，结构完整好文稿。  </t>
  </si>
  <si>
    <t xml:space="preserve">请问蓝老师今天能查专升本录取情况吗 </t>
  </si>
  <si>
    <t>我这里可查网上不可查</t>
  </si>
  <si>
    <t xml:space="preserve">为什么给我转区?转了以后我什么都没有了,我的TJBB还有2000 </t>
  </si>
  <si>
    <t>汗...这样的问题问出来我都替你害羞啊合区吧,要是象梦幻一样非正常转区的话,你就爽了,冲新服就是你的了!!!!!!!!!!!!!111</t>
  </si>
  <si>
    <t xml:space="preserve">希望好心人给我一个答复诛仙书上的最后一个装备获得验证码到哪激活？ </t>
  </si>
  <si>
    <t xml:space="preserve">买诛仙8送个VIP激活码，需要在注册的时候填好，1级给试炼刀，重击+9级，15级给个天香豆蔻，30级给上品武器一把，45给补天符1张下面是图 </t>
  </si>
  <si>
    <t xml:space="preserve">除去co2中HCL用什么溶剂呢，要保证CO2不被吸收或增加我做的 </t>
  </si>
  <si>
    <t>如果要CO2的量不增加也不减小，可以用AgNO3溶液吸收HCl</t>
  </si>
  <si>
    <t xml:space="preserve">怎么让更多的人看到我的博客 </t>
  </si>
  <si>
    <t xml:space="preserve">怎么让更多的人访问我的博客？  一、  　　第一步   博客要有特色（最好有自己的灵魂在里面）　　第二步   文章内容积极向上要有可读性（不含有反动、诽谤、淫秽、诱导暗示等等不健康的内容）　　第三步   要把自己的博客融入到大众的互动中去（经常去别人的博客里发表看法、提好的有价值的建议，互相帮助等等一系列有意义的互动环节中去）　　第四步   为自己的博客进行宣传（加入博客群、各大论坛发表高质量的帖子、还要经常的向博客首页推荐自己的高质量的文章等等）二、    1)要能够及时更新　　2)要能够去推广自己的博客,到博友的博客里去坐坐,同时也推一下自己的博客,有了好文章记得向新浪推荐sinablog@ 　　3)如果你是个体育爱好者,可以到新浪--体育--博客中留言,如果你的博客被肯定,那么就会获得升级码,当然有好的文章也可以到这里去推荐,当然是有关体育的,被推荐后文章就会被发在新浪体育的各个版面,就会有更多的读者（当然也可能是别的爱好者）。　　4)现在在新浪BLOG首页上已经设置了留言版和推荐文章的地方,有好的文章也可以去推荐,也可以申请升级　　5)当然也可以通过在爱问回答问题,来推广自己的BLOG 博客里加好友有两种方法； 1、登录自己的博客，进入别人的博客，点个头像图片下方的“加为好友”按钮，按提示操作即可。 2、登录自己的博客，点“最新留言”“最进访客”和”最新评论“列表中博友名前的小图标，打开名片，点”加为好友'即可。 博文写好后推荐编辑采用首先向编辑推荐自己的文章： 1、打开新浪博客首页  2、在下面位置找到博客实用工具中的“我要推荐” 3、在“我要推荐”中输入你的昵称、博客地址、文章大类、文章小类、文章标题、文章链接（即你推荐文章地址栏中的网址复制到这里），然后按“推荐”按钮即可。 </t>
  </si>
  <si>
    <t xml:space="preserve">39期14场单场推荐（长期推荐）继37、38期推荐不理想，39期 </t>
  </si>
  <si>
    <t>老兄，进来领什么分啊</t>
  </si>
  <si>
    <t xml:space="preserve">请问赤膊工资是什么意思啊??? </t>
  </si>
  <si>
    <t xml:space="preserve">就是纯的工资，没有任何附近的。也就是通常所说的档案工资。推荐一篇，请参考工资为什么裸体 　　　  发表时间：2007-6-7 　  作者: 肖仁福  　 　　工资为什么裸体？这个问题可是政府工作的首要问题。　　国人的“官念”之重，那是世所公认的。涉及到这个官字，自古说法不少。《尚书》说官“若金，用汝作砺；若济巨川，用汝作舟楫；若岁大旱，用汝作霖雨。”还有点民本思想。《说文》说“官，吏事君也。”那是将官员看成帝王的工具。旧时读书人一心想着学成文武艺，货与帝王家，也是这个意思。至于修身齐家治国平天下，不过是儒生梦里都想着做官的呓语。　　时至今日，关于官的说法更多。词典上的正规说法是公职人员，老百姓说是公家人，而官方说是公务员或公仆，是为人民服务的。其实还是胸无城府的小学生一语破的，官就是管人的，管事的，管钱的。有道是不怕官，就怕管，当了官，不管点什么，那官也就什么都不是。我如今调往一个清水衙门，号称副主席，不管人，不管事，也不管钱，自命为三不管主席。不是不想管，是想管没得管。偏偏朋友见面，说你当官了，要请客。我立马就跟他急，杏眼圆睁，老拳相向，吓得朋友拔腿就跑。　　本来裸体是因人而言的。比如有人提倡裸睡，说有益于睡眠和健康。有人喜欢裸舞，可以吸引更多的眼球和门票。有人乐于裸奔，容易产生轰动效应。据说有些地方时兴裸聚，需聚一起谈交易，不上宾馆酒楼，上澡堂子，像丘吉尔泡在浴缸里接待罗斯福一样，将自己毫无保留地交给对方。背后的原因却是怕对方穿了衣服，身上藏着录音机和针孔摄像头，裸聚可让双方坦诚相见，不用彼此提防。　　只是工资不是人，为什么也要裸体呢？　　大家知道，机关事业单位职工的工资构成有些复杂，除了工资表上的基本工资，如级别工资和职务工资之外，还可按政策规定，另外造册领取工资补贴和费、出勤费、误餐费等待遇。工资表上的基本工资是铁定的，政府再穷，也要想方设法发给职工，至于另外造册的待遇，政府有钱就发，确实没钱，发不出也就发不出。中西部经济不发达，不少地市以下政府都比较穷，能发出基本工资已属不错，别的待遇享受不上，早就习以为常，没见谁拿着状子上过法庭。大家便幽默地将这种基本工资叫做裸体工资，也有叫赤膊工资，甚至排骨工资的。大凡人一穷，想象就丰富，富人一般是不太有文学细胞的。　　造成这种窘境的原因当然是多方面的，比如刚才说的地区差异。几十年以来，中国的经济几乎是投资经济，有投资就有经济，没有投资就没有经济，哪个地方国家的投资和项目多，哪个地方的经济就上得去，地方政府口袋里就有钱，否则只有受穷。政府再穷，可该有的和不该有的机构，有编制的或没编制的人员，却一个不能少。这样一来，吃皇粮的人就多，政府自然不堪重负。我曾用四个字来概括国情：人多钱少，应该是符合实际的。　　有人说，中国生产不发达，经济不发达，科学不发达，事业不发达，唯有政府机构发达。机构发达的标志是公职人员多。本来公职人员的配备，应该是因事设岗，以岗定人，我们却反着来，因人设岗，以岗生事。随便跑到哪个单位去，除了业务部门，还有不少综合部门，什么文秘档案、政策研究、财务后勤、政工宣传、纪检监督、工会老干、青年妇女，都设有专门机构。机构是由人组成的，正副处长一伙，正副科长一群，还不够，还得主任科员、副主任科员一帮，外加普通科员若干，少了谁，都让人难受。　　想起英国人诺斯古德•帕金森的庸官理论，说庸官有三条出路：第一条是让位，让能人上，只是让了位，却什么都让了出去，谁都不会这么傻。第二条是请个能人协助自己，这容易被能人取而代之，没谁愿意冒这个风险。最后只能找两个或多个比自己水平更低的庸人当副手，自己稳坐在位置上发号施令。平庸的副手干不了事，也就上行下效，再为自己找几个更加平庸的副手。依此层层重叠下去，庞大的庸官集团和臃肿机构于是形成。　　这个帕氏理论多少有些道理，却说得过于直白，显得没文化品位，没谁爱听。还是咱中国人说得好，一个好汉三个帮，既含蓄又有文化，听着舒服。所以随便跑到哪个单位，不论级别高低，不论机构大小，一个一把手，一般都会配三个副手，加在一起正好四个好汉。四个好汉坐到一处，只有半桌，喝酒还得另外找人，的确麻烦，于是配上纪检组长、机关党委书记、工会主席，外加总经济师（不好叫总经济师的，便叫总会计师或总审计师、总政工师之类），四个加四个，正好八个，八仙过海，各显神通，弄权的弄权，弄钱的弄钱，实在没权也没钱可弄，就弄是非，反正不能闲着。这是一线和前台的领导，还有二线和提前离岗休息的原领导或准领导，什么巡视员，助理巡视员，调研员，助理调研员，又是一大帮，都是组织上下了红头文件的。　　下几个红头文件，也就花些打印费，成本不高，到底如今的乌纱帽既不用纱缝，也不拿麻织。问题是乌纱帽得有脑袋撑着，有多少乌纱帽，必须找出多少脑袋。脑袋都有后脑勺，伸手在那里一拍，拍出来的不是大政方针，就是英明决策；不是最新精神，就是重要指示；不是管理措施，就是收费项目。脑袋两边有耳朵，耳朵不仅要听汇报，听表扬，听领导招呼，还得听有偿电话，听付费手机。脑袋前面有眼睛，眼睛除了出门看天色，进屋看脸色，还要看风景，国内的风景看厌，还得看外国风景。脑袋下面还有张嘴巴，嘴巴要作报告，要发指示，还得抽好烟，喝美酒，并佐以山珍海味。　　因果关系由此产生：乌纱帽多，脑袋就多。脑袋总得琢磨些什么，不琢磨人，就琢磨事，或琢磨钱，管人的官，管事的官，管钱的官应运而生，层出不穷。管人的时候，唯恐人少，人越多越有权威。管事的时候，只恨事小，事大才能出大政绩。管钱的时候，最怕钱不够，没有钱便没有可钻的地方，那钱眼可比美女靓妹的媚眼还勾人。官来人，人来事，事得来了钱才好办，而天上下雪下雨，从来不下钱，得*纳税人一角一块往上交。都想当官，都想吃皇粮，唯独不想当纳税人和孙子，这样花钱的多，送钱的少，工资就这么裸体起来 </t>
  </si>
  <si>
    <t xml:space="preserve">夏天到了，这么如何保养空调夏天到了，车内空调刚启动就有异味，该怎 </t>
  </si>
  <si>
    <t>出风口方向不要随意调　　有的车主在使用空调时，不注意调整空调吹风的方向，这不利于发挥空调的最佳效果。根据冷空气下沉、热空气上升的原理，正确的做法应该是，开冷气时将出风口向上，开暖气时将出风口向下。冬季应当定期启动一次空调　　一些地区的冬季比较暖和，有的车主整个冬天都不使用空调。长时间不用空调会导致其橡胶圈老化，空调内部各部件上的润滑油也会变干，定期启动空调能让各部件接受润滑油的润滑，维持良好状态，因此在冬季空调也最好每周启动一次。每次使用空调时间不宜过久　　有的车主常常在上车后就一直开着空调，长时间使用空调会使冷凝器压力过大，这会对制冷系统造成损耗，因此每次使用空调时间不宜过久，如果车内温度已经达到舒适的温度，就可以把空调关掉，隔一会儿再开。每次使用空调时间不宜过久　　有的车主常常在上车后就一直开着空调，长时间使用空调会使冷凝器压力过大，这会对制冷系统造成损耗，因此每次使用空调时间不宜过久，如果车内温度已经达到舒适的温度，就可以把空调关掉，隔一会儿再开。每次使用空调时间不宜过久　　有的车主常常在上车后就一直开着空调，长时间使用空调会使冷凝器压力过大，这会对制冷系统造成损耗，因此每次使用空调时间不宜过久，如果车内温度已经达到舒适的温度，就可以把空调关掉，隔一会儿再开。每次使用空调时间不宜过久　　有的车主常常在上车后就一直开着空调，长时间使用空调会使冷凝器压力过大，这会对制冷系统造成损耗，因此每次使用空调时间不宜过久，如果车内温度已经达到舒适的温度，就可以把空调关掉，隔一会儿再开。</t>
  </si>
  <si>
    <t xml:space="preserve">支付宝转账和提现一样吗？支付宝转账和提现是同一个意思吗？提现需要 </t>
  </si>
  <si>
    <t>不一样哦 提现不需要手续费  转账是从你的支付宝转到别人支付宝提现是从你的支付宝把钱提现如您的银行卡前提是你的支付宝必须实名认证，银行卡和支付宝实名认证是同一个人</t>
  </si>
  <si>
    <t xml:space="preserve">波斯丽尔效果如何，有人用过吗？自己胸很小，一直都在丰胸，使用了好 </t>
  </si>
  <si>
    <t>效果还可以哟，用了2个多月大了一个罩杯,这个过程中感觉就像我们小时候发育的时候感觉，涨涨的 ！</t>
  </si>
  <si>
    <t xml:space="preserve">用卫生棉条会不会感染? </t>
  </si>
  <si>
    <t>什么是正确的使用方法呢？首先，使用前要仔细阅读说明书，按其提示的步骤放入棉条；其次，根据月经量选择合适规格的棉条，原则是选择能将经血充分吸收的最小型号，同时要注意根据经量的变化合理调整，更换时若发现棉条干、难以抽出时，要换用小吸收量的；再有，经期中棉条与卫生巾交替使用，不能在非经期使用棉条。考虑到月经期子宫内膜脱落、经血排出、子宫颈口张开，三道屏障中的最后一道被破坏，细菌容易入侵，加上经血自阴道排出，使阴道内环境发生变化，自净作用减弱，发生感染的可能性要比平时高，而卫生棉条又是内置型的，因此一定要保证棉条无污染。使用卫生棉条前后都要洗手，已经被污染的棉条不能再使用；使用时要每4—8小时更换一次。虽然正确使用卫生棉条时不会增加感染的风险，但仍有要格外注意的问题。在对中毒性休克综合征（TSS）的研究中，科研人员发现，经期妇女，特别是使用卫生棉条的妇女是这种罕见但危险的疾病的好发人群。目前尚没有证实卫生棉条与TSS有绝对关系，但在使用卫生棉条的过程中如果出现高烧、呕吐、腹泻、皮肤红斑、肌肉疼痛、眩晕、晕厥等症状，一定要想到TSS的可能。此时要立即取出棉条，迅速到就诊，并向医生说明自己处在经期，使用的是卫生棉条。</t>
  </si>
  <si>
    <t xml:space="preserve">请帮忙分析下这个男人我应不应该相信？准备和刚认识的男友同居，但他 </t>
  </si>
  <si>
    <t>结婚以前同居是最不好的将来会影响到婚后生活，从你 的问题来 看 他估计是在玩你 2个女朋友同居不到一年而且是 行冷汗你自己 想想吧</t>
  </si>
  <si>
    <t xml:space="preserve">GM我刚注册账号怎么说我纳入防沉迷我填写的资料都正确啊我的身份证 </t>
  </si>
  <si>
    <t>兄弟是不是刚满18周岁啊？ 我和你一样，刚注册的帐号就纳入了防沉迷，而且登陆游戏时竟然还被停权了，汗...帐号在注册时填写完身份证时，显示未纳入防沉迷的，结果活来提交之后，帐号注册完毕就纳入了防沉迷了，是不？我建议你换张身份证重新注册吧</t>
  </si>
  <si>
    <t xml:space="preserve">人手的最大握力可以达到多少公斤。可以达到怎样的效果. </t>
  </si>
  <si>
    <t>以后谁敢用手握你, 你就给他个  金丝缠腕   断其腕,折其指.单纯手力大不敌实战中,你给他个   霸王肘一击必杀.</t>
  </si>
  <si>
    <t xml:space="preserve">请问我家这边没有招行,但在线办招行卡,在实际用时会不会不方便??? </t>
  </si>
  <si>
    <t>可以办的，以我来看的话其实没有银行也没什么的，招行都是全国服务，都是在总部的客服1.申请的时候只要能办下来就行了2.还款的时候可以在网银上绑定来还款3.账单可以选择在网上查看，或是邮寄到家里4.积分奖品兑换也是总部邮到家的。这里唯一差的问题就是还款的问题，但对于我来说这根本就不是问题，我现在就用浦发银行的卡开通网银，绑定银联，还招行信用卡的款，而且还没有手续费。超级省事。不过这也是环境造成的啦，我们这边招商银行每次去，排号前面都100多人，最少也得排1个小时，超级恶心的说啊</t>
  </si>
  <si>
    <t xml:space="preserve">在抗日战争中，为什么会有那么多的汉奸和叛徒？国人正在积极抗战，可 </t>
  </si>
  <si>
    <t>抗战之时中国已经不是一个统一的了，伪满洲国汪伪政权他们控制大片土地和人口。他们一个是傀儡政府一个是亲日政府，所以这两个政权下的人很多会因政府的政策投靠日本，为日本卖命获取个人生存的利益。中国的汉奸主要来自他们。叛徒，我认为的叛徒是原先抗日但经不起诱惑或迫害放弃原先的政治主张投靠了日本。叛徒是意志不坚定的人，他们对自己所从事的事业没有极大的信心，对于自身利益和国家民族利益的划分看不清。平时他们与其他的抗日者没什么两样，在有些时候也会牺牲个人利益保护国家民族利益，但在事业处于停滞或没有明显的进步时甚至在事业低谷时他们动摇了，在受到打击或诱惑之后失去了革命者爱国者的原则，站在了个人利益一边成为了历史的罪人。辛亥革命虽然推翻了封建王朝但封建残余势力，官僚资本主义，帝国主义仍然控制着中国，三股势力互相勾结使近代中国成了一个怪胎，即非封建王朝又非官僚资本主义社会又非殖民地。这种历史上绝无仅有的怪事使当时的中国人的人心发生了严重的变化造成了大量的汉奸，叛徒，腐败，官僚主义，奴性主义分子。以上是个人见解，如果有不妥的地方请朋友们多多指教。</t>
  </si>
  <si>
    <t xml:space="preserve">4格0号核心怎么得到哦? </t>
  </si>
  <si>
    <t>您好，有关于游戏具体内容和机制方面的问题，客服人员不便告知，此方面问题建议您可以在游戏中与其他玩家交流一下或者查看官方主页的相关资料，谢谢。</t>
  </si>
  <si>
    <t xml:space="preserve">今年世界杯英格兰官方歌曲叫什么名字? </t>
  </si>
  <si>
    <t xml:space="preserve">2006世界杯主题曲 英格兰队《世界在你脚下》World At Your Feet </t>
  </si>
  <si>
    <t xml:space="preserve">网上捉黄TL的坐标是不是错了？网上说是在洞里出口那怎么我看入口靠 </t>
  </si>
  <si>
    <t>坐标没错，但注意LV1宠不止在那一个固定坐标出没，周围的不大范围内都是可以遇到的。看图。</t>
  </si>
  <si>
    <t xml:space="preserve">软件记录的问题如果第一次刻录光盘，光盘没被刻满，还可以刻很多数据 </t>
  </si>
  <si>
    <t>要看光盘有没有封口,正版的光盘都是封口的,自己家用的一般不要风口,在刻时会有提示让不让你封口</t>
  </si>
  <si>
    <t xml:space="preserve">结婚证破了,可以用沾好的结婚证离婚吗?拿这样的结婚证可以离婚吗? </t>
  </si>
  <si>
    <t>只要字迹清晰，到民政部门和法院是可以做为离婚的证据的，当然是关于你们婚姻关系的重要信息部分要不被损坏或看不清楚。</t>
  </si>
  <si>
    <t xml:space="preserve">去塞班岛签证，签哪个国家的证？有的说是独立，有的说签美国,假如签? </t>
  </si>
  <si>
    <t>当然美国了，你是不是想申请美国绿卡，昨天新闻刚说了哪是一场骗局。签证吗，和其它国家一样。</t>
  </si>
  <si>
    <t xml:space="preserve">真知道的来各位大哥大姐开盒子也能出熊吗本人那次开了个什么也没啊, </t>
  </si>
  <si>
    <t>能开出来,不过好像只有在L1开以上的高级练功区打出的盒子才能开出来,也就是说要40级以上的盒子才能开出来</t>
  </si>
  <si>
    <t xml:space="preserve">大伙儿怎么闹新房的? </t>
  </si>
  <si>
    <t xml:space="preserve">    在过去，由于很多新人们婚前都不太熟悉甚至不相识，新婚之夜要他们在同一空间，心理上可能会感不自在。闹洞房，无疑可以通过公众游戏让新人消除隔阂，捅破羞怯的“窗户纸”。而在今天，闹洞房主要是向新人们表示祝福之意。 一、取筷子     将一双筷子置于酒瓶中，只露出很短一截，让新娘新郎全力用嘴唇把筷子取出，实际就是请两人表演亲吻。 二、吃香蕉     用弹性绳捆住香蕉吊于新郎跃起能够到的高度，新郎用嘴拉下香蕉。新郎新娘用嘴剥皮，然后共同把它吃完。为了不让绳子缩回，一个做动作，另一个必须咬住香蕉，这就要看两人的配合了。 三、点火柴     将火柴插于红枣上，在盛水的盆里漂浮。一根红线中间扎一支点燃的香烟，两头分别由新人咬住，两人你进我退，合力用烟点燃盆中的火柴。要屏住呼吸，用扎实的“牙功”与眼光才能获得成功。 四\    准备一盘玻璃弹子，让新郎新娘各执一支筷子，两人一齐将弹子夹出。不妨请在场的几对情侣和新人进行比赛，落后者表演节目。 五、对诗比赛     若新郎新娘是喜爱文学的，那么请他们来一次对诗擂台赛。先由新郎吟诗一句，然后新娘接吟，要求接吟的句中至少有一个字与上一句相同，如此反复，接不下来者判负，负者表演节目。 六、夫妻识字     这个“识字”是让新郎着一个“字”（或一个短语），然后请新郎做各种动作（不准说话，不准用手描笔画）给新娘看气氛相吻合的内容，例如：“爱”、“恋”、“夫妻”等等。 七、说昵称     新郎新娘分别想十个昵称去称呼对方，什么心肝啊，宝贝啊，狗狗啊，肉肉啊，越肉麻越好。如果来宾不满意，则可要求再说。 八、亲亲甜心     新郎仰面躺在床上，然后把切得薄薄的香蕉片贴在他的脸上和脖子上，让蒙着眼睛的新娘用嘴去找那些香蕉片。 九、接吻     直接要求新郎新娘接一个长吻，三分钟或是五分钟都可以 。 </t>
  </si>
  <si>
    <t xml:space="preserve">请您谈谈“我不愿错过”这首歌的感受！我不愿错过作词：何太极作曲： </t>
  </si>
  <si>
    <t>这是陷入情网的内心写照哈，是作词的作者当时写词的一个思想咯~~~~~~~~偶听歌，更喜欢的是旋律哈~~~~~~~~~~</t>
  </si>
  <si>
    <t xml:space="preserve">请问下怎么去风暴之海啊,都找不到地方传送 </t>
  </si>
  <si>
    <t>晕啊,找传送员啊,可以自动导航的~~~~~~~~~~~~~</t>
  </si>
  <si>
    <t xml:space="preserve">俺是个47级战士，正常情况下现在又多少存款啊？47级战士有多少钱 </t>
  </si>
  <si>
    <t>现在多少钱无所谓，关键是60级以后有没有钱买千G马和奥G斧（打布装最高威力能出4000+，人家说出了4400，反正威力暴高），所以我劝你去学一个挖矿，绝对的赚，你在你那服务器看看瑟银和奥术水晶还有钻石，奥G锭的价钱吧，我估计你身上的钱买不了几个，那些全部是挖矿得来的！我58级贼有1400G，从没打出过紫装，还有看的上眼的蓝装，全靠挖矿赚的，49级就开始挖瑟银，一直挖到58级，很少下副本，我还有个技能是锻造，配合挖矿，等有了牛B剑的设计图之后造把剑给自己，47级从练锻造也不晚，不过得花点时间挖低级矿，我觉得稍微浪费了点时间！（采纳我的建议吧，我要赚娶高分提问，毕竟知道那问题的人很少~多谢啦！）</t>
  </si>
  <si>
    <t xml:space="preserve">请问这张是哪位明星?? </t>
  </si>
  <si>
    <t>照片里不是说了嘛,果子,台湾网络美女.不是明星,不过也快了,上了吴宗宪的电视了.</t>
  </si>
  <si>
    <t xml:space="preserve">WOW中哪个种族的什么职业移动速度最快？我是新手，多谢高手们解答 </t>
  </si>
  <si>
    <t>应该是猎人吧 有猎豹守护 可以提高30％的移动速度</t>
  </si>
  <si>
    <t xml:space="preserve">请问深圳那里有卖亲子装（家庭装）的？据我了解很多亲子装都是适合母 </t>
  </si>
  <si>
    <t>上周我到女人世界淘宝店见到一家可以满足你的要求，而且款式很漂亮4件也可买，价格在150元左右华强北——女人世界（淘宝店），一家情侣饰品小店有全家套装</t>
  </si>
  <si>
    <t xml:space="preserve">阴茎皮软时8公分像拇指一样细正常吗阴茎搏起来13公分软下来8公分 </t>
  </si>
  <si>
    <t>正常，放心。</t>
  </si>
  <si>
    <t xml:space="preserve">有腋臭的人为什么耳屎是油的为什么有腋臭的人耳屎就是油的，没腋臭的 </t>
  </si>
  <si>
    <t>因为腋臭是大汗腺分泌异常造成的，而身体的主要汗腺除了腋下外还有耳朵、乳房、肚脐及脚底</t>
  </si>
  <si>
    <t xml:space="preserve">人乳头瘤病毒？我患有重度宫糜，做过一次宫颈刮片，已经排除癌症可能 </t>
  </si>
  <si>
    <t xml:space="preserve">人乳头瘤病毒（hpv）简述 1.人类乳头状瘤病毒简介 　　人类乳头状瘤病毒（Human papillomavirus，HPV）是一种嗜上皮性病毒，在人和动物中分布广泛，有高度的特异性，长期以来，已知HPV可引起人类良性的肿瘤和疣，如生长在生殖器官附近皮肤和粘膜上的人类寻常疣、尖锐湿疣以及生长在粘膜上的乳头状瘤。自从1976年zur Hansen提出HPV可能是性传播致癌因素以来，HPV感染与宫颈癌关系的研究成为肿瘤病毒病因研究的热门课题。 　　HPV是一组病毒的总称，组成一个科，其病毒形态类似，但DNA限制性内切酶图谱各异，核壳体蛋白质的抗原性不同，其电镜下的结果如图1所示。目前已经确定的HPV型别大约有80余种，依其感染的上皮所在部位分为皮肤型HPV和生殖道上皮HPV，大约35种型别可感染妇女生殖道，约20种与肿瘤相关（下文提到的HPV感染均为女性生殖道感染）。依据不同型别HPV与肿瘤发生的危险性高低分为低危险型别和高危险型别HPV，低危险型别HPV包括HPV6、11、42、43、44等型别，常引起外生殖器湿疣等良性病变包括宫颈上皮内低度病变（CIN I），高危险型HPV包括HPV16、18、31、33、35、39、45、51、52、56、58、59、68等型别，与宫颈癌及宫颈上皮内高度病变（CIN II/III）的发生相关，尤其是HPV16和18型。 2.女性生殖道感染HPV的现患率 　　有关HPV感染的现患率研究，由于检测标本的来源、使用的HPV检测技术、检测HPV的型别以及研究地区人群差异等各有不同，各研究报道的HPV感染阳性率高低不一。通过检测HPV DNA的方法确定的感染率稍高一些，而用细胞学或阴道镜等检测方法却很低。许多应用直接检测法如核酸印迹原位杂交或斑点印迹杂交法检出其感染率大约在10-20%，而用PCR法结果更高。对某大学女大学生（97%发生过性关系，平均性伴侣数为4个）进行检查结果显示，PCR法检测结果为46%，而斑点印迹杂交法仅为11%，可见检测方法影响着HPV感染的检出。Melkert.的实验中用PCR法检出在普通妇女中为4.1%；Herrero报道在Costa Rica农村地区用PCR法检测18-94岁妇女的HPV感染阳性率为16%。目前许多研究应用HC法检测HPV DNA，该方法更灵敏，因此检出率更高。Clavel C等用HC-II法检测1,518名15-72岁妇女HPV感染状况，结果发现HPV感染的阳性率为22.3%。 3.年龄分布 　　HPV感染率高低主要取决于人群的年龄和性行为习惯。许多研究发现性活跃的年轻妇女HPV感染率最高，高峰年龄在18-28岁，随着年龄的增长而明显下降，但大部分资料报道均未区分高危和低危型别，见图2。大多数HPV感染可在短期内消失，机体通过自身免疫系统使病毒逐渐清除，尤其是低危型别HPV更容易被机体清除，大约持续18个月左右，因而低危型别HPV感染的阳性率呈下降趋势。但对于高危型别HPV感染，许多研究报道其感染的高峰年龄是20-30岁，此阶段感染为暂时性，感染率较高，可达到25-30%，此后，感染率逐渐下降，35岁后5-10%为高危HPV持续感染状态。对于HPV感染的阳性率在40岁之后是否开始上升或下降还存在一些争议，尚需更详细的资料加以验证。 4.HPV感染的流行因素 　　由于HPV感染通常没有明显的临床症状，其检出率因各种方法而异，对于HPV感染流行因素的分析就很难确定。但HPV感染是一种性传播疾病，与性行为因素有关，这一点已经明确。而个体的卫生状况好，注意经期卫生，同房前后卫生，使用宫内避孕环等均可以使感染HPV的几率降低。 　　（1）性行为：大部分研究表明妇女近期的性伴侣数，性交频率，性伴侣患有生殖道疣等均与HPV感染密切相关。尽管有些研究表明初次性交年龄与HPV感染也有关，但这种因素受性伴侣数的影响，调整性伴侣数后，其危险性无显著性意义。　　（2）免疫因素：宿主的免疫力对HPV感染及病变的进展有很大的作用。有研究发现肾移植的免疫抑制者HPV的感染率是正常人群的17倍。HIV感染的人群中HPV感染率也增高。由于HIV感染人群性行为比较混乱，伴侣数较多，初次性交年龄小等因素，使HPV感染几率增加。但有些研究并不能证明免疫抑制与HPV感染有直接的相关性，HIV人群可能由于自身暴露的危险性高或机体抵御潜伏病毒的能力降低而使HPV感染率增高，这一人群的HPV DNA检出水平高于正常人群，这表明机体抑制HPV感染的能力降低。　　（3）怀孕：有研究表明，妇女怀孕次数增多，分娩次数，流产次数等并不增加HPV感染的危险性，畸胎的个数却与HPV感染相关。有些研究表明孕期妇女HPV感染率高，而且病毒检出量也增高，但这可能是由于孕期病毒水平增高而使检出效率提高所致。一项应用PCR法检测HPV的研究证实了这一观点，PCR法检测HPV病毒不依赖病毒的含量，结果发现孕期与非孕期妇女的感染率无显著差（9.6%/10.9%）。　　（4）口服避孕药：尽管口服避孕药可以增加宫颈癌的危险性，但它是否影响HPV感染还存在很大争议。有研究表明口服避孕药确实能增加HPV感染的几率，但有人认为口服避孕药对宫颈低度病变的发生无影响，却可以增加高度病变的危险性，因此认为口服避孕药是通过改变疾病的进展状态，而不是直接影响HPV感染率。 5.HPV感染与宫颈癌的危险性 　　HPV感染与宫颈癌的关系最初在19世纪70年代提出，此后许多流行病学和分子学研究均毫无疑问的证实了HPV与宫颈癌的病因学联系。Bosch和Manos等通过收集来自22个国家的宫颈癌活检标本作PCR检测，发现99.7%的肿瘤中都可以检测到HPV DNA，而且各国间无显著差异。这是迄今为止所报道人类肿瘤致病因素中的最高检出百分数，同时表明HPV感染与宫颈癌的相关具有普遍意义。 　　病例-对照研究是检验病因假说的一种分析流行病学方法。不论是在拉丁美洲采用准确性较低的检测技术（FISH）进行的大规模流行病学研究，还是采用较高灵敏度检测技术（PCR，HC-II）的研究,所有的结果均显示HPV感染与宫颈癌有明显的相关性（OR=3.6-254.2），尤其是HPV16型和18型。Muňoz等在哥伦比亚和西班牙（宫颈癌发病率前者比后者高8倍）进行的人群基础上的病例-对照研究中，包括436例组织学确诊的病例和随机抽取的387例来自病例所在人群的对照，同时采用了三种HPV DNA检测技术（ViraPap、SH 和PCR）。这一研究避免了人群和地区的选择性偏移，同时又考虑到检测技术间的差异，在调整了一些混杂因素后三种检测方法都得出相同的结论：在两个国家中HPV16，18，31，33和35型与宫颈癌均呈强相关性，提示HPV与宫颈癌具有病因关系。队列研究是用来验证疾病病因假说另一种重要的分析流行病学方法，它能够直接体现HPV感染与宫颈癌发生的时序性，更有力地验证病因假说。Campion对100例轻度宫颈上皮内病变（CIN I）随访了两年多，56%的HPV16，18阳性者进展为重度宫颈上皮内病变（CIN III），而HPV6阳性的对象仅20%发生进展。Murthy等用原位杂交方法的研究显示，63例宫颈不典型增生发展为原位癌，对组织标本检测HPV16/18，阳性率为68.3%，而44例非进展性不典型增生其阳性率为27.3%，相对危险度为5.9（95%CI：2.5-14.1）,具有显著的统计学意义。此外，在细胞学和分子方面也获得了人乳头状瘤病毒致癌的有力证据。1995年WHO和IARC已将HPV确定为是宫颈癌的病因。 6.HPV型别与宫颈癌 　　生殖道感染HPV最常见的型别即16,18,6,11型。HPV6和11型经常感染外阴、肛门、阴道等部位，属于低危型别，湿疣或宫颈上皮内低度病变妇女中多常见，与宫颈浸润癌无明显关联；而16和18型则属于高危型别。来自世界各国的宫颈癌组织标本的研究发现，HPV16和18型感染率最高，在检出的所有型别中，HPV16占50%，HPV18占14%，HPV45占8%，HPV31占5%，其它型别的HPV占23%。HPV的型别与宫颈癌的病理类型有关，在宫颈鳞状上皮细胞癌中HPV16占主要地位（51%的鳞状上皮细胞癌标本），而在宫颈腺状上皮细胞癌（56%腺状上皮细胞癌标本）和宫颈腺鳞细胞癌（39%腺鳞细胞癌标本）中HPV18占主要地位。HPV16、18型感染很普遍，没有明显的地区差异，有些HPV型别有地理位置的差异。我国HPV感染型别中52和58型检出率较高。在台湾进行的一项研究也表明，52和58型较常见。HPV45型在非洲西部宫颈癌组织中很常见，而HPV39和59型仅在美洲的中部和南部宫颈癌组织中出现。 7.HPV感染在宫颈癌自然史中的作用 　　HPV感染生殖道是一个长期的过程，可潜伏在细胞内若干年，一旦机体免疫力降低，潜伏的病毒可恢复活动。HPV感染过程通常分为潜伏感染期、亚临床感染期、临床症状期和HPV相关的肿瘤期。宫颈癌也有一系列的前驱病变，即宫颈上皮不典型增生，在病理上称宫颈上皮内瘤变（CIN），通常又根据严重程度分成三级：宫颈上皮内轻度瘤变（CIN I）、宫颈上皮内中度瘤变（CIN II）和宫颈上皮内高度瘤变（CIN III），这些癌前病变均有可能发展为宫颈浸润癌。 　　在某些自然的或实验条件下，HPV病毒诱发的乳头状瘤虽具有转化为鳞状上皮细胞癌的倾向，然而并不是所有的HPV感染者和CIN都会进展为癌。对于大多数乳头状瘤，这种转化还需要其它辅助因子的存在，例如吸烟、化学物质、宿主因素（例如HIV感染）和环境协同因素等，均对疣、乳头状瘤转为恶性肿瘤有致突变及启动作用。有学者提出了HPV与HSV协同作用诱发宫颈亚性转化的假说：特异性乳头状瘤病毒感染正常细胞导致乳头状瘤细胞增生，在HSV感染的启动下，引起宫颈表皮内恶性转化的发生，最后导致浸润癌。这一假说还需进一步验证。 　　有关HPV感染和CIN对象转归的研究有很多。一些前瞻性研究显示，HPV感染阳性的妇女在2年内有15-28%进展为宫颈鳞状上皮内病变（SIL），尤其是HPV 16和18型感染危险性更高。HPV阳性妇女能否进展到宫颈上皮内高度病变和癌症，与HPV的型别有很大联系。有研究显示在宫颈低度病变的妇女中，高危型别HPV感染阳性的妇女宫颈病变进展的危险性大于低危型HPV感染或HPV阴性的妇女。此外，HPV DNA剂量水平、HPV首次感染的时间等也很重要。 8.小结 　　总之，生殖道HPV感染是一种常见的性传播疾病。性活跃妇女可能有50%感染过至少一种型别的HPV。由于HPV感染是宫颈癌的病因，因此必须重视这种感染，加强HPV病毒疫苗的研制，消除其对人类的危害。 人乳头瘤病毒致食管癌有新说广西柳州市人民医院一项研究破译了人乳头瘤病毒致食管鳞状细胞癌的机密，为食管癌早期普查、早期诊断提供了依据。 近年来的研究证实，人乳头瘤病毒16、18型感染与食管癌的病因学密切相关，但这两型病毒感染食道上皮后，如何导致细胞癌变尚未弄清。柳州市人民医院采用免疫组化技术，对柳州地区人口食管鳞状细胞癌、食管鳞状上皮不典型增生和食管黏膜慢性炎症三组材料，进行人乳头瘤病毒及多个癌基因产物的检测。结果发现：高危人乳头瘤病毒16、18型感染后，通过影响抑癌基因P53的负调控功能，并在ras、C－myc、C－erbB－2多个活化的基因协同参与下，在食管鳞状细胞癌的发生过程中起到十分重要的作用。在此基础上，他们提出了食管癌早期诊断的有效控制方法和免疫学观察指标。 有关专家认为，这一研究结果填补了国内在人乳头瘤病毒感染与多癌基因在食管癌发生机理研究方面的空白，对指导早期防治、筛选高危个体、有效地降低食管癌发病率和死亡率，具有重要的理论意义及临床推广价值。 </t>
  </si>
  <si>
    <t xml:space="preserve">男生学习什么专业以后好比较能找到工作？ </t>
  </si>
  <si>
    <t>汽车、发动机等 我们单位招不到人，全国没有几个此专业学校，人才紧缺</t>
  </si>
  <si>
    <t xml:space="preserve">为什么我进入战场和关中的终南道后就没有游戏音乐了啊 </t>
  </si>
  <si>
    <t>战场好象本身就没音乐，至于关中的那地方就不太清楚了</t>
  </si>
  <si>
    <t xml:space="preserve">喷墨打印机的墨可以打多久我想知道一个墨盒，通常可以打印多少张纸， </t>
  </si>
  <si>
    <t>一般体验装200张，墨覆盖率不能太高。其他能多一点。彩墨盒更少。</t>
  </si>
  <si>
    <t xml:space="preserve">打篮球怎样抢板我现在1.8米，是中锋可是我总是抢不过比我矮的人。 </t>
  </si>
  <si>
    <t>要想抢到球,身高一定要有,但不是绝对的,良好的卡位,强大的力量,还有出色的弹跳可以弥补身高上的劣势。 卡位是抢到球很关键的步骤,而卡位的前提则是良好的上下肢力量.有力量的下肢可以使你在篮下占据好的位置,不会被挤到外围,被挤到了外面,那你就只能捡篮板球了.而好的上肢力量可以帮助将对手卡在身后,或者将他挤出禁区;另外还可以在抢到球时能够拿的稳一些,不被打掉(经常被这样,就是因为上肢力量不够) 除了卡位外,判断落点也是很重要的,这要靠长时间的比赛,累积经验得到的.这一点看看radman的比赛录象就能发现了.落点判断准了,还需要快速的脚步,抢在对手行动之前将篮板球摘下. 力量虽然不能征服一切,但在抢篮板时,力量确实很重要.看看ben wallce就知道了,或者去看看Danny Fortson的也行.一身发达的肌肉可以令对手胆寒,增加自己的信心.那些竹竿是很难靠近禁区的(也有例外的,Shawn Marion是一个)卡位其实靠的就是力量 再谈谈弹跳.好的弹跳对抢篮板球当然重要.打个比方,按一个人抢到篮板球为100%,如果你的弹跳好的话,占了50%,那力量和卡位,判断落点所占的比例就少了,所以弹跳也十分重要,如果你拥有VC或AI的弹跳,OK,一切搞定.不过就算你的弹跳能力出众,但也不能乱跳,掌握跳的时机也很重要,而且过度的跳很浪费体力</t>
  </si>
  <si>
    <t xml:space="preserve">什么是细胞缺氧有什么危害？ </t>
  </si>
  <si>
    <t xml:space="preserve">    细胞缺氧的原因有：环境因素：如人处于空气稀薄的高原、矿井或长期呆在密闭的高层          办公楼内。自身身体因素：如患有某些影响氧气吸收与输送、利用的，如          慢性阻塞性疾病、心脏血管系统疾病、糖尿病、颈椎病          等。    缺氧对人体的危害：    氧气是人体赖以生存的重要物质基础，因此长期缺氧必然产生一系列危害；    1、缺氧导致体内有氧代谢率下降，无氧酵解加强，机体代谢效率降低，免疫力下降；    2、缺氧引起肺血管收缩，造成肺动脉高压，右心室负担增加，最终导肺肺心病；    3、缺氧可加重高血压、加重左心负担，引起心律失常；    4、缺氧刺激肾脏产生红细胞生成素，使体内红细胞增多，血液粘稠度增高，外围血管阻力加大，心脏负担加重，引起或加重心力衰竭，诱发心肌梗塞、脑血栓等；    5、缺氧可引起大脑产生一系列精神、神经症状，如失眠、反应速度下降、记忆力下降、行为异常、个性改变等；    6、缺氧引起肝细胞水肿、变性和坏死，肝功能障碍，肝纤维化；使肾血管收缩，肾小管上皮细胞坏死而导致肾功能不全等；    7、缺氧使得整个身体状况进入一种相互影响的恶性循环状态。</t>
  </si>
  <si>
    <t xml:space="preserve">谁那有初二上册的数学典中典的答案我只有第二单元达标测试的答案就行 </t>
  </si>
  <si>
    <t>自己不做　还要答案</t>
  </si>
  <si>
    <t xml:space="preserve">我的酷派5910手机，照相功能打不开了、谁能帮个忙。 </t>
  </si>
  <si>
    <t>重启手机试试看</t>
  </si>
  <si>
    <t xml:space="preserve">官方逼迫玩家使用!我觉得玩家使用外挂不排除玩家的个人问题!但是大 </t>
  </si>
  <si>
    <t>的确是这样啊~~拜托官方能解决登入困难这一问题 我相信玩家会更加多的 会更加支持你们的游戏的！！！！！！！！！！！！！！！！！！！！</t>
  </si>
  <si>
    <t xml:space="preserve">真能防辐射作用吗，如何防辐射服呢，优加呢 </t>
  </si>
  <si>
    <t>可以防辐射作用，远离辐射才是最好</t>
  </si>
  <si>
    <t xml:space="preserve">哺乳期避孕失败求助我的宝宝两个月零八天,吃母乳,避孕失败,请问怎 </t>
  </si>
  <si>
    <t>哺乳期意外怀孕做人工流产手术会损害产妇健康，并有一定危险，由于产后时间短，子宫则复旧或尚未完全复旧，进行人流术容易发生子宫穿孔、大出血等。因此避孕失败应及时到医院检查，争取能做药流，这样损伤小些，如是手术一定要选择条件较好的医院。 另外，如做药流最好在药流期暂停哺乳。</t>
  </si>
  <si>
    <t xml:space="preserve">现在的大学生该做什么现在的大学生应掌握什么技能？学习什么呢？ </t>
  </si>
  <si>
    <t>二十一世纪的三大技能，英语 计算机 汽车所以英语级别一定要高，这是最重要的，计算机则很多，除了基本的办公软件，还要学习和你专业相关的一些软件，当然光学还不够，因为你学了，没人知道你学，所以你要去考取相关的认证，因为用人单位不管你会不会，最直接就是看你的一些证书。汽车方面，你要是不是学汽车的就不用研究得太深奥了，当然将来肯定是有车的，要是不想用司机，最好还是学驾照，其他的要是有兴趣的话可以买一些汽车杂志，现在这个到处都是，汽车方面的东西相当的多。以上是基本的技能是大家需要共同有的。自己独特的对于大学生而言则是要学号专业课，这是最重要的，大学开的课 说实话，大部分都是鸡肋，根本没用 但是还是必修必须要过的，所以你学的能过就可以，但是到后面开的专业课，则不同他是以后生活的铁饭碗，一定学好。个人意见仅供参考</t>
  </si>
  <si>
    <t xml:space="preserve">关于防沉迷防沉迷只是3小时经验和物品掉率减半,5小时经验和物品掉 </t>
  </si>
  <si>
    <t>荣誉当然也减半了,具体的不是经验和物品掉率减半,而是游戏收益减半,到了5个小时就被题下线了..当然是针对未成年人, 成年人就没事了.</t>
  </si>
  <si>
    <t xml:space="preserve">CPU使用率一般是多少，如果长期很高，会对电脑的寿命减少吗 </t>
  </si>
  <si>
    <t>赛扬667MHZ 超频到850MHZ使用率是40%左右！图拉丁赛扬使用率在35%左右！铜矿奔三 30%左右！ 赛扬4 2.0GHZ以上应该在26%--22%之间！奔4 NWOOD 15%往下！以上都是在加载防火墙和开两个网页情况下的数据！啥都不加载基本上是1%--5%！ 长期过高,对电脑不好,那是一定的啊</t>
  </si>
  <si>
    <t xml:space="preserve">我的一些邮件收不到最近我再水木清华上的论坛进行了注册，但是他说已 </t>
  </si>
  <si>
    <t xml:space="preserve">您好，如果您没有收到朋友的信件，请先检查您自己的免费信箱是否有问题？最简单的测试办法是自己给自己发一封邮件，如果发的出去收得到的话，就说明您的免费邮箱一切正常，没有问题。另外您还要检查是否您垃圾邮件过滤设置不当造成的，请您登陆邮箱内的设置区进行调整。另外，您可以让对方测试给其他网站邮箱发邮件是否正常，如果不正常，就是对方邮箱服务器的问题。　　如果以上三点都没有问题的话，有可能是对方曾经给新浪发垃圾邮件被新浪屏蔽，请您给我们发邮件，主题为：“我收不到对方的邮件”，然后正文里面写明对方的邮件地址是什么和大致情况，我们会通过邮件和对方联系，让对方发一封测试邮件给我们，然后从中查找原因来解决问题。我们的联系邮箱为:webcn@ ,另外也欢迎您通过电话和我们联系，我们的客服电话为： (全国统一免长途费热线) </t>
  </si>
  <si>
    <t xml:space="preserve">如何协调好领导与员工的矛盾?我是一名公司的主管,当我下面的员工与 </t>
  </si>
  <si>
    <t>你看过《水煮三国》没，你去看一看便知。一。你要有一颗公正的心，不应偏向任何一方。二。弄清事情真相，对症下药。三。做好协调工作。</t>
  </si>
  <si>
    <t xml:space="preserve">郑和七下西洋,为什么说"西洋",不说"南洋"?"西洋"的提法是明? </t>
  </si>
  <si>
    <t>首先 西洋：印度洋沿岸，及经由印度洋到中国的欧洲。如“郑和下西洋”、“西洋镜”。明朝初期以婆罗（Borneo）/文莱为界，以东称为东洋，以西称为西洋，故过去所称南海、西南海之处，明朝称为东洋、西洋，且暹罗湾之海，称为涨海    郑和下西洋是一个伟大的壮举。然而，郑和下西洋究竟是由于什么样的历史原因引起的？ 　　郑和第一次远航是1405年，而准备这次行程则是1403年，也就是说， 朱棣刚刚登上皇位，就举全国之力投入了这个庞大的计划，其中一个重要原因就是追寻据说是逃亡海外的朱允。这一点，在《明 通鉴》中是有记载的，也是诸多看不起郑和下西洋的学者的主要依据。例如，《明通鉴》就称：“建文帝之出亡也，有言其在海外考，上命（郑）和踪迹之。” 　　其实，建文七年（公元1402年）七月十三日当朱棣打入南京时，皇宫正陷入一片火海。太监报告说发现了皇后和太子已经烧焦的尸体，另外一具烧得面目全非的尸体应当就是惠帝。然而，五天以后，也就是七月十八日这三具尸体埋葬之后，朱允 已经逃走的谣言还是四处弥漫。朱棣为巩固自己的皇位，一是大开杀戒，处死那些拒绝承认他的官员及其家属；二是修改历史，宣布“建文年号”不复存在，而是把朱元璋的年号一直延长到建文四年，即洪武三十五年；三是宣布迁都北京，大肆兴修紫禁城，重新修整大运河；四是镇压反叛势力，例如建文皇帝的顾命大臣黄子澄在苏州组建“勤王”军队遭到镇压；五是通过郑和下西洋的壮举，以消弭惠帝流亡海外这个造成政局不安的政治谣言，并且通过这支举世无双的壮观宝船，向那些可能藏匿废帝的番邦君主宣布，只有朱棣才是天朝皇位的真正拥有者。 　　关于郑和下西洋的历史壮举，云南大学教授熊思远更赞成主要是由于经济方面的原因：倘若宝船船队的出使，是为调查惠帝逃亡海外的传说，那么古里就是开始寻觅的最佳地点。这显然不合情理。而如果把此次远航看作是纯粹的外交活动，似乎也难成理由，因为在此之前，也就是朱棣登上皇位的1403年，成祖已经派遣了一波使团前往日本、泰国、印度尼西亚、马来西亚等地以及印度的柯枝，宣示他已经得到了大明帝国的皇位，且包括日本幕府王室等也派使臣到南京朝见过朱棣。那么，是什么原因促使明成祖朱棣要派遣这支举世无双且满载着中国的优质丝绸、高级瓷器、精致漆器以及精湛品的庞大船队出使大西洋呢？结论只能从明成祖的对外开放政策中去寻找蛛丝马迹。“宣德化，而怀柔远人”是其一个重要的目的，但更主要的还是开展对外贸易，尽管它并非是现代意义上的“对外贸易”！（焦海涛） 　　明朝开国已近半个世纪，洪武皇帝平定了传统的华夏天下。30年间努力恢复国力，农业经济繁荣，专制政权强大。一切都准备好了，“靖难之变”后，永乐皇帝登基，扩张时代开始。江苏太仓成为郑和下西洋的起锚地。 　　公元1405年，世界上没有哪个国家哪种力量可与大明帝国争雄。永乐皇帝治下的明帝国在政治野心、经济实力、军事技术等方面，都占有绝对的世界优势。明朝开国已近半个世纪，洪武皇帝平定了传统的华夏天下。30年间努力恢复国力，农业经济繁荣，专制政权强大。一切都准备好了，“靖难之变”后，永乐皇帝登基，扩张时代开始。此后的28年间，郑和、王景弘率领大明皇朝的船队七下西洋，从江苏太仓刘家河到亚丁湾，泛海九万里。 　　江苏太仓是当年郑和七下西洋的起锚地，太仓的闻名遐迩与郑和紧密地连在一起。至今在太仓境内，留下郑和出港前朝拜过的天妃宫，留下城内孑遗的打铁釜、铁锚弄等古迹，这些都铮铮有力地告诉着后人：这里承载着许许多多有关郑和七下西洋的信息，还有更多至今待发掘的有关郑和的遗迹。正如“重走郑和路”的记者范春歌所说：“太仓的强项，第一就是郑和下西洋的起锚地……它是一个独一无二的优势，这是打‘郑和牌’，我觉得这是一张‘王牌’。” 　　郑和与刘家港曾经载入史册，写进教科书。这是铁定的历史事实。因此郑和是太仓打出的一张“王牌”，纪念郑和太仓人更是责无旁贷。600年前，是郑和航海出使把太仓带到世界各地。太仓人的祖辈曾亲眼目睹过郑和的风采，其祖先们还参与过七下西洋的惊世壮举，曾奉献过自己的青春年华，甚至热血和生命。今天，长江口的“第一港”太仓港，更是“百舸争流，千帆进发”，数百年前的“六国码头”，正在建设成“百国码头”。他们用大手笔告慰郑和的英魂。郑和，早已在太仓人的心目中挥之不去。 　　近年来，太仓市对郑和的遗迹进行发掘整理，正在加紧重新建造郑和博物馆、郑和公园、郑和广场，并在长江口矗立起巨大的郑和塑像，重修天妃宫等与郑和有关的古迹，并已将太仓城北路更名为“郑和路”。 　　纪念郑和，是太仓人永远的情结。如今，太仓乃至江苏请来“郑和”当“大使”。太仓的“第一港”，太仓的知名度，与当年包括郑和在内的先辈先贤们的付出是密不可分的。600年过去了，似乎很遥远了。许多事情容易被历史所淡化，雁过无痕，乃至遗忘。但是，郑和的名字，仍在岁月的沧海桑田中熠熠生辉。这是历史的回声，也是历史的回报。太仓再次引起海内外研究学者以及投资商的极大关注，这是郑和名人效应的显现，也是对太仓的回馈</t>
  </si>
  <si>
    <t xml:space="preserve">急！！！该买多少腻子和乳胶漆啊？？？我家过两天就要批腻子刷漆了， </t>
  </si>
  <si>
    <t>根据你的建筑面积，我估计你的墙面约270平米左右，需要腻子膏约23-25袋（25公斤/袋）左右，乳胶漆至少需要30升，如果还要刷带颜色的，那至少要35升左右，而且所选颜色越多，漆的用量也就越多。立邦和多乐士都是知名大品牌，质量可靠稳定。至于哪个好，就不好说了。两个品牌都有高中低档的产品，相同档次的产品的质量基本一样，价钱也相差无几。其实，不管你选择哪个品牌，关键看你选择哪个价位的产品了。以5升桶为例，便宜的100多元，中档的200多元，高档的300-400元，品质、环保性能和耐擦洗能力都是不一样的。选择哪种，要根据自己的要求和承受能力来定。中档价位的“五合一”类的产品性价比不错，兼顾环保和功能，建议选择。立邦和多乐士都有这类产品，大约都在260元左右（5升），至于选择哪个品牌，看你自己喜欢哪一个了。小建议：腻子膏和乳胶漆最好到大型建材超市或专卖店购买，因为目前市场上这两种产品假货较多，尤其是腻子膏，市场上那些个体小门脸卖的80%以上都是参假的！</t>
  </si>
  <si>
    <t xml:space="preserve">妩媚动人（离合字一） </t>
  </si>
  <si>
    <t>丰色艳？？？？？？色丰艳？？？？</t>
  </si>
  <si>
    <t xml:space="preserve">谜语一则，请打一字三面是墙一面空，一个女子在当中，有心说句悄悄话 </t>
  </si>
  <si>
    <t>囡,如果我答的不对,请把答案告诉我,谢了.</t>
  </si>
  <si>
    <t xml:space="preserve">宝宝有时候摇头,是怎么回事宝宝快七个月了,最近发现有时候他会不自 </t>
  </si>
  <si>
    <t xml:space="preserve">不会的啊 宝宝没有那么容易摔坏 我家宝宝7个月左右的时候 也是这样子 到现在还经常这样呢 有时是跟大人学 她也抓耳朵 把耳朵都抓的出血  现在还是这个样子 宝宝也不缺钙 我家宝宝一直补钙 不知道你家宝宝是否缺钙 有人说宝宝缺钙愿摇头 不过这么大的宝宝一般都是这样你也不要担心了 宝宝没有问题 如果实在不放心就去医院检查一下 </t>
  </si>
  <si>
    <t xml:space="preserve">关于电脑主板的问题！如果更换主板，是不是电脑原来保存的资料都会遗 </t>
  </si>
  <si>
    <t>更换主板后你原来的资料不会遗失的，资料都放在硬盘里呢。硬盘不换资料就没事的。</t>
  </si>
  <si>
    <t xml:space="preserve">如何在QQ中开设群号 </t>
  </si>
  <si>
    <t>等级有一个太阳的可以免费申请一个群,如果是会员也可以直接建.具体方法直接点"群/校友录"然后点右键,选择创造一个群,按照提示就可以建一个群了.</t>
  </si>
  <si>
    <t xml:space="preserve">63期4胆5包！请大家踊跃推荐4个胆！ </t>
  </si>
  <si>
    <t>挪威女 VS 赤几女  3 巴西女 VS 澳洲女  3 弗鲁米 VS  巴拉竞 3格雷米 VS 奥瓦    3</t>
  </si>
  <si>
    <t xml:space="preserve">孩子咳嗽发烧，得了急性扁桃体炎和支气管肺炎总共挂了6天水，然后带? </t>
  </si>
  <si>
    <t>你好，遵照医嘱按时服药就可以了，疾病的恢复是需要时间过程的。</t>
  </si>
  <si>
    <t xml:space="preserve">人的烦恼喜怒哀乐 </t>
  </si>
  <si>
    <t xml:space="preserve">烦恼皆有因，读懂自己的内心，找到原因，找到解决方法，自己找不到的话，可以考虑心理咨询。    </t>
  </si>
  <si>
    <t xml:space="preserve">怎么样才能做出好吃的馅饼？馅怎么调？ </t>
  </si>
  <si>
    <t>好吃的，不光要馅好，还有其他方面，我告诉你。这可是正宗的馅饼。原料：肥羊肉1斤、净白菜2斤5两、面粉1斤5两、黄酱2两、葱末1两、精盐3钱、芝麻油2两、姜末2钱、花生油2两、花椒水1两（花椒水的制法：将花椒1钱、八角1钱同放在碗里，用开水5两浸泡，待水程黄色即可。凉后，用其调味可去羊肉的膻味。制作方法：将羊肉末放在盆中，加入黄酱、精盐、姜末、花椒水搅匀。然后将葱末放在肉上，淋撒上芝麻油拌匀，同时将白菜末挤去水分，与肉一起拌成馅。另将面粉放在盆中，倒入温水7两，用杆面杖搅拌，和成很软的面，醒20分钟。另，面板上铺上面粉5两，将软面团放在上面，滚上面粉，用手揪下1块约5钱重的面剂摁扁，放上1两馅，将四周兜起包上馅，在手中一转即封好口。随即揪去收口处的面头，用手摁成圆饼。饼铛置火上烧热，刷上花生油，逐个放好包好的圆饼。烙两分钟后翻个身，盖上盖，再烙两分钟。然后将饼再翻过去，放在饼铛四周烤两分钟即熟。特点：此饼是用很软的面制成，皮薄绵软，金黄油润，馅以菜为主，肉为辅，鲜嫩清香。</t>
  </si>
  <si>
    <t xml:space="preserve">如何选择化妆品我的皮肤有些干，去买化妆品时她们说你的皮肤比较干就 </t>
  </si>
  <si>
    <t>我劝你先去看医生吧，你皮肤应该是过敏性皮肤，也没准是营养过剩所致，也有可能你清洁的不到位，玫琳凯应该还是可以的，我用的还可以，但不一定适合所有人！别人推荐都是假的，你还是先问医生后在选择产品吧！</t>
  </si>
  <si>
    <t xml:space="preserve">歇后语发了霉的葡萄请问下一句是什么? </t>
  </si>
  <si>
    <t>发了霉的葡萄——一肚子坏水（比喻坏到了极点。）</t>
  </si>
  <si>
    <t xml:space="preserve">为什么我的ie老是于服务器重置，但上网正常？ </t>
  </si>
  <si>
    <t>如果你的电脑没病毒，那就有可能是你浏览的信息有敏感信息，这种情况下，俺们的网警和监视软件会把你的IE和服务器重置。</t>
  </si>
  <si>
    <t xml:space="preserve">女生送筷子什么意思?我才上高中,快过生日了,某女生送我一双筷子, </t>
  </si>
  <si>
    <t>她可能喜欢你..算是一种表白的方式吧...一般红色代表女孩,兰色代表男孩..再加上筷子是一双..应该明白了吧?看来女孩子为你的生日礼物很费心哦..如果你对她也有好感,快点行动吧..呵呵..</t>
  </si>
  <si>
    <t xml:space="preserve">有关E话通的问题我的E话通不知怎么回事在10人视屏聊天室里呆一会 </t>
  </si>
  <si>
    <t>在十人通话的房间里,可以同时四人通话,而在大房间里只有两人同时通话,对网速的要求不一样,在小房间网速要求就高一些,这说明你的网速不太好,可以通过网络加速和系统优化来加快你的网速,即可解决你的问题.</t>
  </si>
  <si>
    <t xml:space="preserve">奶水爆多怎么办～～？　　我的奶水很多～～～多到一次性喂养四、五个 </t>
  </si>
  <si>
    <t>奶多好啊，我家宝宝现在也快5个月了，也是母乳喂养的，每次她爷爷奶奶带她出去的时候，别人都说她长得好，没奶吃的孩子很羡慕的，多吃母乳抵抗力强啊，我买的贝亲的一次性乳垫，效果很好，每次宝宝吃不完的奶都挤出来，我也在慢慢的少吃，断奶是个循序渐进的过程，我想等到你真的断奶了，孩子在你身边找奶吃的时候，你会很心酸的。建议还是坚持一下，顺其自然好些。</t>
  </si>
  <si>
    <t xml:space="preserve">“鑫亿佳大饭店”中的“鑫亿佳”是什么含义？请您帮分析“鑫亿佳大饭 </t>
  </si>
  <si>
    <t>“鑫亿佳”中的鑫是繁盛的意思，佳则是好的意思，亿是很多的意思，合在一起便是生意红火，无限的周到服务。还有一层意思，与新一家谐音，意思是独一无二的一家，表现了与众不同的感觉，有助于吸引人。我猜的，也不知道对不对，呵呵</t>
  </si>
  <si>
    <t xml:space="preserve">迷你邮件怎么说点击名片.最前面的迷你做什么用? </t>
  </si>
  <si>
    <t>现在已经没用了,以前的话,在艾夏岛的一个白板上点一下可以看到有人在卖什么,就是在简介那里弄卖什么,在那里可以看到,然后联系</t>
  </si>
  <si>
    <t xml:space="preserve">比特率是什么意思?有什么用,我是在转换CD格式到WMA格式中看到? </t>
  </si>
  <si>
    <t>比特率是指每秒传送的比特(b)数。单位为 bps(Bit Per Second)，比特率越高，传送的数据越大，音质越好。 推荐比特率为 192Kbps，传送的数据量适中，音质也与 CD相当。 比特率 在电信和计算, 比特率 (有时书面bitrate) 是位被传送通过收音机或导线的速度以。它互换性有时也被利用以波特速率, 不是 一般相同。注意"速度" 在这环境不提到distance/time 但对"information"/time 的数量, 并且应该因而是卓越的从"传播速度" (取决于传输媒介和有通常物理意思) 。 它通常被表达作为位每秒、省略的bit/s 、b/s, 或非正式地bps 。 B 应该总是小写, 避免混乱以字节每秒(B/s), 虽然这次大会经常被忽略。 SI 前缀经常被利用: 1000 bit/s = 1 kbit/s (一个千位元或一千位每秒) 1000 kbit/s = 1 Mbit/s (一兆或一百万位每秒) 1000 Mbit/s = 1 Gbit/s (一吉比特或一十亿位每秒) ． 一次相似的大会独特对计算机行业, 利用同样前缀(以经常大写的 k) 但因素1024 年= 210, 几乎总较不经常被利用为比特率, 但为相当数量位和字节。区别在SI 和二进制前缀和capitalisation 问题之间是混乱的恒定的原因。 有典型地八位在字节(八重唱), 但通信 数据速率 用字节几乎从未被表达每秒, 有盘和记忆I/O 转学比例的著名的 例外。转换从byte/s 到bit/s, 简单地乘以8 。 在音像和视听文件质量经常被测量在bitrate 。Bitrate 显示多么大被存放的数量位每秒数据是。 例子为音像格式: * 8 kbit 关于电话质量 * 32 kbit 关于中波质量 * 96 kbit 关于FM 质量 * 128 kbit 关于光盘质量 当然是越大越好~但大小就不多说了</t>
  </si>
  <si>
    <t xml:space="preserve">请问调皮老师600832东方明珠,支撑在那里呀? </t>
  </si>
  <si>
    <t>600832 东方明珠压力在於散?艉问??出而不在价格,多震荡一下就全跑出?砹?目前就是多看少动持有等待了.</t>
  </si>
  <si>
    <t xml:space="preserve">能否用进化论来解释人的寿命问题？？！ </t>
  </si>
  <si>
    <t>生理的因素 和进化论关系不大 有的话也是因为这样新陈代谢比较快 突变个体相对较多 有利于人类进化  主要限制生命的因素有很多学说  像自由基  程序死亡等</t>
  </si>
  <si>
    <t xml:space="preserve">积分符号∫在式中的用法，在这个式子中，这个符号怎么用，应该怎么算 </t>
  </si>
  <si>
    <t>##去掉这个积分符号我会算，？？我不知道你能否理解不定积分，如果能理解，那么，积分号上下有字的，称定积分，就是利用不定积分得出的代数式f（x）用积分上下限代入，得：f(l)-f(0)积分是一个独立的数学方法，不学是不行的，不是一句话就能说明白的！</t>
  </si>
  <si>
    <t xml:space="preserve">求好看的动漫 </t>
  </si>
  <si>
    <t>浜虎 魔女的使命 未确认进行式 中二病也要谈恋爱!恋 银之匙 第二季 Strange+ 世界征服～谋略之星～ 鬼灯的冷彻 野良神 1月新番中个人觉得不错的</t>
  </si>
  <si>
    <t xml:space="preserve">支付职工福利的进项发票能否抵扣?我公司有时购买生活用品用于职工福 </t>
  </si>
  <si>
    <t>1.支付职工福利的进项发票不能抵扣。2.执行旧制度分录：    借：管理费用--福利费    贷：现金（或银行存款）   执行新制度分录：    借：应付职工薪酬--福利费    贷：现金（或银行存款）</t>
  </si>
  <si>
    <t xml:space="preserve">专项拨款会计分录我公司收到一笔国家治理重金属污染专项资金拨款，请 </t>
  </si>
  <si>
    <t>借：银行存款贷：专项应付款-XX待这笔资金确认归你企业后，借：专项应付款-XX贷：营业外收入</t>
  </si>
  <si>
    <t xml:space="preserve">中信建投通达信行情软件问题怎样把多头鹰的四只股票设置为自选股 </t>
  </si>
  <si>
    <t>先点一只股的分时图，再敲你自选的股票代码，就ＯＫ！</t>
  </si>
  <si>
    <t xml:space="preserve">如何获到重庆时时彩的投注方法 </t>
  </si>
  <si>
    <t>投注时时彩主大家可以到 这个彩王娱乐 caiwang333.com 啊，这才是最好的彩票平台，这里投注安全可靠，这有个他们的客 服 Q Q: ７７３４４７９４</t>
  </si>
  <si>
    <t xml:space="preserve">我是以前35F的现在没有35F了我没有移过民还能上以前的帐号吗？ </t>
  </si>
  <si>
    <t>恩，我也是原35的，当时经历了合服和两次移民，我最后还是移民到了47。你没移民的话那帐号会保留在3F卡因的。</t>
  </si>
  <si>
    <t xml:space="preserve">燕子老师：600653是否割肉换成地产股？ </t>
  </si>
  <si>
    <t>600653个人认为短线有投机机会，不建议中长线持有，地产股今日表现较好，不过经济会议对地产股政策尚不明朗，可以介入做补涨。</t>
  </si>
  <si>
    <t xml:space="preserve">风湿性关节炎治疗常用的有什么方法呢 </t>
  </si>
  <si>
    <t>风湿的治疗外科治疗以往一直认为外科手术只适用于晚期畸形病例。目前对仅有1～2个关节受损较重、经水杨酸盐类治疗无效者可试用早期滑膜切除术。后期病变静止，关节有明显畸形病例可行截骨矫正术，关节强直或毁坏可作关节成形术、人工关节置换术。负重关节可作关节融合术等。风湿的治疗有理疗采用紫外线治疗仪照射，目的在于用热疗以增加局部血液循环，使肌肉松弛，达到消炎、去肿和镇痛作用，同时采用锻炼以保持和增进关节功能。理疗方法有下列数种：热水袋、热浴、蜡浴、红外线等。理疗后同时配以按摩，以改进局部循环，松弛肌肉痉挛。风湿是一种以侵害骨关节为主要的病症，随着病情加重，对于骨关节的伤害就越来越深，甚至导致骨关节失去原本的功能，但很容易患上这种疾病。因此患者就要抓紧时间去治疗了，并且希望患者能对症治疗了，还有就是希望患者能试试“超导可视拔针微创疗法”在治疗颈椎、腰椎、脊柱炎、骨关节、股骨头坏死等骨病有着极好疗效的同时，也针对于风湿、类风湿、产后风湿、痛风等风湿疑难杂症也有着优秀的治疗效果。经过新一代的中西医结合临床潜心研究，打造出的“超导可视拔针微创疗法”曾给无数的风湿骨病患者带来了福音。</t>
  </si>
  <si>
    <t xml:space="preserve">QQ密码遗失了怎么办？ </t>
  </si>
  <si>
    <t>很简单，你登陆的时候，如果密码错误，会有相应的提示，只要根据提示取回密码就行了，你只要有一个邮箱就可以了，我前段时间刚丢的QQ，一个星期之内就可以找回来的，放心好啦，祝你早日找回来</t>
  </si>
  <si>
    <t xml:space="preserve">有个“家庭旅馆网站”，谁知道详情？ </t>
  </si>
  <si>
    <t xml:space="preserve">中国家庭旅馆网站： </t>
  </si>
  <si>
    <t xml:space="preserve">罪恶都市模型飞机那里我怎么也过不去了，有什么办法吗？比如不过这关? </t>
  </si>
  <si>
    <t>你如果愿意，可以把你的存档发上来，我给你过</t>
  </si>
  <si>
    <t>巴勒莫0</t>
  </si>
  <si>
    <t>依然坚信主场拿下，过程如上轮巴里对罗马</t>
  </si>
  <si>
    <t xml:space="preserve">什么病毒会让笔记本键盘串位啊？我的键盘W和T时不时变成大小写切换 </t>
  </si>
  <si>
    <t>建议你将到另一台电脑进行测试，如果是键盘故障请修理或更换，如果没有故障请修复一下系统。如果故障依旧，建议先查杀一下木马，修复一下系统试试。建议你下载恶意软件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软件也可以在正常模式中进行查杀）。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或用还原软件进行系统还原）。 4、如果故障依旧，使用系统盘修复，打开命令提示符输入SFC /SCANNOW 回车（SFC和/之间有一个空格），插入原装系统盘修复系统，系统会自动对比修复的。 5、如果故障依旧，在BIOS中设置光驱为第一启动设备插入原装系统安装盘按R键选择“修复安装”即可。6、如果故障依旧，建议重装操作系统。（1）  键盘的某个按键按下后无法弹起的故障诊断方法：键盘的某个键按下后无法弹起是由于一些键盘、键帽下的弹簧老化使弹力减弱，引起弹簧变形，导致该触点不能及时分离，从而无法弹起。其故障维修方法为：将键帽盖片下的弹簧更换，或将弹簧稍微拉伸以恢复其弹力，再重新装好键帽即可。（2）  按下某个键屏幕上没有反应的故障诊断方法：按下某个键屏幕没有反应主要是由于内部的电路板上有污垢，导致键盘的触点与触片之间接触不良，使按键失灵或该按键内部的弹簧片老化而变形，导致接触不良所致。其故障维修方法为：首先拆开键盘的外壳，用软毛刷将电路板上的污垢清除，同时使用无水酒精清洗键盘按键下面与键帽接触的部分，清洁后进行测试。如果故障依旧。接着再次拆开键盘外壳，更换有问题的按键即可。</t>
  </si>
  <si>
    <t xml:space="preserve">宝宝发烧后睡觉半个小时就突然大哭惊醒是什么原因？已有宝宝:年龄5 </t>
  </si>
  <si>
    <t>孩子生病后可能会改变一些原来的生活作息规律或者行为，建议你逐渐恢复原来的生活规律，当然这需要一定的时间，但是家长如果能够坚持，孩子就会养成良好的入睡习惯和基本保证夜间睡长觉。</t>
  </si>
  <si>
    <t xml:space="preserve">中药如何治疗脱发？我是一名男士,脱发有些年头了,头发爱出油,查了 </t>
  </si>
  <si>
    <t xml:space="preserve">    脱发比较难治，越早治疗越好，脱发患者有多种症候类型，包括肾精亏虚、气血虚弱、肝气郁结、肝血虚热等类型，要知道自己的脱发类型，最好去看看中医，根据中医的诊断进行对症治疗。    还有要注意平时的饮食生活习惯特别是睡眠要注意早睡早起，饮食上可以多吃一些滋补肝肾乌须黑发的食物包括黑豆、黑芝麻、黑木耳等，也可以针对自己的症候使用中成药包括七宝美髯丹、乌发丸等。</t>
  </si>
  <si>
    <t xml:space="preserve">９０级樊香的门派在哪里领取啊(我合欢派的门派贡献88W能领取不?? </t>
  </si>
  <si>
    <t>88W能领高级的了，至于在哪个地方领，完美还真会藏。做过平妖任务吗？那个冯什么的NPC旁边有个洞  从那个洞上去 4个使者都在那里</t>
  </si>
  <si>
    <t xml:space="preserve">昆仑山脉的地理范围巴颜喀拉山是昆仑山的一支？？？ </t>
  </si>
  <si>
    <t xml:space="preserve"> 昆仑山脉是亚洲中部大山系，中国西部山系的主干。西起帕米尔高原，横贯新疆维吾尔自治区与西藏自治区，东伸入青海省西部，抵四川省西北部。长2500千米。为古老的褶皱山脉。西段沿塔里木盆地南缘作西北-东南走向。东北坡陡峭，西南与喀喇昆仑山脉相接。山体高大，有公格尔山（7719米）、公格尔九别峰（7595米）、慕士塔格山（7546米）、慕士山（7282米）等高峰。分布面积较广。东经81°附近起为东段，转为东西方向，共分3支：北支为祁曼塔格山，构成柴达木盆地的西南边缘；中支为阿尔格山，东延为布尔汗布达山，阿尼玛卿山（积石山）；南支为可可西里山，东延为巴颜喀喇山。巴颜喀喇山为黄河和长江的分水岭。其北的黄河迂回在宽谷中，谷底有大片的湖沼，以扎陵湖、鄂陵湖为最大。其南的长江河源段干支流局部地段已割出峡谷。东昆仑山山势降低到5000～6000米，仅少数高峰如木孜塔格峰（7723米）超过7000米。冰川主要分布在西段，即喀什噶尔河源与克里雅河源间的400千米地段，雪线海拔5600～5900米，冰川面积在3000平方千米以上，是中国现代大冰川区之一。玉龙喀什河上游的玉龙冰川长25千米，是此地区目前已知最大的冰川。处内陆中部，气候干燥。西昆仑荒漠带上升到3200米，只有少数河谷局部湿润地段出现云杉林和圆柏灌丛。3000米以上高山区大多是裸岩峭壁。东昆仑山更为干燥，荒漠带上升到3400米 。高等植物约有100多种，以垫状植物为主。高原特有动物藏羚羊、野牦牛、野驴等能利用高寒草场繁育。昆仑山北麓大断裂带是强地震带。 </t>
  </si>
  <si>
    <t xml:space="preserve">精液呈黄色颗粒状会不会影响生育 </t>
  </si>
  <si>
    <t>不会</t>
  </si>
  <si>
    <t xml:space="preserve">哪里有看真正免费电影网站的?谁知道哪里有看真正免费电影的网站?不 </t>
  </si>
  <si>
    <t xml:space="preserve">联通的4M宽带跟电信的2M宽带相比，你会选择哪一个？它们各有什么? </t>
  </si>
  <si>
    <t>联通光纤在带宽上更大些.但是一般都限制了BT,如果经常下电影的话还是用电信吧.但是下载一般的歌曲和HTTP方式FTP方式下载速度都还可以，这主要取决于你访问的服务器是哪条线路了. 个人认为联通4M和电信2M比较的话，还是4M联通的好点，又便宜带宽又高</t>
  </si>
  <si>
    <t xml:space="preserve">信用卡问题!如果我办过一次交行的卡，如果第一未被审批，那我还可不 </t>
  </si>
  <si>
    <t>首先第二次进办交行卡我们不会一见到你的申请表就PASS掉因为交行是电脑审表根据你提供的资料先电脑初审它是根据表上资料先设定分值当你填写的分值达到就算通过了初审然后才会进一步审表比如：你的人行个人征信系统是否有污点等</t>
  </si>
  <si>
    <t xml:space="preserve">数学设计一幅宣传画，要求画面面积为4840平方厘米,画面的宽与高 </t>
  </si>
  <si>
    <t>解：设画面的高为x，宽为ax，则a 故 设纸张面积为Ｓ，有Ｓ＝（x+16）(ax+10)=ax +(16a+10)x+160将 代入上式得 当 ，即 时，Ｓ取得最小值，此时高 宽 答：画面高为８８cm，宽为５５cm时能使宣传画所用纸张面积最小。采纳吧!!!!!!!!!!!!!!!!!!!!　　　　</t>
  </si>
  <si>
    <t xml:space="preserve">求教！做过鼻子手术是不是不可以游泳？我在前年因为蝶窦囊肿做了鼻子 </t>
  </si>
  <si>
    <t>你如果做好保护措施就好了，不然是有影响的，还是上医院看看吧，保险。</t>
  </si>
  <si>
    <t xml:space="preserve">料酒吃多了好不好?做菜用黄酒还是料酒好?做菜时是早点放还是晚点放 </t>
  </si>
  <si>
    <t>烹饪用酒统称"料酒"，一般使用黄酒。黄酒是用糯米经浸泡、蒸煮、发酵而成的。酒精浓度为15度左右，酒味醇和，并含有丰富的氧基酸和维生素。料酒的作用主要是去除鱼、肉类的腥膻味，增加菜肴的香气，有利于咸甜各味充分渗入菜肴中。如鱼、虾、蟹中起腥味的胺类物质在烹调中随料酒的加入，便溶于黄酒的酒精中且随着加热一起发挥，达到去腥的目的。其它如牛、猪、鸡、羊等肉类的腥气，也随着黄酒一起挥发。另外，黄酒中的氨基酸，在烹调中能与食盐结合，生成氨基酸钠盐，从而使所烹之食物滋味变的更加鲜美。黄酒中的氨基酸还能与调料中的糖形成一种诱人的香气，使菜肴香味浓郁。</t>
  </si>
  <si>
    <t xml:space="preserve">二战美军著名将帅有哪些位？ </t>
  </si>
  <si>
    <t>波澜壮阔的第二次世界大战涌现出众多战争将领。比如，苏联的朱可夫、崔可夫、铁木辛哥、伏罗希洛夫、华西列夫斯基，美国的艾森豪威尔、麦克阿瑟、巴顿、布雷德利、马歇尔、尼米兹，德国的隆美尔、邓尼茨、布吕歇尔，英国的蒙哥马利、坎宁安，日本的山本五十六等。他们中，有的为人称道，有的臭名远扬。本文介绍5位代表性将领，再次将人们带回昔日的二战战场。 苏联“胜利的象征”朱可夫 格奥尔基·朱可夫1896年出生在莫斯科附近的一个小村庄。第一次世界大战爆发后，朱可夫应征入伍，从此开始了他的生涯。1918年，朱可夫加入苏联红军。后来，历任骑兵旅旅长、骑兵第4师师长、骑兵第3军和第6军军长、白俄罗斯特别军区副司令等职。 1939年6月，朱可夫调任驻蒙苏军第1集团军群司令，指挥苏蒙军队，围歼当地的日军，粉碎了日军北上的企图。之后，他成为一颗耀眼的新星。1941年，朱可夫被任命为苏军总参谋长，成为苏军的首脑人物。 1941年6月22日，苏德战争爆发。苏联成立最高统帅部大本营，朱可夫是7名成员之一。1941年9月，列宁格勒被德军包围，朱可夫被任命为列宁格勒方面军司令，率该方面军与波罗的海舰队协同作战，有力地阻止了德军的进攻。同年10月，首都莫斯科告急，朱可夫又被调回莫斯科，全面负责莫斯科保卫战的指挥。他在莫斯科近郊以西建立起坚固的防线，顶住了德第4集团军的正面强攻。寒冬来临之际，苏军对疲惫不堪的德军发起反攻，迫使德军败退，取得了莫斯科保卫战的胜利。 1942年8月，斯大林任命朱可夫为最高副统帅，令其赶赴斯大林格勒前线督战。朱可夫制定了庞大的反攻计划，围歼德军150万人。1943年1月，朱可夫被授予元帅军衔。紧接着他又指挥了列宁格勒突围战和库尔斯克会战，取得了极大成功。随后，他率领部队，以风卷残云之势扫荡德军，向西挺进，最终攻克柏林。他们挺进的速度之快，甚至超过了苏联新闻局对战事的报道速度。1945年5月8日，朱可夫代表苏联最高统帅部，在柏林接受了法西斯德国的投降。 朱可夫一生功勋卓著。后来他当过苏联国防部长等职，1974年与世长辞。正如艾森豪威尔所赞颂的那样：“有一天肯定会有一种苏联勋章，那就是朱可夫勋章。” 美国战神巴顿 乔治·巴顿1885年出生在美国加利福尼亚州。18岁时，他进入私立弗吉尼亚军事学院学习，一年后被保送到西点军校就读。第一次世界大战爆发后，巴顿随美国远征军总司令潘兴到了法国，得到潘兴将军的赏识。1917年11月，巴顿受命组建美国第一支坦克部队，参加第一次世界大战。在战斗中，巴顿竟一个人开着坦克，冲入德军防线，差点送了命。一战结束后，巴顿回到美国，赋闲在家。 第二次世界大战全面爆发后，巴顿的军事才能再次得到陆军参谋长马歇尔的赏识。1940年，巴顿受命组建装甲旅。1941年12月珍珠港事件之后，美国对德日意宣战。1942年11月，巴顿率领美国特遣队4万多名官兵横渡大西洋，在法属摩洛哥海 滨登陆，经过74小时的激战，终于迫使驻摩洛哥的德军投降。北非登陆的成功，为盟军顺利完成北非战略部署创造了有利条件。1943年，巴顿临危受命，接任美第二军军长之职。从他到达的那天起，他便全力以赴整顿军纪，迅速改变了全军的涣散状态。3月17日，面目一新的美军向德军发起进攻，一路猛攻猛打，很快与英军在突尼斯北部完成了对德军的合围。 1943年7月9日，盟军发起西西里岛登陆战役。巴顿率美第7集团军攻取巴勒莫，随后抢在蒙哥马利之前拿下了墨西拿城。盟军占领了西西里岛，德军退到意大利本土。此时发生了巴顿打士兵耳光的事件，他因此被免去第7集团军司令的职务。 诺曼底登陆战打响后，巴顿将自己的集团军编成若干坦克群，命令部下“以尽快的速度，向一切可以推进的地方前进！”在9个月的推进过程中，巴顿部队歼敌140余万，取得了惊人的战果。巴顿晋升为四星上将。德国投降后，巴顿被任命为巴伐利亚州军事长官。1945年12月9日，巴顿在外出打猎时突遇车祸受重伤，12月21日在德国海德堡一家医院辞世，享年60岁。 巴顿是一位充满传奇色彩的人物。巴顿性格暴躁，战场上，他用极富个性的粗俗语言激发士兵的斗志。艾森豪威尔曾说：“在巴顿面前，没有不可克服的困难和不可逾越的障碍，他简直就像古代神话中的‘大力神’，从来不会被战争的重负所打倒。” 英国军魂蒙哥马利 伯纳德·蒙哥马利1887年出生在英国伦敦。19岁时，他考入桑赫斯特英国皇家军事学院，次年离开学校，加入英国在印度的驻军，从此开始了漫长的军旅生涯。1938年10月，蒙哥马利奉调到巴勒斯坦，升为少将。 第二次世界大战爆发后，蒙哥马利率第3师横渡海峡，出征西欧大陆，失利后被迫随英军从敦刻尔克撤退。 1942年8月，蒙哥马利被任命为英驻北非第8集团军司令，他上任后，就着手建立一支具有完善装甲武器的后备军和一支装甲部队。蒙哥马利善于根据战场形势需要制定作战计划。他认为，根据第8集团军的训练水平，轻率地放任他们去与敌 人对抗是不行的。为此，他不惜以辞职相抗争，坚拒丘吉尔要他提前发动进攻的要求。 1942年10月，经过充分准备，蒙哥马利在阿拉曼防线向隆美尔的德意部队发起进攻。由于英军在人员和装备上都占压倒性优势，隆美尔军队遭受重创后不得不撤出埃及。阿拉曼战役的胜利扭转了英军在北非的局面，蒙哥马利被提升为上将。 北非一仗结束后，蒙哥马利与美国的巴顿将军协同作战，在西西里岛登陆，进军意大利。接着又率领盟军第21集团军在诺曼底登陆。1944年9月，蒙哥马利晋升为元帅。1945年5月，驻荷兰、德国西北部和丹麦的150万德军向蒙哥马利投降。二战结束后，蒙哥马利被任命为英国驻德占领军总司令和盟国对德管制委员会英国代表。1976年去世。 德国军事天才隆美尔 艾尔温·隆美尔1891年出生在德国一个普通的中学校长之家。1910年从军。一战时随部队开赴法国，后又在东线与罗马尼亚人和意大利人作战，被德皇威廉二世授予功勋奖章。一战结束后，他担任过步兵营长和陆军学院教官。1937年出版了《步兵攻击》一书，书中贯穿了德国军事理论的进攻精神，提出“进攻，进攻，进攻！”强调了发挥火力优势的重要性，受到希特勒的赏识。1938年，隆美尔升任元首大本营卫队长，并获少将军衔。 1940年2月，他被任命为第7装甲师师长。在入侵法国的战役中，他率领第7装甲师横扫法国，其攻击速度之快，挺进距离之远，使该师赢得了“魔鬼之师”的称号。 1941年，意大利在北非战场吃紧，希特勒派隆美尔担任德国非洲军司令。 他到达北非后，不到两个月就扭转了北非战局，挫败了英军的锋芒，取得了胜利。随后在得到补给后，隆美尔再度发起进攻，并迅速突破英军的防御，占领了托卜鲁克，征服了昔兰尼加。因在非洲战场的出色战绩，隆美尔获得了“沙漠之狐”的外号。1942年6月22日，隆美尔被擢升为德国陆军元帅，达到他一生中的辉煌时刻。之后，他的军队在埃及遭遇蒙哥马利军队的强大攻势，被迫撤出埃及。 1943年11月，隆美尔出任B集团军群司令并奉命加强“大西洋壁垒”防御工事。但此时，盟军已彻底扭转了战局，所以他原来准备在盟军登陆诺曼底之初将其赶入大海的计划彻底破产。隆美尔的汽车也遭到盟军飞机的攻击，他多处负伤，仍活了下来。1944年10月14日，正在养伤的隆美尔因被指控参与谋杀希特勒，被迫服毒自杀。 隆美尔有着惊人的军事素质，他把德国军事学说的进攻精神融于自己的军事指挥之中，善于捕捉稍纵即逝的战机，敢于力排众议，果断发起进攻。丘吉尔曾这样评价隆美尔：“尽管我们在战争浩劫中相互厮杀，请准许我说，他是一位伟大的将军。” 日本战争赌徒山本五十六 1884年，山本五十六出生于日本长冈市。毕业于江田岛海军学校，1904—1905年参加了日本海军名将东乡平八郎指挥的日俄海战。在战斗中，他负了重伤，左手的食指、中指被炸飞，下半身被炸得血肉模糊，留下了终身残疾。1914年，他进入海军大学深造，1915年晋升为少佐。 1924年，山本调到霞浦航空队任副队长，并在飞行员中建立了威信。他先后在巡洋舰“五十铃”号、航空母舰“赤城”号上担任舰长和海军航空部技术处长、第一航空队司令官等职。1934年晋升中将。在此期间，山本最感兴趣的是飞机，他大肆鼓吹“空军本位主义”，“以航空母舰为基地的进攻战”。由于日美在太平洋的冲突不断升级，他狂妄地推动日本偷袭美国的珍珠港。 1941年12月7日，山本策划了世界海战史上远距离偷袭的奇迹———偷袭珍珠港成功，使得他在日本国内威名大震，显赫一时。出于赌徒的本性，山本还想对美国再进行一次奇袭，进攻太平洋上的中途岛。但是，这次山本输了。美军早已破译了日军的密码，赢得了准备时间，布下了伏击日军的陷阱，以劣势兵力重创日军。 1943年4月，美军情报人员再次破译日军的密码，获悉山本将于4月18日乘中型轰炸机、由6架战斗机护航，到前方视察的消息。美国总统罗斯福亲自做出决定：“截击山本。”美军从容部署，派出战斗机空中伏击，击落了山本五十六的座机。山本当场丧生。</t>
  </si>
  <si>
    <t xml:space="preserve">到哪去开增值税发票？ </t>
  </si>
  <si>
    <t>到你单位主管税务局（国税）申请购买或代开。</t>
  </si>
  <si>
    <t>没什么考虑的了本期14场任九场1匈牙利(0)2009</t>
  </si>
  <si>
    <t>单子不错，祝你中奖！</t>
  </si>
  <si>
    <t xml:space="preserve">从超市里买的现成的猪排、牛排怎么煎？看到超市里有猪排及牛排卖，作 </t>
  </si>
  <si>
    <t xml:space="preserve">怎么煎？ 首先，锅要烧的非常热，这样牛排下锅时，高温会迅速把肉的表面封住，让鲜美的汁留在里面。煎牛排可以用植物油，也可以用黄油，条件允许最好是用橄榄油，因为不是炸，所以油不用太多，薄薄一层就可以。 牛排一般有二分熟、五分熟、八分熟和全熟，全凭煎的时间长短。最后再加盐和黑胡椒粉（后放盐是因为，如果先放会把肉里的汁吸出，影响肉的鲜嫩度）。 还有一种方法是先把牛肉腌制一下再煎。用蒜末、姜末、半碗老抽酱油、半杯红葡萄酒、少许蜂蜜、少许辣椒粉和黑胡椒粉，调和成汁，把牛排放在里面腌2个小时左右。如果有时间提前准备，可以把牛排浸过汁后用保鲜膜包起来，放在冰箱里过夜，第二天再做，效果会更好。　准备及加工：20分钟用料：猪排 4份（每份约200g）盐 1茶匙（5g）黑胡椒粉 1/2茶匙（3g）面粉 3汤匙（45g）鸡蛋 1枚番茄酱 1汤匙（15g）面包屑 80g番茄沙司 4汤匙（60g）原味酸奶 2汤匙（30ml）紫苏叶 1茶匙（5g）油 2汤匙（30ml）做法：1、在猪排上撒入盐和黑胡椒粉，腌制10分钟。鸡蛋和番茄酱混合均匀。2、将猪排上沾上一层面粉，再裹上番茄酱和鸡蛋液的混合物，最后蘸匀面包屑。3、中火加热煎锅中的油，待烧至六成热时放入准备好的猪排，将两面均煎上色（约5分钟），至熟。4、把番茄沙司、原味酸奶和紫苏叶混合均匀，淋在煎好的猪排上即可。贴士：如没有新鲜的紫苏叶（九层塔）也可不用。 </t>
  </si>
  <si>
    <t xml:space="preserve">肚子上的妊娠纹怎么去除？自从女儿出生以后，我再也找不到那份坦然的? </t>
  </si>
  <si>
    <t>推荐以下饮食方案，坚持下去就能一定程度上缓解妊娠纹的症状：　　A、吃些对皮肤内胶原纤维有利的食品，以增强皮肤弹性。　　B、控制糖分摄入，少吃色素含量高的食物。　　、每天早晚喝两杯脱脂牛奶，吃纤维丰富的蔬菜、水果和富含维生素及矿物质的食物，以此增加细胞膜的通透性和皮肤的新陈代谢功能。维生素E对于皮肤有抗衰老作用，富含维生素E的食物有卷心菜、葵花籽油、菜籽油等。维生素A、B2也是皮肤光滑细润不可缺少的物质。当人体缺乏维生素A时，皮肤会变得干燥、粗糙有鳞屑；若缺乏维生素B2时，会出现口角乳白、口唇皮肤开裂、脱屑及色素沉着。富含维生素A的食物有动物肝脏、鱼肝油、牛奶、奶油、禽蛋及橙红色的蔬菜和水果。富含维生素B2的食物有肝、肾、心、蛋、奶等。　　D、正确的喝水习惯会为你的皮肤弹性计划提速。早上起床后，可先喝一大杯温矿泉水，它可以刺激肠胃蠕动，使内脏进入工作状态；清晨，排出体内垃圾是非常重要的。如果你常被便秘所困，不妨在水中加些盐。　　E、调整饮食习惯，尽量吃新鲜水果，少喝果汁；喝脱脂奶，少喝全脂奶；喝清汤，少喝浓汤，多吃低糖水果，少吃饼干和沙拉。　　F、要保证均衡、营养的膳食，避免过多摄入碳水化合物和过剩的热量，导致体重增长过多。当然，从医学上，可以采用激光去除妊娠纹。</t>
  </si>
  <si>
    <t xml:space="preserve">电脑连续两天处于＂休眠＂状态，会对电脑有损伤吗？我把让它＂休眠＇ </t>
  </si>
  <si>
    <t xml:space="preserve"> 没事拉   天天开着都没事，就是  中国的电力资源保护协会会找你的啊</t>
  </si>
  <si>
    <t xml:space="preserve">男性睾丸的大小对性能力有影响吗? </t>
  </si>
  <si>
    <t>　　男性总是十分关注自己外生殖器的大小,对男性生殖器如此,对睾丸也是如此.因此,当有些男性发现自己的睾丸比别人小时,就开始忐忑不安:自己的性能力会不会比别人差?专家表示,这种担心大可不必.一般,只要睾丸大小在正常范围内,即成年后不小于1.25厘米,那对性能力就没有影响.　　但有人又会问:"睾丸能分泌雄性激素,睾丸大,分泌的雄性激素肯定就多,性能力不就强了,怎么能说它们没关系呢?"下面来看男性不育中心郑殿增主任关于睾丸大小与激素的介绍.　　不可否认,雄性激素的确会对性能力产生影响,但"睾丸大,体内雄性激素就多;睾丸小,体内雄性激素就少",却是很多男性在性知识上的一大误区.在正常的生理状态下,人体内的雄性激素浓度会受到性腺轴(即下丘脑-垂体-睾丸系统)的反馈调节.如果睾丸分泌的雄性激素过多,性腺轴系统就会接到信号,进行调节,减小雄性激素的分泌,反之亦然.也就是说,人体始终会自动调节,让体内的雄性激素刚好够用,既不多多益善,也不有所亏欠.　　但如果睾丸大小低于正常水平,那就对性能力有影响了.通常来说,男孩在10岁时,其睾丸小于1厘米,则表明睾丸发育不正常.在这种情况下,睾丸分泌的雄性激素过少,男性生殖器的生长发育也会受到影响,从而导致男性生殖器短小;同时,睾丸生成精子的能力也会大大下降.　　因此,父母一定要对男孩在发育阶段的睾丸状况有所了解,如发现异常,要及时就医,以免错过最佳的治疗时机.对成年人而言,如果睾丸小于1.25厘米,则有可能是睾丸萎缩,雄性激素的分泌、性能力也会受到影响,应尽快就医.</t>
  </si>
  <si>
    <t xml:space="preserve">想买块表，不知道买什么牌子• </t>
  </si>
  <si>
    <t>我个人觉得卡西欧不错，实惠实用</t>
  </si>
  <si>
    <t xml:space="preserve">到底是散弹枪还是霰弹枪？经常听到或看到有人把霰（音现xian)弹 </t>
  </si>
  <si>
    <t>不能说是咬文嚼字，而是形象的需要，毕竟汉字是象形字。霰（xiàn）在高空中的水蒸气遇到冷空气凝结成的小冰粒，多在下雪前或下雪时出现。霰弹（dàn）炮弹的一种，内装黑色炸药和小铅球、钢球，弹头装有定时的引信，能在预定目标上空及附近爆炸。亦称“榴霰弹”、“子母弹”、“群子弹”。被误读成“散（sǎn）”的原因可能是过去有句话：遇字不识读半边。所以就成了散^-^PS：目前比较常用的**字典，因为出版时间、版本的不同，可能出现同一字注音、注释相互矛盾的情况，这是比较可惜的——日后得查《辞海》、《辞源》了^-^</t>
  </si>
  <si>
    <t xml:space="preserve">怎么样更换系统？在网吧买了台电脑，是万象系统，但是没有密码无法进 </t>
  </si>
  <si>
    <t>呵呵,网吧的还原卡拆下来,重装系统</t>
  </si>
  <si>
    <t>56希望多大？乌克兰(0)06</t>
  </si>
  <si>
    <t>96元回本！好运！</t>
  </si>
  <si>
    <t xml:space="preserve">&lt;两小儿辩日&gt;中的"孰为汝多知乎'的"为"读几声? </t>
  </si>
  <si>
    <t>第二声</t>
  </si>
  <si>
    <t xml:space="preserve">资产负债表中“应交税金”是负数，请问是什么意思？ </t>
  </si>
  <si>
    <t>资产负债表中“应交税金”是负数，请问是什么意思？资产负债表中“应交税金”是负数，可能是预缴或多缴税款，如果是一般纳税人的企业可能有增值税留抵税额（即进项税额大于销项税额）。</t>
  </si>
  <si>
    <t xml:space="preserve">汽车保险如果只买交强险和三者出险时理赔流程汽车保险只买交强险和三 </t>
  </si>
  <si>
    <t>如果发生事故现要走交强险进行赔偿交强险赔偿后额外的损失由商业险三者险进行补充。具体如下1涉及财产损失最多赔付2000元2涉及人伤最多赔付10000元3涉及人员死亡伤残最多赔付110000元不够由商业第三者进行补充</t>
  </si>
  <si>
    <t xml:space="preserve">我现在只有个会计证，我应该先考什么呀？（中专学历） </t>
  </si>
  <si>
    <t xml:space="preserve">   不知你是哪一年毕业的，如果你是现在毕业的，有了会计证，但还是不能考会计资格考试，因为你没能达到要求，所以你不妨先考大专吧，如果你相通到学校去学呢，那要花三年的时间，或许你不愿意，所以你可以自学的啊，而且一年有三次的考试机会，一次性考两门，一年也能考六门，这样你就能很快地考完它，迅速地拿到大专文凭，而且在自学过程中，你还能做其它的事情，如果你现在在工作，你也可以一边工作一边学习的，只是这样会蛮辛苦的，但我相信你有那个毅力去完成它的。         如果你有了会计证，你才能考职称，才能向更前发展，更能施展你的才能，完成你的心愿，在这里我祝你取得成功，在学习或工作中有更大的突破！</t>
  </si>
  <si>
    <t xml:space="preserve">幽门螺旋杆菌传染吗？母亲今年70岁了，有十几年的慢性萎缩性胃病史 </t>
  </si>
  <si>
    <t xml:space="preserve">Hp感染率随年龄而上升。传染通过“口-口”及“粪-口”途径，故Hp感染常有家庭聚居性，所以患有"幽门螺旋杆菌感染"的在家需要和家人分餐,餐具要消毒.治疗:治疗可以口服奥美拉唑和克拉霉素或是胃三联的药物如果效果不好，你可以注射奥美拉唑针剂的.1)含铋剂三联：CBS240mg，2次/日+甲硝唑400mg，2次/日+四环素500mg，2次/日，或CBS240mg，2次/日+甲硝唑400mg，2次/日+阿莫西林500mg， 2次/日，或CBS240mg，2次/日+甲硝唑400mg，2次/日+克拉霉素250mg，2次/日，疗程1～2周， lori根除率85%以上；(2)含质子泵抑制剂三联：奥美拉唑20mg(或其它PPI制剂)，2次/日+甲硝唑400mg，2次/d+克拉霉素250mg，2次/日，或奥美拉唑20mg(或其它PPI制剂)， 2次/日+甲硝唑400mg， 2次/d+阿莫西林1000mg，2次/日，或奥美拉唑20mg(或其它PPI制剂)，2次/日+克拉霉素250mg，2次/日+阿莫西林1000mg，2次/日，疗程1周， lori根除率90%以上。Hp感染率随年龄而上升。传染通过“口-口”及“粪-口”途径，故Hp感染常有家庭聚居性，根除疗法是治疗消化性溃疡的一种最有效、最廉价和最简单的方法。这个菌很不好根治的，饮食要注意，不要吃一些刺激性的食物，如辣的，醋类，酒，少吃一些大蒜也有杀菌做用,但不要多吃.第四军医大学第一附属西安西京（全国最佳医院排名 综合第7 , 消化内科第5）,你可以去那里看看专家门诊. </t>
  </si>
  <si>
    <t xml:space="preserve">关于推荐码问题我的推荐码给朋友开号用了，但他不玩删号了，我想再次 </t>
  </si>
  <si>
    <t>目前的推荐码只能用一次,据说以后用金币可以买新的推荐码,还有就是如果B是用A的推荐码进来的,那么B的推荐码就不能给别人用了.我前几天刚在论坛上问过这个问题.</t>
  </si>
  <si>
    <t xml:space="preserve">双甲状腺肿多发混合性肿块超声显示：侧叶甲状腺75X31X25MM </t>
  </si>
  <si>
    <t>甲状腺多发囊实性结节大多为良性的，最常见的是“结节性甲状腺肿”，简称“结甲”。为甲状腺增生所致，女性较多，一说与青少年时碘摄入缺乏有一定关系。结甲患者在结节不大，没有症状时可以长期随诊，若发现某些结节过大，产生压迫症状（如颈部不适、憋气等）或影响美观，可考虑手术治疗；您的超声结果结节较大（最大达到3cm左右），边界欠清，内见钙化，建议您到正规医院的普通外科就诊，咨询医生是否需要手术治疗。</t>
  </si>
  <si>
    <t xml:space="preserve">怎么感觉在这个社会越来越来难活了呢？ </t>
  </si>
  <si>
    <t>贫富差距越来越大造成的. 富人越富, 富二代, 富三代找工作就容易. 穷人越来越穷, 穷人子弟找工作就难, 特别是文化程度较低, 只能做没人愿意做的工作, 没得商量. 连这样的工作, 随着穷人越来越多, 也会越来越难找.所以会感到活得没有奔头, 越来越难.</t>
  </si>
  <si>
    <t xml:space="preserve">游戏过户问题在5173买了梦幻西游号支持过户吗 </t>
  </si>
  <si>
    <t>请选择游戏名称。</t>
  </si>
  <si>
    <t xml:space="preserve">忠义任务的接受前提以及任务过程越详细越好~~~~~RT~~~别拿 </t>
  </si>
  <si>
    <t>人物50级以后,找王元华接任务 他要求你杀游荡的妖兽.很BT建议找人帮.然后要4级奇珍各一组 去天因交.回来去忠义碑刷贡献到6000就可以每天接任务了,接任务要2组奇珍 随机要的.巨额经验,运气好接到诸葛亮的51万经验 其他的25万左右</t>
  </si>
  <si>
    <t xml:space="preserve">感光元件尺寸有什么作用，能打个比如么，是不是越高越好… </t>
  </si>
  <si>
    <t>感光器件的面积越大，也即CCD/CMOS面积越大，捕获的光子越多，感光性能越好，信噪比越低。CCD/CMOS是数码相机用来感光成像的部件，相当于光学传统相机中的胶卷。一般家用的DC最大的也就2/3~一般的就1/1.6~1/1.7~1/1.8~1/2.33~1/2.5~越大越好~单反机的感光元件面积比较大~全画幅相当于135胶片的大小~中画幅相当于120胶片的大小~感光元件尺寸相当于胶片的尺寸，尺寸越大，图象质量越好，所以当然是越大越好了。</t>
  </si>
  <si>
    <t xml:space="preserve">煮鸡蛋的水能喝吗？ </t>
  </si>
  <si>
    <t>只要煮鸡蛋前的把鸡蛋洗干?Q。水质又?]问题。会是很好的钙质補充?碓础?再把鸡蛋?由垢纱蛩榉旁谂柙缘哪嗝嫔稀?连植物也能吸收到钙、磷质。开花时还挺美丽和持久。</t>
  </si>
  <si>
    <t xml:space="preserve">400元以内的DVD哪个牌子比较好？现在国庆节大连哪个商场的DV </t>
  </si>
  <si>
    <t>国美电器和苏宁电器，大商都有活动。400元一下可选择的机型不多，大多是特价机。步步高和夏新以及华录有几款特价机可以考虑。非特价机型本人用的科诺还可以。</t>
  </si>
  <si>
    <t xml:space="preserve">路由器加密方式这几年换了几个路由器的，从早先tp到D和JCG无线 </t>
  </si>
  <si>
    <t>浏览器输入 ，进入路由，点无线参数，SSID号：自己随便起的名字；开启无线功能，开启安全设置，安全类型，WPA-PSK/WPA2-PSK,下面两个自动选择，PSK密码就是你要输入的密码！！！安全性还是wap－psk/wsp2－psk高，或许开启安全设置默认的是wep,你可以进路由器里，点左面的无线参数，基本设置里，开启安全类型中更改。wep容易被bt3或者bt4破解，所以不安全</t>
  </si>
  <si>
    <t xml:space="preserve">后备两侧酸痛最近感觉后背两侧酸痛，敲打起来更酸痛，脊椎下方，屁股 </t>
  </si>
  <si>
    <t>您好，根据您的描述，跟之前一个患者很像，不过考虑到您才19岁，所以除非是遗传，否则腰椎退化，不至于会很严重，当然，如果经过一段时间保守治疗没有改善，则建议行核磁共振，排查腰椎问题，还有腰椎结核问题，也需要排查，另外结石，肌肉劳损也有可能，所以必要时泌尿系超声也是需要的，谢谢您的提问，祝您早日康复</t>
  </si>
  <si>
    <t xml:space="preserve">木瓜怎么做菜木瓜当菜吃,有那些做法详细的菜谱 </t>
  </si>
  <si>
    <t xml:space="preserve">    18》银耳木瓜冰糖水用料：银耳约30克，木瓜约350克，冰糖约150克，姜2片，陈皮适量。做法：　　1、银耳用清水浸透，剪去较硬的蒂部，木瓜去皮，切粒，陈皮浸软，去瓤。　　2、清水4杯烧煮，放入姜片和陈皮煮片刻。　　3、捞去姜片和陈皮，下银耳和木瓜粒，慢火煮15分钟。　　4、最后放入冰糖，煮至糖溶解便成。备注：煲糖水用的木瓜，宜选用八成熟的为佳，过熟的木瓜煲煮后会黏烂，令糖水混浊不清。19》火龙银耳雪梨用料：火龙果、银耳、木耳、雪梨、冰糖、煮熟的青豆、枸杞。做法：1、银耳、木耳用开水泡开、摘洗干净，火龙果取果肉，果壳待用，火龙果肉和雪梨切成均匀的块。2、将切好的火龙果、雪梨块同银耳、木耳、冰糖一起加满水用文火熬制一小时。3、将炖好的汤盛入火龙果壳中，撒上青豆、枸杞即可。 排毒功效：清热、化痰、润肺，可助吸烟、饮酒者排出毒素。1》木瓜牛奶： 1 材料：木瓜150克，牛奶200cc.（约１大杯），香草冰淇淋（１小盒），糖１小匙（可加可不加） 做 法： 木瓜去皮、切块。放入果汁机中加入200cc.鲜奶，糖、冰淇淋适量，用中速搅拌几分钟即可。由新鲜木瓜.鲜奶制成，绝对新鲜香浓，当场饮用，若需外带，置放不超過30分钟（冬天）和20分钟（夏天），以保最佳风味。鲜奶中的钙质，木瓜中的维生素C，都是人体中所需的营养成份，适合天天饮用。新鲜木瓜冬天?r会略带苦味，是正常現象，请安心食用。 2 材 料：木瓜半个，蛋黄1个，蜂蜜1大匙，牛奶200ml，柠檬半个。 做 法：木瓜切成块，连同牛奶、蛋黄一起打成汁，再加入柠檬汁及蜂蜜， 以使果汁更入口。本品若加上一点威士忌酒，味道更好。可作为正餐饮用。 3 材 料：木瓜360克，鲜牛奶两杯，白砂糖适量，碎冰块适量。 做 法：1.选取新鲜熟透木瓜，去皮、去核，切成大块状，备用。 2.将木瓜块、鲜牛奶、白砂糖及适量碎冰一齐放入果汁机中，打碎成浓汁，即可饮用。 功效：润肤养颜。 2》木瓜果盘： 把八成以上熟木瓜切开数瓣，去皮，刮瓤，切成鲜果盘。口感软滑、多汁，又香又甜。如果一次吃不完，剩下的部分最好不要去皮、刮瓤，可用保鲜纸包上放入冰箱冷藏，几天内尽快吃完。不要冷冻保存，以免口感不好。部分经过冬寒的木瓜可能会略带苦味，是正常现象，敬请安心食用。 3》木瓜牛奶椰子汁 材 料：木瓜1/2个，鲜奶250cc，蜂蜜1大匙，椰子汁50cc，碎冰块1/2杯。 做 法：木瓜去皮对剖、去籽、切块，将所有材料放入果汁机搅拌约30秒，即可倒出饮用。 功 效：含有丰富的维生素C，胡萝卜素，能有效恢复疲劳，对消化不良者也颇有助益。 4》木瓜鲜奶露 材 料：木瓜600g，鲜奶1杯，椰汁半杯，糖200g，玉米粉3汤匙。 做 法：木瓜去核去皮切粒。 用两杯清水加糖煮滚，然后放入木瓜粒，再加入鲜奶、椰汁，用慢火煮滚。用小半杯水开匀玉米粉，逐步加入奶露中，煮至成稠状即可。 功 效：常食用木瓜制作的食品可使皮肤光滑。 5》木瓜橘子汁 材 料：木瓜1个，桔子130g，柠檬50g。 做 法：先将木瓜削皮去籽，洗净后切碎，捣烂取汁备用。 再将桔子和柠檬切开，挤出汁液与木 瓜汁混合，搅匀即成。 功效：饮用本品能使肌肤光滑，还有助于消化，润肠，是老幼皆宜的。 6》木瓜麦片牛奶汁 材 料： 去皮木瓜半个，全脂牛奶400毫升、麦片1汤匙、糖酌量。 做 法： 木瓜切粒，与全脂牛奶 搅成汁後，加入即溶麦片，再酌量加入糖。 7》木瓜炖牛排 　　材 料：木瓜1个，牛排200克，蒜末，辣椒少许，蚝油，高汤，米酒适量。 　　做 法：用盐、玉蜀黍粉和鸡蛋，将牛排先腌味4小时，再将牛排切成条状。将木瓜切成条状，先用小火过油。用蒜末、辣椒将油锅爆香后，将牛排下锅，再加入蚝油、高汤和少许米酒。最后，用太白粉勾芡，再加入木瓜拌炒一下即可。 　功 效： 木瓜炖牛排结合蛋白质与维他命。牛肉性温，因此和水果一同入菜较能免于燥热之气。牛肉含丰富蛋白质、钙、磷、铁和维他命A等，木瓜则有大量的维他命C，两者一同食用可使营养均衡。 8》木瓜蜂蜜糖水 材 料 ： 木瓜1个、蜂蜜适量、水适量 做 法 ： 用水洗?Q木瓜。将木瓜皮刨去，去瓤，切片。将木瓜放入煲中，加適量水。. 煲?L后改用中火煲30分钟。放 落蜂蜜调味。搅匀糖水，即可饮用。 功 效： 木瓜味甘，性平微寒，功能助消化，健脾胃，润肺、止咳、消暑解渴。蜂蜜?t生能清热；熟则性温，能补中，甘而平和，能解毒；柔而濡泽，能润燥。舒筋去湿，滋润五脏，而对十二指肠溃疡，咳嗽、吐泻亦具食疗作用。 9》木瓜综合牛奶果汁 材 料：木瓜100ｇ、香蕉1/3根、柳橙半粒、牛奶150CC、冷开水50CC、冰块适量 做 法：木瓜去籽挖出果肉；香蕉剥皮；柳橙削去外皮，剔除籽，备用。把准备好的水果放进果汁机内，加入牛奶、冷开水，搅拌打匀后即可倒入装有冰块的杯中饮用。 功 效：木瓜中的β胡罗卜素，结合香蕉的维生素E，可帮助解毒、纾解头痛、改善视力、皮肤发痒、头发掉落等恼人问题，比吃药更自然健康，又没副作用。 </t>
  </si>
  <si>
    <t xml:space="preserve">在我的电脑中找不到号码文件夹不知道到底哪一个是QQ号码文件夹，而 </t>
  </si>
  <si>
    <t>你点QQ图标，点鼠标右键，点属性，点察看目标就能看见QQ号码文件夹了，但如果你要察看聊天记录那么得开QQ进去看，如果你没有你想要看那个QQ的密码的话，就看不了，想看就得通过软件，网上很多聊天记录软件，你搜下吧</t>
  </si>
  <si>
    <t xml:space="preserve">阵法的有什么用？怎么用？浪费了好多武点学习阵法，结果发阵后感觉没 </t>
  </si>
  <si>
    <t>1。那个加气血上限的阵法是说把该队里会使用阵法的人的气血上限平均分配之后再增加，所以要是队里几个人气血上限相差很多，就会出现你气血没增加甚至还减少了的现象。2。你是阵眼~阵眼好像没效果。3。你确定队里其他人都跟你开了阵法，就一个人开也不行。</t>
  </si>
  <si>
    <t xml:space="preserve">PS2装硬盘？？？？急我有个39001，要是改加硬盘形式，都需要 </t>
  </si>
  <si>
    <t>首先这个硬盘就是普通的电脑硬盘推荐80G的MAXTOR品牌的．．．我的是二手的九成新300元用到现在没有任何问题而且品牌也牢靠买一手的也行估计是在400-500左右．．容量个人认为80G的差不多了现在大的游戏4G小的才几百M．．．然后是网卡．．．这个是貌似只有专卖店才有的卖．．我的是210元+引导工具盘．．．然后还有一根是USB转IDE的数据线．．．我是网上订的．．这个和网卡一样很难买的到．．．50块钱搞定．．．然后先把PS2后面一块盖拿掉．．．把硬盘装到网上面然后再插到PS2后面．．数据线是用来把游戏拷入硬盘的．．一般网上下载的游戏都是镜象文件把硬盘用此线接电脑后就可以拷了用盘拷的话你得要有DVD光驱．．．具体还需要一个拷贝的软件你可以上 里面的PS2工具HDL专区查看具体操作．．．如果光头坏了的话就用楼上给你的方法．．但引导卡我目前未找到过．．．还有就是不是所有的游戏都支持硬盘玩的．．．但有些个游戏只要在拷贝的时候模式选择一下就没有问题．．．这个在 这个网上也有支持游戏列表的．．．</t>
  </si>
  <si>
    <t xml:space="preserve">求A区雪景谁有的哇介绍下怎么安装的那个文件夹要说得清楚些哦小弟笨 </t>
  </si>
  <si>
    <t>我资料里有在电脑飚车文件里搜索（crtl+F）然后复制我资料里的文件黏贴就好了记得要备份一下</t>
  </si>
  <si>
    <t xml:space="preserve">请问哪里有专门教中国竹笛的啊？我竹笛吹了10年了，可是还是个业余 </t>
  </si>
  <si>
    <t>最好找一个会弹琴的MM</t>
  </si>
  <si>
    <t xml:space="preserve">我想请问一下在广东那边好不好找工作？我是名中专毕业生，想到那边去 </t>
  </si>
  <si>
    <t>说难也不难，说易也不易，中专文化会计专业最好找工的地方是东莞、中山、顺德。最不好是深圳。</t>
  </si>
  <si>
    <t xml:space="preserve">牙齿烂了怎么办 </t>
  </si>
  <si>
    <t>病情分析：牙齿龋坏形成洞，冷热刺激会疼，说明洞比较深已经离神经很近了，如果只是冷水进入后疼痛、没有自发痛应该直接补就可以指导意见：建议就医检查患牙具体情况，如果牙神经没有发炎可以去干净洞里的腐质，用牙科材料补上，否则洞越来越深很快就该牙髓炎了。如果龋洞已经累及到牙神经导致牙髓炎就得杀神经做根管治疗了，所以尽快去医院治疗吧，平时也应该每半年检查一次牙齿，发现问题尽早处理，等牙疼的时候再看就晚了你的情况，一般的考虑是不注意个人的口腔卫生习惯，引起龋齿的症状，及时的调理。首先需要注意饮食的调理，清淡容易消化的食物，不可以吃辛辣刺激生冷的食物，口服牙周宁胶囊、阿奇霉素片、炎立消胶囊之类的药物，对症治疗，祝你健康。</t>
  </si>
  <si>
    <t xml:space="preserve">人生的意义是什么? </t>
  </si>
  <si>
    <t xml:space="preserve">  实实在在走一回。过好自己的每一天，最大限度地发挥自己的作用，为社会作出贡献，得到社会的认可。这是价值所在，也是意义的基本体现。  过好自己的每一天。要有一个平常心，应对每天的顺利与挫折；要寄希望于自己的努力，让自己生活在有价值的体面中，而不是在虚荣里；要关爱家庭、关爱社会、关爱自己。应该说，过好自己的每一天，把自己妥当地置于社会、家庭之中，并感到有所值，就是意所在。</t>
  </si>
  <si>
    <t xml:space="preserve">因爱得救还是因信得救？圣经上说：你们得救是本乎恩也因着信不是靠行 </t>
  </si>
  <si>
    <t xml:space="preserve">因信称义，因信得救。基督徒应有爱心，但不是因爱得救，爱能遮掩许多的罪，并没有说爱能赦罪。赦罪的权柄在神。圣经上从没有因爱得救的经文，因爱得救的道理偏离了真道。加 3:23  但这因信得救的理还未来以先，我们被看守在律法之下，直圈到那将来的真道显明出来。  加 3:25  但这因信得救的理既然来到，我们从此就不在师傅的手下了。  弗 2:8  你们得救是本乎恩，也因着信，这并不是出于自己，乃是　神所赐的； 罗 10:9  你若口里认耶稣为主，心里信　神叫他从死里复活，就必得救。  罗 10:10  因为人心里相信，就可以称义；口里承认，就可以得救。 </t>
  </si>
  <si>
    <t xml:space="preserve">一般不死族的完整兵种组合是哪些？当然是指成为三级基地之后。 </t>
  </si>
  <si>
    <t>多了~~~基本的是小强+死骑然后就是蜘蛛流的拉!!               恐惧魔王+小狗(后期的话还是胖子好)               死骑+巫妖+蜘蛛~~~~~~                  天地双鬼的拉~~~                完全的 冰龙(如果别人给你机会的话)                 就是死灵法师的骷髅还(特别不推荐,和电脑干除外)                 ============的拉,不过有车子的时候还是要车子的好~~++红+++蓝,多好!!高级的组合我也说不好,太多拉,变化也大~~~~~自己看拉!!</t>
  </si>
  <si>
    <t xml:space="preserve">请问000066长城电脑明天如何操作？谢谢了！ </t>
  </si>
  <si>
    <t xml:space="preserve">应该逐步减仓继续持股                    </t>
  </si>
  <si>
    <t xml:space="preserve">怎样改变我的形象？我是一个很男孩的女孩子，我从没留过长发也从没穿 </t>
  </si>
  <si>
    <t>其实女孩中性也没什么不好~  怎么穿不是一个简单的问题,一两句话说不明白.首先你要明白你有什么气质,适合什么样衣服类型,就是说要走什么路线,之后就按这个主线,请都下专业人员.再做一个适合的发型.多看下时尚的书呀,电视呀,还有就是要持之以恒啦!会坚持,有信心什么都没问题的啦.</t>
  </si>
  <si>
    <t xml:space="preserve">高手快快进!!高分奉上!怎么查找开副时间!!!怎么知道?怎么查找 </t>
  </si>
  <si>
    <t xml:space="preserve">你说的是做副本吧  75-85的一般 要12个人最好 40分钟就杀完了 开副本的时间 是团长开的    大家带好钱在赤灵尊神那等人都到齐了  团长开了 你的屏面会提示你的  </t>
  </si>
  <si>
    <t xml:space="preserve">T巨型机器人与P龙骑士单挑，谁会胜利？两者都尚未进行任何升级。 </t>
  </si>
  <si>
    <t>机器人很脆弱的,即使龙骑不使用龙骑舞,也可以轻易秒掉机器人!!! 操作好,机器人也不可能打的过龙骑.. 你要确信这点..</t>
  </si>
  <si>
    <t xml:space="preserve">到上海哪家摄影学校学摄影最专业！教师教学水平高 </t>
  </si>
  <si>
    <t>是的，目前是首艾摄影培训学校培训市场中的老大，我是通过听首艾手机摄影培训的讲座知道首艾摄影培训学校的，感觉教学环境，整体氛围都是我想要的，果断报名学习，很满意，希望我的经验可以帮到你</t>
  </si>
  <si>
    <t xml:space="preserve">企业人员职务总裁，CEO，总经理，董事长的职务分别是什么？董事会 </t>
  </si>
  <si>
    <t xml:space="preserve"> 董事长的英文是Chairman(准确的说是Chairman of the Board)，总裁是President，Chairman这个职务可能是现代公司管理层最早确定的职务之一，因为它是股东利益的最高代表，理论上讲是公司管理层所有权力的来源。    President是由Chairman任命，董事会只能由Chairman召集，非例行的股东大会一般也只能由Chairman召集（或者由股东联名呼吁召集，这要看公司章程）。既然President是由Chairman任命的，理论上讲Chairman也可以随时解除他们的职务；不仅如此，Chairman可以随时解除任何人的职务，除了董事（Member of the Board）和监事（Member of the Board of Supervisors），因为董事和监事不是公司雇员，而是公司的主人和仲裁人。    由此可见，总裁由董事长任命，董事长比总裁大。    事实上，西方的President在大部分时候与中国的总经理是一回事情。总经理可以翻译成“President”，也可以翻译成"General Manager"，但后者在西方企业中不是一个常见的职位。但中国企业经常同时设立总裁和总经理，如果把总裁翻译成President，总经理就应该翻译成CEO。President和CEO在西方企业里经常合二为一（尤其是在中小企业当中），即我们所说的“总裁兼首席执行官”，你称呼他President或CEO都无所谓；你也可以在礼仪场合称呼他为President（强调身份和地位），在工作场合称呼他为CEO（强调执行权和责任）。在少数情况下，董事长、总裁和CEO都是同一个人，我们称为“董事长兼首席执行官”或“董事长兼总裁”（称呼“董事长兼总裁兼首席执行官”实在是太恐怖了，没有必要），这种兼职大部分由公司创始人拥有（如比尔•盖茨），有时候也是因为公司的传统习惯（如韦尔奇，按照通用电气的传统，他同时担任董事长和首席执行官，而且不存在独立的总裁职务）。 董事会是依照有关、行政法规和政策规定，按公司或企业章程设立并由全体董事组成的业务执行机关。具有如下特征：第一，董事会是股东会或企业职工股东大会这一权力机关的业务执行机关，负责公司或企业和业务经营活动的指挥与管理，对公司股东会或企业股东大会负责并报告工作。股东会或职工股东大会所作的决定公司或企业重大事项的决定，董事会必须执行。</t>
  </si>
  <si>
    <t xml:space="preserve">基因工程制药，抗体制药中如何将药物进行改造？ </t>
  </si>
  <si>
    <t>将药物或活性物质进行局部结构改造,是开发新药较易进行的途径之一。先导化合物的原子或基团调换为电子等排体;有意识地修饰结构以改变化合物的理化性质,从而促进吸收;或增高位阻,以阻滞代谢,足以延长持效。改造结构,如保留药物与受体结合的药效基团,可能仍保持药效。抑制有关的酶,为近代许多新药设计的出发点。将两种药物的部分结构拼合在同一分子内,或将两者的药效基团兼容在同一结构,可能使形成的药物兼具两者的特色。药物潜伏化是改变药物理化性质以有利于给药的常用手段。帮到你就给个好评吧</t>
  </si>
  <si>
    <t xml:space="preserve">例行维护是啥时候 </t>
  </si>
  <si>
    <t>例行维护：周三 7时-9时 逐区维护</t>
  </si>
  <si>
    <t xml:space="preserve">食管炎,慢性浅表性胃炎.今天上午做的胃镜,诊断为食管炎和慢性浅表 </t>
  </si>
  <si>
    <t>如果胃镜描述准确，服药还是有必要的，至少要服抑酸药（雷尼替丁，才几元一瓶，更好一点的药可买高舒达，再好一点可买奥美拉唑）；粘膜保护剂也很有帮助（硫糖铝，很便宜，更好一点磷酸铝、达喜）。你是在胃酸过多情况下喝酒刺激了胃粘膜，如果年青，平常体质还可，可以就买最便宜的药服用，但切不可不服，否则有加重可能。</t>
  </si>
  <si>
    <t xml:space="preserve">N73怎样录更长时间 </t>
  </si>
  <si>
    <t>把录音手机储存，变更到录音内存卡储存。</t>
  </si>
  <si>
    <t xml:space="preserve">骏网一卡通什么时候能好使啊！我不能白买啊！`我买的骏网一卡通什么 </t>
  </si>
  <si>
    <t>直接登陆俊网之后不就可以给完美冲值 了吗？</t>
  </si>
  <si>
    <t xml:space="preserve">冒险岛游戏电台音乐节目都有什么？ </t>
  </si>
  <si>
    <t>"1：嗨音乐 播出时间：16:00-17:00  2：乐来客栈、开麦啦音乐坊播出时间：17:30-18:003：5位潮流DJ打造不同的音乐盛宴播出时间：23:00-00:004：亲音乐播出时间：00:00-01:00"</t>
  </si>
  <si>
    <t xml:space="preserve">许峰上过快乐大本营么？ </t>
  </si>
  <si>
    <t>你好，他没有上过</t>
  </si>
  <si>
    <t xml:space="preserve">广西即将开放的国际酒类交易中心？ </t>
  </si>
  <si>
    <t xml:space="preserve"> 广西钦州保税港区国际交易中心是面向广西、粤西、西南各省及东盟潜力巨大的红酒市场，随着国际酒类交易中心招商运营政策说明会的召开，钦州保税港区的红酒进口业务招商工作全面展开，吸引了众多的国内外进口葡萄酒客商纷至沓来洽谈业务。目前国际酒类交易中心项目各单位的主体施工已完成并验收完毕，5月将可投入使用。凭借着独特的“Y”字型物流枢纽格局地理位置优势、广阔的西南红酒消费市场以及优惠的红酒进口政策，广西钦州保税港区的葡萄酒进口业务开展得如火如荼。今年一季度，广西钦州保税港区累计进口葡萄酒7.3万升，价值43.6万美元。其中，3月份进口葡萄酒3.5万升，价值13.9万美元；进口量占同期广西葡萄酒进口总量的22.9%，所占比重比去年全年提高了14个百分点，实现了首季开门红。为了进一步扩大国际酒类交易中心的影响力，吸引国内外更多的葡萄酒进口客商进驻，广西钦州保税港区除了让客商享受到快速通关、通检的便捷服务外，还给予2012年12月31日前在钦州保税港区注册并进驻酒类交易中心商铺及利用恒温库从事进口酒类展示交易配送业务的企业免三年商铺租赁费和仓库使用费的优惠政策，全力为进口酒类贸易企业提供低成本的进口渠道，创造良好发展环境。目前，广西钦州保税港区已有7家红酒运营商进驻，并正与广西检验检验局向国家质检总局申请建立“进口食品安全示范区”对进口红酒全程追溯，保真保质，尽快形成中国西南地区最大的进口红酒基地，打造西南地区进口葡萄酒展示中心、市场和分拨配送中心。</t>
  </si>
  <si>
    <t xml:space="preserve">mp4游戏下载 </t>
  </si>
  <si>
    <t>网站上有</t>
  </si>
  <si>
    <t xml:space="preserve">貔貅工艺品摆放在家里有什么寓意？ </t>
  </si>
  <si>
    <t xml:space="preserve">   貔貅别称“辟邪、天禄”，是中国古书记载和汉族民间神话传说的一种凶猛的瑞兽。貔貅有嘴无肛，能吞万物而不泄，只进不出、神通特异，故有招财进宝、吸纳四方之财的寓意，同时也有赶走邪气、带来好运的作用，为古代五大瑞兽之一（此外是龙、凤、龟、麒麟），称为招财神兽。从古至今，上至帝王、下至百姓都极度注重收藏和佩戴貔貅，貔貅除了招财、开运、辟邪的功效之外，还有镇宅、化太岁、促姻缘等作用，目前以开光貔貅的效果较为明显。中国传统有装饰“貔貅”的习俗，貔貅寓意丰富，人们相信它能带来欢乐及好运，古时候人们常用貔貅来作为军队的称呼。        貔貅有嘴无肛，能吞万物而不泄，纳食四方只进不出，可招财聚宝。以今人反观前人之言论，今人认为貔貅口肛全部具备，但却没有消化能力，所以从嘴中吞食的财物，不能被消化，而直接排出体外，并且由于是自己的排泄物而不会再次招纳并吞食，才可能供人们收集到财富，这才能体现貔貅的招财能力。    据记载，貔貅其形似狮而带翼，古代织物、军旗、带钩、印纽、钟纽等物常用貔貅为饰，取其守护避凶之意。</t>
  </si>
  <si>
    <t xml:space="preserve">请问这活动叫什么？这个活动名字有什么来历呢？这个活动叫什么呢？ </t>
  </si>
  <si>
    <t>。。（羽量级）摔交。。。。。</t>
  </si>
  <si>
    <t xml:space="preserve">日本国名的由来？ </t>
  </si>
  <si>
    <t>在我国古代，起先称日本为“倭”，较早见于文献的有：盖国在钜燕南、倭北。倭属燕。（《山海经·海内北经》）成王之时，越裳献雉，倭人贡畅。（王充：《论衡·恢国篇》）乐浪海中有倭人，分为百余国，以岁时来献见云。（《汉书·志》）自西晋陈寿在《三国志》中为倭立传以来，史不绝书，中国人对东方海中倭国的情况，逐渐有了具体而深入的认识，中日两国的友好往来也益见频繁起来。 我国古代何以最初称日本为“倭”，上引文献均未作说明，按“倭”字早已有之，如《诗经·小雅·四牡》云：“四牡周道倭迟。”《说文》释倭：“顺貌，从人，委声。”有人说，倭字从人又从禾、从女，盖由倭人素以稻米为主食，女多男少而来。这种解释，显然是一种无稽之谈，纯属附会。一些学者认为，古之称日本为“倭”，可能同“匈奴”、“鲜卑”一样，只是一种音译；因为日本民族称“和”，“和”为“倭”的谐音字。这个说法，似乎比较有道理。然而，现在日本语中的“和”、“倭”二字均读为yamato，与“和”、“倭”二字原来的发音迥异，这又作何解释呢？在日本语中，“倭”读为yamato实始于日本现存最早的古史《古事记》（公元712年）和《日本书记》（公元720年），二书均为安万侣所著，比我国最早记载日本“邪马台”王国和“卑弥呼”女王的《三国志》晚了400余年。安万侣误以为《三国志》所载“邪马台国”女王“卑弥呼”就是日本传说中的神功皇后，但神功皇后与卑弥呼的年代不符，于是将神功皇后以及她以下诸皇的年代拉长，以合卑弥呼的生活年代；《三国志》说邪马台王国的人“寿考或百年，或八、九十年”，这或许就是安万侣任意拉长的根据。日本古史纪年与中国史籍相符始于推古天皇十五年（公元607年）小野妹子遣隋一事，此前32代（神武天皇至崇峻天皇）纯属口头传闻，那时既无文字，又无历法，怎么可能有精确的历史纪年呢？所以，日本国内研究日本古史的学者，关于崇峻天皇以前的历史，宁肯相信中国正史的记载，也不轻易引证日本古史中那些传说。既然安万侣误认为神功皇后就是卑弥呼，而卑弥呼的都城是邪马台，于是神功皇后的都城也变成邪马台了。这样，日本平安朝奠都以前历代天皇所居的畿内即“大和”地方，只好与九州岛的邪马台合二而一。而中国原来称“倭”，日本素来名“和”的这两个字，在发音上非读yamato不可了。日本语“倭”、“和”二字之所以要改变原来的读音，其奥秘就在这里。至于安万侣这样做究竟出于什么用心，那不是这里所要探讨的问题。至唐代，中国始称“倭”为“日本”。在《旧唐书·东夷传》中，“倭”与“日本”分列并叙，《新唐书·东夷传》则单叙日本，不再有“倭”的名目，并对改“倭”为“日本”作了如下的说明：咸亨元年，遣使贺平高丽。后稍习夏音，恶倭名，更号“日本”。使者自言，因近日所出，以为名。或云日本乃小国，为倭所并，故冒其号。使者不以情，故疑焉。《新唐书》为宋欧阳修、宋祁等所修，以上说法当有所据。从这段话看，“倭”改国名为“日本”当在唐高宗咸亨元年（公元670年）以后。然而，为什么要改国名，以及取名“日本”的缘由，其说是值得怀疑的。为什么要改“倭”为“日本”呢？说是倭国派到中国的使者略懂“夏音”（汉语）之后，发觉“倭”的含义不好，此后就改称“日本”了。如前所述，中国古人称日本为“倭”，原本只是“和”的音译，本身并无贬义，所以，以其“恶”的说法难以置信。再是说倭人改国号为“日本”，是因为他们认为自己的国家的地理位置“近日所出”。这种说法也值得怀疑；因为认为日本“近日”，那只能是中国人的观念———日本在中国东方遥远的海上，从视觉上感受，似乎正在太阳升起的地方。《山海经·海外东经》说：“谷上有扶桑，十日所浴。”《淮南子·天文训》也说：“日出于谷，浴于咸池，拂于扶桑，是谓晨明。”身居日本列岛的人，并不见太阳从本土升起。因此，说日本是“日之所本”这种观念只能产生在中国，后来日本人这样说，也显然是受了中国观念的影响。还有一种说法是倭国附近原有一个小国叫“日本”，为倭所吞并，后来倭国遣唐使者便对中国人冒用“日本”这个名称了。这一说法，当时就很可疑，更不足为据了。倒是唐人张守节的《史记正义》提供了一条罕为人知的证据，或许有助于解开“日本”国名来源之谜：“武后改倭国为日本国。”（《史记·五帝本纪》张守节《正义》）原来，倭国是遵照唐代女皇武则天的意见才改国名为日本的。张守节系玄宗时人，离武后统治时期不远，他的说法当有所据。如果此说确定无误，以上种种疑惑也就不复存在了。                                             转载  深圳新闻网</t>
  </si>
  <si>
    <t xml:space="preserve">请问002034后市如何？谢谢. </t>
  </si>
  <si>
    <t>002034业绩预增，市净率也不高，近期资金关注，建议忽略短期波动，持股待涨。</t>
  </si>
  <si>
    <t xml:space="preserve">英语改错题，哪位老师帮我看看？谢谢。BookKnowledgev </t>
  </si>
  <si>
    <t xml:space="preserve"> n acquire 改成can be acquir ,source变成复数sources 2.Include改成Including 3.had its own advantages 改成and each has its own advantages 4.enables us learn ,learn前面加to 5.Can study all the place in the world 改成Study  the data of all the place in the world 6.learn we never meet改成 learn  from whom we have never meet 。7。by read 改成by reading 8.Can 前面加 we  erpret 改成comprehend 10.on different ways ,on 改成in  11.Can learn the past by read books 改成 We can learn lessons from history by reading.12.We won't repeats the mistakes of others and can build on their achievement. 改成 Thus,we won't repeat the mistakes of others',and can build on their achievement as the foundation of our behaving.</t>
  </si>
  <si>
    <t xml:space="preserve">什么是借记最高限额？ </t>
  </si>
  <si>
    <t>　　 最高限额(caps)：出于风险管理的目的，在营业日内对资金转帐或证券转让系统中的参与者可以发生的余额(借记或贷记余，它可能是净额或者全额)约定的量化限额。最高限额可以由参与者根据他向系统中的其他参与者提供的双边信用来确定，即双边信用限额，或者由系统的经营者或管理转帐系统的机构在汇总一个参与者在系统中可能发生的净借记基础上确定，即发送方的净借记限额。发送方的净借记限额，既可是有抵押的也可以是没有抵押的。 　　</t>
  </si>
  <si>
    <t xml:space="preserve">两台电脑同时上网的问题我是在家上网，想把台式机和笔记本一起联到宽 </t>
  </si>
  <si>
    <t>左上角的型号看不清，我估计可能是交换机或HUB之类，而不是路由器，如果是路由器就好办，根据路由器型号在网上寻找设置的IP地址，还有默认用户名和密码，对路由器复位之后就可在IE地址栏中输入路由器IP地址登录，按照ISP的要求进行设置，这样就能轻松实现共享上网。但如果是普通的交换机或HUB，那么需要在主机上创建INTERNET连接共享，只是看来你的主机上只有一块网卡，因为你好像把两台电脑都连到这HUB上了，这时可借助Sygate这个软件，它可实现单网卡共享上网。</t>
  </si>
  <si>
    <t>帮忙推荐5000元左右笔记本我主要是买了看电影上网和玩一个游戏</t>
  </si>
  <si>
    <t xml:space="preserve">戴尔笔记本 &gt; 戴尔 1300 ：4999元  主要性能 类型：  赛扬M 标称频率：  1400MHz 内存大小：  256MB 硬盘大小：  40GB 光驱类型：  康宝 显卡描述：  集成Intel GMA900芯片 屏幕尺寸：  14英寸 分辨率：  1280*800 厚度：  35.9mm 总重：  2.9Kg 产品参数详细信息--主要功能 CPU类型 赛扬M 标称频率 1400MHz CPU描述 FSB 400MHz 显示屏尺寸 14英寸 显示屏描述 1280*800 内存类型 DDR2 内存大小 256MB 产品参数详细信息--存储性能 硬盘大小 40GB 硬盘描述 ATA-100,5400转 光驱类型 康宝 光驱描述  产品参数详细信息--视频/音频 显卡描述 集成Intel GMA900芯片 音频系统 内置音效芯片 产品参数详细信息--输入输出 键盘  网卡 10M/100M高速以太网卡 调制解调器 56K 标准接口 3个USB2.0，1个Type II，SD，VGA接口，耳机接口，麦克风 产品参数详细信息--电能规格 电池类型 4芯锂离子电池(1年保修) 电池时间 3小时 产品参数详细信息--基本特征 厚度 35.9mm 重量 2.9Kg 产品参数详细信息--其他特性 预装操作系统 DOS系统 质保时效 1年 </t>
  </si>
  <si>
    <t xml:space="preserve">语文看了&amp;lt;&amp;lt;钢铁是怎样炼成的&amp;gt;&amp;gt;后,有人 </t>
  </si>
  <si>
    <t>身残志坚，保尔唱响生命曲 面恶心善，鲁达拳打镇关西 身残志坚，保尔唱响生命曲 化险为夷，师徒取得真佛经</t>
  </si>
  <si>
    <t xml:space="preserve">娘的谷雨现在就这么不值钱开始拿1Y后来要拿螺丝刀和我平换再后来要 </t>
  </si>
  <si>
    <t xml:space="preserve">不换 谷雨表面看属性不怎么样 但实际用途比飞魂强多了 我有把火12的飞魂 和11的谷雨 我在祖马和黑度都挂过 谷雨比飞魂攻击平均要高5-7点 至于0-8的雷神 你还要加点钱 这个毕竟少 </t>
  </si>
  <si>
    <t xml:space="preserve">乔迁的贺词该咋写？我们的一个合作公司，要搬到新的办公楼里了，俺想 </t>
  </si>
  <si>
    <t>鸿犹大展  骏业肇兴大展经伦  万商云集货财恒足  陶朱妣美 骏业日新  大展弘图骏业崇隆  多财善贾</t>
  </si>
  <si>
    <t xml:space="preserve">高分哭求法律援助关于房产纠纷是这样的：我和老公因为不富裕，所以打 </t>
  </si>
  <si>
    <t>你的纠纷有诸多的模糊点： 1,她的父亲呢？如果可以联系到，可以让他追认 2，你和卖家签定了合同，你和谁签的合同？幼女吗？她取得产权了吗？如果没有，合同无效 建议：如果她有产权，你们可以线签个租房合同等到其有完全民事行为能力，再签定买卖合同．</t>
  </si>
  <si>
    <t xml:space="preserve">手机qq下载我用的是motoe680G问一下下在那个版本的qq适 </t>
  </si>
  <si>
    <t>你好！你的这款手机可以支持腾讯QQ手机的最新版本手机QQ2007 beta2。下载地址是 根据你的手机型号选择下载即可。手机上网下载的话，请访问手机腾讯网 还有问题请到我的个人中心留言，或者是重新提问，直接补充在在这里可能会看不到祝好运</t>
  </si>
  <si>
    <t xml:space="preserve">无奈了...100分送上...016期谁推荐俩稳胆啊...T_T </t>
  </si>
  <si>
    <t>别灰心，慢慢来，我不是把手机号和QQ号都给您了吗？我等会儿把 16期的思路说一下。</t>
  </si>
  <si>
    <t xml:space="preserve">左侧锁骨远端骨折，是否手术治疗？七月被车撞后，腰2椎体压缩性骨折? </t>
  </si>
  <si>
    <t>您好,腰椎体压缩性骨折的治疗方法是卧床休息是没有任何问题的.锁骨是块解剖骨,骨折了不影响功能,可能会影响解剖关系,手术治疗意义不是很大的。</t>
  </si>
  <si>
    <t xml:space="preserve">二手车有质保麽？ </t>
  </si>
  <si>
    <t>如果是从4S买到置换的车以及个别二手车商对车进行调整维护过卖出的车，会给予半年--1年的保修期。像一些豪华车4S回购（一般是2-3年内无碰撞事故的），卖出来也会给予保修期的。再有就是二手车本来还在保修期内的，可以继续享受质保待遇。</t>
  </si>
  <si>
    <t xml:space="preserve">fortran数组的使用现在有两个文件，分别是两组二维的数组，想 </t>
  </si>
  <si>
    <t>首先弄清楚均方差的计算公式，然后按照公式来写就是了。关于二维数组，需要定义两个方向的下标变量，以便可以任意指定二维数组中的任意一个数组元素。</t>
  </si>
  <si>
    <t xml:space="preserve">老婆刚跟别人操过的话,怎样通过她的阴部判断刚才和别人性交的时间? </t>
  </si>
  <si>
    <t xml:space="preserve"> 闻味，阴道有意味，就是了，没意味，就不是了。也可以通过谈话暗问。最好的办法就是给她来点家庭暴力，打个比草的，看她说不说。</t>
  </si>
  <si>
    <t xml:space="preserve">为什么不能出一个二章的补丁啊?出一个补丁就解决了嘛.到处都下不到 </t>
  </si>
  <si>
    <t>2章改动的东西比较多，补丁程序适合小量的文件修改，如果量大了，和下载一个游戏一个性质，而且还是没有压缩的，他的服务器会瘫痪的</t>
  </si>
  <si>
    <t xml:space="preserve">管军万?醺≈刀嗌? </t>
  </si>
  <si>
    <t>管军万?醺≈刀嗌?5城</t>
  </si>
  <si>
    <t xml:space="preserve">头发天毛躁怎么办？头发比较干，枯黄，分叉，很毛躁 </t>
  </si>
  <si>
    <t>如果你有条件呢，洗头前在发梢处抹点香油，用热毛巾包十五分钟，然后再按平常的洗头。如果没条件，就买点柠檬片，洗头时泡在水里，把头发浸在里面两三分钟就可以吸收营养了。还有吃香油呀黑芝麻什么的很补头发，不愿做就买包黑芝麻糊喝喝。还有不管便宜的贵的，护发素用用是很好的，我一般就用拉芳的6块一瓶，洗完头发不干，很滑。</t>
  </si>
  <si>
    <t xml:space="preserve">爱，和不爱如果，你爱的人不爱你了，你会怎么办？是离开，还是坚持 </t>
  </si>
  <si>
    <t>这要具体的事情具体分析了 如果你门之间可以沟通 那就放下面子去和他谈谈吧 如果已经不能沟通了 放开自己去争取 如果得不到你想要的结果 放弃也就放弃了 最起码你努力过 不让自己后悔才是最关键的</t>
  </si>
  <si>
    <t xml:space="preserve">电脑打开游戏输入密码就蓝屏.。怎么办蓝屏代码我记下来了0X000 </t>
  </si>
  <si>
    <t>错误分析:内核级应用程序产生了错误, 但Windows错误处理器没有捕获. 通常是兼容性错误。 解决方案:升级驱动程序或升级BIOS。 1、打开主机机箱，除尘，将所有的连接插紧，插牢，给风扇上油，或换新风扇。 2、拔下内存用橡皮擦清理一下内存的金手指，清理插槽，再将内存条插紧。如果你的主板上有两条内存，有可能是内存不兼容或损坏，拔下一条然后开机试试看，再换上另一条试试看。3、将BIOS设置成出厂默认或优化值；找身边会刷新升级刷新BIOS的能人帮助刷新，或到电脑行刷新。4、进安全模式查杀木马病毒，清除恶评插件。5、如果是新安装驱动或软件后产生的，禁用或卸载所有新安装的驱动和软件。6、用驱动精灵或驱动人生，升级显卡驱动；降低分辨率（800×600）、颜色质量（16）、刷新率（75）；降低硬件加速-桌面属性-设置-高级-疑难解答-将“硬件加速”降到“无”（或适中），必要时换个档次高一点的显卡。7、从网上驱动之家下载驱动精灵最新版，更新鼠标和其它指针、网卡、显卡、声卡以及系统设备、IDE控制器、串行总线控制器等驱动。 8、检查并修复磁盘错误。我的电脑—右击要装系统的磁盘驱动器（C）—属性—工具--查错，开始检查—勾选“自动修复文件系统错误”和“扫描并试图恢复坏扇区”—确定--开始—重启-显示进度完成后重启。用上述的办法修复其它分区。9、整理磁盘碎片。我的电脑—右击要整理磁盘碎片的驱动器—属性—工具--选择整理的磁盘打开“磁盘碎片整理程序”窗口—分析—碎片整理—系统即开始整理。 10、更换游戏软件版本。11、换个系统光盘重装系统。</t>
  </si>
  <si>
    <t xml:space="preserve">9的血印，魔3骷髅头能换什么法师装备？同上！ </t>
  </si>
  <si>
    <t>9的血引比较普通   魔3的头 换发神套+13谷雨</t>
  </si>
  <si>
    <t xml:space="preserve">现在市场上有左手用的鼠标吗？右手用太辛苦了想换左手用用 </t>
  </si>
  <si>
    <t>问题不是鼠标，而是你右手太累了呀，休息会吧。多锻炼锻炼吧</t>
  </si>
  <si>
    <t xml:space="preserve">什么叫兼职什么叫全职? </t>
  </si>
  <si>
    <t xml:space="preserve">兼职是在其它时间做的工作,这个时间你还可以做别的工作,全职是就做这一项工作 </t>
  </si>
  <si>
    <t xml:space="preserve">吃晚饭后能马上喝茶嘛？我看红楼梦说不可以我不知道哦 </t>
  </si>
  <si>
    <t xml:space="preserve">饭后来杯清茶或香醇浓郁的咖啡，对很多人来说是中一大享受，甚至还有人认为，这样既清洗口腔，又帮助消化。其实，饭后马上喝茶对健康不利，还为日后埋下贫血的隐患。 国家疾病预防控制中心营养与食品安全所食品科学技术室主任霍军生在接受《生命时报》记者采访时说：“饭后马上喝茶，大量的水进入正在消化食物的胃中，冲淡了胃分泌的消化液，从而影响了胃对食物的消化。 另外，茶叶中含有大量的单宁酸，饭后喝茶，就会使胃中未来得及消化的蛋白质同单宁酸结合成一种不易消化的凝固物质，而影响蛋白质的消化和吸收。更重要的是，茶叶妨碍了机体对铁元素的吸收，饭后喝用15克干茶叶冲泡的茶水，会使食物中铁的吸收降低50％，长此以往，影响人的消化功能，甚至引起缺铁性贫血。” 现在，还有很多人喜欢饱餐后喝些茶，以为可以消食解腻。其实这样对健康也很不利。霍主任告诉记者：“因为茶中的大量鞣酸，会与蛋白质结合生成鞣酸蛋白，这种物质有收敛作用，使肠道蠕动减弱，从而延长食物残渣在肠道内的滞留时间，导致大便干燥。” 霍主任强调，为避免出现贫血症状，饭后约1—2小时，胃排空后，再喝咖啡或茶较合适；平常也可以多摄取绿叶蔬菜、红豆、猪肝等富含铁质的食物，以避免血红素不足。 他建议，晚上最好喝红茶。因为绿茶属于不发酵茶，茶多酚含量较高，刺激性较强；红茶是全发酵茶，刺激性弱。茶不宜泡得过浓。空腹饮茶容易抑制胃液分泌，妨碍消化，严重的甚至还会引起心悸、头痛等“茶醉”现象。 另外:影响消化易致结石 浓度越高危害越大 “茶叶中含有鞣酸和茶碱，这两种物质都会影响人体对食物的消化。”在接受《生命时报》记者采访时，天津药物研究院研究员李红珠表示，胃液和肠液是人体消化食物必不可少的，可当鞣酸进入胃肠道后，会抑制它们的分泌，从而导致消化不良。此外，鞣酸还会与肉类、蛋类、豆制品、乳制品等食物中的蛋白质产生凝固作用，形成不易被消化的鞣酸蛋白凝固物。需要特别提醒的是，如果吃的食物当中含有金属元素，如铁、镁等，鞣酸还有可能与它们发生反应，长年累月就可能形成结石。 此外，胃酸偏酸性，而茶水偏碱性，饭后立即喝茶，茶碱不仅会抑制胃酸的分泌，还会稀释胃酸，影响胃酸中蛋白酶等的分泌，从而影响消化。有关实验还表明，饭后饮用15克茶叶冲泡的茶水，会使食物中铁的吸收量降低50%。茶水的浓度越高，对身体的危害越大。 去餐馆吃饭，在饭菜上桌前，人们也不忘要杯茶水。李红珠提醒说，饭前最好也少喝茶。如果要喝，应该选择菊花茶等淡茶，但切记不能在吃饭过程中喝茶，这样更容易导致消化不良。 那么吃完饭后，我们应该喝点什么呢？专家表示，白开水是最好的饭后饮品，即可清口又不影响消化，饭后过半小时就可以喝一些淡茶了。 </t>
  </si>
  <si>
    <t xml:space="preserve">对100名携带药品出国旅行者进行调查，其中75人带感冒药，80人? </t>
  </si>
  <si>
    <t>对上面学者略加改动一下呀知：S=100,card(A)=75,card(B)=80,则A∪B&lt;=99(注:至少有一个既非胃药又非感冒药)又card(A∩B)=card(A)+card(B)-card(A∪B)&gt;=75+80-99=56</t>
  </si>
  <si>
    <t xml:space="preserve">大炮能把卫星送上天吗？ </t>
  </si>
  <si>
    <t>据研究，只要能使物体获得7．9公里／秒的速度，它就能绕运行，成为人造地球卫星。怎样才能使物体获得环绕速度呢？人们曾经想用大炮把地球卫星发射到天上去，但是，目前超远程大炮只能打出速度为2公里／秒的炮弹，离环绕速度还差得很远。    用飞机直接把人造地球卫星送上轨道，这也是不可能的。现代喷气式飞机能在空中飞行，靠的是飞机的推力和机翼的升力，而推力和升力的产生又必须依靠空气。这样它离不开包围地面几十公里厚的大气层，速度也不可能很大。    人造地球卫星是靠火箭送上天去的。发射人造地球卫星的火箭叫做运载火箭，也叫运载工具。人造地球卫星能否发射成功，火箭的速度是个关键问题。    在目前技术条件下，一般火箭发动机的喷气速度最大只能是2．5公里／秒，相应地，火箭前进的最大速度是4．5公里／秒。很明显，要把卫星送上几百公里的高空，并具有环绕速度，用单级火箭是很难达到的。所以，在目前技术条件下，单级火箭无法使卫星达到环绕速度，不能做卫星的运载火箭。    多级火箭在航行过程中，可把工作完毕而变得无用的火箭壳体和发动机（死重）抛掉，以达到提高速度的目的。目前，发射人造地球卫星只要用二级或三级火箭就足够了。根据需要还可以用一枚多级火箭同时发射几颗卫星。    多级运载火箭是一个整体，通常由几个单级火箭组成。一般用串联形式连接，各级头尾相接，也有下一级为并联、上面为串联的组合形式，整个运载火箭分为壳体、推进系统、飞行控制系统等。运载火箭还有各种分离系统，包括各级的分离，卫星与运载火箭末级的分离，卫星与整流罩的分离。级间分离系统既要保证各级牢固连接，又要在下面一级工作完毕之后，可靠地把它分离掉，同时启动上面一级发动机和控制系统工作。    发射人造地球卫星时，运载火箭从地面起飞到进入卫星轨道可分为加速飞行段、滑行段（惯性飞行）和最后加速三个阶段。加速飞行段是指运载火箭由地面垂直起飞，在发动机推力的作用下，运载火箭飞出了稠密大气层后，达到预定速度熄火。运载火箭熄火后推力等于零，这时靠自己获得的能量，在地球引力的作用下滑行，一直飞到与卫星轨道相切的位置时，火箭再一次点火，稍许增加一点速度，使卫星最后加速入轨。    为了对发射人造地球卫星有一个比较全面的了解，以一枚三级火箭（液体火箭）为例，将卫星的发射与入轨的一般过程略述如下：    当卫星及其运载火箭出厂运送到发射场，经技术阵地检测合格后，再运送到发射阵地，竖立在发射台上，尔后进行卫星和运载火箭的对接、加注推进剂、程序控制指令的装定以及各种测试，在最后测试合格后，由控制中心下达命令，火箭点火。在第一级发动机的推动下起飞，火箭徐徐垂直上升，穿过稠密大气层后，第一级发动机在预定时间熄火、分离、脱落，与此同时，第二级发动机点火工作，继续加速。第二级发动机在预定时间熄火、分离、脱落，运载火箭的第三级与卫星一起，经过一段自由滑行，到达预定轨道附近，按程序控制指令第三级发动机点火，继续加速，使之达到预定速度，在预定点把卫星弹出，进入预定轨道。这就是发射人造地球卫星的简单全过程。当然，在这过程中，如果某零部件出了故障，那么卫星发射就会失败。    将卫星送入地球轨道的办法很多，前面所述只是其中的一种，是节省能量的最简便易行的一种。</t>
  </si>
  <si>
    <t xml:space="preserve">关于南京房改房赠与问题?家庭情况也比较复杂,望各位高手给点意见(? </t>
  </si>
  <si>
    <t>清官难审家庭事阿 钱是你出的,名字写你爸的,你爸房子有份,那你继母也会有份(那你说她女儿有份吗?/),他两共有(即使不过户)当然你也有份,关系太乱很难说清 (即使上了法庭也难说) 最好是写协议 五年后过户,若赠与 ,税费很多,20%, 只要房产证明出来了 随时赠与都可以, 建议是五年后在过户最便宜,买卖房屋价钱写低一 点 税就少拉</t>
  </si>
  <si>
    <t xml:space="preserve">求救————请问各位ggjj们，龙珠可不可以投入魔法阵，为什么我 </t>
  </si>
  <si>
    <t>龙珠是不可以投入魔法阵的，在武官那个院子里，看地图有2个台子，有1个里有个英雄守护者，可以有那里，36级战士单条不过逆魔。3个高雷霆战士可以单条连于的逆魔。大殿的逆魔，你把会的战士全叫来不知道能不能打过，大殿的逆魔会招BB就是你打他一下别让他还击，只要一还击就会招一群卫士或侍卫这样战士是十分不好打的，连于的逆魔不招BB何况你36级，，努力练级，，</t>
  </si>
  <si>
    <t xml:space="preserve">曲子越听越伤感，干嘛还要听？虐待自己吗？为什么会莫名其妙的伤感？ </t>
  </si>
  <si>
    <t>你是不是在虐待自己啊.这么晚了还不断的发问.为了帮你.我都困得不行了.大腿比胳膊粗.还沉稳.那为什么还有人尝试用手倒立呀.伤感.也是一种体会.如果有人剥夺你七情六欲中的某一种.就连我都会帮你讨回公道的.</t>
  </si>
  <si>
    <t xml:space="preserve">"读报纸"用英语怎么说readnewspaper?readane </t>
  </si>
  <si>
    <t>单数是read a newspaper复数是read newspapers</t>
  </si>
  <si>
    <t xml:space="preserve">报考海关,能看到报考单位的报名人数情况吗?如能,怎么查看?谢谢! </t>
  </si>
  <si>
    <t>没办法呀兄弟看不到啊好郁闷我也报名了。。。</t>
  </si>
  <si>
    <t xml:space="preserve">工作电气工程及其自动化的大学生最好去什么岗位 </t>
  </si>
  <si>
    <t>电气工程及其自动化专业毕业生主要在电力系统研究、设计、生产、试验、建设、管理 、教育等单位就业，从事电力系统、发电厂和相关工业领域电气工程的设计、运行、安装、调试、科 研教学、技术开发、技术管理等单位就业。</t>
  </si>
  <si>
    <t xml:space="preserve">我女儿两岁了，身高78公分，可以说是严重不达标。不知哪位老师能想? </t>
  </si>
  <si>
    <t>会不会是错过了宝宝早期(一周岁以内)的补钙最佳时机了？除了要给宝宝补钙，还要配合吃维AD鱼肝油来帮助钙的吸收以及多晒太阳。我老公的身高是165，我才160，但是我家宝宝12个月大时身高也有78了，所以，我才觉得你家宝宝是不是钙吸收得不好？记得要多晒太阳(早上九点到十点，下午四点到五点的太阳)。</t>
  </si>
  <si>
    <t xml:space="preserve">ASC，AUC全套多少啊请问收齐一套ASC需要多少CT啊，AUC </t>
  </si>
  <si>
    <t>电2 AUC 一套 大概 500-600万 吧    ASC 一套 大概 350-450万 吧~~~~~~~~~~~~~~~~~~~~~~~~~~~~~~~~~~~~~~~~~~~~~~~~谢谢~~！！！！！！</t>
  </si>
  <si>
    <t xml:space="preserve">什么是飞蚁症？怎么产生预防和治疗眼睛里有黑色的状似丝的东西干扰着 </t>
  </si>
  <si>
    <t>去北京同仁医院看看吧</t>
  </si>
  <si>
    <t xml:space="preserve">暗黑出1.20了？？？？真的假的？！不是说暗黑小组都解散了吗？ </t>
  </si>
  <si>
    <t>1.20是糊扯的,我家就显示1.20其实是1.10的</t>
  </si>
  <si>
    <t xml:space="preserve">电2A34价格?路过的高手老看看~~告诉小弟下`A34电2多少能 </t>
  </si>
  <si>
    <t>250W到300W之间,,高了就别收</t>
  </si>
  <si>
    <t xml:space="preserve">有关冲点问题人物在线游戏时，请问还可以开卡冲点到通行证，然后等所 </t>
  </si>
  <si>
    <t>时长和道具是一样的。不管你人是不是在线游戏，你都可以把点充到你的POL中，然后在线进行点数分配，对于时长服，点数分配成功后游戏中会有提示（帐号剩余时间XX天XX小时），不必下线就可以分配点数，这比WX时代要好的多了。</t>
  </si>
  <si>
    <t xml:space="preserve">紧急求助单位要体检了。我是小三阳，对别人无危害的。有什么办法能在 </t>
  </si>
  <si>
    <t>你们是集体体检吗，如果是的话建议你在体检那天想办法请假，申请自己体检然后交体检结果．体检结果的证明在市级以上的医院都有资格开出来．剩下的就是你去医院找熟人开体检证明了～其实就是看你有没有关系了...祝你好运～</t>
  </si>
  <si>
    <t xml:space="preserve">我想买男士香水在网上看了好久，品牌太多了，去专卖店也看了，闻了好 </t>
  </si>
  <si>
    <t>我自己有好几款香水，可以推荐大家。用香水关键看场合，是运动出游还是聚会或一些重要场合。像运动或出游可以用BOSS地球，现在出了一个蓝色纪念装，味道稍比银色版淡。有50ML和90ML。聚会一般用Versace 范思哲的V/S，有男女款，味道清新招人喜欢。当然见女朋友例外啦，一般用古琦狂爱，盒子就很别致。味道更是浓烈性感。在重要场合就推荐大卫多夫的DEEP。非常有深度，味道也层出不穷有一种飘逸的感觉，给人印象深刻。总之，男人有一款香水是不够的。我自己对香水很有心得也做一些水货香水的批发，如果有问题可以和QQ： 联系。希望能回答你的问题</t>
  </si>
  <si>
    <t xml:space="preserve">在南昌要买收银机/POS机/收银系统。网上看到南昌三每科技有限公? </t>
  </si>
  <si>
    <t>我们买过三每科技的收银机和软件，用来做蛋糕店使用，刚开始的时候不熟练感觉有点麻烦，但是经过他们培训和服务后，我们很满意，因为他们的服务确实做的很好。比如我们的员工都不是很懂电脑的女孩子，但是他们还是比较有耐心的教她们，性价比高，服务好！</t>
  </si>
  <si>
    <t xml:space="preserve">高手请进准心问题高手请进为啥我家1.5版CS的准心比网吧的大多了 </t>
  </si>
  <si>
    <t>1.你试试800*600下面那个视频模式,会变小的2.关于跑的时候 准心不变大？ 在家就变的情况 可以这样设置:打开控制台(就是ESC键下面的那个~键),在控制台输入cl_dynamiccrosshair 0 (数字0是动态准星,1是静态准星)</t>
  </si>
  <si>
    <t xml:space="preserve">新手问题高手来帮我我刚玩泡泡基本的都会了现在想提高技术据说道具赛 </t>
  </si>
  <si>
    <t>每个人玩跑跑，都有着个过程，只要克服着段时间旧可以了，用板车练着是好办法（我个人认为），但是也不要老用板车，适当的换换，更不要老用好车，着样我觉得也害人　　　　　　　　　　　　　　　祝你好运～</t>
  </si>
  <si>
    <t xml:space="preserve">关于早孕非常急，请大家帮助我老婆怀孕一个月左右，最近有肚子疼和腰 </t>
  </si>
  <si>
    <t>如果没有出血,一般无大碍,如果发现出血现象,应及时去医院,此期间应注意休息,增加营养,严禁房事</t>
  </si>
  <si>
    <t xml:space="preserve">脑筋急转弯口吃的人做什么事最亏？ </t>
  </si>
  <si>
    <t>打长途电话</t>
  </si>
  <si>
    <t xml:space="preserve">请问，像这样单式的，如果对的话奖金能有多少？如果切尔西我猜对了， </t>
  </si>
  <si>
    <t>输球的话943元！！</t>
  </si>
  <si>
    <t xml:space="preserve">我老公狐臭挺严重的，手术复发了，有什么方法能治好吗 </t>
  </si>
  <si>
    <t>现在舒腋清组合是去狐臭产品里面最好的！可以给他试试</t>
  </si>
  <si>
    <t xml:space="preserve">治疗肝腹水的方法哪种最有效?医生您好，老公他叔叔经常喝酒，前年检 </t>
  </si>
  <si>
    <t>你好，你说的是酒精肝导致肝硬化腹水，肝腹水的产生主要是因为肝脏细胞被破坏过多致无法代偿后造成的，所以要避免任何增加肝脏负担的因素，饮酒是一定要禁止的，只有让肝脏得到充分的休养和适当的治疗，才能减少肝腹水的产生，当然，腹水过多时也只有采取抽取腹水临时办法，而且现在也没有什么很有效的方法能让已经肝硬化部分完全恢复！</t>
  </si>
  <si>
    <t xml:space="preserve">什么时候宫口会开呀听说宝宝要出世的时候是宫开四指,但是什么时候宫 </t>
  </si>
  <si>
    <t>要开骨缝时,宫缩才会痛,一开始痛会轻一些,间隔大约在五分钟左右.慢慢地会加快速度,记得快生产时,大约在一两分钟痛15-20秒,我那时还在数着数,只要你不把精力都放在痛上,分散一下就会好些,是很难过,但一定要坚持!痛的位置当然不是肚子了,因为是骨颖缝开才会痛,所以痛的是盆骨处,四周全痛,有的人可能腰会痛.在痛的间歇期你可以找点事做,比方说可以和别人说说话,千万不要大叫大哭,会把你的力气消耗掉,使你在生产时无力可使.我生产时由于床位太紧,骨缝基本都开了才自己走上产床的,很是困难,但是当孩子一出来就很高兴!!!祝你和宝宝健康快乐!!!</t>
  </si>
  <si>
    <t xml:space="preserve">请问这首是TWINS的什么歌?我只记得是粤语歌......歌词: </t>
  </si>
  <si>
    <t xml:space="preserve">精选歌曲：精选    歌手：twins    c:如果只准许记低某几段谁要再记住曾经怎中箭如唇边亲匿的记忆仍然温暖时时舔舔唇当他美点g:回忆中精选你可爱那一面与缺陷其他一概不说想当初牵手的瞬间仍然心软来年忘了你以前要写进自传c:只想从前的温馨不数从前的罪证c:远对过盛g:忿忿不平t:会煞掉幸?的回声g:只想缠绵的风景不讲如何热烈火拼t:要记住的我一早心领其他无以认领g:情话仍是甜离别仍没有见c:分手的心酸怎么当经典t:明日回味时调味谁又要添加抱怨g:情歌中精选最优美那一段烦恼与缺憾其他一概不说c:想当初牵手的瞬间随时心又软t:明明和你爱完记忆也新鲜c:只想从前的温馨不数从前的罪证c:远对过盛g:忿忿不平t:会煞掉幸?的回声g:只想缠绵的风景不讲如何热烈火拼t:要记住的我一早心领其他无以认领t:只想从前的温馨不数从前的罪证g:远对过盛忿忿不平怕有日从此哭坏眼睛t:珍惜平和的心境即使为人特别感性c:你也无需爱出抑郁症情感只求尽兴t:回声终于都会消散安静情话却永远也心领 </t>
  </si>
  <si>
    <t xml:space="preserve">什么样的制氧机可以和呼吸机使用啊我朋友家有个呼吸机，但是现在医生 </t>
  </si>
  <si>
    <t>你买一个有氧气输入孔的呼吸机口鼻罩，使用时连上制氧机就行了。</t>
  </si>
  <si>
    <t xml:space="preserve">爱听音乐的宝宝我家宝宝从生下来就爱听音乐，我想问问怎么能看初来孩 </t>
  </si>
  <si>
    <t xml:space="preserve">看他的节奏感如何 每首歌的节拍都不一样 多换几首歌看他能否跟得上节奏  我老公是歌手 我家宝宝4个月的时候就随着音乐一起晃动了 </t>
  </si>
  <si>
    <t xml:space="preserve">大家正常情况下到40级能买的起马吗? </t>
  </si>
  <si>
    <t>花钱的地方真的是太多了,我感觉特别花钱的是:1.练武功,2.冲技能.我现在38级的战士,口袋里好像不过10几G,没办法啊,现在级别的武功,每学一招都要接近2G,可是不学更不行啊......另外,我练的技能是采矿和锻造,采矿按说是个挣钱的活,可是同时一学锻造,那肯定就只赔不赚了:我现在采矿200+,锻造150+,采的矿供供锻造都不够,还有许多原料还要向别人买......最最可恶的是:我现在锻造的东西,基本自己都用不了,因为太垃圾了,只能以吐血价卖给NPC(统统都是超级奸商啊)......也不知这个锻造什么时候才能出头,我现在只想把它遗忘掉,可是已经花了这么许多钱下去了,怎么肯说忘就忘呢???!!!所以建议新手上来,要想挣钱快的,一定要学双采集技能:采矿+剥皮,或者草药+剥皮.(如果采矿+草药,你会发现搜寻技能冲突,使用起来比较麻烦)可以等级别高了(40+有了马了),钱也挣的差不多了,如果非要学个制造类技能,可以再把双采集遗忘掉一个,再换上一个对应的商业技能,比如采矿+锻造(工程),剥皮+制皮等等......</t>
  </si>
  <si>
    <t xml:space="preserve">飞蚊症的治疗和预防方法都有哪些？ </t>
  </si>
  <si>
    <t>1、要有足够的维生素。维生素A是眼部必不可少的一种营养素;维生素C、维生素E能毁坏无拘无束基，提高眼部免疫机能，防止视力下降;B族维生素可促进眼内细胞的新陈代谢，对眼疾患者很有帮助。像动物肝脏、蛋类、干豆类、肉类、蘑菇、新鲜蔬菜和水果中都含有大量的维生素，应多吃。2、多吃些海鲜类、未精制的谷物类、鱼类食物。这些食物对眼睛很有帮助，因为它们当中多含锌、硒等矿物质，能够缓解眼部疲劳，防止视力下降。3、少喝含咖啡因的饮料，烟酒最好不要沾染，以免造成视力模糊，加重眼病。4、饮食宜清淡，少食辛辣激发性食物。平时饮食以清淡为主，食量达到八成饱，适当吃些青菜和水果，每日吃些红薯，保持大便通畅，养成一天一次定时大便的习惯，防治便秘，因为便秘不能及时排除体内的废物和毒素，且要憋气用力排便，这样可使眼压升高。最好每天也喝点玖味瞳仁茶 来帮助改善眼睛干涩，缓解眼部疲劳。要注意休息，减小用dsf眼疲劳更加不要过度用眼，这样就可以下降近dsf视的概率，从而在一定程度上就可以预防飞蚊症ds的发生。平时要ds经常眨眼，对着电脑一段时间之后要注意休息，看看远处的ds绿色植物等。或sd是直接喝郑玖味瞳仁茶 ，帮助改善眼睛干涩，缓解眼部疲劳症状，提高眼f睛抵抗力，保护眼睛。</t>
  </si>
  <si>
    <t xml:space="preserve">血糖高就一定是糖尿病吗？rt,血糖是判断糖尿病的唯一依据吗 </t>
  </si>
  <si>
    <t xml:space="preserve">    近年来，2型糖尿病和血糖调节受损（糖耐量受损和空腹血糖受损）的发病率激剧上升，在发展中国家尤为显著，已成为全世界医学界密切关注的一种严重威胁人类健康的疾病。寿命的延长和现代化带来的方式的改变是导致糖尿病和血糖调节受损发病率剧增的主要原因。据WHO报道，2003年中国糖尿病患者已达2070万例。    一、糖尿病的诊断标准    糖尿病的诊断标准见表1。诊断标准虽然很明确，但临床上常把空腹血糖110～125mg/dl（6.1～6.9mmol/l）和口服葡萄糖耐量试验中2小时血糖140～199mg/dl（7.8～11.0mmol/l）的患者诊为糖尿病患者，尽管两者的病因和治疗方法基本相同，但血糖调节受损患者较易治疗，经合理治疗后大多可痊愈，而2型糖尿病不但难痊愈，而且血糖水平亦较难控制在正常范围内。血糖调节受损是糖尿病的前奏，也就是说，从一个正常人发展到糖尿病必然要经过血糖调节受损这个阶段，即血糖调节受损期为“糖尿病前期”。据国外报道，每年有5％～10％的糖耐量受损（糖耐量低减）患者转为糖尿病患者。国内的研究表明，糖耐量受损患者若不予治疗，约67.7％的患者可转变为糖尿病，合理治疗后可使31％～46％的糖耐量受损患者不转为糖尿病。由于血糖调节受损与糖尿病一样可以引起其他代谢异常和器官组织损害等，所以诊断为血糖调节受损的患者应予积极治疗。这个阶段的治疗比较容易，且见效快和费用低。血糖调节受损患者的治疗首先是饮食调整，其次是增加体力活动，再次是药物干预治疗。目前，用于治疗糖尿病前期的药物与治疗2型糖尿病的药物相同。2003年11月，一个国际性专家委员会在Diabetes Care（2003；26:3160～3167）刊物上发表了关于糖尿病诊断和分类的最新指南，它整合了1997年后修改后的最新资料，将空腹血糖受损值的下限从110mg/dL（6.1mmol/l）降至100mg/dL（5.6mmol/l），这可能使糖尿病前期的诊断病例增加约20％。降低临界值可能帮助发现更多糖尿病危险增大的患者。根据大量研究结果显示，适度减肥和经常运动可能预防或减少约58％的2型糖尿病的发生。糖尿病的诊断标准没有改变，但该委员会反对用糖化血红蛋白（HbA1c）作为糖尿病的常规诊断试验。          表1  糖尿病的诊断标准                                                  空腹血糖    糖耐量试验中2小时  糖尿病              ≥126mg/dl 或  ≥200mg/dl                             (7.0mmol/l)    (11.1mmol/l）            或有“三多一少”症状加任意时间血糖≥200mg/dl血糖调节受损（糖尿病前期）            糖耐量受损：     ＜126mg/dl     140～199mg/dl           （糖耐量低减）    (7.0mmol/l)   (7.8～11.0mmol/l)            空腹血糖受损：  110～125mg/dl     ＜140mg/dl                           (6.1～6.9mmol/l)   (7.8mmol/l)正常人             ＜110mg/dl       ＜140mg/dl                   (6.1mmol/l)      (7.8mmol/l)        二、代谢综合征    业已证实，胰岛素抵抗是引起血糖调节受损、2型糖尿病和代谢综合征的主要病理机制之一。至少有80％的2型糖尿病患者存在胰岛素抵抗，且在糖耐量受损和空腹血糖受损出现以前已存在多年，并与胰岛β细胞功能受损并存。胰岛素抵抗可引起糖耐量受损、空腹血糖受损、血脂异常、高血压、中心性肥胖、高尿酸血症、2型糖尿病、血液凝固性增高（纤溶活性降低）、微量蛋白尿和内皮细胞功能紊乱等，当个体同时存在上述多种因素时，称之为代谢综合征（metabolic syndrome，MS）或胰岛素抵抗综合征（insulin resistance syndrome，IRS）。代谢综合征是心血管的主要危险因素之一，可使冠心病和脑卒中的发病率增加3倍。     1988年，Reaven等根据病理生理学的研究结果，将胰岛素抵抗、高胰岛素血症、高血糖症、高甘油三脂（TG）血症、低高密度脂蛋白－胆固醇（HDL－C）血症和高血压的聚集名为“X综合征”。此后，学者们又加入肥胖作为组成部份之一。由于代谢综合征并不能仅仅以胰岛素抵抗进行解释，因此1998年WHO专家组将其命名为“代谢综合征”，提出了诊断的工作定义，并于1999年进行了修订。然而，至今国际学术界还没有统一的诊断标准。根据WHO的诊断标准，在血糖正常的人群中，约10％的成年女性和15％的成年男性患有代谢综合征，约42％空腹血糖受损和64％糖耐量受损患者患有代谢综合征。                                          2002年，美国胆固醇教育计划成人治疗组第三次指南（NCEP－ATPⅢ）中指出，具备下列3条或以上者可诊断为代谢综合征：①中心性肥胖：男性腰围（髂嵴）＞102厘米，女性＞88厘米；②血总甘油三酯≥150mg/dl；③高密度脂蛋白－胆固醇（HDL－C）：男性＜40mg/dl，女性＜50mg/dl；④血压≥130／85mmHg；⑤空腹血糖≥110mg/dl（6.1mmol/L）。    2004年，中华医学会糖尿病分会提出，具备下列4个组成成份中的3个或全部者可诊断为代谢综合征：                          ①超重和（或）肥胖：体重指数BMI≥25.0kg／m2；[注：BMI＝体重（kg）／身高的平方（m2）]②高血糖：空腹血糖≥110mg/dl（6.1mmol/L）和（或）糖耐量试验后血糖≥140mg/dl（7.8mmol/L）及（或）已确诊为糖尿病并治疗者；③高血压：收缩压／舒张压≥140／90mmHg及（或）已确诊的高血压并治疗者；④血脂异常：空腹血总甘油三酯≥150mg/dl及（或）空腹高密度脂蛋白－胆固醇男性＜35mg/dl，女性＜39mg/dl。胰岛素抵抗是代谢综合征的核心，而肥胖尤其是中心性肥胖是导致胰岛素抵抗的关键因素。国外文献报告，在腰围＞102厘米的男性或＞88厘米的女性中，68％存在胰岛素抵抗。     2003年11月，在美国召开的第一届国际胰岛素抵抗综合征大会上，与会专家指出，促进胰岛素抵抗形成和发展的原因包括肥胖、久坐的生活方式和其他许多因素。现在胰岛素抵抗综合征已被纳入国际疾病分类，被命名为代谢紊乱综合征（dysmetabolic syndrome）。胰岛素抵抗和高胰岛素血症可引起：①肾脏钠离子重吸收增加，导致高血压。②脂肪组织脂肪动员加强，血游离脂肪酸水平升高，肝内甘油三酯合成增加，引起高甘油三酯血症，继而使血高密度脂蛋白水平降低，低密度脂蛋白－胆固醇水平变化不明显，但小而密低密度脂蛋白－胆固醇水平增加。低密度脂蛋白根据其粒子大小可分为：小而密低密度脂蛋白和大而轻低密度脂蛋白，后者在血液中滞留时间较短，一般1日内可被清除，前者不易被清除，在血液中可滞留数日，极易透过血管内皮细胞在血管壁堆积导致动脉粥样硬化。③脂肪细胞分泌的纤溶原激活物抑制剂－1（PAI－1）增多，高胰岛素亦使肝脏释放更多的PAI－1，抑制纤溶酶原转变为纤溶酶，除造成促凝状态外，在冠状动脉局部还抑制平滑肌细胞迁移，不利于斑块的修复和稳定。④脂肪细胞分泌白介素6（IL－6）和肿瘤坏死因子（TNF）增多，这两种促炎细胞因子促进血管壁的炎症发生，是代谢综合征患者易发冠心病的机制之一。⑤内脏脂肪堆积是代谢综合征的重要特征，亦是导致胰岛素抵抗的主要原因。目前认为，内脏脂肪含量受遗传因素的影响，亚裔人群就具有脂肪堆积在内脏的特点。在内脏脂肪堆积的个体中，首先受累的是肝脏。过多的游离脂肪酸沉积在肝脏，即可导致脂肪肝，并可引起肝药酶水平升高，甚至导致肝脏结构的改变。同样，脂肪在胰腺堆积后可造成β细胞功能障碍。</t>
  </si>
  <si>
    <t xml:space="preserve">拉尔斯公爵什么时候出现啊 </t>
  </si>
  <si>
    <t xml:space="preserve"> （原“炎魔危机”任务）等级限制：无任务奖励：各种华丽的装饰外套任务NPC ：炎魔使者“炎炎”　　　　 （龙隐村村口，坐标123：194附近） --------------------------------------------------------------------------------任务故事背景　　前一段时间，人类频频受到一群可怕的“炎魔”袭击，导致许多村民和商人背井离乡。幸运的是，没过多久，“炎魔”就被赶跑了，但是，不幸的是，赶跑“炎魔”的是一批更加凶悍的怪物……　　这批新怪物来自遥远的水晶宫，带头的是一个自称为“拉尔斯公爵”的魔王……确切的说，是一条鱼……据说，拉尔斯公爵嗜酒如命，所以靠近它的人都会被它浑身散发的酒气熏倒，唯一的特效解药就是酒吧老板娘自制的“清醒剂”。--------------------------------------------------------------------------------任务流程 ① 本任务系统自动触发，无需点击任务NPC触发，任务时间内所有人均可参加；② 任务开始时，“拉尔斯公爵”将登上陆地，任务内容就是寻找并消灭拉尔斯公爵③ 拉尔斯公爵拥有重生的能力，每次被杀死之后都会在附近复活，还会变得更为强大④ 拉尔斯公爵每次死亡都会掉落许多神物，请注意收集，可以到“炎炎”处兑换奖励--------------------------------------------------------------------------------任务须知1、任务触发时间： 每周一、三、五、七的晚上7点－9点2、需要特别注意的是，拉尔斯公爵在每次死亡之后变得更强，强烈建议玩家组队参加3、拉尔斯公爵掉落的神物（炎魔之泪、炎魔宝石等）可以在包裹里叠加存放4、“拉尔斯公爵来了”任务是获得内各种外套的重要途径之一5、拉尔斯公爵掉落的物品中，“雪猿、玄豹、灵凤、腾蛇、飞虎、麒麟、应龙”可以做为参加“火焰工房历险记”任务的“入场券”。--------------------------------------------------------------------------------奖品兑换规则1、不同的神物用于兑换不同的外套2、每个人只能兑换和自己等级对应的外套，详细对应关系见下表3、兑换外套时，可以选择男性或女性外套4、为了鼓励大家互相交流，领取的外套将与自己的职业相反，即：猎奇士只能领到幻灵师的外套，幻灵师只能领到猎奇士的外套； 人物等级 可兑换外套 外套等级 兑换所需神物 10－14级 幻灵师：猛虎、玉猫猎奇士：梦翅、灵翼 14级 炎魔碎片5块 15－18级 幻灵师：灵狸、百灵猎奇士：蝠翅、蝶舞 26级 炎魔碎石15块 19－22级 幻灵师：狂狼、孔雀猎奇士：银雷、红月 28级 炎魔宝石碎片65块 23－26级 幻灵师：雄狮、雪熊猎奇士：龙鳞、凤翼 32级 炎魔宝石碎石115块 27－30级 幻灵师：青月、急云猎奇士：印加、利安 36级 炎魔宝石165块 31－34级 幻灵师：燕尾、伏蜥猎奇士：飞鸟、幻羽 38级 炎魔之泪碎片215块 35－38级 幻灵师：铜环、朱雀猎奇士：秋珑、春日 40级 炎魔之泪碎石265块 39－42级 幻灵师：勇士、明镜猎奇士：血魄、博爱 45级 炎魔之泪315块 43－46级 幻灵师：英雄、垂琼猎奇士：信装、抚念 47级 炎魔之心碎片365块 47－48级 幻灵师：风护、鬼盾猎奇士：泉涌、烈阳 49级 炎魔之心碎石840块 49－50级 幻灵师：雷护、魑盾猎奇士：河动、皓月 52级 炎魔之心940块 </t>
  </si>
  <si>
    <t xml:space="preserve">金庸的小说有哪些拍了电视剧? </t>
  </si>
  <si>
    <t>电影：《飞狐外传》       电视剧：《雪山飞狐》《连城诀》《天龙部》《射雕英雄传》            《白马啸西风》《鹿鼎记》《笑傲江湖》《书剑恩仇           录》《神雕侠侣》《侠客行》《倚天屠龙记》《碧血剑         》（《鸳鸯刀》就不知道了）</t>
  </si>
  <si>
    <t xml:space="preserve">101级到102级到底要多少经验啊？？？我101了，格斗的323 </t>
  </si>
  <si>
    <t>101升102的经验是5亿,慢慢练吧</t>
  </si>
  <si>
    <t xml:space="preserve">女儿幼儿园毕业典礼不当主持人，不自信女儿在幼儿园乖巧，老师很喜欢 </t>
  </si>
  <si>
    <t>女儿是不是有点内向啊，尊重孩子的选择吧！大人们总希望孩子能按自己规定的模式去成长，孩子不受伤就行。</t>
  </si>
  <si>
    <t xml:space="preserve">GM我的装备和仓库都丢了怎么办啊？昨天还有呢？今天怎么就没了解决? </t>
  </si>
  <si>
    <t xml:space="preserve">如果你不巧在拍卖行购买了盗号者拿出来卖的装备，而原物主又通过了物品找回的认证，那么你就成为了盗号嫌疑人，系统会没收你的所有物品，如果你不去官方提起申诉，并提供有力证据证明物品来源的话，就不会归还 </t>
  </si>
  <si>
    <t xml:space="preserve">在武汉学汽车维修读哪个学校好我想学汽车修理，不过不知道读那个学校 </t>
  </si>
  <si>
    <t>在古田四路的第四职业中学，学汽修这个是武汉地区最棒的了。</t>
  </si>
  <si>
    <t xml:space="preserve">我应该放弃这样的爱情吗一个在以前经常骗你的男人值得爱下去吗？他说 </t>
  </si>
  <si>
    <t>那要看他是骗你什么了，如果是感情，我说他不值得你爱，如果是生活上一些不怎么重要的你也别太在意，但你要和他说一个谎言要靠另一个谎言去掩盖会很累的，两个人在一起要坦诚相对的。我现在也在和一个女孩相处。我就把我的情况都告诉她。也不骗她什么。我觉得我说一个谎言要另一个谎言去掩盖太累了。你可以和他沟通下，还有你可以看看有什么方法试探下看看他是不是真的爱你。</t>
  </si>
  <si>
    <t>只剩这一单了</t>
  </si>
  <si>
    <t>中定了，兄弟，等领奖吧，楼上的没中过彩满嘴喷粪你别理他</t>
  </si>
  <si>
    <t xml:space="preserve">遗产的分配一位寡妇将同她的即将生产的孩子一起分享她丈夫遗留下来的 </t>
  </si>
  <si>
    <t xml:space="preserve">那位寡妇应分得1000元，儿子分得2000元，女儿500元。这样，法律就完全得到实现了，因为寡妇所得的恰是儿子的一半，又是女儿的两倍。 </t>
  </si>
  <si>
    <t xml:space="preserve">诛仙以前的区好久没玩了现在想回来看看不记得是电信几的了只记得服务 </t>
  </si>
  <si>
    <t>哦，轩辕的啊！轩辕应该是网通一区的，不是电信的，谢谢！</t>
  </si>
  <si>
    <t xml:space="preserve">我的嘴唇很厚啊，做厚唇变薄价格是多少钱呢？嘴唇很厚呢，还是薄薄的 </t>
  </si>
  <si>
    <t>厚唇变薄价格的影响因素主要有使用的手术来定的.切记要找一家正规的大医院做，效果才漂亮。  拥有一双动人的双唇南京友谊整形医院帮您完成梦想，该中心巨资引进世界尖端设备专业进行厚唇变薄手术，手术过程安全，无痛微创，恢复快，值得信赖。</t>
  </si>
  <si>
    <t xml:space="preserve">西安有哪些好一点的民办院校呢？最好是职业学院 </t>
  </si>
  <si>
    <t>西安欧亚学院，西安外事学院，西安翻译学院，西安培华学院，西安思源学院，西京学院，这些是二本院校，楼主要职业学院有西安城市建设职业学院算比较好的了，办学也有20年了，就业率相当高！</t>
  </si>
  <si>
    <t xml:space="preserve">高分请大哥大姐帮翻译本次设计为110kV变电所电气设备的初步设计 </t>
  </si>
  <si>
    <t>This design is a preliminary outline of the electrical equipment for a 110kV transformer statn. To ensure its power supply reliability, the station incorporates two three-phase double-coil transformers, with voltage levels of 110kV and 10kV. The selection of the main transformer's capacity is based on an eight-year development blueprint, and its overload capacities during normal operation as well as accidents have also been contemplated. The design adopts single inner-bridge connection for the 110kV voltage level, and sectionalized single-bus as the main connection for the 10kV voltage level. This thesis paper includes calculations for short-circuit currents and overload currents, selection and testing of the main devices (including circuit breakers, switch disconnectors, instrument transformers, buses, surge arresters and insulators), as well as a brief introduction of the knowledges on the adopted power supplies, DC systems, lightning protection and main transformer protection.供参考</t>
  </si>
  <si>
    <t xml:space="preserve">积攒荣誉点到70级买70级荣誉装，还是现在购买或者继续打副本?原 </t>
  </si>
  <si>
    <t>怎么说呢，60级升级70是在野外吧，战场得的微章不能换成经验了，也就说战场不能升级了！在野外升到70，70级后你在回战场涮元帅套吗，我相信你到时更感兴趣的是竞技场的紫装备吧！野外PVP或副本的紫装备吧！70级的兰色元帅套似乎也就不感兴了吧！具休说70级元帅套在70级属于三流左右的装备，没什么时间玩的人才会选择70级元帅套！</t>
  </si>
  <si>
    <t xml:space="preserve">我原来经历过改名，所以现在我想给孩子取名。我想给孩子取个名字，可 </t>
  </si>
  <si>
    <t xml:space="preserve">你可以到泓翔吉祥轩去了解一下，他们不但注意五个剖象法，还注意音律、字体结构、偏旁部首等好多内容呢！泓翔吉祥轩的网址是： </t>
  </si>
  <si>
    <t xml:space="preserve">新手F的进啊新手练什么职业好呢..给个超级好的意见...PK厉害 </t>
  </si>
  <si>
    <t>新手我觉得玩MG这职业好点...刷钱快..升级前期也和法系职业差不多...最主要就是钱多得很...到后期都可以边富人的.....如果你想升级快就练WX吧....刷19升级..到高级之后也很有钱咯....</t>
  </si>
  <si>
    <t xml:space="preserve">可惜的勒 </t>
  </si>
  <si>
    <t>看了你的单差点扭到脖子了！错了3场，楼主应该给点补偿！</t>
  </si>
  <si>
    <t xml:space="preserve">调查一下，老公们一般每天晚上几点回家？几点老婆就会生气了？ </t>
  </si>
  <si>
    <t xml:space="preserve">    我的那位啊！虽然也是一个公司头头。也是有很多和应酬。回家也没有一个整点的数，但是有一点是肯定的：他没会忘记打个电话给我们的。说在干什么了，不能或者晚回来了！这是肯定的！从来没有无缘无故晚回来或不回家的事！    你调查这个无非想了解一下，男人们晚上在干部什么吧？担心他们在做对不你起的事吧！这点啊！其实夫妻之间只要信任对方就是了！用不着这样疑虑啊！我们女人真要管他们那种事才管不牢的啊！只会给婚姻添上阴云啊！    一般有赌隐的人是不知天亮的啊！一般有婚外情的男人是会回家的。但比较晚一点就了。他要赔那个女人玩呀！一般为了工作与应酬的总是会给家里打个电话的。。。。男人啊除了个人那种兴趣爱好外。一般也是会很低顾家的，不会轻易晚回家的啊！    这就是我的给论呵！</t>
  </si>
  <si>
    <t xml:space="preserve">如何不用点自动播放背景音乐 </t>
  </si>
  <si>
    <t xml:space="preserve">你好！新浪的播放器不能自动播放！给你一个自动播放的背景代码：第一步、进入新浪博客，输入“登录名”“密码”和“验证码”后点击“登入”。第二步、进入你的BLOG首页右上方的“控制面板”。第三步、进入“个人首页维护”。第四步、进入“自定义空白面板栏”。第五步、点击“增加”增加空白面板。第六步、填好面板标题，勾选文本框下方的“显示源代码”勾选框，记住，一定要勾选否则面板无法添加，在文本框中添加下面两种代码之一，然后点击保存。代码一、&lt;BGSOUND src="音乐文件网址" loop=infinite&gt;代码二、&lt;DIV&gt;&lt;OBJECT id=videowindow1 height=185 width=179 classid=CLSID:6BF52A52-394A-11D3-B153-00C04F79FAA6&gt;&lt;PARAM NAME="URL" VALUE="音乐文件网址"&gt;&lt;PARAM NAME="playCount" VALUE="infinite"&gt;&lt;PARAM NAME="autoStart" VALUE="1"&gt;&lt;PARAM NAME="volume" VALUE="50"&gt;&lt;PARAM NAME="uiMode" VALUE="full"&gt;&lt;PARAM NAME="stretchToFit" VALUE="1"&gt;&lt;/OBJECT&gt;&lt;/DIV&gt;代码说明：两种代码都可以为博客添加音乐，它们的分别在于：1、加入背景音乐，播放器不会显示在页面上；2、加入播放器，使用播放器播放背景音乐。代码2中的以下部分可以自行替换：1、音乐文件网址可以替换上自己喜欢的音乐文件网址；2、语句&lt;PARAM NAME="playCount" VALUE="infinite"&gt;的“infinite”可以替换为数字，表示重复播放多少次，如果不更改表示永久循环播放；3、语句&lt;PARAM NAME="autoStart" VALUE="1"&gt;表示是否自动播放，更改为"0"时不会自动播放，"1"的时候是自动播放；４、height和width两个属性可以改变播放器的大小。第七步、点击“控制面板”左侧“BLOG信息设置”中的“定制我的首页”。第八步、点击“添加模块”。第九步、勾选刚刚建立的模板，点击下方的“选取”。第十步、出现在页面上，用鼠标的右键将之移动到合适的位置上点击“保存设置”，完成播放器面板添加。注意：可以在百度的搜索引擎中选择音乐地址的时候多试听几遍，最好选择下载速度快的！ 在试听的音乐地址上点击右键，在跳出框上打开属性，属性中的地址才是准确的地址！祝愿你顺利！ </t>
  </si>
  <si>
    <t xml:space="preserve">春节想给妈妈带点化妆品，推荐靠谱的网站~ </t>
  </si>
  <si>
    <t>你去一下欧了了看看吧，一个专业的化妆品团购网。我和我朋友经常在那团东西，前几天团了一个谜尚红BB霜挺好用的，当初我在他们那团东西也不放心，怕是假货，后来拿到专柜验货，是真的我就放心用了，你可以去看看。觉得适合再买吧。</t>
  </si>
  <si>
    <t xml:space="preserve">女的没做过爱的外阴会变黑吗？是不是只有做过爱的外阴才会变黑？ </t>
  </si>
  <si>
    <t>民间素有性交频繁会使女性的外生殖器变黑的传言，甚至以大阴唇表皮的色素沉着程度来判别是否处女，这是极不可信的。通常，大阴唇的颜色从褐色到浅黑色不等，范围与阴毛发生部位一致。虽说生过孩子的妇女，有色素沉着范围扩大、越过阴毛发生部位使颜色变深的倾向，但是，这也不是绝对的，就是十几岁的处女也有大面积色素沉着的例子。所以，用大面积色素沉着来判断对方有否有过性生活，是极不可取的。同样，性交频繁也不会使小阴唇变黑。事实上，已婚妇女的小阴唇比处女更丰满，这是因为由于性交时的摩擦使小阴唇变得肥大了。同时，不少处女的小阴唇会因色素沉着而变黑，而个别已婚近20年的中年妇女也有小阴唇依然是粉红色的。你能明白吗？祝你开心。</t>
  </si>
  <si>
    <t xml:space="preserve">福州女性做四维彩超价格都需要多少钱？ </t>
  </si>
  <si>
    <t>四维彩超是传统的三维彩超的升级，三维彩超只能够静态的观察宝宝的形态，而并不能动态观察，因此，无法做到刻录光盘，不能将孕期珍贵的记忆刻录下来珍藏。四维彩超是目前先进的孕期彩色超声设备，可以动态的观察宝宝的一举一动，不仅如此，还可以自动拍摄宝宝的活动，从多角度多方面观察宝宝的形态，因此可以更为准确的排查宝宝的有无先天畸形等情况。而且四维彩超的价格也并不昂贵，一般需要几百元左右。相比于三维彩超来说，四维彩超能够更好的实现孕期检查宝宝的发育，四维彩超从全方位、多角度观察宝宝的宫内发育情况，不仅如此，连宝宝的体表问题如唇裂、脊柱裂等畸形也有很好的检查效果，更为强大的是还可以诊断出宝宝是否有先天性心脏病、智力有无异常等情况，通过这些健康，可以更好的确保宝宝健康发育。做四维彩超应该在孕22-28周进行，而对于怀有双胞胎的准妈妈来说，在孕22-23周就应该做下检查了。 主要是因为在段时间内，各方面的情况都是很适合检查的，如宝宝脑部发育完成，大小适中，羊水也适合检查，所以检查结果更为清晰。</t>
  </si>
  <si>
    <t xml:space="preserve">大肚子露青筋，得什么病，火烧心——打一物 </t>
  </si>
  <si>
    <t>灯笼</t>
  </si>
  <si>
    <t xml:space="preserve">我为什么心脏右上方疼痛？ </t>
  </si>
  <si>
    <t>我与医隐有相同看法 描述病情太简单 能否补充一下具体情况不要急 本人考虑 1 首先要找医生排除肋间神经痛的可能 2 重点怀疑心脏问题 可查心电图 血脂一組 血粘度 针对结果再给你相应的治疗建议行吗祝早日确诊 对症治疗 及早康复</t>
  </si>
  <si>
    <t xml:space="preserve">力能高怎么样。力能高管用吗？力能高有知道力能高的说说，力能高管用 </t>
  </si>
  <si>
    <t>效果不错的，我家孩子吃这个增高了8厘米，不过要去官网上购买，起码质量可以保证。</t>
  </si>
  <si>
    <t xml:space="preserve">我的信任女朋友要过生日了，真的不知道送什么好？我想了好多总觉得没 </t>
  </si>
  <si>
    <t xml:space="preserve">   送社么并不是很重要，如果她真的喜欢你，是不会在乎你送她社么的，但约会的地方一定要浪漫点的，比如咖啡厅~~~~</t>
  </si>
  <si>
    <t xml:space="preserve">新区经验变少问题准备换新区了，却发现到新区给的经验是如此之少。比 </t>
  </si>
  <si>
    <t>是的,新区的经验就是比老区少很多.因为盛大知道新开的区,玩家急于升级,花钱比老区大方多了.他那是趁火打劫!</t>
  </si>
  <si>
    <t xml:space="preserve">清泉老师，请问600108今天还能进吗？ </t>
  </si>
  <si>
    <t>暂时观望！如有效突破9.60压力位置可考虑介入！</t>
  </si>
  <si>
    <t xml:space="preserve">11141期胜负彩第12场：伯恩利vs赫尔城,你们的选择是什么？ </t>
  </si>
  <si>
    <t>0!!!!!!!!!!!!!!!!!!!!!!!!!!!!!!!!!!!!!!!!!!!!!</t>
  </si>
  <si>
    <t xml:space="preserve">游戏保护要是刚开始玩的时候没有设置安全邮箱现在还能设置吗。 </t>
  </si>
  <si>
    <t>应该是可以的。请到官方网站上查询相关的设置。注意一定要认准官方网站避免被钓鱼，账号被盗</t>
  </si>
  <si>
    <t xml:space="preserve">谁知道这是什么电影老表帮我转发哈 </t>
  </si>
  <si>
    <t>应该是这部了《26种死法/死亡邪典/死亡ABC》 提示！该片非常重口味！慎看~先可能个动态图片你就知道http://bbs.shangdu.com/t/20140126/01001001610192/610192-1.htm</t>
  </si>
  <si>
    <t xml:space="preserve">好久不发单了,今天凑凑热闹,大家很批英超1维　拉西汉姆[1]英超 </t>
  </si>
  <si>
    <t>兄弟很好的思路几个1博的精彩不要犹豫了去下单吧中了 好运。</t>
  </si>
  <si>
    <t xml:space="preserve">八千代和乙女心是两种吗？为什么有人说是同种？ </t>
  </si>
  <si>
    <t>不是，但两者同属于景天科。小时候两者差别不大，但长大后差别就比较明显了。长大了的八千代的茎看起来已经是木质了,而且能长很高一株，看起来很粗壮的样子。乙女心的茎和叶都还保持同色,茎看起来就是肉质。下图是长大后的八千代。</t>
  </si>
  <si>
    <t xml:space="preserve">见过这130的武器吗奇门第一枪 </t>
  </si>
  <si>
    <t>见怪不怪了.................</t>
  </si>
  <si>
    <t xml:space="preserve">现在买哪个指数型基金好?1、都说EFE的指数型才是真正的指数型基 </t>
  </si>
  <si>
    <t>1,F基 金 是 一 种 被 动 投 资 型 指 数 基 金 ,完 全 跟 踪 复 制 指 数 ,力 求 最 大 程 度 地 减 小  与 指 数 的 误 差 .追 求 与 指 数 的 高 度 拟 合 .因 此 上 说 ,ETF基 金 才 是 真 正 的 指 数 型 基 金 .2,从 这 两 年 基 金 的 业 绩 表 现 来 看 ,被 动 投 资 型 指 数 基 金 的 投 资 回 报 ,往 往 要 比 那 些 积 极 主 动 型 股 票 基 金 的 收 益 要 好 .而 且 从 国 外 经 验 来 看 ,很 少 有 基 金 能 够 长 期 战 胜 指 数 连 续 五 年 能 够 战 用 指 数 的 基 金 微 乎 其 微 .因 此 长 期 持 有 指 数 型 基 金 应 该 是 一 个 很 不 错 的 选 择 .    另 外 保 险 与 基 金 不 同 ,保 险 是 一 种 保 障 ,是 一 种 风 险 防 范 的 工 作具 ,但 它 并 不 是 一 种 很 好 的 投 资 理 财 产 品 ,而 基 金 却 是一 种 受 到 广 大 投 资 者 喜 爱 的 投 资 理 财 产 品 .为 小 孩 做 投 资 理 财 计 划 ,可 以 选 择 一 只 股 票 型 基 金 长 期 持 有 .另 外 再 选 择 一 只 基 金 长 基 定 投 .另 外 在 市 场 趋 势 长 期 向 上 的 投 资 环 境 中 ,可 考 虑 选 择 月 初 做 为 定 投 扣 款 日 ,(一 般 情 况 下 ,月 初 的 指 数 相 对 月 未 要 低 许 多 )可 以 同 样 的 投 资 金 额 ,获 得 更 多 的 基 金 份 额 ,日 积 月 累 ,长 期 下 来 .其 收 益 要 高 出 许 多 .祝 宝 宝 健 康 成 长 ,理 财 成 功 !可 以 重 点 考 虑 510050上 证 50ETF,159901深 100ETF</t>
  </si>
  <si>
    <t xml:space="preserve">发高烧41度对小孩大脑有没有影响我的宝宝1月19日出生，快7个月 </t>
  </si>
  <si>
    <t xml:space="preserve">    发高烧41度对大脑有没有影响？    一、 发烧烧不坏大脑 　　发烧会不会“烧坏”孩子的大脑呢？要弄明这个问题，先来了解一下发烧对人体的影响。发烧对人体的影响既有有利的一面，又有不利的一面。   （一）有利的一面    1,发烧是人体抵抗疾病的一种重要的生理性防御功能的反应。发烧时，机体血液中的白细胞增多，抗体生成活跃，肝脏的解毒功能增强，物质代谢速度加快，能使机体的抵抗力有所提高；   2,发烧时可以抑制某些致病微生物在体内生长繁殖。这些变化均有利于消灭致病因素，促进疾病的好转。   3,发烧也是疾病发生的重要信号，体温曲线的变化往往反映病情的变化，对判断病情、评价疗效和估计预后，均有重要参考价值。     （二）不利的一面　　1,发烧尤其是高烧时，也会对机体带来一些危害。例如，发烧使神经系统的兴奋性增高，特别是高烧（40～41℃）时，病人可能出现烦躁、谵语、幻觉，头痛。        2,在小儿，由于中枢神经系统尚未发育成熟，高烧比较容易引起抽搐（热惊厥）。    3,发烧时可使心跳加快，一般成年人体温每升高1℃，心率每分钟增加15次，儿童可增加更多，心率过快可使心脏病或贫血病人的心脏负担加重，甚至会引起心力衰竭。    4,发烧时还会消耗大量的自身物质和能量，这些都对人体不利。 　　二、由上述分析可见：    1,发烧除有可能引起孩子抽搐外，是不会“烧坏”孩子的大脑，影响孩子的智力的。    2,孩子发生高烧抽搐时，如果处理得当，也不会造成孩子的大脑损伤，    3,只有极少数孩子由于抽搐过久引起缺氧，才有可能造成脑部的损伤，日后影响智力。    三、结论    你的宝宝高烧处理得当且及时,是不会造成脑部损伤影响智力的，请放心好啦。</t>
  </si>
  <si>
    <t xml:space="preserve">猎人和奥法怎么刷sw小怪就放风筝吗可以2人原地不动的刷吗 </t>
  </si>
  <si>
    <t>我用LR时只和冰法刷过。误导FS开怪。冰法全程寒冰箭减速，LR看到小怪走到FS面前时用【扰乱射击】一个6秒的嘲讽技能，然后小怪会回头向LR走，快到LR面前时【扰乱射击】消失，小怪再向FS走，如此这样直到小怪死。奥法也行，不过奥法的减速是60%，而冰法的是70%。条件：FS要攻高蓝够，不然小怪没死就没蓝了。LR要意识超强，【扰乱射击】早放一秒LR可能会死，晚放一秒FS就会死。扰乱射击 7% 基础法力值 35 码 冷却: 8秒 需要: 远程武器吸引目标攻击你，但是对已经在攻击你的目标无效。持续6秒。</t>
  </si>
  <si>
    <t xml:space="preserve">谁能告诉我风霜外挂的下载网址啊就是那个一个女的的那个外挂去哪个网 </t>
  </si>
  <si>
    <t xml:space="preserve">上海益盟操盘手一财点睛，这软件怎么样？ </t>
  </si>
  <si>
    <t>不.错，我.自.己.也.在.用。作.为.炒.股.资.讯.类.软.件，一.财.点.睛.推.送.给.用.户.的.新.闻.保.证.了.真.实、快.速.和.精.准，毕.竟.其.背.后.是.财.经.网.庞.大.的.人.力.物.力.和.消.息.渠.道，和.益.盟.操.盘.手.软.件.的.核.心.算.法。如.果.能.够.用.好.一.财.点.睛.的.话，那.对.于.楼.主.你.的.炒.股.来.说.帮.助.甚.大。至.于.怎.么.用，就.当.下.国.内.股.市.以.波.段.操.作.为.主.的.情.况.下，最.好.结.合.一.款.适.合.做.短.线.的.股.软。我.的.选.择.是.操.盘.手.决.策.版，毕.竟.一.财.点.睛.也.是.由.益.盟.操.盘.手.参.与.研.发.的，用.操.盘.手.决.策.版.和.一.财.点.睛.相.结.合.着.用，效.果.肯.定.更.好。不.废.话.了，我.的.使.用.策.略.是.先.用.一.财.点.睛.选.取.具.备.投.资.潜.力.的.优.质.个.股，然.后.再.看.操.盘.手.决.策.版.是.否.发.出.B.点，一.旦.出.了.B.点.就.赶.紧.买.入，千.万.别.有.一.丝.犹豫，然.后.等.到.S.点.一.出，或.者.觉.得.自.己.赚.够.了，就.果.断.空.仓。如.此，便.是.最.简.单.的.一.次.波.段.操.作.了。话.说.回.来，按.照.波.段.操.作.也.只.是.益.盟.三.大.软.件.理.念.之.一，其.它.理.念.还.有“按.照.大.盘.趋.势.投.资.和.按.照.大.赚.小.赔.投.资”，楼.主.有.空.的.话.不.妨.也.去.了.解.了.解。辛.苦.打.字，楼.主.别.忘.了.采.纳！</t>
  </si>
  <si>
    <t xml:space="preserve">谁可以说一下那个真铜定在那儿可以买到呀？ </t>
  </si>
  <si>
    <t>拍卖行或者地摊这东西是二级铁匠制造的，NPC没有卖的</t>
  </si>
  <si>
    <t xml:space="preserve">洗衣服的数学 </t>
  </si>
  <si>
    <t>找作文网</t>
  </si>
  <si>
    <t xml:space="preserve">得了心肌炎在心电图中能看出来吗? </t>
  </si>
  <si>
    <t>绝对能看出来。因为本人得过。</t>
  </si>
  <si>
    <t xml:space="preserve">这辆爱丽舍能卖多少钱？06年3月的16V手动，车况较好，无事故， </t>
  </si>
  <si>
    <t>5-7万元新车9万元。</t>
  </si>
  <si>
    <t xml:space="preserve">可以告诉我不 </t>
  </si>
  <si>
    <t>??????</t>
  </si>
  <si>
    <t xml:space="preserve">得了便秘怎么办？怎样治疗便秘？ </t>
  </si>
  <si>
    <t xml:space="preserve">便秘，最常见的原因是由饮食不当造成的。便秘病人应找出病因，针对病因，给予适当的膳食治疗。对于神经性或机械性便秘，可视便秘的程度，给予无粗纤维的无渣半流或少渣软饭；禁用任何有刺激性的食品，如香料、浓茶、浓咖啡等；病人应多饮水，并可用琼脂制品，因为琼脂能在肠里吸收水份，使大便软渭又无刺激性，利于通便。 　　对于饮食性便秘，可从膳食着手： 1、多食宣含植物纤维的食品，如青菜、水果、粗粮、豆制品等，必要时可加些琼脂，利用其吸水性，使肠的内容物膨胀而增量，从而促进肠蠕动，利于排便。 2、纠正不良饮食习惯，多用含维生素B的食品，如粗粮、豆类，必要时可补充片剂维生素B1。因为如果体内维生素B1不足，可影响神经传导，减缓胃肠蠕动，不利于食物的消化吸收和排泄。 3、多用产气食品：如生葱、洋葱、生黄瓜、生苤蓝、生萝卜等，利用它们在肠道内的发酵作用，产生鼓肠，以增加加肠蠕动，利于排便。 4、多饮水及饮料，每日清晨空腹喝水200—500毫升，特别是温凉的淡盐水，效果更佳。 5、适量增加值方的摄入，可促进大便的通畅。 　　便秘患者的饮食应以高纤维、多胀气、多水份、多脂肪为主。便秘病人禁忌酒、浓茶、咖啡、大蒜、辣椒等辛辣刺激性食品，可辅以下列食疗方法： 1、菠菜猪血汤取菠菜200克，猪血150克同煮，熟后放盐少许，然后饮汤。 2、猪心柏子汤 取猪心1个，柏子仁15克。将柏子仁纳入猪心内，清水炖熟，隔2天服1次。 3、蔗浆粥 取蔗浆汁lOO毫升，粳米50克。将新鲜甘蔗洗净，榨浆备用、粳米加水400毫升，米煮至开花后，兑入蔗浆汁。每日早、晚温热服食。 4、黄芪蜜荼 将黄芪15克入沙锅，加清水500毫升，煎至300毫升，去渣取汁，加蜂蜜30克和匀，煮l—2沸，代荼饮。 5、木耳海参炖猪肠取木耳15克，海参30克，猪大肠150克。将猪大肠翻开洗净，加水同木耳、海参炖熟，入盐、酱油及味精少许，出锅即可食用。 6、郁李仁粥 将郁李仁lO克浸泡，褪皮，研为膏；粳米50克煮粥，待粥熟后，入郁李仁膏，加姜汁、蜂蜜各适量。空腹食之。 7、决明润肠荼 取草决明30克炒至适度、研碎，用沸水冲泡5—10分钟，每日l剂代茶饮。 　　便秘即大便秘结不通。指排便间隔时间延长，或虽不延长而排便困难者。 　　便秘多由大肠积热、或气滞、或寒凝、或阴阳气血亏虚，使大肠的传导功能失常所致。 　　 西医相关病症 　　　　西医相关病症：习惯性便秘，肠神经官能症、肠道炎、肛裂、痔疮、直肠炎。　　 症候分型 　　　　1．热秘：症见大便干结，小便短赤，面红心烦，或有身热，口干口臭，腹胀或痛，舌红苔黄燥。治宜清热润肠。可用麻子仁丸。 　　2．气秘：症见排便困难，大便干结或不干，嗳气频作，胁腹痞闷胀痛。治宜顺气导滞。可用六磨汤。 　　3．气虚便秘：症见大便非干硬，虽有便意而临厕努挣乏力，难于排出，挣则汗出，短气，便后疲乏，面白神疲，肢倦懒言，舌淡嫩。治宜补气健脾。可用黄芪汤。 　　4．血虚便秘：症见大便干结，面色淡白无华，心悸健忘，头晕目眩。治宜养血润燥。可用润肠丸。 　　5．阴虚便秘：症见大便干结，形体消瘦；或见颧红，眩晕耳鸣，心悸怔忡，腰膝酸软，大便如羊屎状。治宜滋阴补肾。可用六味地黄汤。 　　6．冷秘：症见大便干或不干，排出困难，小便清长，面色青白，手足不温，喜热怕冷，腹中冷痛，或腰脊冷重。治宜温润通便。可用济川煎。 　　 预防 　　　　1．饮食上避免过度煎炒、、辛辣，亦不可过食寒凉生冷，宜多食粗粮蔬菜；　　2．避免过度七情刺激，保持精神舒畅。　　3．便秘不可滥用泻药。 </t>
  </si>
  <si>
    <t xml:space="preserve">什么是论坛我要写一个论坛,应该怎样写?范围一般包括个人的兴趣爱好 </t>
  </si>
  <si>
    <t>找一些现成的论坛，比较一下，找些感觉！也可以从那里找些材料！祝你成功！</t>
  </si>
  <si>
    <t xml:space="preserve">两个人同时来到了河边，都想过河，但却只有一条小船，而且小船只能载? </t>
  </si>
  <si>
    <t>能,两人分别在河的两岸</t>
  </si>
  <si>
    <t xml:space="preserve">我晕``怎么能最快获得免费赤壁激活碼？jiji``要` </t>
  </si>
  <si>
    <t>这里 与机会拿到号 赤壁  来试试吧  NZ农庄</t>
  </si>
  <si>
    <t xml:space="preserve">鱼骨卡喉咙，拍CT看不到怎么办？ </t>
  </si>
  <si>
    <t>这个我一同学也遇到过，他在医院看说没有，但是一直难受，最后听人家说喝祛骨消炎汤可以，他去买了2贴一喝就好了，感觉很神奇哦！你可以去试试。</t>
  </si>
  <si>
    <t xml:space="preserve">格兰蒂亚一共有多少集？ </t>
  </si>
  <si>
    <t>格兰蒂亚一共有4集，PS的就第一代，DC就第二代，PS2就有X和复刻DC第二代，和近期发售的第三代。</t>
  </si>
  <si>
    <t xml:space="preserve">注册表找不到先是运行“regedit”，提示找不到然后亲自到wi </t>
  </si>
  <si>
    <t>该文件的全称是regedit.exe，在\WINDOWS目录下面，如果没有，到与你有相同操作系统的其他微机上拷一个过来即可解决。</t>
  </si>
  <si>
    <t xml:space="preserve">中秋老妈说让我给买两袋响水贡米回去，结果发现好贵而且不是随便就买 </t>
  </si>
  <si>
    <t>响水贡米那可是人民大会堂国宴用米。属于绿色有机食品，有益健康。是自用和馈赠亲朋的上选</t>
  </si>
  <si>
    <t xml:space="preserve">玩游戏卡是升级显卡重要还是内存?在线等...我电脑256的内存显 </t>
  </si>
  <si>
    <t>1. Gefroce 4 MX 440 显卡是2002年底设计的, 2003年初开始投放市场的, 在 2003-2004年销售的很不错的. 但是现在是 2007年了. 你的那个显示卡太落后了!2. 内存的事情.就目前的操作系统和游戏应用来说, 512M99%是足够使用的.你的机器需要升级 成为更好的显示卡 ,至少是ATI 9550 128位.128M显示卡.最好能升级到 更高级的  256位显存接口, 至少128M DDR 3 显存的显示卡.内存需要升级到 512M的这样在网络速度保证的情况下玩游戏,才不会卡的!</t>
  </si>
  <si>
    <t xml:space="preserve">抗过敏牙膏什么牌子的好呢，最近牙齿有些过敏 </t>
  </si>
  <si>
    <t>抗过敏牙膏的话，我有用冷酸灵的抗过敏牙膏，挺不错的，冷酸灵家是专业抗过敏药膏的哦，冷酸灵抗过敏牙膏里面含有PNS抗过敏因子能缓解疼痛，在抗过敏牙膏里算是比较优秀的，采用的高清洁低摩擦的洁齿钙磨料（磷酸氢钙二水物），抗敏感作用特别显著。“国民大叔”吴秀波代言的，我用很久了蛮不错，楼主可以试试。</t>
  </si>
  <si>
    <t xml:space="preserve">48期英格兰这场会不会是个大冷门，在麦克拉伦时代还输给北爱尔兰呢 </t>
  </si>
  <si>
    <t>麦克拉伦实在太烂，卡佩罗加上球员的职业精神的愉悦球迷，这场比赛就是射击表演，我对比赛的进程是这样想的：卡佩罗先让主力上场获得3个以上进球的领先，然后换人。。。表演。</t>
  </si>
  <si>
    <t xml:space="preserve">男宾止步（打一字）意会 </t>
  </si>
  <si>
    <t>妪&gt;&gt;</t>
  </si>
  <si>
    <t xml:space="preserve">老是失眠是怎么回事？ </t>
  </si>
  <si>
    <t>造成失眠的原因很多.精神紧张,兴奋,抑郁,恐惧,焦虑,烦闷等精神因素常可引起失眠;工作和学习压力过重,环境改变,噪音,光和空气污染等社会环境因素是另一重要原因;晚餐过饱,睡前饮茶和咖啡这些不良生活习惯也会造成失眠.</t>
  </si>
  <si>
    <t xml:space="preserve">请问这是什么品牌的车 </t>
  </si>
  <si>
    <t>应该是宾利，因为这辆车的样子很象劳斯莱斯，但又它特有的标志，所以应该是宾利</t>
  </si>
  <si>
    <t>快到外面读书了</t>
  </si>
  <si>
    <t>诺基亚的！</t>
  </si>
  <si>
    <t xml:space="preserve">继续介入000930，短线波段操作，挣一个涨停板后再出货！ </t>
  </si>
  <si>
    <t>支持，绝对没问题！</t>
  </si>
  <si>
    <t xml:space="preserve">利润率和税负率有什么关系谢谢 </t>
  </si>
  <si>
    <t>1、税负率是指增值税纳税义务人当期应纳增值税占当期应税销售收入的比率。即：税负率=应交税金/销售收入2、这儿的利润率指的是销售利润率吧，销售利润率是企业一定时期的利润总额与销售收入的比率。即：销售利润率=利润总额/销售收入如果是销售净利率：则：销售净利率=净利润/销售收入另外，还有成本费用利润率：是指企业一定时期利润总额与成本费用总额的比率，即：成本费用利润率=利润总额/成本费用总额企业的利润率决定企业的税负率，一般情况下随着利润率的上升，税负率也会上升；随着利润率的下降，税负率也会下降，两者呈现同方向变化的关系。　　</t>
  </si>
  <si>
    <t xml:space="preserve">关于唐伯虎的诗……那首《桃花庵仙》怎么有两个版本？一个是显者和隐 </t>
  </si>
  <si>
    <t xml:space="preserve">若问为何会出现这种版本不同、文字有别的情况呢?究其原因，大概有三：一是诗人自己修改。“新诗改罢常自吟”，这种情况比较普遍。经过推敲后，把诗词中一些原不甚妥帖的词儿换了，因为前后修改，不是一时一地，流传开来，就可能出现两个或两个以上的版本。 　　二是后人篡改或误改的。最明显的莫如《四库全书》这部举世无双的巨著，里面就有不少诗文，在“皇上”的授意下，公然地加以删改。另外，王之涣《凉州词》：“黄河远上白云间，一片孤城万里山，羌笛何须怨杨柳，春风不度玉门关。”其中第一句，“黄河远上”有的版本作“黄沙直上”，按照与物候来说，竺可桢指出，应是“黄沙直上白云间”，因为玉门关一带，全是黄沙没有黄河。而把“黄沙直上”误为“黄河远上”，可能同“沙”与“河”，“直”与“远”草书写法相近之故。 　　三是抄错或记错了。如《东坡题跋》：“味摩诘之诗，诗中有画；观摩诘之画，画中有诗。诗曰：“蓝溪白石出，玉川红叶稀。山路原无雨，空翠湿人衣。”其实前两句应为：“荆溪白石出，天寒红叶稀”。又如王维《红豆诗》：“红豆生南国，春来发几枝。愿君多采撷，此物最相思。”而《闻一多全集》则把第二句的“春来发几枝”印成“秋来发几枝”。红豆五月开花，秋日结子，至于发枝，当然是“春来”了。 </t>
  </si>
  <si>
    <t xml:space="preserve">谜语：电闪雷鸣————打一字（会意）同上 </t>
  </si>
  <si>
    <t>汲。</t>
  </si>
  <si>
    <t>初中数学问题急帮解下x(x+5)=</t>
  </si>
  <si>
    <t>x(x+5)=-6解:x2+5x=-6   x2+5x+6=0   (x+2)(x+3)=0    x=-2或 x=-3       (注:x2表示x的2次方)</t>
  </si>
  <si>
    <t xml:space="preserve">公民是否有权拒绝入室登记人口？ </t>
  </si>
  <si>
    <t>公民有权拒绝入室,但不应拒绝登记人口</t>
  </si>
  <si>
    <t xml:space="preserve">海参能抗癌吗？不知道能抗什么癌？ </t>
  </si>
  <si>
    <t>研究表明，海参的体壁、内脏和腺体等组织中含有大量的海参毒素，又叫海参皂甙。海参皂甙是一种抗毒剂，能抵制癌细胞、KB细胞并抑制蛋白质核糖核甘酸的合成，抗腐能力强，对人体却安全无毒并且能抑制肿瘤细胞的生长与转移，有效防癌、抗癌，提高人体免疫力，对放疗、化疗患者有极好的复原奇效。刺海参特有的刺参酸性粘多糖以及所富含的大量硒元素对恶性肿瘤的生长、转移具有显著抑制作用。临床上已广泛用于肝癌、肺癌、胃癌、乳腺癌、子宫癌、白血病、淋巴癌、鼻咽癌、骨癌、卵巢癌、脑瘤及术后转移复发的良性、恶性瘤等患者的食疗和治疗。</t>
  </si>
  <si>
    <t xml:space="preserve">苋菜的头吃了有什么效用？ </t>
  </si>
  <si>
    <t>食用功效: 认为，苋菜味甘，性凉。归大肠、小肠经。具有清热解毒，除湿止痢，通利二便，利窍止血等功效。适用於痢疾、肠炎、大便涩滞、便秘、淋证、麻疹不透、漆疮瘙痒，暑热等病症。 促进发育：苋菜叶富含易被人体吸收的钙质，对牙齿和骨骼的生长可起到促进作用，对小儿生长发育及骨折的愈合，具有促进作用。 促进造血功能：苋菜能维持正常的心肌活动，防止肌内痉挛。同时含有丰富的铁、钙和维生素Ｋ，可以促进凝血，增加血红蛋白含量并提高携氧能力，促进造血等功能。最宜贫血患者食用。民间常将苋菜与马齿苋，一起视为骨折之人和临产孕妇的最佳食蔬。 减肥：苋菜还是减肥餐桌上的主角，常食可以减肥轻身，促进排毒，防止便秘。 适合青少年食用：苋菜叶里含有高浓度赖氨酸，可补充谷物氨基酸组成的缺陷，很适宜婴幼儿和青少年食用，对促进生长发育具有良好的作用，尤对用牛奶、奶粉等代乳品哺喂的婴儿有益。 补充维生素：苋菜能增加丰富的维生素、矿物质。 清热解毒：苋菜清热解毒、收敛止血痢、抗菌、消炎、消肿。适用于急性肠炎，尿道炎，咽喉炎，妇女子宫颈炎以及痈、疖、毒蛇咬伤。尤其对细菌性痢疾有卓效。 其它：亦可治扁桃体炎、咽喉肿痛、甲状腺肿大、血吸虫引起的下肢象皮肿，还能辅助治疗宫颈癌、肠癌脓血黏液便等。</t>
  </si>
  <si>
    <t xml:space="preserve">会怎么发展?我有个好朋友,最近很苦恼,她的老公本来一直都怀疑她会 </t>
  </si>
  <si>
    <t>网上可是虚幻的，和现实截然不同，他是她现实的依托，网友是她完美的幻想</t>
  </si>
  <si>
    <t xml:space="preserve">空集是空集的子集吗如标题 </t>
  </si>
  <si>
    <t>由定义,空集是任何集合的子集,是任何非空集和的真子集,∴ 空集是空集的子集.</t>
  </si>
  <si>
    <t xml:space="preserve">为什么，我问有没有人买日贷的问题会被撒捎？为什么，新浪网是日本人 </t>
  </si>
  <si>
    <t>现在这个话题较敏感，只要你看新闻便知，有些居心叵测的人利用民众爱国心理来做些有唯中国国情的事，这些肆意煽动民众的人现在已经被警方拘留，可能会被判刑，还有些人警方目前正在通缉中。所以，近阶段最好避免这个话题。</t>
  </si>
  <si>
    <t xml:space="preserve">中国的哪些姓氏里含有数字? </t>
  </si>
  <si>
    <t xml:space="preserve">姓氏不足为奇，哪国都有，但以数字作为姓，在中国是惟一的。　　“一”姓。为鲜卑族一那娄氏、一弗氏或汉姓乙氏所致。姓这个姓的有：一炫宗，延川人，明正统中任灵寿县丞。一洪，邓州人，明时任赞皇知县。现广东县、四川彭山尚有一姓存在。 　　“二”姓。古代二与贰通用。贰是周代侯国，后又以二为姓。姓这个姓的有：二肖翁，四川三台人，曾为团勇，嘉庆七年阵亡。 　　“三”姓。此姓出处不详。姓这个姓的有：三庸道，应州人，明正统中任祁门县丞。三承基，临清人，清咸丰四年殉难。 　　“四”姓。古代高辛帝之妃，生下契，帝封契于商，赐姓子氏，其后代有四氏。姓这个姓的有：四全，临汾人，行伍出身，清乾隆22年任孟县千总。 　　“五”姓。本姓伍氏，为避仇杀去掉‘人’字旁为五氏。姓这姓的有：五就简，宋代任桂阳郡幕僚。 　　“六”姓。皋陶之氏封于六，后为楚所灭，他们的子孙以国为氏。今卢港为六城。姓这个姓的有：六安人，清乾隆五十四年举人，后任高邮县学正。 　　“七”姓。未见出处。姓这个姓的有：七春贵，瑞安人，康熙三十九年任瑞安副将。　　“八”姓。相传明诸王之后，有兄弟二人在清兵入关之时，将‘朱’姓分为‘八’和‘牛’，两人各以为姓。但清前已有八姓。其出处现在难以查考。姓这个姓的有：八通，江宁人，明正德中任礼部主事。八天培，明时任新喻县主簿。　　“九”姓。姓这个姓的有：九焯，井研人，明洪武年间任江西德兴知县。九聚，金吾右卫人，明嘉靖中任永平府副总兵。 “十”字姓，据《台湾省通志?氏族篇》云：姓十字姓的人分布于台北、新竹、彰化等地。 　　我国的姓氏之奇特，还包括大写的‘壹’至‘拾’字姓。姓这些姓氏的有： 　　“壹”姓。壹震昌，明永乐年间兴化府人。 　　“贰”姓。贰尘，后秦时任平阳太守。　　“叁”姓。叁徐，宋绍兴年间进士。　　“肆”姓。周代宋大夫肆成。 　　“伍”姓。楚大夫伍参。 　　“陆”姓。些姓至今依然甚多。 　　“柒”姓。柒永严，郁林人，清咸丰十年阵亡。 　　此外，我国还有以‘百’至‘兆’的数字作为他们姓氏的。 　　“百”姓。秦百里奚之后为百里氏，后来省略为百氏。百恭，赣县人，明朝时任赣州卫千户。 　　“千”姓。魏时氏王杨千里入蜀之后有以千为氏。千魁，蒲城人，明万历四十五年举人，后任高阳县知县。 　　“万”姓。楚公族中有食采于万邑的人，便以万为姓。万人龙，天津人，清嘉庆九年举人。 　　“亿”姓。《姓苑》中有此姓。今山西屯留、上海宝山及台湾等地均有姓这个姓的人。　　“兆”姓。《广韶》中有此姓。兆文，沧县人，民国初毕业于保定师范学校。 </t>
  </si>
  <si>
    <t xml:space="preserve">【市场调查】JMM来帮帮忙吧！小妹在此叩谢了！ </t>
  </si>
  <si>
    <t>没有过</t>
  </si>
  <si>
    <t xml:space="preserve">请问调皮大师，600499下步如何操作? </t>
  </si>
  <si>
    <t>明日10日均线，破位减持，不破继续谨慎持有。</t>
  </si>
  <si>
    <t>数学问题等比数列a(n+1)=5/2</t>
  </si>
  <si>
    <t>您可以这样考虑A(n+1)-2=1/2-1/An=(An-2)/(2An)                 (1)A(n+1)-1/2=2-1/An=(2An-1)/An                   (2)(1)除以(2)得到：[A(n+1)-2]/[2A(n+1)-1]=(1/4)[An-2]/[2An-1]这样数列{[An-2]/[2An-1]}就是以(A1-2)/(2A1-1)=-1为首项，1/4为公比的等比数列了很容易就能得到An,因而也就能求出Bn了。</t>
  </si>
  <si>
    <t xml:space="preserve">Whatkindsofaccidentsdoyouknowof?? </t>
  </si>
  <si>
    <t>know of意为：了解，有所耳闻。</t>
  </si>
  <si>
    <t xml:space="preserve">谁能告诉我人家说的双击是什么意思。是不是拿双刀就可以自动放出来啊? </t>
  </si>
  <si>
    <t>双击是双刀的特性,在正常攻击的情况下一定的双击(两刀同时击出)几率.</t>
  </si>
  <si>
    <t xml:space="preserve">前不久买了条蓬蓬裙，但是太夸张了不敢穿出去 </t>
  </si>
  <si>
    <t>很漂亮的一条裙，你不穿就浪费了，想怎么穿就怎么穿，不要在乎别人。</t>
  </si>
  <si>
    <t xml:space="preserve">尿多怎么办 </t>
  </si>
  <si>
    <t>病情分析：宝宝在1岁或1岁半时,就开始能在夜间控制排尿了,尿床现象已大大减少.但有些孩子到了2岁甚至2岁半后,还只是能在白天控制排尿,晚上仍常常尿床,这依然是一种正常现象,大多数孩子3岁后夜间不再遗尿.遗尿症是指5岁以后每周至少有一次遗尿者,并不包含偶然一次的尿床. 指导意见：1.治疗有关潜在的疾病.如果尿床是由夜间抗利尿激素分泌不足引起的,可以在指导下用抗利尿激素药物治疗. 2.如果是膀胱功能不健全,可以让孩子多喝水以增加膀胱容量,并适当憋尿以训练他们的控制力.还可训练孩子时断时续地小便,以体验膀胱括约肌的收缩. 3.适当减少饮水.睡前两小时不喝过量的水,上床前要求孩子排空小便. 4.定时叫醒.把孩子尿床的时间记录下来,从中找出规律,然后定时叫醒他小便（要彻底唤醒,以免孩子在昏睡中把尿拉在床上）. 5.创造舒适的睡眠环境.为孩子准备一张干净温暖的床,特别注意不要让孩子的腰,腿受凉. 6.消除引起尿床的心理因素.及时发现孩子内心的焦虑,紧张,教孩子学会放松.如可以在睡前听听轻松的音乐,缓解紧张的情绪. 7.愉快教育.应该对孩子不尿床的行为多加表扬和奖励（不能嘲笑孩子,这会损伤他的自信心）.使孩子对不尿床的行为有愉快的情绪体验,进而巩固良好的行为习惯.</t>
  </si>
  <si>
    <t xml:space="preserve">同方笔记本电脑质量怎么样?推荐个性价比高的型号 </t>
  </si>
  <si>
    <t>质量没的说。要不然也不能成为亚运赞助商啊。性价比高个人推荐K46C。配置、外观 、性能各方面都很不错。</t>
  </si>
  <si>
    <t xml:space="preserve">请问：“武术”用英语怎么说？ </t>
  </si>
  <si>
    <t xml:space="preserve">      Martial Arts　　太极拳 hexagram boxing　　刀 broadsword　　钩 hook　　飞功 chikung　　剑 rapier　　棍 cudgel　　散打 free combat　　匕首 dagger　　盾 shield　　双剑 double　　拳法 fist position　　叉 fork　　猿形 ape form　　如封似闭 apparent close　　器械对练 armed combat　　与眼平 at eye level　　与鼻平 at nose level　　上步盖掌 backhand stroke in bow step　　仰身跌 backward falling　　倒毛跟斗 backward somersault　　平衡 balance　　提膝平衡 balance with one knee raised　　平衡练习 balancing exercise　　摸胸反击法 against one who grabs your breast　　抓肩反击法 against one who grabs your breast shoulders from behind　　正面抓单手反击法 against one who seizs one of your hands face to face　　身后抓单手反击法 against one who seizs one of your hands from behind</t>
  </si>
  <si>
    <t xml:space="preserve">成吉思汗当日按最远打到哪了成吉思汗当年那可是鬼子进村什么不留啊， </t>
  </si>
  <si>
    <t>本人并没有打多远，他亲自参加的主要是统一蒙古族和对周边国家及中亚的战争，大概就在蒙古大草原及周边及中亚地区。他本人未能进攻欧洲，1227年7月病死。楼主问得可能是蒙古大军吧。大概如下：1218，灭西辽（辽国灭亡后，逃亡西部的流亡政府）紧接着，灭花剌子模国（就是上面兄弟说得那个）。同时，一路蒙古大军进入今俄罗斯境内，迫使基辅王公投降，一直打到克里米亚，再延伏尔加河北上，被保加尔人击败，1223年回师。1227，灭西夏（成吉思汗本人参加了）1234，灭金1238，拔都率军占领莫斯科1240，占领基辅（至此，俄罗斯大部分领土归入蒙古）1241，拔都分兵南北，他亲率南路军进攻匈牙利，北路军则进攻波兰，之后击败德国条顿骑士团，在捷克受阻，之后与南路军汇合。1252，蒙哥汗派军再次进攻中亚和伊朗（沿当年成吉思汗的路线）1258年2月，攻陷巴格达，阿拉伯帝国灭亡1260，旭烈兀攻占大马士革，蒙古大军抵达巴勒斯坦海岸。正准备进攻埃及时，蒙哥汗死的消息传来，回师。1253，忽必烈灭大理（大致为今云南地区）1279，灭南宋此外，蒙古大军还曾进攻朝鲜、日本、印度支那、爪哇等国。进攻日本时，船队遭遇台风，失败。日本人将这次台风称为“神风”，二战的神风特工队，由此而来。整个蒙古帝国的版图，东起朝鲜半岛，西达波兰，北至北冰洋，南抵太平洋及波斯湾。但地方过大，无法有效管理，很快分裂了。对欧作战的较大败绩主要是曾被保加尔人和捷克人击败。以上资料来自《世界史-古代史》，高等教育出版社，2004年5月版下图为1280年的蒙古帝国</t>
  </si>
  <si>
    <t xml:space="preserve">我能在别人的电脑上阿里旺旺，为什么自己的上不了？我把自己的阿里旺 </t>
  </si>
  <si>
    <t>你看看是不是你的防火墙有限制 解除就可以了</t>
  </si>
  <si>
    <t xml:space="preserve">更新包损坏，无法进行更新！我在官网下了2个了都提示是这样这是怎么 </t>
  </si>
  <si>
    <t xml:space="preserve">是啊  我整了一天了 郁闷死人 为什么啊  完美在做什么啊？为什么有的人玩的起 我们这玩不到啊 </t>
  </si>
  <si>
    <t xml:space="preserve">我军各舰队的旗舰是什么? </t>
  </si>
  <si>
    <t>北海舰队:112舰哈尔滨号驱逐舰,该舰属052型驱逐舰,该型舰具有点防空能力，是唯一有拖曳声纳的国产舰。在1992年以前，我国的全部核潜艇均部署在北海舰队。此后，从均衡部署考虑，陆续调走了几艘核潜艇给东海和南海舰队。但北海舰队仍拥有我国最强大的的核潜艇编队，据估计目前仍有6艘在役.东海舰队的司令部原驻上海，现迁驻浙江省宁波市，舰队旗舰是东救302（崇明岛号）补给舰。现有各类作战保障舰艇500多艘，是三大舰队中舰艇数量最多的.在我军三大舰队中，东海舰队的舰艇实力历来排在北海舰队之后列第二位。考虑到台湾海峡的空域在我陆基导炮攻击距离之内，所以东海舰队配置的驱逐舰最少，只有4艘，而且舰龄都有十多年，无论是防空还是反舰攻击能力明显不足。新服役的两艘053H3导弹护卫舰虽有较强的空舰攻击能力，但仍不足以反制台湾海军，更无法担负阻击美国航母群对战役的干扰。所以，中央军委将最近购进的两艘俄制现代级驱逐舰全部编入东海舰队，应该就是为了解决这个问题而作出的积极部署。 南海舰队司令部原驻广州，现迁驻广东省湛江市，舰队旗舰是南运953补给舰。</t>
  </si>
  <si>
    <t xml:space="preserve">心口刺痛是怎么回事 </t>
  </si>
  <si>
    <t>病情分析：巨痛,绞痛有可能是心绞痛； 阵痛,打击痛（如被拳头重击）是心率不齐（这点确定,因为深有同感）； 隐痛可能是心肌炎.指导意见：你说的心口痛的概念不明确.心口指哪个部位?有的人说心口痛指两胸肋正中凹陷处,其实这是常见的胃痛；而有的人说心口痛指的是心脏部位里面痛,这和前者就不是一回事了.如果是胃痛,情况也比较复杂,有的是周期性疼痛,一般是胃溃疡,有的是胀痛,绞痛,阵痛还搬有呕吐等常见的是胃炎和胃痉挛等.如果是心脏部位痛那就可能和心脏有关.不管怎么说,这可不是在此等待专家的答案的时候和地方,要抓紧时间就医,不要贻误病情,因小失大啊.你说对吗?生活护理：平时注意饮食,避免辛辣油腻食物的刺激,避免过饱和过饥.你好，所谓心口疼，这个部位实际上是胃。心口痛一般说来是胃的疼痛，大多是胃痉挛，也有的是胃溃疡病发作；对于心口疼要想到几种情况：老年人，特别是有高血压、冠心病的人，心口疼不要忘了肠胃型心绞痛；还有一种叫做腹型感冒，也会出现上腹部疼痛，有时类似肠胃炎。胃痉挛大多是受凉、进冷食、或者不洁饮食等原因。建议你注意饮食冷暖、不要受凉，不要食用不洁饮食，不要吃零嘴</t>
  </si>
  <si>
    <t xml:space="preserve">数学（√48+1/4√6）除以√27 </t>
  </si>
  <si>
    <t>解：原式=√（48/27）+√（（6/16）/27）        =√16/9+√1/72        =4/3+1/6√（1/2）=4/3+1/6*（√2）/2        =4/3+（√2）12</t>
  </si>
  <si>
    <t xml:space="preserve">办好手续七万以内买什么车好?如题,最好能提供裸车价. </t>
  </si>
  <si>
    <t>我推荐长安的悦翔。三厢的大气，两厢的时尚。全系搭载铃木475技术1.5L 全铝发动机（包括缸体的也是全铝的）最大功率高达72Kw/5500rpm，最大扭矩可达137N·m/3500-4500rpm，完全可以满足日常生活和上下班代步的需求。它的底盘采用的是马自达，发动机悬置采用的是福特的三点液压悬置技术，与同级别车型采用的发动机橡胶软垫相比，液压悬置技术能够显著降低发动机震动对车身的影响和共震大幅度提高汽车的舒适性和静谧性。配置更不用说了。实用的都有，最重要的是它的超长质保和养护费用，它的变速器和电瓶都是终身免维护的，一次保养的费用才148元。</t>
  </si>
  <si>
    <t xml:space="preserve">GM请您回答下身份证信息到底能不能改怎么说法不一啊谢谢给个答案 </t>
  </si>
  <si>
    <t>我记得好像不 能改的，但我也希望能改，那样卖号要贵些</t>
  </si>
  <si>
    <t xml:space="preserve">电1黄金车1的价(这几天)C黄金多少一个S黄金多少一个A黄金多少 </t>
  </si>
  <si>
    <t xml:space="preserve">A类价格表：四独:40大口:80大散:80高凸:90进气:80空气:80油冷:80中冷:80涡轮1:40涡轮2:70转向+4:20转向+6:30转向+8:50轮胎1:30轮胎2:80轮胎3:210车身1:80车身2:180车身3:280车身4:380车身5:490S2中级涡轮20WA2中级涡轮45WC类黄金价格表：四独:15大口:7大散:8高凸:10进气:12空气:8油冷:10中冷:10涡轮1:18涡轮2:25B类黄金价格表：四独:6大口:5大散:5高凸:6进气:6空气:4油冷:6中冷:5涡轮1:18涡轮2:25现在A类黄金价格和S类黄金价格基本差不多少所以，S类黄金价格就不写了，你可以参照A类的黄金价格去购买S类！很高兴为您解答，希望能够对您起到帮助！再这里祝您；身体健康，万事如意，福如东海，寿比南山！娶个好老婆，找个好工作，出门就拣钱！！ </t>
  </si>
  <si>
    <t xml:space="preserve">#非缘勿扰#女主角秦岚的服装是哪个牌子的啊？表示很喜欢，大爱啊[? </t>
  </si>
  <si>
    <t>建议你可以看看赞助商品牌啊  在结尾的时候</t>
  </si>
  <si>
    <t xml:space="preserve">盐城有什么好家教放暑假想好好补一下，不是家庭教师，越多越好，那些 </t>
  </si>
  <si>
    <t>去找那些有经验的老师办的班比较好</t>
  </si>
  <si>
    <t xml:space="preserve">台风是怎么命名的台风的名字好奇怪很好听.是怎么命名的? </t>
  </si>
  <si>
    <t>中国最初是给台风编号的。比如“8807”就是1988年7号台风。编号命名简洁、通俗、易记，但同一个台风，各个国家叫法都不一样。为了便于交流，世界气象组织台风委员会提出西北太平洋和南海热带气旋命名方案，决定由这一带易受台风影响的14个国家和地区各提供10个名字，经批准后循环使用，一共是140个。其中除中国的香港和澳门各提了十个外，中国大陆提供的名字是：龙王、玉兔、风神、杜鹃、海马、悟空、海燕、海神、电母和海棠。新的热带气旋命名方法是从2000年1月l日开始执行的，所以2000年以后的西北太平洋一带生成的台风都有一个好听的名字。</t>
  </si>
  <si>
    <t xml:space="preserve">河南：请问郑汴一体化对开封律师的影响我是开封的律师请朋友们尽量深 </t>
  </si>
  <si>
    <t>“郑汴一体化”被归结为“四一体八对接”。“四一体”，指产业、市场、基础设施和投资环境的一体化。“八对接”则包含规划、交通、通信、市场、产业、科教、旅游和生态的对接。开封的经济能力较差，下岗失业人员较多，老百姓生活水平较低，郑汴一体化利于开封经济的发展，有利于开封就业水平的提高，更多会外部投资者到开封投资。对于律师这个职业来讲，应该会有更大的发展空间，更多的机遇。但事物往往是双方面的，“郑汴一体化”有可能使开封成为郑州的东郊，不少人才会选择来开封工作，于是你的挑战也会更大。希望你能抓住机遇，更要作好充分的准备迎接挑战。</t>
  </si>
  <si>
    <t xml:space="preserve">传奇还有人玩吗好像不是很红火了 </t>
  </si>
  <si>
    <t>传奇都玩了这么多年了，现在玩的人应该很少了,反正我是退出传奇江湖了</t>
  </si>
  <si>
    <t xml:space="preserve">盗贼的简单宏求助！我的饰品第一个是赞达达英雄勋章！就是第十三个格 </t>
  </si>
  <si>
    <t>/Script UseInventoryItem(13)/Script SpellStopCasting()/施放 偷袭("等级 ?")</t>
  </si>
  <si>
    <t xml:space="preserve">委托下单后可以中途撤消吗？可以的话资金什么时候到帐？还有闪电买入? </t>
  </si>
  <si>
    <t>普通买入是你设定委托价买入,闪电买入是按当时的市价进行,成交的机会更大，委托单下单后只要系统没有撮合成交的都可以撤销，成交后就不可以了，目前我国的股票，基金都是T+1交收的，资金当天是不可以取现的</t>
  </si>
  <si>
    <t xml:space="preserve">这是胎动吗?我怀孕16周+2D了,肚子老是咕噜咕噜的，好像是肠蠕 </t>
  </si>
  <si>
    <t>是最初的胎动，一般妈妈如果不细心还体会不到呢，有点象饿的时候肚子的声音．再过一段时间你手放在肚皮上就能感觉到轻微的动了，然后到２０周左右就是拳脚相加了，呵呵，幸福吧．</t>
  </si>
  <si>
    <t xml:space="preserve">bangzhubosswhois"theboss?" </t>
  </si>
  <si>
    <t>合金装备里的</t>
  </si>
  <si>
    <t xml:space="preserve">金股迎新年在网友的博客里看到几个小段子，转给大家，博一笑耳！MM </t>
  </si>
  <si>
    <t>股王好文才,我喜欢看,留印.</t>
  </si>
  <si>
    <t xml:space="preserve">去香港玩要花多少钱？列一个详细的清单给我看看，多谢了~~ </t>
  </si>
  <si>
    <t>普普通通吃住交通﹐大概人民??500/每天每人。至于豪華點﹐要看程度要哪????e﹐想省點的﹐艱苦點的﹐就?⒓??扰e辦的旅行?F吧。</t>
  </si>
  <si>
    <t>恩波利0</t>
  </si>
  <si>
    <t>多谢你为大家报分....... 兄弟，坚持就是胜利！祝好运连连，中大奖</t>
  </si>
  <si>
    <t xml:space="preserve">上海商业贷款我在上海，是安徽人，准备想买房子，有几个问题问下1. </t>
  </si>
  <si>
    <t>理论上只要有产证都能贷款,但各家银行有区别对待,如在外环,总价低于30万,很多银行就不受理了.还有就是很多银行多房龄过老的房子也不受理贷款.所以具体要看各家银行的内部规定.贷款从受理到拿钱一般在一个半月到2个月,(交易过户顺利进行的情况下)</t>
  </si>
  <si>
    <t xml:space="preserve">成语，比喻方式温和，不粗暴。请问这是什么成语？ </t>
  </si>
  <si>
    <t>和风细雨；原指温和的风细小的雨。现比喻方式和缓，不粗暴</t>
  </si>
  <si>
    <t xml:space="preserve">郑州市建成区包不包括十八里河镇我对郑州市建成区指那个范围不了解， </t>
  </si>
  <si>
    <t>郑州市2007年城市建成区面积为294平方公里， 比2006年增加12平方公里，相当于100个绿城广场。　　从最新的建成区示意图上可读出如下信息：建成区面积逐年递增但增幅递减；城市外环线不断外移；外围片区渐与中心城区融合。　　比一比，郑州有多大（建成区）　　南昌： 167平方公里（2006年）　　石家庄：175平方公里（2006年）　　西安： 261平方公里（2006年）　　郑州： 294平方公里（2007年）　　太原： 215平方公里（2007年）　　武汉： 393平方公里（2006年）　　（以上数字来源）　　2007年建成区面积　　294平方公里　　昨日，郑州市政府在媒体上发布了2007年郑州市城市建成区面积的通告及示意图。　　通告显示，根据国务院批复的《郑州城市总体规划（1995年至2010年）》，郑州市城市建成区范围（截至2007年年底）为：三环路以内中心城区、郑东新区、郑州高新技术产业开发区、郑州经济技术开发区、北部组团（北三环路以北至连霍高速公路区域）、东南部组团（宇通工业园、金岱工业园等）、须水组团、惠济新区。　　建成区面积为294平方公里。　　与2006年的282平方公里相比，去年的建成区面积增加了12平方公里，相当于绿城广场面积（约0.12平方公里）的100倍。　　建成区面积逐年递增　　但增幅递减　　从郑州市公开的建成区面积数据看，郑州市城市发展速度很快，建成区面积逐年递增。　　最近4年郑州市建成区面积分别为：2004年为230平方公里；2005年为262平方公里，比上年增加32平方公里；2006年为282平方公里，比上年增加20平方公里；2007年为294平方公里，比上年增加12平方公里。　　数据显示，建成区面积逐年递增，但增幅却逐年递减。　　郑州市规划局一位负责人说，城市的发展需要增加建设用地，但国家对土地控制越来越严，所以每扩张一寸土地都要谨小慎微。　　此外，“由国务院批准实施的城市总体规划，对城市建设用地指标也作了限定，在规划期内，城市的发展要按照总规来进行”。　　城区外环线再次外移　　2006年以前，郑州市民还喜欢将北三环、中州大道、南三环和西三环看成郑州城区的边界。　　去年10月，郑州市市长赵建才在一次办公会上明确，三环和四环之间的区域也要纳入城市管理范围。这意味着郑州市的四环以内都是城区范围。　　但那时，郑州的四环线还存在不同版本，仅北四环就有规划北四环、连霍高速和大河路三种说法。　　新公布的建成区示意图显示，现在的郑州城区四环线为：西、南方向为西南绕城公路，东为新107国道，北为新107国道—大河路。　　而这一变化最直接的体现，就是市区市政作业范围扩大。　　郑州市市政管理局市容环卫处处长于朝臣说，过去三环内的道路清扫面积为2500万平方米，三环和四环之间区域纳入后，这一数据将至少增加至4500万平方米。　　“城区外环线是一个城市的大致边界，它的不断外移，直接显示了城市的扩张规模。”于朝臣说。　　郑州市市政管理局有关负责人说，现在看来，未来郑州的五环线大致为，西为绕城高速公路，东为京港澳高速。“但这也有不确定性，随着城市发展，城区的边界还会有新变化。”他说。　　外围片区发展渐与中心城区融合　　此外，从示意图上还可以看出，随着郑州市中心城区外围片区的快速发展，这些片区与中心城区日渐融合。　　河南省城市规划研究院规划专家张国胜说，这里面，惠济区向南日益“逼近”连霍高速；高新区的东扩，也越来越靠近西流湖；须水镇沿着郑上路向南北两侧扩张，北与高新区日渐融合，东与主城区“牵手”。　　此外，在这个示意图上，郑州的城市发展主方向依然是西（须水、高新区）、北（惠济区和花园口镇）、东（郑东新区和经济技术开发区），但相对来说，南部和西南部扩张速度稍慢。　　但新修编的《郑州市城市总体规划（2007~2020年）纲要》显示，今后十几年，郑州市建设用地发展方向将主要以东、西、南为主，北部将适当控制，这意味着今后郑州市城区发展将更趋平衡。</t>
  </si>
  <si>
    <t xml:space="preserve">我想买背背佳。最便宜的都要398元。5555好贵哦。那里有便宜的 </t>
  </si>
  <si>
    <t xml:space="preserve">你可以在选择网购，现在的网购挺不错的啊~~主要就是去淘宝，在那里的搜索：背背佳。就可以选择你想要的了~~  那里的东东都很便宜的哦 </t>
  </si>
  <si>
    <t xml:space="preserve">老公射精过快(3分钟左右)且无力,性欲较低,听他说他得了前列腺炎? </t>
  </si>
  <si>
    <t>看医生去吧,估计花几百块钱吃点药就好了.现在有很多好药的,你不用灰心的.男人嘛,最可能出现这种情况了.有些男的还没结婚就不行了,多数是自慰过度.很好治的,需要几个月的时间去调养,这期间你门要节制性生活.我是大学学医学的学生,相信我.没事的,你们都还年轻的</t>
  </si>
  <si>
    <t xml:space="preserve">我现在手上有日圆，请王老师帮忙分析什么时候兑换人民币？现在还是再? </t>
  </si>
  <si>
    <t>这里涉及两个汇率，一个是美元兑人民币，另一个是美元兑日元。美元/日元在突破113.00后，短期应该会有进一步的反弹，目标可能在115.20；美元/人民币这两天有暂时企稳的迹象，但由于昨日和今日振幅较大，短期后市还不稳定。但如果近期就要换的话，我觉得还是现在在113.00－20附近换可能较为合适。</t>
  </si>
  <si>
    <t xml:space="preserve">戴震的有哪些著作？？？？？？？？ </t>
  </si>
  <si>
    <t>欲了解学术史，先看张之洞《輶轩语·语学》，以其为指导，再看其他。以下书籍属于基本史籍导读性质的书，能够作为了解学术史的门径，可酌情参看（古籍多为今点校本）：（清）永瑢，纪昀等编纂，《四库全书总目》（又称《四库全书总目提要》，欲了解一切古代学问，版本目录学是一大捷径，读此可知中国古代学术史经典著作之梗概）欲求简便，也可以先参看《四库全书简明目录》。（清）张之洞纂，范希曾补正，《书目答问补正》。该书可参孙文泱增订，《增订书目答问补正》，中华书局，2011。（学术史必参目录著作）（清）江藩纂，漆永祥笺释，《汉学师承记笺释》，上海古籍出版社，2006。（门径，学术史必读）（明）黄宗羲撰，《宋元学案》，中华书局点校本，1996。（明）黄宗羲撰，《明儒学案》，中华书局点校本，2008。（唐）刘知几撰，（清）浦起龙通释，《史通通释》，上海古籍出版社，2006。（清）章学诚撰，叶瑛校注，《文史通义校注》，中华书局，1985。（清）戴震撰，《戴震全集》（清）皮锡瑞著，《经学历史》，中华书局点校本，2008。（清）皮锡瑞著，《经学通论》，中华书局点校本，2011。梁启超，《中国历史研究法》，上海古籍出版社，1998。梁启超，《清代学术概论》，上海古籍出版社，1998。梁启超，《中国近三百年学术史》，岳麓书社，2010。刘咸炘，《推十书》钱穆，《中国史学名著》，·读书·新知三联书店，2005。黄永年，《中国古文献学四讲》余英时，《文史传统与文化重建》，生活·读书·新知三联书店，2012。罗志田，《近代中国史学十论》，复旦大学出版社，2003。王泛森，《中国近代思想与学术系谱》</t>
  </si>
  <si>
    <t xml:space="preserve">关于FFX求救在那基平原，我把怪物都抓到了，老头问我要不要挑战那 </t>
  </si>
  <si>
    <t>那就算你放弃了，等怪物收集到一定数量可在打．</t>
  </si>
  <si>
    <t xml:space="preserve">在玩游戏播放CG动画时声音卡是什么问题?播放CG时声音一卡一卡的 </t>
  </si>
  <si>
    <t>那就是cg的声音文件有问题，要知道，cg的声音文件要另外录。p.s.具体是哪款游戏？</t>
  </si>
  <si>
    <t xml:space="preserve">地震房屋倒塌，国家如何安置受灾群众。 </t>
  </si>
  <si>
    <t>首先要组织大家住进救灾帐篷，待过几天救援结束后，搭建简易的临时住所，然后再逐步开始重建家园。</t>
  </si>
  <si>
    <t xml:space="preserve">我国最早建立的自治区是内蒙古自治区,对吗? </t>
  </si>
  <si>
    <t xml:space="preserve">    是的!内蒙古自治区成立于1947年5月1日，是我国建立最早的一个民族自治区，地处我国北部，自东北向西南延伸，横亘东北、华北、西北三北地区。　　东与黑龙江、吉林、辽宁三省毗邻，南部与河北、山西、陕西、宁夏接壤，西部则与甘肃相接。其北部、东北部还同蒙古、俄罗斯二邦相邻。　　内蒙古草原幅员辽阔，位居我国的五大牧区之首。富饶的草原上生长着1000多种优良牧草，适宜放牧各种牲畜，其草原类型可以划分为草甸草原与典型草原两类。草甸草原别称森林草原，大兴安岭东西两侧的呼伦贝尔大草原便属于此种类型，堪称我国最美丽富饶的草原之一。内蒙古中部的大片地区则属于典型草原，如锡林郭勒大草原。　　内蒙古离海洋远，同时没有高山大川的阻挡，四季的寒暑变化较为明显，冬季严寒而漫长，夏季则凉爽宜人，春季风沙大，降水罕有，然阳光分外充足，大部分地区的昼夜温差变化较大，因此也有“早穿皮袄午穿纱，抱着火炉吃西瓜”的民间俗语。　　茫茫草原上，看到是浩瀚的草场，美丽的牧群，有如繁星的蒙古包，感受到的是蒙古族人民的热情、好客与他们独特的。</t>
  </si>
  <si>
    <t xml:space="preserve">满世界找高手我的电脑一直很稳定，没什么问题，就是2种情况下蓝屏死 </t>
  </si>
  <si>
    <t>现在经我的判断我给你讲出提出两点:&lt;1&gt;可能是你的C盘容量太大,导致运行不过来,所以死机&lt;2&gt;可能是电源和网卡的问题..</t>
  </si>
  <si>
    <t xml:space="preserve">皮肤问题什么方法可以有效去除鼻子上的黑头 </t>
  </si>
  <si>
    <t>bedook黑头导出液，bedook绿泥净肤面膜， bedook系列都很好用</t>
  </si>
  <si>
    <t xml:space="preserve">盆腔炎应该怎么治呢？盆腔积液也叫盆腔炎吗？那该怎么治才比较好？听 </t>
  </si>
  <si>
    <t>女性内生殖器及其周围的结缔组织、盆腔腹膜发生炎症时，称为盆腔炎(pelvic inflammatory disease)。盆腔炎为的常见病。炎症可局限于一个部位，也可几个部位同时发病。按其发病过程、临床表现可分为急性与慢性两种。　　慢性盆腔炎(chroric pelvic inflammatory disease)常为急性盆腔炎未能彻底治疗，或患者体质较差，病程迁延所致，但亦可无急性炎症病史。病情较顽固，当机体抵抗力较差时，可有急性发作。 　　常见致病体有链球菌、淋球菌、支、衣原体、葡萄球菌、大肠杆菌、厌氧菌、性传播等的病原体（如淋菌、沙眼衣原体、支原体、疱疹病毒）。治 疗:　　1.一般治疗解除患者思想顾虑，增强治疗的信心，增加营养，锻炼身体，注意劳逸结合，提高机体抵抗力。 　　2.中药治疗 慢性盆腔炎以湿热型居多，治则以清热利湿。活血化瘀为主，方药用：丹参18g、赤芍15g、木香12g、桃仁9g、金银花30g、蒲公英30g、茯苓12g、丹皮9g、生地9g。痛重时加延胡索9g。有些患者为寒凝气滞型，治则为温经散寒、行气活血。常用桂枝茯苓汤加减。气虚者加党参15g、白术9g、黄芪15g。 　　3.物理疗法 温热的良性刺激可促进盆腔局部血液循环。改善组织的营养状态，提高新陈代谢，以利炎症的吸收和消退。常用的有短波、超短波、离子透入(可加入各种药物如青霉素、链霉素等)、蜡疗等。 　　4.其他药物治疗 在用抗炎药物时，也可同时采用α－糜蛋白酶5mg或透明质酸酶1500U，肌肉注射，隔日1次，5～10次为一疗程，以利粘连和炎症的吸收。个别患者局部或全身出现过敏反应时应停药。在某些情况下，抗生素与地塞米松同时应用，口服地塞米松0.75mg，每日3次，停药时注意逐渐减量。 　　5.手术治疗 有肿块如输卵管积水或输卵管卵巢囊肿可行手术治疗；存在小的感染灶，反复引起炎症发作者亦宜手术治疗。手术以彻底治愈为原则，避免遗留病灶再有复发的机会，行单侧附件切除术或子宫全切除术加双侧附件切除术。对年轻妇女应尽量保留卵巢功能。慢性盆腔炎单一疗法效果较差，采用综合治疗为宜。　　中医治疗盆腔炎也有妙招。　　传统中医将盆腔炎分为五类，辨证施治的同时配合西医治疗，可达到标本兼治的效果。　　1.热毒型：高热，寒战，头痛，小腹疼痛，带下量多如脓，臭秽，尿黄便秘，舌质红，苔黄，脉滑数或弦数。妙方：野菊花栓：外用，每次1粒，肛门给药，一日12次。　　2.湿热型：低热，小腹疼痛灼热感，口干不欲饮，带下量多色黄质稠，或赤黄相兼，舌质红、苔黄腻，脉滑数。妙方：金鸡胶囊：每次4粒，一日3次，温开水送服。　　3.湿热淤滞型：小腹胀痛，口苦口干，带下黄而稠，小便混浊，大便干结，舌黯红，苔黄或白，脉弦或弦数。妙方：妇宝冲剂：每次20g，一日2次，开水冲服。　　4.淤血阻滞型：下腹持续疼痛拒按，或经行不畅，或量多有块，舌紫黯，或有淤斑淤点，苔薄，脉沉弦或涩。妙方：妇女痛经丸：每次9g，一日2次，温开水送服。　　5.冲任虚寒型：小腹冷痛，喜暖喜按，带下量多色白质稀，畏寒肢冷，舌质淡，苔薄白，脉沉细。妙方：温经丸：每次1丸，一日2次，温开水送服。　　盆腔炎的饮食调护　　盆腔炎病人要注意饮食调护，要加强营养。发热期间宜食清淡易消化饮食，对高热伤津的病人可给予梨汁或苹果汁、西瓜汁等饮用，但不可冰镇后饮用。白带色黄、量多、质稠的患者属湿热证，忌食煎烤油腻、辛辣之物。少腹冷痛、怕凉，腰酸疼的患者，属寒凝气滞型，则在饮食上可给予姜汤、红糖水、桂元肉等温热性食物。五心烦热、腰痛者多属肾阴虚，可食肉蛋类血肉有情之品，以滋补强壮　　盆腔炎妙方　　材料：土茯苓50克、芡实30克、金樱子15克、石菖蒲12克，猪瘦肉100克。　　制作：清水适量，慢火煲汤，加食盐调味，饮汤食肉。　　功效：本方功效健脾补肾，解毒祛湿。适应慢性盆腔炎、阴道炎、宫颈炎。　　土茯苓为百合科植物块状根茎，性味甘淡、平，功能健脾、解毒、利湿。芡实，又名鸡头实，性味甘、涩平。归脾、肾经。功效补脾祛湿，益肾固精，涩能收敛，可治白带过多。《本草纲目》：“止渴益肾，治小便不禁，遗精白浊带下。”金樱子性味酸平，功能固精补益。上两味组方芡实与金樱子，又名水陆二仙丹，乃古代治遗精白浊，妇女肾气不摄白带妙方。石菖蒲味辛气温，善“舒心气，畅心神，怡心情，益心志妙药也”，清芬之气，利气化浊，祛邪疗带。故以上4种药组成的食疗方，性味平和，不寒不燥，对防治慢性盆腔炎颇这恰当。　　苦菜莱菔汤　　　组成：苦菜100克，金银花20克，蒲公英25克，青萝卜200克(切片。　　用法：上四味共煎煮，去药后吃萝卜喝汤。每日1剂。　　功效：清热解毒　　主治：盆腔炎，属湿热瘀毒型，发热，下腹胀痛，小腹两侧疼痛 拒按，带下色黄量多，舌质红、苔黄，脉滑数。 　　附注：金银花对多种细菌如葡萄球菌、链球菌、肺炎双球菌、大肠杆菌、绿脓杆菌以及皮肤真菌均有不同程度的抑制作用。　　银花冬瓜仁蜜汤　　　组成：冬瓜籽仁20克，金银花20克，黄连2克，蜂蜜50克。　　用法：先煎金银花，去渣取汁，用药汁煎冬瓜籽仁15分钟后人黄连、蜂蜜即可。每日l剂，连服1周。　　功效：清热解毒。　　主治：盆腔炎，属湿热瘀毒型，下腹及小腹两侧疼痛，拒按，微发热，自汗，带下色黄量多，舌红苔黄　　桃仁饼　　　组成：桃仁20克，面粉200克，麻油30克。　　用法：桃仁研成极细粉与面粉充分拌均，加沸水l00毫升揉透后冷却，擀成长方形薄皮子，涂上麻油，卷成圆筒形，用刀切成每段30克，擀成圆饼，在平底锅上烤熟即可。早晚餐随意服食，每日 数次，每次2块，温开水送服。　　功效：理气活血，散瘀止痛。　　主治：盆腔炎，属气滞血瘀型，下腹部及小腹两侧疼痛如针刺，腰骶疼痛，舌有紫气，脉细弦。　　皮红花茶　　　组成：青皮10克，红花10克。　　用法：青皮晾干后切成丝，与红花同入沙锅，加水浸泡30分钟，煎煮30分钟，用洁净纱布过滤，去渣，取汁即成。当茶频频饮用，或早晚2次分服。　　功效：理气活血。　　主治：盆腔炎，属气滞血瘀型，下腹部及小腹两侧疼痛如针刺，腰骶酸痛，舌有紫气，脉弦。　　荔枝核蜜饮　　　组成：荔枝核30克，蜂蜜20克。　　用法：荔枝核敲碎后放入沙锅，加水浸泡片刻，煎煮30分钟，去渣取汁，趁温热调入蜂蜜，拌和均匀，即可。早晚2次分服。　　功效：理气，利湿，止痛。　　主治：各类慢性盆腔炎，下腹及小腹两侧疼痛，不舒，心情抑郁，带下量多。　　1．取大蒜泥外敷下腹部，每日1～2次(如皮肤起泡则暂停)。　　2．甘遂末120克，麝香0．1克，连同细面粉加蜜调成糊，分成4份，每日1份，涂敷下腹部。　　3．鲜活蒲公英250克，捣烂如泥，外敷下腹部，每日1～2次。　　4．皂角刺30克、大枣10枚，同煎半小时以上，弃渣取药液300～400毫升，加粳米30克煮成粥状，分2次服。　　5．将石蜡熔化后装入28x21厘米的两橡皮袋内，或将石蜡装入袋内再行熔化，蜡液占袋装容积的1/3左右，温度在60℃～70℃左右，置于患者下腹部或腰骶部，每次治疗30分钟。15次为一疗程。　　6．用氯化钠、硫化氢泉、硫磺泉、氡泉、硫酸铁泉、碘泉全身浸泡或局部冲洗，每次20～30分钟，每日1次。　　7．野菊花栓，每晚睡前30分钟将一粒放入肛门内约7～8厘米处。10日为一疗程，一般3～4疗程有明显效果。　　8.耳穴按摩：选内生殖器、盆腔、肾上腺、内分泌、交感等穴，施按、捻、摩手法弱刺激10分钟。每日3～5次。　　9．在床单或油布上均匀地铺上8～10厘米厚的热砂，取俯卧位，然后将床单或油布裹好腹部保温，每次20～30分钟，每日1次，10～15日为一疗程。用于慢性盆腔炎。　　医生提醒:　　1.注意个人卫生与性生活卫生，严禁经期房事，平时保持外阴、阴道清洁，积极治疗阴道炎、宫颈炎、阑尾炎等等妇科 炎症性疾病，防止人工流产及分娩后感染。　　2.急性盆腔炎治疗务必彻底，以免转为慢性盆腔炎。　　3.慢性盆腔炎患者平时应注意劳逸适度，以防慢性盆腔炎复发。　　4.节制房事，以避免症状加重。　　5.进食清淡饮食，避免生冷、辛辣刺激品，多饮水。　　</t>
  </si>
  <si>
    <t xml:space="preserve">骑士创建人物时要怎么加点啊?升级后怎么加点啊谁能够告诉我骑士怎么 </t>
  </si>
  <si>
    <t>骑士+攻敏就可以了升级+2攻1血1敏，100级建议是：100点左右的血、相同的攻和敏，或者大攻120左右的敏也可以。</t>
  </si>
  <si>
    <t xml:space="preserve">lol提莫怎么出装英雄联盟提莫 </t>
  </si>
  <si>
    <t>对于提莫来说物理魔法攻速都有才算王道前期 狂战士胫甲 蜂刺中期 腐蚀之刃 智慧末刃后期 升级蜂刺为纳什之牙 鬼索的狂暴之刃 三项之力 这样的提莫后期抱团猥琐点输出绝对不是盖的</t>
  </si>
  <si>
    <t xml:space="preserve">眼冒绿光我妈妈最近看东西的时候总是有绿光伴随,是什么疾病吗? </t>
  </si>
  <si>
    <t xml:space="preserve">   如果不是服用药物&lt;比如强心甙或者水杨酸&gt;发生的反应,那就应该是得了青光眼.到五官科去检查看看吧.</t>
  </si>
  <si>
    <t xml:space="preserve">福州包皮手术大概要多少钱？ </t>
  </si>
  <si>
    <t>还是要看技术，建议到三甲的公立男科医院进行治疗：传统的开刀技术(廉价)：这一治疗技术是值得不推荐的，因为开刀、流血、拆线等都是存在风险的，而且过程是可以想象的。环切激光手术(小几百元)：环切激光手术还是非常不错的，微创、流血量少，手术全程时间比较短，费用对于一般家庭也是非常实在的。韩式超导光雕包皮整形术(千元左右)：福州娬檠医院结合国外先进技术自主研发的先进手术，微创，无伤，手术全程相当的短暂，做完就可以走，无需住院，专家坐镇光雕做到美观。E</t>
  </si>
  <si>
    <t xml:space="preserve">奥拉星圣光修罗怎么的 </t>
  </si>
  <si>
    <t>第一关的修罗会恢复属性，我打了这么多次，他的邪光斩，无误的话应该是100%恢复属性的。　　修罗配招：封魔秘诀+迷之幻影+战魂之怒+修罗邪光斩　　第一种打法：张飞浑天盾 (战熊配合)过法　　张飞的混蛋盾是出了名的，当时因为打下凤凰超进化而扬名天下。　　准备亚比：张飞 战熊各一只　　具体过程：张飞其实主要是看脸的，我其实属于不是特别帅的，所以用张飞的时候有点蛋疼，修罗第一招不是战魂之怒的话，你可以选择逃跑了，记得，用完混蛋盾以后，一定要补PP药，不然就像我一样，又打了一次才成功。为什么要带战熊呢，主要是用来防治个人出错酿成的后果，我用缘缘受的号打时，因为没有用PP药，张飞被迫战败，所以用战熊补刀。　　小提示：修罗的封魔秘诀和迷之幻影。(封魔秘诀：命中后令对方使用的普通技能攻击1~2回合miss，必中技除外;对某些BOSS无效)(迷之幻影：使用后3回合进入隐身状态，30%机率闪避对方伤害，但是必定能被普通系技能攻击命中且承受2倍伤害)</t>
  </si>
  <si>
    <t xml:space="preserve">清泉老师好：601808和600028现在深度套牢，是割肉出局还 </t>
  </si>
  <si>
    <t>盘中反弹可换股.</t>
  </si>
  <si>
    <t xml:space="preserve">第一次晒单小单玩玩 </t>
  </si>
  <si>
    <t>感觉拉齐奥非胜即负</t>
  </si>
  <si>
    <t xml:space="preserve">尖锐湿疣都有哪些治疗方法啊， </t>
  </si>
  <si>
    <t xml:space="preserve">      你好，目前治疗尖锐湿疣最权威的方法是用传统中药治疗，既快又彻底，无任何痛苦，不复发，疣体自然脱落。尖锐湿疣复发率很高，正确治疗的关键是抗复发，中医中药长期临床实践积累了许多独到的奇方秘方，建议你采用传统中药穿山甲、川黄连、败酱草、赤芍、铁胆粉、海南沉、黄芪、板蓝根、野菊花、生地、茵陈等配合治疗，这些传统中药配合使用可使体内产生大量的内源性干扰素，从而强力阻断尖锐湿疣病毒DNA的复制，就象给人结扎一样，使其不能产生新的病毒，从而彻底清除尖锐湿疣病毒，达到根治尖锐湿疣的目的。      很多传统的治疗方式（激光、手术、微波、冷冻、电灼、外用药物等）只是将表面的一个疣体去除了，根本没能把病毒彻底的清除，过一段时间很快就会复发。目前国际上一般都采用光动基因免疫疗法，是一种利用高效药物和仪器结合锁定病毒位置，运用光动力切断病毒基因链，做到彻底清除皮肤真皮层和皮肤粘膜中的湿疣病毒，疣体将会自动脱落，达到彻底治愈不复发。祝你早日康复！      病情分析：       你好，根据你所说的情况来看，可能是生殖器疱疹症状,应及时足量使用抗疱疹病毒药物，常用的治疗药物包括阿昔洛韦、伐昔洛韦、泛昔洛韦等。      指导意见：      必要的忌口是防止复发的必要条件.如常吃辛辣发物,抽烟饮酒都对康复不利,特别是饮酒可推动本病复发,加重本病的症状,所以,患病后一定不要饮酒. </t>
  </si>
  <si>
    <t xml:space="preserve">求图图求跟这张风格相似，图中的人跟现实中的人差别没有那么大。可以 </t>
  </si>
  <si>
    <t>这张可以吗~不知道这个风格符合没,不行讲一声,还有几张我认为可以的..那换一张好了...</t>
  </si>
  <si>
    <t xml:space="preserve">肥皂可以除菌，但是可以自净吗？用肥皂洗手可以除去手上的细菌，但是 </t>
  </si>
  <si>
    <t>它可以杀菌当然就可以自净了呀，肥皂里的杀菌成分就会直接杀死沾到它上面的细菌</t>
  </si>
  <si>
    <t xml:space="preserve">那款数码相机性价比较好？我是一个喜欢旅游和摄影的爱好者，准备在今 </t>
  </si>
  <si>
    <t>市场上好机器也非常多。这样简单的要求实在不好推荐。介绍富士6500给你吧。广角和长焦兼顾，适合旅游拍摄。</t>
  </si>
  <si>
    <t xml:space="preserve">中国特色的政策执行基本经验是什么？公共政策在中国执行的基本经验是 </t>
  </si>
  <si>
    <t>一:中国特色的政策执行基本经验是:一、注重政策宣传. 二、重视政策实验.三、强制执行与说服相统一. 四、抓中心工作，以点带面.二公共政策在中国执行的基本经验是:公共管理及政策分析是当代社会科学和管理科学的研究与教学的一个重要领域。它以公共部门的管理(主要是政府管理)作为研究对象，其前身是传统的公共行政学。在国外尤其是西方，公共管理及政策分析研究已取得长足的发展，学科的理论与方法的体系已趋于完善。人们普遍认为它是当代西方社会科学中发展最快、最富有活力的学科领域之一。特别是近二三十年来，该领域的研究生教育迅猛发展，取得令人惊叹的成就。在美国大学中，公共管理硕士(MPA)与工商管理硕士(MBA)、法学硕士三种学位并驾齐驱、三足鼎立，成为美国文科专业研究生教育的三大支柱。　　80年代中期，我国恢复了行政学(公共管理学)的研究与教学。经过学界和政界15年的努力，该领域的研究与教学已经起步，学术研究、学科建设和人才培养特别是研究生教育取得了显著进展，政府管理研究领域已经成为我国社会科学与管理科学研究的一支生力军，MPA学位正日益成为我国大学研究生教育的一个热门专业。1996-1997年，国家学位委员会组织修订了我国研究生专业目录，在新增列的管理学门类中，设立公共管理一级学科(行政管理是其中的一个二级学科、专业)；最近，国家学位委员会又批准设立了一批公共管理学科特别是行政管理专业的硕士点；此外，全国的MPA专业硕士学位的建设也已提上国家主管部门的议事日程。　　目前，我国的公共管理与政策分析正处于发展的关键时刻，处于突破的前夜。世纪之交我国改革开放和现代化建设尤其是市场经济的发展和政治-行政体制改革的深化，对公共管理学科的学术研究和人才培养提出了更高的要求，也提供了极好的发展机遇。这就迫切要求我们迅速改变现有公共管理领域的教学与研究比较落后的局面，克服学术研究中的低水平重复，学科理论体系单一，课程设置老化，知识内容陈旧，理论研究落后于实践发展，针对性、应用性不强，缺乏对国外公共管理学科的新思潮、新分支及新理论新方法的全面跟踪研究等弊端，迅速提高我国公共管理及政策分析的研究与教学水平，以适应迅速变化着的公共管理实践的需要，迎接新世纪的挑战。</t>
  </si>
  <si>
    <t xml:space="preserve">我总感觉，头晕（好像是眩晕），疲劳，体温不超过37（口腔），肌肉? </t>
  </si>
  <si>
    <t>先搞清眩晕与晕厥的区别（网上有，此不赘述），晕厥，可先查个血常规除外贫血，测个血压，看有无毒血压。男士嗜酒注意肝病，胃肠不适便秘腹泻属植物神经疾病，喉咙属脑神经支配范畴，异物感考虑慢性咽炎，肉跳不具特异性可见多疾病，如肌营养不良相关疾病，剧烈运动之后。眩晕，剧烈有视力听力改变，考虑内耳及前庭神经疾病如梅尼埃病，晕伴站立不稳考虑小脑病变，既往有用药史，仔细查阅药品说明除外药物中毒，</t>
  </si>
  <si>
    <t xml:space="preserve">请问天堂2到底支持哪种五笔输入法，或者还是不支持输入法谁能帮帮我 </t>
  </si>
  <si>
    <t xml:space="preserve">不知道，你用的是什么操作系统，我用的是XP，所以只把我是怎么做的告诉你好了如果有什么不明白的话 吧 １、下载并安装五笔加加，点"开始"-&gt;"控制面板"，打开"区域和语言选项"安装微软件拼音3.0；　　２、点"开始"-&gt;"运行"-&gt;输入"regedit"打开注册表编辑器　　３、依次展开注册表项"HKEY_LOCAL_MACHINE"-&gt;"SYSTEM"-&gt;"CurrentControlSet"-&gt;"Control"-&gt;"Keyboard Layouts"-&gt;"E00E0804"（此项为微软件拼音3.0）　　４、双击右栏里的"IME File"，将数值数据" e"改为" e"，点"确定" </t>
  </si>
  <si>
    <t xml:space="preserve">英语问题将……与……对比 </t>
  </si>
  <si>
    <t>compare A with B</t>
  </si>
  <si>
    <t xml:space="preserve">600104上海汽车，今天感觉强于大盘是不是要反弹了？我的成本是 </t>
  </si>
  <si>
    <t>只是超跌后的反弹，压力仍不小</t>
  </si>
  <si>
    <t xml:space="preserve">除了防风火柴，我该选择打火棒和打火石中的哪一款做备用生火用具？我 </t>
  </si>
  <si>
    <t>打火棒不是镁棒，镁合金呈银色，其特点是易燃，用于配合打火棒打出的火星更容易引燃明火。楼主要买就买打火棒，经久耐用，打出的火星比打火石要大得多。如果是做为应急备用，就一根打火棒就行了，随便找个粗糙的金属片或石片就能打出火星，当然如果配一镁棒更好。防风火柴在大风前也不是那么的防风，而且容易受潮，所以在划的时候还是要注意背风，单根防风火柴不小，一盒只有十来枝，是消耗品，所以如果在野外的话，最好打火棒和防风火柴都带上。</t>
  </si>
  <si>
    <t xml:space="preserve">我想了解下现代诗人汪国真先生他的现状和写诗生涯等等。喜欢他的诗的 </t>
  </si>
  <si>
    <t xml:space="preserve">汪国真，中国大陆现代诗人。祖籍厦门，1956年6月22日生于北京。他中学毕业以后进入北京第三光学仪器厂当工人．1982年毕业于暨南大学中文系。在学校时，喜读、写，1985年起将业余时间集中于诗歌创作，期间一首打油诗《学校一天》刊登在中国青年报上。。汪国真自称其创作得益于四个人：李商隐、李清照、普希金、狄金森（美国）。追求普的抒情、狄的凝炼、李的警策、清的清丽。毕业后，分配在中国艺术研究院，后任《中国文艺年鉴》编辑部副主任。1990年开始，汪国真担任《辽宁青年》、《中国青年》、《女友》的专栏撰稿人1985年开始进行诗歌的创作。1990年开始出版诗集。第一部诗集为《年轻的潮》，以后又出过多部诗集。曾经在1990年代掀起一股“汪国真热”。 汪国真第一首比较有影响的诗是《我微笑着走向生活》，在湖南杂志《年轻人》1984年第10期上发表，后经《青年博览》、《青年文摘》先后转载。 汪诗首先在北京中学生中造成一定反响，并以手抄本的形式在学生中流传，经由一位女教师将此信息告知身为某出版社编辑主任的丈夫，触发出版社的商业敏感，迅速与作者联系出版其作品。1990年4月20日汪国真的第一部诗集《年轻的潮》交稿，5月21日由北京学苑出版社出版。 "汪国真热"出现于这本诗集出版之后，此书在装卸中连续五次印刷，印数达十五万册。紧接着又出版了《年轻的风》(1990年10月花城出版社)、《年轻的思绪》（截止1991年初，三次印刷达十四万册）、《年轻的潇洒》等诗集，中国友谊出版社出版了《汪国真诗文系列》九种，中国妇女出版社会出版了《汪国真爱情诗卡》、《汪国真抒情诗赏析》，另外还有专收汪国真格言短句的随笔著作及其与他人的对话录。作为回应，市场上也出现了评介性的《年轻的风采——专访汪国真》。中国歌坛1991年2月推出了《青春时节——汪国真抒情歌系列之一》的盒带，并被《中国青年报》列为该月十盘优秀畅销磁带的第三名。 1990年7月4日，其诗集被《新闻出版报》列为十大畅销书之一，文艺类独此一本。 1990年10月北京高校出现汪国真诗歌演讲热。 1990年在出版界被称为是“汪国真年”。 在上海，这种热潮来得稍晚一些。1990年10月上海徐家汇书店购进已经在北京走红的汪国真诗集《年轻的思绪》二十本，但二个月后才卖完。1991年春，上海《文学报》发表特写文章《美的征服，始于"手抄本"》报导汪国真的情况，这是他首次被完整介绍到上海。而《文汇报》为了将汪国真在"文汇书展"上重点推出汪作，则在《文汇读书周报》上连续介绍推崇汪国真，称汪国真为"诗坛王子"、，造成舆论攻势，从而使得1991年3月27日的"文汇书展"中出现汪诗销售的热潮。 汪国真的诗歌，在主题上积极向上、昂扬而又超脱。作品的一个特征经常是提出问题，而这问题是每一个人生活中常常会遇到的，其着眼点是生活的导向实践，并从中略加深化，拿出一些人所共知的哲理。这种的量化的哲理，十分适合中学生的思维特征。中学生的人生经验较少，对自己所面临的人生问题，经常手足无措，而汪国真以诗歌的形式，给中学生们提供一种解决人生问题的办法，这对于这些年轻的孩子们来说些十分新鲜，而又简单实用。如他的一首小诗《致友人》写道： "不站起来 才不会倒下 和更何况 我们要浪迹天涯 跌倒是一次纪念 纪念是一朵温馨的花" 这首诗简短而寓意明晰，十分适宜抄录与赠与，即使就阅读来说，也最适宜大众毫不费力的在小块而闲暇时间得到心情舒畅的快感。 再如: "不是苦恼太多 而是我们的胸怀不够开阔 不是幸福太少 而是我们还不懂得生活 忧愁时，就写一首诗 快乐时，就唱一支歌 无论天上掉下来的是什么 生命总是美丽的 （《生命总是美丽的》） 汪国真的诗中不仅仅有青年人的生活和那种明白畅晓的表达方式，更主要的是一种超然、豁达、平易、恬淡的人生态度。这种站在人生的更高层次的俯视现实中的一切，所采取的"汪国真式的人生态度"，不能不说是汪国真诗歌倍受青年读者欢迎的原因所在。而所谓这种人生态度，实际就是对中国自宋元以来传统诗歌那种豁达、飘逸、潇洒、超脱的人生哲学的创造性转化。 简而言之，汪国真的诗歌实际上是将千百年来的各种至理名言，以押韵分行的形式更浅白地表达出来，是一种思想的快餐，哲理的炒卖。这些作品中缺少诗人面对世界独特的感悟，缺少诗歌最应当具有的真切情感。只是大众文化的一种表现而已。 至于汪某曾声称要拿取“诺奖”之类的言辞，则今日已成为文坛笑柄。一切缺少真正厚度的东西，都将成为昨日黄花，至多以史料地形式出现在人们的记忆里。 十年代初，诗坛曾经为一个人热闹过一段时间，这个人，名字叫做汪国真。 </t>
  </si>
  <si>
    <t xml:space="preserve">道具血弓如何加点?~目前只想参加70级PK赛 </t>
  </si>
  <si>
    <t>满血，80敏，其他攻！</t>
  </si>
  <si>
    <t xml:space="preserve">求助海尔W718手机待机时间具体多久？怎么使用才能最大限度的延长 </t>
  </si>
  <si>
    <t>其实这个方法适用于所有大屏幕的手机。首先说你的第一个问题，w718用的是云OS系统，系统优化不错，加上硬件电池容量大，所以待机时间相比较一般的手机来说算是长的了，应该两三天没什么问题。延长手机待机的方法第一要关闭一切可以关闭的应用，以及功能，比如外出时关闭wifi，关闭一些应用的定位。充电的时候平时可以连接电脑充电，但是要经常连接电源充电，因为USB的电压还是太低，对电池其实并不算是特别好。最后是尽量少玩游戏，游戏的耗电量还是很大的。</t>
  </si>
  <si>
    <t xml:space="preserve">发票打印不出来普通文档是可以打的，打印发票时就跳出来：本发票打印 </t>
  </si>
  <si>
    <t>没关系的，你给航天金穗客服打个电话，我也出现过这种情况，是因为开发票时候突然死机了，后来打电话问了航天金穗客服，半分钟搞定，不过我忘了怎么弄的了，只记得很简单的</t>
  </si>
  <si>
    <t xml:space="preserve">裸睡有什么好处。好在哪里？经常裸睡会有好处吗 </t>
  </si>
  <si>
    <t>着衣而眠，是习惯。很多人没有改变。 脱衣而睡，是享受。很多人正在进行 裸睡，是一种保健方法，它廉价，无须任何费用；它简单，人人可以掌握；它舒适，人人不愿放弃 裸睡好处逐个数 裸睡能祛痛。 裸睡的时候身体自由度很大，肌肉能有效放松，能有效缓解日间因为紧张引起的疾病和疼痛。有肩颈腰痛、经痛的人不妨试试。 裸睡能美容。 没有了衣服的隔绝，裸露的皮肤能够吸收更多养分，促进新陈代谢，加强皮脂腺和汗腺的分泌，有利皮脂排泄和再生，皮肤有一种通透的感觉。 裸睡护私处。 女性阴部常年湿润，如果能有充分的通风透气就能减少患上妇科病的可能性。男性裸睡同样可以营造清凉之境，避免精子因为过热而活动力欠佳。 裸睡享安宁。 没有衣服束缚，身体自然放松，血流通畅，能改善某些人手脚冰凉的状况，有助进入深层次睡眠。 裸睡健康提示 1.被子床单要勤换洗。千万不要把被子床单当成不洗的贴身睡衣。 2.裸睡时注意不要着凉。人着凉时抵抗力下降容易感冒。</t>
  </si>
  <si>
    <t xml:space="preserve">无法识别USB设备的问题我的MP4在网吧就能识别了，但是在家里就 </t>
  </si>
  <si>
    <t>你好！既然在网吧能够识别，那么肯定是电脑的问题，为了确认是否是软件的问题，我建议你先重装一次系统，看看是否能够识别。另外启动的时候在BIOS设置里面也要打开USB才行。如果都不行的话那么就只能试试LS的方法了</t>
  </si>
  <si>
    <t xml:space="preserve">孩子是生长痛吗?儿子今晚两次喊腿麻,并且大哭,从两岁半到现在３周 </t>
  </si>
  <si>
    <t>孩子的疼痛，你可以分析一下：如果没有别的什么症状，比如发烧、抽筋之类的，基本上可以排除神经方面的问题。如果膝盖处没有什么红肿、发胀之类的现象，那骨骼方面的问题也可以排除了。膝盖处基本上没什么肌肉，如果是肌肉方面的问题，宝宝应该指向下方或上方的肌肉。那肌肉方面的问题也排除了。这三种原因都排除了以后，只剩下唯一的答案了：没错，这是生长痛。</t>
  </si>
  <si>
    <t xml:space="preserve">1.祖玛无极棍的升级方法谁知道,炼刀高手请进2.要使用效果很好,? </t>
  </si>
  <si>
    <t>黑铁 3个持久都无所谓的~2级用5个道手 3级 5道手2珍珠4级 5道手2道德戒5级 5道德2天鸣6级 4道德3天鸣7级 3道德4天鸣8级 5天鸣2银镜项链9级 同第7级10级 5天鸣2银镜项链2道德11级 5天鸣2银镜1遗魂项链12级 同10级13级 5天鸣2银镜2遗魂项链14级 同上15级 黑铁4个首饰同上16级 与15一样我加到15看你的运气~</t>
  </si>
  <si>
    <t xml:space="preserve">牙齿整齐但下排牙齿比上排牙稍突出可否带牙套我的牙齿都很整齐，就是 </t>
  </si>
  <si>
    <t>我觉得不用，带牙套是很麻烦的。首先它带的时间要3到4年，其次牙医要对你的整排牙齿都做调整，弄完前一周很痛连饭都难吃。而且带牙套后脸型会有所改变。最后，花的钱也多。你应该改变你的坏习惯，然后平时说话时注意放慢速度应该不会变严重的。</t>
  </si>
  <si>
    <t xml:space="preserve">班组安全员的职责是什么？ </t>
  </si>
  <si>
    <t>工段长、班组长、班组安全员安全职责1、贯彻执行企业和车间驿安全生产的指令和要求，全面负责本工段（班组）的安全生产。2、组织职工学习并贯彻执行企业、车间各项安全消防规章制度和安全技术操作规程，教育职工遵章守纪，制止违章行为。3、组织并参加班组安全活动日及其它安全活动，负责安全消防活动记录，提出改进安全消防工作意见和建议。坚持班前讲安全、班中检查安全、班后总结安全。4、负责对新工人（包括实习、代培人员）进行岗位安全教育。组织岗位技术练兵和开展事故预案演练。5、负责班组安全检查，发现不安全因素及时组织力量消除，并报告上级。发生事故立即报告，组织抢救，保护好现场，做好详细记录，参加事故调查、分析，落实防范措施。6、负责生产设备、安全装备、消防设施、防护器材和急救器具的检查维护工作，使其经济保持完好和正常运行。督促教育职工合理使用劳动保护用品、用具，正确使用灭火器材。7、负责班组建设，提高班组管理水平。保持生产作业现场整齐、清洁，实现文明生产。</t>
  </si>
  <si>
    <t xml:space="preserve">体育系专项问题我是体育教育系大二的女生，我们下学期就要选专项了， </t>
  </si>
  <si>
    <t>其他的都还好那你相当好了，很强啊网球可以选，刚大二，专业生可以练得很专业，像李娜学习吧</t>
  </si>
  <si>
    <t xml:space="preserve">治疗白血病去哪个医院好？ </t>
  </si>
  <si>
    <t>就我所了解血液病在学术界比较有名气的是天津医科大学附属医院和黑龙江省血液病研究所。</t>
  </si>
  <si>
    <t xml:space="preserve">非常不开心，BC显示是女宝宝老公一直认为是男宝宝，不过7个月照彩 </t>
  </si>
  <si>
    <t>这有什么关系，我和老公开始也以为怀的是男孩，后来查B超是女孩，我们都很快接收她了，只要宝宝健康，男女又有什么关系，况且到时候男女比例都已经失调了，生个女孩还金贵些呢！</t>
  </si>
  <si>
    <t xml:space="preserve">雪之女王的下载???请问这步韩剧在哪可以用迅雷下载,而且是免费的 </t>
  </si>
  <si>
    <t>看来是个特别喜欢看韩剧的小MM哦,我也是,特别喜欢玄彬和成宥利.我前天刚看完16集完结,特好看哦,很感人的.你可以上百度搜索 雪之女王的贴吧,上面有1-16集的迅雷下载地址.也可以在线观看是免费的.天堂影院里面有的</t>
  </si>
  <si>
    <t xml:space="preserve">怎样在网上查看时时的股票行情？我想在网上查看股票行情，可是不会。 </t>
  </si>
  <si>
    <t>我用的免费的即时看盘软件：在中信证券 进入网页后点软件下载，有几个都可以用的，你下载安装一下，就可以实时看盘了。很多证券公司网站应当都有，我在中信证券开的户，所以用的这个。看盘是不要钱的，如果要交易，就要去证券公司开个户。就可以下单，进入交易页面。</t>
  </si>
  <si>
    <t xml:space="preserve">北京奥运会共设多少金牌 </t>
  </si>
  <si>
    <t>中新网4月29日电据北京奥组委网站引述国际奥委会消息，2008年北京夏季奥运会比赛项目已经最终确定，共包括28个大项、302个小项。其中，男子、女子和男女混合竞赛小项分别为165、127和10项。 这些体育大项包括：田径、赛艇、羽毛球、棒球、篮球、拳击、皮划艇、自行车、马术、击剑、足球、体操、举重、手球、曲棍球、柔道、摔跤、游泳、现代五项、垒球、跆拳道、网球、乒乓球、射击、射箭、铁人三项、帆船和排球。 与2004年雅典奥运会相比，2008年奥运会的女子竞赛小项增加了2项，由此预计将增加125名女运动员。这符合国际奥委会为加强女性在奥运会上的参与度做出的努力。 2008年奥运会新设了一些竞赛项目，包括女子3000米障碍赛、男女小轮车赛、女子花剑和长剑团体赛以及男女10000米马拉松游泳赛。 2008年奥运会将不再设乒乓球双打项目，由乒乓球团体赛取代。</t>
  </si>
  <si>
    <t xml:space="preserve">为什么许多楼盘不支持公积金贷款？湖北省武汉市有许多楼盘不支持公积 </t>
  </si>
  <si>
    <t>不支持最主要原因是公积金贷款没有商贷的回款速度快，对现金流紧张、有着较大额银行贷款的开发商而言，高速快捷的商贷能尽快回笼资金，减少利息支出。</t>
  </si>
  <si>
    <t xml:space="preserve">这篇作文写的好不？ </t>
  </si>
  <si>
    <t>见附件。</t>
  </si>
  <si>
    <t xml:space="preserve">制药在哪里学啊我按照士兵的提示到傅当归那里怎么却学不到制药呢?? </t>
  </si>
  <si>
    <t>你先按CTRL+S,选生活技能看下自己是否已经学会该技能(一个炼丹炉图标)确认一下.如学了之后做不了有以下几个原因:1没有学制药配方,2没有材料,3没有活力,4没有在炼丹炉旁.</t>
  </si>
  <si>
    <t xml:space="preserve">老鼠聪明吗？ </t>
  </si>
  <si>
    <t>聪明,有研究表明老鼠有相当于7岁小孩的智慧还有个实验也有证明价值,有研究人员拿了些老鼠药捉老鼠,在投放老鼠药的时候嘴里不断地说这是老鼠药,后来就没有老鼠上当第二次,放药的时候就不说话,结果,还是同一种药,就有很多老鼠上当了可以见解说明老鼠有能听懂人类语言和相互交流信息的能力</t>
  </si>
  <si>
    <t xml:space="preserve">SS的BB问题SS的地狱火BB与末日守卫任务在哪接啊？？？？ </t>
  </si>
  <si>
    <t>作为一个60级的术士，你没有理由不学会每个术士的毕生追求——召唤末日守卫。 怀着这样的信念，我来到了任务开始地点，诅咒之地南部的腐烂之痕。 大家都知道，腐烂之痕里的怪物都是真正的“怪物”——免疫奴役的60+精英地狱卫士。（不免疫放逐） 在使用流传广远，威力无比的终极技能——拖尸大法后，来到了任务NPC面前：虚弱的XXXX。 居然是这样一个老头给了我们的终极追求。（由于原始图片的丢失，请无视左下的任务提示，重要的是，我告诉你，任务NPC的所在） 在和他进行了愉快的交谈后，我得到了两个看起来要我命的任务。 一、从冬泉谷暗语峡谷的赫达琳恶魔身上收集5个赫达琳之泪。 二、从厄运之槌（DM）东区的萨特身上收集15个萨特之泪。 看起来第一个要收集的道具比较少，好，先做他了。 在使用了海陆空交通工具以后，我来到了冬泉谷暗语峡谷，见识到了腐烂之痕恶魔的同类。。。同样免疫奴役（不免疫放逐）的精英恶魔。。。腐烂之痕恶魔尚且可以躲，这个是躲不了了，硬着头皮上吧，有一点很重要，他们只是免疫放逐，奴役，而不免疫恐惧。 接下来怎么办不用我说了吧？每个60级术士都要熟练掌握的技巧：恐惧+末日诅咒。 当你用5分钟/个的效率磨死NN个恶魔后（当然了这个NN取决于你的人品），你收集够了5个赫达琳之泪。 注意从下往上数第二个包中那4个绿色的类似WAR3里的小血瓶一样的道具，这就是另一种需要收集的道具————萨特之血。 第二种道具：15个萨特之血 根据任务指示，由DM（厄运之槌）东区的萨特掉落。 在如今这个无良法师泛滥的年代，已经很少有人肯组5人队伍去DM了，怕什么，作为solo king的术士，我们不求人。 当然了，前提是，你有DM后门的钥匙，作为一个60级的人，我认为你应该知道它是怎么来的。 从DM的后门，我们可以轻易的找到各类萨特，杀之。 和9C号称20W美刀一台的高质量服务器以及大量已被我黑名单的无良法师斗争了2天后，我终于打够了任务所需要的15个萨特之血，当然了，如果你运气好组到了一个肯顶风作案去往东区的队伍，那么2小时你就可以收集到15个萨特之血。 将5个赫达琳之泪和15个萨特之血交给腐烂之痕的虚弱老头（你可以纠集一队狐朋狗友们杀进去，或者自己拖尸体进去）后，接到了最终任务：你得抓个末日守卫来证明你有实力奴役他们。 往东南继续深入腐烂之痕，你就看到了此行的目标——末日守卫指挥官。 需要说明的是，这家伙很苯，苯至渣。他会用每下600+的物理把你的血量打到一定程度，然后傻忽忽的开始放每波500+（？）伤害的火焰雨。如果你事先磕了个法术石，那么你会发现收服他很容易。 上去用那个XXX碎片（就是用来抓他的道具，长的和灵魂碎片一样）对准他施放，持续10秒后，他就被收服了，变成地上的一根柱子，LOOT之，得到任务道具——被囚禁的末日守卫。 将你捕捉到的末日守卫交还给老头后，你获得了一个称做末日仪式的技能以及一个副手。 现在，你可以有视左下那段任务提示了。 哦？什么，你问我“牺牲之书”是个什么玩意儿？好吧我来告诉你，这是一个远不如地狱火任务给的副手好的东西，+8耐，5秒回4点血。 现在，你就获得了超级拉风，超级吓人，超级垃圾的三超技能：末日仪式。看看他的描述吧。。。 什么？你说那是术士毕生的追求？ 嘿，哥们，你没象楼主那样喝高了吧？ 如你所见，这是一个如假包换的末日守卫，有着和WAR3中的前辈们同样强悍至BT的技能————战争践踏，净化，残废，火焰雨。 但是致命的是，他不是“你的”，而是“你奴役的” 一些技巧和感想： 关于进入腐烂之痕：尽量沿着边，*着山走，虽然不能避免牺牲，但是可以大大减少你拣尸体的次数。被发现了可以放逐掉马上跑。 关于杀赫达琳恶魔：由于厄运诅咒的1分钟CD，所以我建议你先给怪加暗影诅咒，然后再加厄运诅咒，最大限度的减少miss的发生。也可以采用放逐+末日诅咒的方法。 关于solo DM萨特：带狗无限仇恨+小心的穿越巡逻+优秀的操作可以轻易做到。当然了，如果你是个如法师一般无良的术士，那么我建议你学学法师门，刷DM后门口的两个落单的萨特。具体方法：进去以后*左边墙壁躲开门口的两个来回巡逻的花，贴墙左转，有一个落单的潜行萨特，杀之，斜着往右边冲到对面，又有一个落单的潜行萨特，再杀之，注意不要惹那个巡逻的魔法型的萨特，他的恐惧，暗影防御结界，痛，暗影箭（怎么都是BT技能呢？）会让你吃不了兜着走。杀完这两个萨特后马上火车出副本，重置，然后进去再杀这俩。运气好的话还有2个蘑菇采。当然了，不推荐这种做法，因为对服务器的影响太大。 关于最后抓末日守卫：前面说了，他很傻冒，所以如果你用法术石+VW的牺牲加盾，撑10秒，不是什么难事。（根据各位朋友在后面的补充，貌似我就是记错了。。是500/波。。的火焰雨吗。。？我抓的那个刚放出一波，我就封印完成了，不过第一下类似MS的技能是逃不过的。） 关于施法媒介“恶魔雕象”：各处施法媒介商人有售，无折扣1G1个，一般都是90S一个。所以说，这是一个奢侈的RP测试。 克罗苏斯的恶魔之核 在费伍德森林的碎痕谷中搜寻克罗苏斯的尸体。当你找到尸体后，在他身上使用魔火，并等待克罗苏斯复生。当这个地狱火被唤醒之后，干掉他，从他的身上拿取克罗苏斯的恶魔之核。 把克罗苏斯的恶魔之核交给费伍德森林的尼比。 任务提供: 魔火 任务需要: 克罗苏斯的恶魔之核 克罗苏斯就躺在在东北边的碎痕谷中。带上魔火，在他的尸体上使用它。魔火将会使那个倒下的地狱火重新站起来。 当然，我相信他可以轻松地把你和你的朋友连窝端了——相信我，你最好带些朋友一起去。 如果奇迹出现，也就是说你和你的朋友碰巧把克罗苏斯摆平了的话，那就把他的恶魔之核交给尼比。 任务奖励: 你将学会: 地狱火 你将得到以下奖励: 绿焰碎片 经验奖励: 7050 XP 任务链： 系列任务 [1] 尼比的助手 [2] 无暇的恶魔精华 [3] 克罗苏斯的恶魔之核</t>
  </si>
  <si>
    <t xml:space="preserve">2岁宝宝摔到把鼻子磕破了！我带宝宝到医院,医生只是在磕破的伤口处 </t>
  </si>
  <si>
    <t>不用担心，只是有点感染。用点消炎药就行，没事的。</t>
  </si>
  <si>
    <t xml:space="preserve">热血宝宝问题大家能打开热血宝宝网站吗？他们换了新网址我知道，昨天 </t>
  </si>
  <si>
    <t>维护了的，先出了新挂，但是网站速度极慢，不少人进去都抱怨说那个网站卡，所以就维护了哈。现在已经好了，进去很顺利</t>
  </si>
  <si>
    <t xml:space="preserve">QQLive.exe无法找到入口无法定位程序输入点？GetSki </t>
  </si>
  <si>
    <t>可以尝试重新安装一下QQlive。</t>
  </si>
  <si>
    <t xml:space="preserve">什么是人什么才算是一个人么？ </t>
  </si>
  <si>
    <t>人的生命或生物的人是指属于生物分类中脊椎动物门，哺乳类、灵长目、人科，人属的有机体。这个有机体是迄今生物进化的顶峰，具有一系列不同于其他物种的形态、生理，心理方面的独特特点，拥有一套不同于其他物种的独特的基因结构三遗传物质。许多人之所以认为受精卵、合子、胚胎或胎儿是人，就是根据这一生物学标准来论证的。但是他们所说的人，实际上是人类的生物学生命。可以举例来进一步说明。一个去大脑皮层的男子，他可以继续产生精子，他还是他这个物种的一个成员，他仍然具有人类的生物学生命。但是作为人类的人格生命，作为社会的人，他已经死了。普切蒂(Puccetti)打了一个比方：有一幢房子，我们想知道楼上是否有人住着，但由于法律和伦理学上的理由，我们不能进去看，我们站在外面守着，听着，我们听到炉子在燃烧，可能是个自动加热器，晚这就是作为一个社会的人，人类的人格生命的基本标准。而且这两条标准是密切联系的。    人类的人格生命或社会的人的本质特征是具有自我意识。因此可以把人定义为具有自我意识的实体。许多哲学家论述过自我意识的重要性。笛卡尔把自我意识作为他的哲学基础：“我思故我在。”康德认为，自我意识不仅是世界的中心，而且是世界的源泉。费希特甚至认为：‘我就是一切”。王阳明也说过“万物皆备于我”。当然他们的唯心主义是错误的，但这也从一个方面说明自我意识的重要性。有人问大学生，他们愿不愿意同某个妖怪搞一项交易：“这个妖怪可以使你们的智商增加到400，使你们成为国家的领导人，使你们画出的画超过毕加索，使你们获得诺贝尔奖金，条件是永远不再有自我意识的经验。你们干不干?”大多数学生表示不愿意，因为他们不愿意失去有意识经验的能力，失去了这种能力就不再是人(person)了。    正是这种自我意识，把人(person)与非人灵长类、与受精卵、胚胎，胎儿以及脑死者区别开来。正是这种自我意识，使人体发展全过程的连续统发生质的变化：当人体发展到产生自我意识时，人类的生物学生命发展为人类的人格生命，当不可逆地丧失自我意识时，又复归为人类的生物学生命。    把人(person)定义为有自我意识的实体有一些困难。某些非人灵长类似乎有自我意识，如黑猩猩能够在镜子中辨认自己的脸和身体，受过训练的大猩猩科科能够用手势说话，会使用单数第一人称。而有些原始民族部落的语言却没有第一人称单数。但这个问题仍然是可以争论的：比如还不能说科科等有自我意识，或者它们只是一些个别的例外；没有第一人称单数的部落不是没有自我意识，而是他们的语言有缺陷，缺乏表达自我的词汇等等。    但仅仅具有自我意识这个特征似乎还不够。我们可以进一步问：人类有机体如何才能产生自我意识?自我意识当然首先需要一定的生物学基质——人脑作为前提。但在孤立状态中不能产生自我意识。狼孩等事例有力地证明了这一点，它们不具备自我意识，仅有生物学生命，尽管有人脑、有人的遗传物质。自我意识必须在同其他人的交往、关系中产生，即必须在社会关系中才能产生。所以，当我们说婴儿在二至三岁时产生自我意识，这就隐含着这样一个前提：这个婴儿处于正常的社会关系中。由于婴儿处在一定的社会关系中，因而他也就扮演一定的角色。并由于这种社会角色，与社会上其他人发生相互作用。这种社会相互作用使他产生自我意识。在镜子中能辨认自己的黑猩猩没有这种社会关系，象科科等个别的猿也许进入了这种社会关系中，没有第一人称单数的部落的婴儿则处于一定的社会关系中。于是我们得到这样的定义：人(person)是在社会关系中扮演一定社会角色的有自我意识的实体。    有人提出，person与human being怎么能分开呢?person难道不都是human being吗?不然。一旦我们与外星人相遇，它们是什么样的人?如果它们具有与我们类似的机体，并且有自我意识，它们既是person，又是human being~如果它们的机体不能纳入我们目前生物学的分类系统中，而它们有自我意识，例如E．T．中的外星人，那样它们是person,不是human being，所以所有的人类生命并不都是人类的人格生命。事实上许多人类的生物学生命永远不能成为人类的人格生命，即大量的合子从未发育到分娩。而且很可能，也不是所有的人格生命都是人类的。其他行星上的智能生命很可能不是人类生命。人类的生物学生命成为人类的人格生命有一个变化和发展的过程。    那么，我们用什么操作标准来判定婴儿何时已发育为具有自我意识的人呢?这是困难的。因为每个婴儿的发育情况不完全一样，无论是婴儿自己的特质和它所处的环境都有区别。因此，自我意识发育的时间有早有迟。另一方面，婴儿一经出生，就处于社会关系之中，扮演一定的社会角色。因此，即使按上述的定义那时它还不是人，我们也应该而且可以把它作为人来看待。所以，荀子说的“生，人之始也”，韩非子说的“人始于生”适用于这里。但这是一个操作标准，是为了实用的方便，因此必然会有例外。</t>
  </si>
  <si>
    <t xml:space="preserve">请问这么超前学有用吗？我现在就读高一，市重点学生。可能听过一些曾 </t>
  </si>
  <si>
    <t>我是广东省重点的高三理科试验班学生，说实话你超前得还不够 我们班的同学在高一时就学完了所有的高中理科课程某些同学在高一暑假还自学完了线性代数、高等数学、普通化学原理、普通物理学、普通生物学的课程但是要注意的是，超前学习要注意学校的教学进度，而且不要钻的太深，除非你打算冲击全国竞赛一等奖。文科千万不能拉下，否则就会像我一样，只能排年级20左右。</t>
  </si>
  <si>
    <t xml:space="preserve">信用卡是怎么还款的？办理信用卡后马上就可以用么？ </t>
  </si>
  <si>
    <t>激活以后可以用，还款的话你可以绑定银行卡还款或者现金柜台还</t>
  </si>
  <si>
    <t xml:space="preserve">金钱树为什么掉叶子？一个月前我家买了一颗金钱树，现在树的叶子掉的 </t>
  </si>
  <si>
    <t xml:space="preserve">原因大致如下：1.光照不足：金钱榕性喜阳光充足的环境，在阴蔽处或半阴处久放则会出现黄落叶现象，在半阴处放置一个月为限，一般以二周左右就要将其换放至阳光充足处养护管理，否则植株就会出现不良反应。2.浇水不当：金钱榕喜水，但浇水过多易出现黄叶、落叶的现象，在室内浇水不易过勤，要干透浇透为宜。一般情况下在家庭中没有旱死的花，只有涝死的花。3.温度过低：现在的温度是不可能了，我估计不是这个问题，在冬季则可以考虑。生长适温为15-35℃之间，适应性是比较强的。4.通风不良：在通风良好的条件下一般出现落叶的现象较少。 </t>
  </si>
  <si>
    <t xml:space="preserve">有没有喝雅培奶粉的？想给女儿换奶粉，不知雅培的奶粉热不热气，我女 </t>
  </si>
  <si>
    <t>雅培奶粉没有添加棕榈油,所以不是很容易上火.但是,无论如何,牛奶总是不如母乳那样适合宝宝.所以还是要给她喝水的.如故她是不爱用奶瓶就试试杯子吧.有的宝宝喜欢用杯子喝水.</t>
  </si>
  <si>
    <t xml:space="preserve">T9中文输入法和iTAP输入法那个好啊？？？？ </t>
  </si>
  <si>
    <t>个人感觉T9好一些，用惯了比较顺 ：）</t>
  </si>
  <si>
    <t xml:space="preserve">转武僧的服事JOB44级60去哪升级呢,请高人指点!我的服事到了 </t>
  </si>
  <si>
    <t>这段时间最好有人带，和猎人组队，去古城打史丁，超快。我那时候练的全智服侍就是在那里冲转的。你也可以组猎人打钟怪。如果没人肯带就去金3打木木，或者去僵尸洞3，没办法。</t>
  </si>
  <si>
    <t xml:space="preserve">长得怎样的女人克夫？ </t>
  </si>
  <si>
    <t>相书上说,颧骨高的女人和阴部不长毛的女人克夫.</t>
  </si>
  <si>
    <t xml:space="preserve">相亲问题结束后是送她回家还是各走各的？ </t>
  </si>
  <si>
    <t>那看你想不想和她继续啦，要是不想，就说，要不我送你回去，她会礼貌的说。不用啦。借此拉到。要是想，那不用我教你啦吧！</t>
  </si>
  <si>
    <t xml:space="preserve">求治疗嗓子的良方我小时候得过肺炎，好了之后嗓子常年都是一到天气变 </t>
  </si>
  <si>
    <t>应该是鼻咽炎，先从鼻子入手。吃点鼻舒适，便宜有效。同是加强锻炼，用冷水洗脸，坚持不懈，冷水洗澡效果更佳。</t>
  </si>
  <si>
    <t xml:space="preserve">百货公司卖运动服的会计怎么做？我是在企业做成本核算的，从没接触过 </t>
  </si>
  <si>
    <t>按会计做账。（如果是一般纳税人）进货时借：库存商品      借：应交税金---应交增值税（进项税）      贷：银行存款销货时借：银行存款      贷：主营业务收入      贷：应交税金---应交增值税（销项税）结转成本借：主营业成本          贷：库存商品商业企业科目如下：一）资产类：现金，银行存款，短期投资，应收票据，应收账款，坏账准备，预付账款，其他应收款，商品采购，库存商品，商品进销差价，商品削价准备，待摊费用，长期投资，固定资产，累计折旧，固定资产清理，在建工程，待处理财务损溢二）负债类：短期借款，应付票据，应付账款，预收账款，其他应付款，应付工资，应付福利费，应交税金，应付利润，预提费用，长期借款三）所有者权益类：实收资本，资本公积，盈余公积，本年利润，利润分配四）损益类：主营业务收入，主营业务成本，主营业务税金及附加，营业费用，其他业务收入，其他业务支出，管理费用，财务费用，投资收益，营业外收入，营业外支出，所得税。 老板通过利润表要看是盈利还是亏损</t>
  </si>
  <si>
    <t xml:space="preserve">初二我们知道因式分解与整式的乘法是互逆的关系,那么逆用乘法公式( </t>
  </si>
  <si>
    <t>(1)x^2-8x+7=(x-1)(x-7);   (2)x^2+7x-18=(x-2)(x+9)</t>
  </si>
  <si>
    <t xml:space="preserve">为什么我一上新浪的博客阅览页面就未响应？ </t>
  </si>
  <si>
    <t>系统问题你刷新多几次吧</t>
  </si>
  <si>
    <t xml:space="preserve">关于怀孕后保胎的问题？5月第一次怀孕，因做家务没有注意，42天自 </t>
  </si>
  <si>
    <t>有流产史的孕妇怎样保胎　　在临床上 ,我们将妊娠 28周以内 ,胚胎不能继续发育而自流终止者称为自然流产。 12周以内终止者称早期流产 , 12～ 18周之间终止者称晚期流产 ,连续 3次以上的自然流产叫习惯性流产。 　　引起自然流产的原因主要有胚胎疾患和母体疾病两个方面。胚胎方面的疾患包括 :　　1、胚胎本身有缺损 ,发育到一定程度胚胎即死亡 ,多在两个月左右发生流产。　　2、胎盘异常 ,胎儿常因血液循环障碍而死亡 ,多在后半期发生流产。母体方面的疾病包括 :1、黄体素缺少。 2、维生素缺乏 ,如维生素Ｅ、Ｋ、Ｃ等。　　3、生殖器官异常 ,如子宫发育异常、子宫畸形、子宫肌瘤等。　　4、急慢性疾病 ,如胃肠炎、尿露感染等。 　　5、性病 ,如淋病、梅毒等。 　　6、情志内伤 ,如精神恐惧、情绪紧张等。　　对于有习惯性流产史的妇女来说，孕期保健显得尤其重要。　　1．规律：起居以平和为上，既不可太逸(如过于贪睡)，亦不可太劳(如提掣重物或攀高履险等)。逸则气滞，导致难产；劳则气衰，导致伤胎流产。因此，孕妇一定要养成良好的生活习惯，作息要有规律，最好每日保证睡够8小时，并适当活动。这样，才能使自己有充沛的体力和精力来应对孕期的各种情况。另外，孕妇衣着应宽大，腰带不宜束紧，平时应穿平底鞋。要养成定时排便的习惯，还要适当多吃富含纤维素的食物，以保持大便通畅。大便秘结时，避免用泻药。　　2．合理饮食：孕妇要注意选食富含各种维生素及微量元素、易于消化的食品，如各种蔬菜、水果、豆类、蛋类、肉类等。胃肠虚寒者，慎服性味寒凉的食品，如绿豆、白木耳、莲子等；体质阴虚火旺者，慎服雄鸡、牛肉、狗肉、鲤鱼等易使人上火的食品。民间有不少食疗方对预防习惯性流产和先兆流产很有效果，这里向大家介绍两则：①莲子、桂圆肉各50克，文火煲汤，加山药粉100克煮粥。怀孕后即开始食用，每日1次。此方适宜于阴道出血、小腹坠痛、腰腿酸软、苔白舌淡、有习惯性流产史者。②南瓜蒂3个，莲蓬蒂6个，共焙黄为末，分3次米汤送服，1日服完。此方适宜于妊娠数月后胎动腹痛、阴道出血、面赤口干、五心烦热、小便短赤的血热型先兆性流产者。 　　3．注意个人卫生：孕妇应勤洗澡、勤换内衣，但不宜盆浴、游泳，沐浴时注意不要着凉。要特别注意阴部清洁，可每晚用洁净温水清洗外阴部，以防止病菌感染。 　　4．保持心情舒畅：研究认为，一部分自然流产是因为孕妇中枢神经兴奋所致。因此，孕妇要注意调节自己的情绪，尽量保持心情舒畅，避免各种不良刺激，消除紧张、烦闷、恐惧心理，尤其不能大喜大悲大怒大忧，否则对胎儿的生长发育是非常不利的。 　　5．定期做产前检查：孕妇在妊娠中期就应开始定期进行产前检查，以便及时发现和处理妊娠中的异常情况，确保胎儿健康发育。以利医生及时发现和处理异常情况，并可指导孕期保健。( ) 　　6．慎房事：对有自然流产史的孕妇来说，妊娠3个月以内、7个月以后应避免房事，习惯性流产者此期应严禁房事。 　　特别注意：有过自然流产史或习惯性流产的妇女，怀孕前应先到妇产科诊治一下有关疾病，特别是妇科疾病。若受孕后出现流产先兆，如阴道出血、下腹疼痛等更应及时就医。保胎食物　　如果没有先兆流产的症状，不必保胎，孕妇饮食建议注意以下几点　　孕妇，作为特殊的人群，在日常饮食生活中，不仅要重视加强营养，适量吃些营养丰富的食物，而且对膳食结构、饮食烹调、饮食卫生以及食品选择等方面，应当注意以下“十不宜”，以利孕育健康而聪颖的小生命，有助优生。 　　一、不宜高脂肪饮食：大量医学研究资料证实，乳腺癌、卵巢癌和宫颈癌具有家族遗传倾向。如果孕妇长期高脂肪膳食，势必增加婴儿罹患生殖系统癌瘤的危险。医学家指出，脂肪本身虽不会致癌，但长期多吃高脂肪食物，会使大肠内的胆酸和中性胆固醇浓度增加，这些物质的蓄积能诱发结肠癌。同时，高脂肪食物能增加催乳激素的合成，促使发生乳腺癌，不利母婴健康。　　二、不宜高蛋白饮食：医学研究认为，蛋白质供应不足，易使孕妇体力衰弱，胎儿生长缓慢，产后恢复健康迟缓，乳汁分泌稀少。故孕妇每日蛋白质的需要量应达90-100克。但是，孕期高蛋白饮食，则可影响孕妇的食欲，增加胃肠道的负担，并影响其他营养物质摄入，使饮食营养失去平衡。研究证实，过多地摄入蛋白质，人体内可产生大量的硫化氢、组织胺等有害物质，容易引起腹胀、食欲减退、头晕、疲倦等现象。同时，蛋白质摄入过量，不仅可造成血中的氮质增高，而且也易导致胆固醇增高，加重肾脏的肾小球过滤的压力。有人认为，蛋白质过多地积存于人体结缔组织内，可引起组织和器宫的变性，较易使人罹患癌症。　　三、不易高糖饮食：意大利比萨国家研究院的医学家们发现，血糖偏高组的孕妇生出体重过高胎儿的可能性、胎儿先天畸形的发生率、出现妊娠毒血症的机会或需要剖腹产的次数，分别是血糖偏低组孕妇的3倍、7倍和2倍。另一方面，孕妇在妊娠期肾排糖功能可有不同程度的降低，如果血糖过高则会加重孕妇的肾脏负担，不利孕期保健。大量医学研究表明，摄入过多的糖分会削弱人体的免疫力，使孕妇机体抗病力降低，易受病菌、病毒感染，不利优生。　　四、不宜高钙饮食：孕妇盲目地进行高钙饮食，大量饮用牛奶，加服钙片、维生素D等，对胎儿有害无益。营养学家认为，孕妇补钙过量，胎儿有可能得高血钙症，出世后，患儿会囟门太早关闭、颚骨变宽而突出、邱粱前倾、主动脉窄缩等，既不利健康地生长发育，又有损后代的颜面健美。一般说来，孕妇在妊娠前期每日需钙量为800毫克，后期可增加到1100毫克，这并不需要特别补充，只要从日常的鱼、肉、蛋等食物中合理摄取就够了。　　五、不宜过度咸食：有些孕妇由于饮食习惯嗜好咸食，尤其是北方居民较严重，多咸食。现代医学研究认为，吃盐量与高血压率发病有一定关系，食盐摄入越多，高血压病的发病率也越高。众所周知，妊娠高血压综合症是妇女在孕期才会发病的一种特殊疾病，其主要症状为浮肿、高血压和蛋白尿、严重者可伴有头痛、眼花、胸闷、晕眩等自觉症状，甚至发生子痫而危及母婴安康。因此，孕妇过度咸食，容易引发妊娠高血压综合征。为了孕期保健，专家建议每日食盐摄入量应为6克左右。　　六、不宜酸性饮食：孕妇在妊娠早期可出现择食、食欲不振、恶心、呕吐等早孕症状，不少人嗜好酸性饮食。然而，德国有关科学家研究发现，妊娠早期的胎儿酸度低，母体摄入的酸性药物或其它酸性物质，容易大量聚积于胎儿组织中，影响胚胎细胞的正常分裂增殖与发育生长，并易诱发遗传物质突变，导致胎儿畸形发育。妊娠后期，由于胎儿日趋发育成熟，其组织细胞内的酸碱度与母体相接近，受影响的危害性相应小些。因此，孕妇在妊娠初期大约2周时间内，不要服用酸性药物和酸性食物、酸性饮料等。　　七、不宜滥服温热补品：孕妇由于周身的血液循环系统血流量明显增加，心脏负担加重，子宫颈、阴道壁和输卵管等部位的血管也处于扩张、充血状态。加上孕妇内分泌功能旺盛，分泌的醛固醇增加，容易导致水钠潴留而产生水肿、高血压等病症。再者，孕妇由于胃酸分泌量减少，胃肠道功能减弱，会出现食欲不振、胃部胀气便秘等现象。在这种情况下，如果孕妇经常服用温热性的补药、补品，比如人参、鹿茸、鹿胎胶、鹿角胶、桂圆、荔枝、胡桃肉等，势必导致阴虚阳亢，气机失调，气盛阴耗，血热妄行，加剧孕吐、水肿、高血压、便秘等症状，甚至发生流产或死胎等。　　八、不宜食用霉变食品：当孕妇食用了被霉菌毒素污染的农副产品和食品，不仅会发生急性或慢性食物中毒，甚至可殃及胎儿。因为在妊娠早期2-3个月，胚胎着床发育，胚体细胞正处高度增殖、分化阶段，由于霉菌毒素的侵害，使染色体断裂或畸变，有的停止发育而发生死胎、流产，有的产生遗传性疾病或胎儿畸形，如先天性心脏病、先天性愚型等。另一方面，在胎儿期，由于各器官功能不完善，特别是肝、肾的功能十分低弱，霉菌毒素都会对胎儿产生毒性作用，影响发育。大量医学研究资料证实，霉菌毒素是一种强致癌物质，可使母胎患肝癌、胃癌等癌症。此外，母体因食品中毒而发生昏迷、呕吐等症状，极不利胎儿的正常生长发育。　　九、不宜长期素食：有些孕妇为了追求孕期的体态"健美"，或由于经济条件限制，长期素食，这不利胎儿发育。据研究认为，孕期不注意营养，由于蛋白质供给不足，可使胎儿脑细胞数量减少，影响日后的智力，还可使胎儿发生畸形或营养不良。如果脂肪摄入不足，容易导致低体重胎儿的出生，婴儿抵抗力低下，存活率较低。对于孕妇来说，也可能发生贫血，水肿和高血压。日本医学家研究发现，吃素食的妇女所生的婴儿，由于缺乏维生素B12，往往会患不可逆的脑损害，婴儿出生三个月后，就逐渐显示出感情淡漠，丧失控制头部稳定的能力，出现头和腕等不自主运动，如不及时治疗，就易引起巨幼细胞性贫血和显著的神经系统损害。　　十、不宜喝刺激性饮料：医学研究证实，孕妇饮酒可使酒精通过胎盘进入胎儿体内，直接对胎儿产生毒害作用，不仅使胎儿发育缓慢，而且可造成某些器官的畸形与缺陷，如小头、小眼、下巴短、脑扁平窄小、身子短，甚至发生心脏和四肢的畸形。有的胎儿出生后则表现为智力迟钝、愚顽、易生病等，甚至造成后代终身病废。而孕妇饮浓茶，由于茶中含有大量的单宁，能和食物中的蛋白质结合，变成不溶解的单宁酸盐，而且可同食物其它营养成分凝集而沉淀，影响孕妇、胎儿对蛋白质、铁、维生素的吸收利用，进而发生营养不良。茶叶中还含有多量的鞣酸，有收敛作用，影响肠道的蠕动，易使孕妇发生便秘。孕妇多饮汽水，可造成体内缺铁而贫血，不利母胎。此外，孕妇不宜多喝冷饮，多吃凉食，以防胎动不安和孕妇发生腹痛腹泻。　　十一、孕妇应少吃菠菜：在90年前，由于印刷上的错误，把菠菜含铁量的小数点右移了一位数，从此人们一直都认为菠菜含有大量的铁，具有补血功能，把菠菜当做孕妇、儿童、病人理想的补血食品。其实，菠菜中铁的含量并不多，其主要成分是草酸，而草酸对锌、钙有着不可低估的破坏作用。锌和钙是人体不可缺少的微量元素，如果人体缺锌，人就会感到食欲不振、味觉下降；儿童一旦缺钙，有可能发生佝偻病，出现鸡胸、罗圈腿以及牙齿生长迟缓等现象。如果孕妇过多食用菠菜，无疑对胎儿发育不利。孕妇保胎须知　　就是怀孕。　　一旦确定为怀孕，应该保持心情舒畅，情绪稳定。孕期要谨慎用药，避免与放射线和有毒物质接触，不吸烟喝酒，预防病毒性疾病感染，节制性生活。　　二、孕妇饮食应注意补充足够的蛋白质，维生素、矿物质，应多吃绿叶蔬菜，豆类、鸡蛋、海带、紫菜等含铁较多的食物，要忌偏食，不宜过饥过饱，以保证脾健胃状　　三、孕妇远离汽车多的场所及电池厂、油漆厂附近，以免通过空气，把有毒的铅吸入自己的体内。饮食上不吃含铅的食品．如皮蛋、爆米花及添加各种色素的小食品等。应多吃些含蛋白质、钙、铁、锌的食物，有效地阻止人体肠道对铅的吸收，使血铅水平降低。　　四、孕妇卫生要注意，勤洗澡，勤换衣，从五一六个月开始，用肥皂水每日洗澡一次，擦洗乳头，以防止乳头内陷，不然产后喂奶困难。易发生乳头破裂引起乳腺炎。　　五、孕妇的衣着要宽大，寒暖适宜，不宜用窄紧袜带及裤带，以免影响血液循环，引起静脉曲张和限制胎儿活动。要适当运动散步，以促进血液循环。　　六、围产期是指妊娠第28周到产后七天，加强这段时间的监护保健工作，定期做产前检查，检查胎位、观察胎动，可使胎儿在母体内正常发育，保证母亲和婴儿的健康，保证胎儿正常分娩，降低围产儿的发病率和死亡率。　　七、计算好预产期做好分娩准备工作，目前通用的计算方法，是以末次月经的第一天算起，按足月妊娠28天计算，用月份加9(成减8)日期加7即为预产期。　　八、现代科学证明，胎儿在母体内就可以接收母体的感化，这就是所谓胎教说。胎儿是有感觉的，对外界的一些变化有反应，因此，母亲怀孕期可以对胎儿进行抚摩动作训练，以激发胎儿运动积极性，多看些鲜艳美丽的花朵，听些悦耳动人的乐曲，现赏形象优美的图画，对孩子未来的成长发育将产生积极作用。</t>
  </si>
  <si>
    <t xml:space="preserve">第08055期对阵既往战绩需要的兄弟进来看！！！！01英超30日 </t>
  </si>
  <si>
    <t>兄弟,分主客场没有</t>
  </si>
  <si>
    <t xml:space="preserve">妖妖灵对这个图片有什么反应？他要是看了这个图片后，会怎么想？ </t>
  </si>
  <si>
    <t>一看就是一家人啊。。。。。。。。。。。</t>
  </si>
  <si>
    <t xml:space="preserve">博彩：切沃0:1　罗马切沃0:8　罗马 </t>
  </si>
  <si>
    <t>祝今晚好运！！！！！！！！！</t>
  </si>
  <si>
    <t xml:space="preserve">双倍问题！！！！！！！！我是95锋芒现在还是双倍但金刚石不是双倍 </t>
  </si>
  <si>
    <t>95区现在是补的 你去官方网站看看 就知道拉</t>
  </si>
  <si>
    <t xml:space="preserve">导弹和炮弹有什么不同？简单地说，导弹是不是可以制导的炮弹？ </t>
  </si>
  <si>
    <t>导弹有制导系统和推进系统。炮弹没有制导系统和推进系统。不过炮弹也有炮射导弹，性质介于炮弹与导弹之间。</t>
  </si>
  <si>
    <t xml:space="preserve">更年期症状有哪些? </t>
  </si>
  <si>
    <t>根据更年期临床出现的症状可以分为以下几型：　　1.肾阴不足 绝经前后烘热出汗，心烦不安，头晕耳鸣，腰酸膝软，口干便结，月经失调。舌干红，脉细弱。　　2.肾虚肝旺 绝经前后烘热出汗，急躁易怒，头痛头晕，腰酸耳鸣，口干咽燥，大便干结，或月经失调。苔黄，舌干红少津，脉细弦。　　3.肾虚肝郁 绝经前后月经紊乱，或先或后，或淋漓不净，烘热出汗，抑郁多虑，善于猜疑，经前有时乳胀，腰酸头胀。苔薄，舌红，脉细弦。　　4.肾阳衰弱 绝经前后畏寒肢冷，面色皖白，精神萎靡，腰酸膝冷，性欲淡漠，纳少。月经量少，色淡。苔薄，舌淡，脉沉细无力。　　5.脾肾阳虚 绝经前后腰酸畏寒，面色皖白，纳少便溏，面肢肿胀，月经量少色淡。苔薄，脉沉细弱。　　6.肾阴肾阳两虚 绝经前后腰酸乏力，烘热出汗，继而畏寒肢冷，月经量中或少，淋漓不净。苔薄，舌尖红，脉沉细弱。建议中医调理，用 正气固元方，由内调节气血平衡，改善血色，紧致皮肤，使患者面色光滑红润，缓解更年期各种不适。</t>
  </si>
  <si>
    <t xml:space="preserve">怎么样在女朋友面表现得自己很有自信?我在朋友面前,老觉得我没有自 </t>
  </si>
  <si>
    <t>首先你要主动, 干什么都要想到后果 表白其实是一种不成熟的表现，正常的顺序应该是：是你女朋友之后怎么怎么样，而不是你做我女朋友之后我怎么怎么样。 我在网上看到了这样的一个例子，不知道真实不，可还是值得说一下。 一个高手追一个女孩子，很成功，最后俩人都快做爱了，那个女的急得问那个男的，你怎么还不让我做你的女朋友啊？ 一般的女孩都喜欢有责任感的男人.女人都很注重第一印象的,要成熟,想一下,哪个女人会爱上一个幼稚的人. 成熟的男人会勇于面对自己的责任的. 与她在一起的时候要主动些,但是要保持适度.女孩子胆子都很小,不要把她吓住了. 要表现的稳重,有主见,做什么事情都是慌而不乱.有男人的气质和风度.有同情心,特别是小动物之类的东西.(女人喜欢这样的男人) 还要有自信,没有自信什么事情都是干不好的.上遇到忧虑的事情了,在它面前要表现的乐观(前提是让她知道你遇到了),让她看看你多坚强. 你对她也不要经常的说"我爱你"说多了意思就变味了,也不要说"永远"怎么怎么样. 因为好多女人不相信永远的. 我女友就是. 如果你心真诚,而又用心去做了,那么她一定会到你的身边. 如果她值得你去追,就行动吧. 我给你找了些追女孩的方法,看看对你有帮助没. 碰触女性的次数越多, 则她越容易对您倾心&gt; 在碰触女性后, 比较能增进彼此的亲密感（身体上的接触是拉近与女性距离的最佳方式, 然而如何不著痕迹的碰触女性,需要极佳的技巧）, 如果你能有机会接触她的膝或是手的话, 那就相当完美 了.但是如果你们是第一次约会见面的话, 可别有这种举动. 在咖啡店, 餐厅之中, 你最好选择并列的位置（机会就是这样制造的）, 如果你选择面对面式的座位的话, 便没有机会去碰触对方. 女性的身体方面 ,左侧（大致是左半侧没错, 然而对一个左撇子女性就是右半侧了）是属非日常性的地区, 很容易感到酥痒, 乳房的左侧对女性来说更是敏感区域。因此, 最好能使女性处于你左边的位置, 如果你用左手从女性的左后方将她环抱的话,则她将会投入你的怀抱中.接着便期待更进一步的好结果来临吧. &lt;受欢迎男士与不受欢迎男士的差别&gt; 受欢迎男士对于非理想中的女性总保持敬而远之的态度, 而对于心慕的女性, 则有办法将她放置在自己身边. 女性对于引人注意的男子一定会产生好奇心（好奇心是女性的致命伤）, 这种好奇心可以运用在有趣的对话中, 也可以运用在具有新鲜度的情报资讯上. 如果你不具有人缘, 即使对方很有好奇心, 但一见到你也只有拼命的躲避, 不受欢迎的男士身边总是相当寂寞, 无论何时都希望能置身在热闹的气氛中, 想要成为受欢迎的男士, 必须拥有自信（自信而不自大是追女友的不二法门, 切记!）, 及良好的人际关系, 相信这样, 好的女孩子将属于你. &lt;从朋友变成情人&gt; 好不容易有机会可以约她出去,却不知要带什么礼物, 在这种场合最好带一朵花, 这样你或许可以为她将花别在胸前（送礼是学问, 然而要想把花插在"不熟"的女性胸前是不智的哦）或发上, 那自然就形成了彼此间接吻的机会. 至于在用餐方面, 第一次也许要稍微慎重一点, 但第二次以后则可以选择二人式的食物, 来增进彼此的亲切感. 如果你和她能够大口大口的吃东西的话, 那你们的关系就不只是朋友, 而是情侣了. &lt;让自己有机会能一步步的踏入她的内心世界&gt; 在对方成为你的女朋友后, 有很多人却苦恼于彼此的关系无法再更进一步, 其实这些人如果不是过于不在意, 就是经常让增进情感的机会悄悄溜走. 在女性族群中, 相当重视想能帮女人拿外套的男生, 因为在脱下外套的一刹那, 如果有男性在场, 很容易就让女人产生情侣的错觉. 在乘坐计乘车时, 你若能说:把容易忘的东西放在我这边吧 ,那便是把自己跟她之间的距离拉近了. 但是如果这些行为如果运用不当的话,那可就会弄巧成拙了. &lt;制造偶然&gt; 神秘对女性来说是相当重要的.比起他人的介绍或是在工作场合中认识的男性, 偶然间交往的男子更能吸引女性, 如果这种偶然的情形重覆发生的话, 那女性必定会深信缘份的存在. 但是能创造得出第二次的偶然吗?, 其实这是每个人都做得到的, 如果你无论如何都希望与某位女孩会面的话, 你可以详查她的上下班路线, 及其他相关事项, 那想要制造第二次偶然的机会也就容易的多了接受女性视线才能做个成功的男人,女性总有注意男性真面目的本质存在, 所以在了解男性真面目并非自己所喜欢的类型时, 多半会借机逃脱. 若能配合她的喜好, 做一些改变是最好的. 而且特好的记忆力, 是女性特征, 有些男士已经忘了的一句话, 女性却记得非常清楚,所以你必须要记住你对她说的每一句话 &lt;她会喜欢什么样的礼物？&gt; 在赠送礼物方面, 如果你的女友喜欢小物品, 你可以送戒指, 手表或是小花之类的, 如果她喜欢的是大型物品时, 你可以送大型玩偶或是大而多的花束, 都可以赢得她的欢心. 一般来说, 喜欢小物品的大多是较成熟的人, 因为这些物品可以放在自己能控制的范围中, 因此多半不会随心所欲的有所行动.而喜欢大玩偶的女性则多半还有一点孩子气, 所以当她高兴时, 可能会缠著男友不放. 不过也有可能在抱腻玩偶后, 就不想再拥抱你了 在这方面, 喜欢小物品的女性虽然比较会让你破费, 但似乎比较易于培养长久的爱情. &lt;如果太屈服女性的话或态度,则一定会失败&gt; 女人是一种既可爱又恐怖的动物和男性的不同主要在于女性都有著二面个性, 表面看起来相当柔美,但内面却可以说是母夜叉. 不擅于追求女性的男人, 容易屈服在这种恐怖之下. 不习惯面对这种女人的男性, 则对于女性的言语或笑容会加以屈从, 变得没有主见. &lt;如何追求比较知性,感性的女孩子?&gt; 女性大致上可分为二种, 一种是对于能把自己抬得高高在上的男人相当迷恋, 而另一种是著迷于总是对自己诸多贬损的男人. 不擅于了解女人的男人, 总是将女性美化, 所以比较无法一针见血的提出客观的见解. 相反的, 如果是擅于与女性交往的男人, 即使说些不入耳的话时,也能脸不红气不喘, 所在他周围经常会有些好的机会出现. &lt;有时不妨向她撒撒娇&gt; 男女间的性格相同当然是最好的了 ,世上常有某两个人被称作〔天生一对〕这些人除了在认识之前就有许多共通处外, 当他们一起共同生活, 也有很多相似的地方. 其实男女间如果能彼此互补也是非常不错的组合, 在老板身份的女性群中经常会为了要证明自己的收入, 往往表现自己强悍的一面给别人看, 如果你的女伴是这一类的,你不妨找个机会反过来对撒撒娇.对〔自尊心〕强的女性, 越容易抓住她的心 这种女孩子, 所说的和所做的大致上都一样, 最重要的是满足她的自尊心, 所以你有时不妨扮演一下爱情的奴隶, 和这些女性相处时, 你只要切记绝对不要和她唱反调的这个原则, 则追求她们将会有意想不到的容易, 而且将是很理想的对象. &lt;展现你的温柔体贴&gt; 做这种温柔的行为, 并不能太过刻意, 你得掌握时机, 用很平静的态度来做. 如果你能对小狗, 小猫展现亲切的笑容, 或是对小花小草显露爱怜的话, 都是相当重要的, 此时她必定会想你对这些小东西都这么有感情, 那对女人的情感则更无庸置疑, 同时她也必定会确信你是一个非常温柔的男人.这样你就已经成功一半了. &lt;海和夕阳是诱惑女性的最好组合&gt; 自古以来女性就比较憧憬水(没错, 约会最佳地点就是海边的夕阳!!)。在大部份的恋情式歌曲中, 似乎没有以日正当中为背景的, 而且没有人不会因为看见海边的夕阳而沉浸在感伤中, 一段恋情总是得先沉浸在感伤中, 感受到一个人独处的寂寞后, 才能体到情感的滋味.如果一个女性对这种情景认同的话, 那她也一样会为这段情感表示同意. &lt;在交往时给予她梦想&gt; 有人认为女孩子很容易被人骗,但是真的是这样吗? 事实上女孩子在面对心目中的白马王子时, 会有即使被骗也心甘情愿的想法.所以在她们面前出现一位打扮不错的男人时, 这些女孩子大概会依自己的愿望来赌一赌运气. 所以最重要的是你要给对方一些梦想, 在刚开始的时候, 你接近她的态度或承诺都不能有所变更, 说得明白一点就是给予她梦想, 如果持续让她保有梦想的话, 你们的交往才会更深一层. ＜她对你是否有耐心?＞ 在约会中如果你的女友轻轻打了一个哈欠, 那并不是她已经疲倦了而是暗示你说她已经对你感到厌倦了（这一小段要小心, 说的十分中肯, 要知道女性是否对你不耐烦, 这是一个重点）, 或是她稍微示意你注意手表上的时间等, 就表示她已经希望回家 如果她这种意念更加强烈的话,那她可能会表现出, 不看你而一直环顾四周的行为, 这时她的心中大概已经没有你的存在了. 女性若是和她喜爱的男人在一起时, 经常是不会顾虑到身旁的环境, 如果说这些女性是一种〔自我中心型〕的女性, 也没有什么过份,但是女性若把眼光移向别的事物上, 你就应该要有随时可能结束掉这段感情的心理准备. 如果有女性说〔男人真是讨厌〕时有很多女性喜欢在一句话后面加上〔讨厌〕两个字. 但是在这种用法中, 却隐藏著二种值得注意的不同意义, 一般用〔讨厌〕来表现时比较常出现在彼此算是比较亲密的男女, 如果不是很亲近的话, 则对方可能会在沉默中给你一个轻蔑的眼光, 所以如果女性肯开口对你说话的话, 在相对比较之下, 你们的亲密感也比较会增加. 为了增加你们之间的亲密感, 你得尽早向她展现你的男性气慨, 但若是男性令女性感到不乾净时, 很可能就会令女性却步. &lt;以说话的方式观察女性&gt; k 你的她是一个怎样的人? 如果她是一个能够连续不断一直说话的人，那便很容易让人怀疑她的脑袋中到底装了些什么. 人类总是希望别人能看一看自己, 所以不论男女, 总会将自己的外表整理得很得当, 但只有外表也不够完整, 所以藉由会话对谈, 也能让别人多了解自己一点. 说话声音急速变化的女性, 她们会随著说话的声音表现出内心的兴奋度, 轻声细语的语调, 也是一种能够令人享乐的类型. 但是对于说话声音有如嘶叫声的女性, 你得特别注意, 她可能嫉妒心极强, 反之, 音质较低的女性,则可能较男性化. &lt;经常听〔随身听〕的女性比较以自我为中心&gt; 近来经常可以在公车上看见一些耳戴随身听的女性, 其实这些以耳机栓住听觉的女性, 其实有一部分是为了躲避孤独, 才让自己逃至音乐中, 并沉浸在音乐世界里. 但也有些女性也肯为了男性而把耳机摘下 ,不过这也得要有相当的警觉才行 ,因为这是自我中心者的型态之一. &lt;女性通常会被〔第一印象〕所吸引&gt; 曾经有一份报告指出, 女性对于（--要小心第一印象, 许多人就是死在这一点上!!）留胡子的男性评价较没有留胡子的男性较高.容貌,姿态,服装都是决定第一印象的重要因素, 所以这些第一印象如果没有发挥的话, 那就不太妙了. 通常外表给人的第一印象都会深深的镶嵌在对方的心里, 所以第一印象是非常重要的 . 一个男性如果能在平时就对服装态度上加以注意的话,那在情场上就比较得胜 . 如何追已有主之花？ 女孩子一旦有了男友,做出了承诺,她就不会轻易再接受别人的爱. 但如果你喜欢上了有男友的女孩,你该怎么办你? 不要莽撞,冒冒失失上去求爱,你肯定会遭拒绝.因为她并不十分了解你,不会为了你而放弃已有的爱.应该好好对她,无微不至的关心她,以一般异性朋友的身份出现,和她玩在一起.天长日久,她会觉得你是个好男孩.不要让她有机会拒绝你,也不要向她要求什么.让她知道你对她有情,但又不要明说. 然后,当你们的感情(对她来说是友情)发展到一定阶段后,找个机会(可以是她刚和男友闹翻时).含蓄的写一封信或谈一次. 这时,她还可能拒绝,但如果你发觉她不讨厌你,加油继续干吧.她会作比较,选择你而放弃以前的男友. 整个过程便是如此,但在这之前,你一定要把自己和她的男友作一下比较,如果你自认不如上面的方法就会无效 追女生手段小全 (1)追沉默高傲型的女生 咋一下似乎颇为棘手。其实这种女生外表冷漠，内心往往狂热，她们一般喜欢比较野一点的男生。如果你是那种文质彬彬的男孩，相貌又不佳，可能性比较小，还是另择佳人的好。如果别人对你的评价是"好酷噢!"，那你就希望大大的了!如果你第一次请没有被拒绝，那你可一定不要耽误良机欧!她们开始可能对你极其不肖一顾。这时你千万不要气馁。 一定要坚持，甚至死皮赖脸。请看电影，请跳舞，请溜冰，到她经常去的自习室，都是好计策。一定要多找机会表达自己，多多多(当然Iloveyou还是要留到最后说的，呵呵)......对这种类型的女生，你的真情外露是很有吸引力的。 这种女孩一般追的时间需要比较长。如果你现在马上要毕业或离开学校，看来还是不下手的好。以免浪费......呵呵。不过追到手后，她一般会死心蹋地，你将飘飘然以为自己是世界上最幸福的BF了!哈哈。 (2)追浪漫幻想型的女生 若你真的喜欢上了这样的一位女生，我先提醒你--你要尝尽酸甜苦辣了!这种女生似乎对精神的追求多于对物质的，其实恰恰相反。浪漫是需要金钱来营造的。你若没有足够的财力，我希望你还是再谨慎考虑一下。由于她很喜欢风花雪月，鲜花巧克力，你多送礼物最能拨动她的心弦。 要想把这种女生追到手，千万不要吝啬你的小钱。天上除了月亮，地上除了......(什么?我想不起来了)只要她想要，你都要毫不犹豫地去尽力弄到。而平时的玫瑰，零食，更是细微处见精神......总之若想追这样的女生，平时一定要多多培养读懂女生心思的能力。对女生身边的室友同学，别忘了多多贿赂。 她们会告诉你好多有用的信息的。而你自己的打扮则千万要多多琢磨，不要整天土里土气的。(追到女生后，你就可以放心的露出本来面目了，因为在她眼里你已经不土了。哈哈) 找她玩呢也要多到浪漫的地方去，比如春游，舞会，看爱情故事片......她慢慢的就会离不开你的关心照顾了，哈哈!这样的女孩虽然很费你的money，但是也会给你带来很多美丽的乐趣，只要你真正喜欢，你们还是能过上幸福美满的生活。 (3)追温柔体贴型的女生 这种女生是付出型的。她一旦成了你的GF，将对你体贴照顾，温柔可亲，使你感觉到爱情的温暖和可靠。能追到这种女生，理论上你将成为过得最自在的男人。此类女生应该是比较好追(而且适合各种类型的boys)，只要她不讨厌你，并且你也配得上她。现在我们讨论一下手段问题。 首先在生活学习上你要对她多多关心照顾。并不需要什么物质，而是需要一种出自内心的关心，在她正需要人的帮助的时候出现在面前。(在此提醒一句:平时一定要多加观察，才能找到良机下手。)当然你如果是浪漫的人，在节日送送鲜花礼物是万无一失的。 一开始可以送一些友情性质的东东，等到你觉得可以表达的时候(比如她看你的眼神开始和看别人不同或在你前面显得有点无措时)，就可以送玫瑰了!若你不打算这么铺张，可以在平日自习之余的闲聊中流露一些，等到时机成熟，就突然来一句"和你在一起感觉真好"之类的，她若不是躲避，你就可以趁热打铁，说出那句你早就想说的话。时间最好选在晚上:夜里人的防范能力较弱。若她开始躲避，千万不要逼迫，可以再默默关心，一直到她感动为止。 BTW:若平时你和她接触机会不多，在她不认识你的时候就已经瞄上她了，就可以通过你和她共同的朋友，装作偶然认识，再通过在同一自习室的再几次"偶遇"来加深印象，然后就可以开始了。不要以为这种女生老实，追到后就很安全了。其实这要看个人，有些不要让她超常时间的离开你，真不成，则要勤写信，打电话。 (4)追活泼可爱型女生 这种女生好象喜欢的人挺多的。而且在新环境里经常是最先有BoyFriend的。倒不是因为她们好追，而是她们经常要在主动位置上。喜欢上这种女生，若她也喜欢你，那就容易得很了，多多和她接触，再偶尔也表示一下对她好感，她就和你同步向目标走近了。 若她不喜欢你(更糟糕的是，她竟喜欢上另外一个人)，也不要灰心。只要你还有机会，就要去争取(当然你对她只是一般，就不必了)。你可以和她先以友谊的型式存在，争取能培养和她有共同的爱好。而在这期间，你的幽默，豁达是很重要的，让她在回去的路上还想着你。若她喜欢的人对她并不感什么兴趣，那你就可以慢慢来，一直到她对你比对那个他还主动为止。 这时你就可以采取明显的策略，让她真心地成为你的GirlFriend。若她和他互相喜欢，如果你觉得她值得你担当夺人所爱的罪名的话，在他们未互相倾吐之前，完全还可以来个最后一击。此时，机会很是重要。 你要细心观察，在他俩闹矛盾，有误会的时候，乘虚而入(好象不太......哈哈)，来个捷足先登，胜利最后将有可能属于你!(一般女生追到手后不太会有别的想法的，哈哈)这种女生有BF后可能还会有不知情者喜欢，你要适时通知"拜托!她已属于我!"，结果应该是比较乐观的。 一、应该给mm留下什么样的第一印象（时间：刚开始接触mm） 1、我认为最关键的，是要让mm看到你的上进心。 男人的最大魅力在于事业有成，年轻人工作时间不长谈不上“有成”，这时候你就要让mm觉得你是个有上进心的人。 别的可以胡说八道，但这个问题不能含糊，你一定要告诉mm，你对未来充满信心，你不满足于现状，并且你已经有了长远的计划，总之你的未来不是梦。 2、要显得有信心、有责任心 不要像个小孩子，女孩子都很懒希望能找个依靠，你要拿出自己的信心和责任心来。 有一个错的选择总比没有选择要好的多。 3、不要太正经，但也不要太随便 该正经的地方就正经，该调侃的的时候就调侃。 女孩子都喜欢有点玩世不恭的男人，所以别显得对什么都特别在意，那样太呆板。 4、显得成熟一点 遇事镇定、从容不迫的男人对mm有致命的吸引力。 二、如何与mm展开进一步接触（时间：开始追的阶段） 1、这个阶段最关键的是不能着急，不要把事情弄的那么清楚，让人家一眼就能看出你在追人家。 想一想，一般人都不会一眼就看上你，但也不会看一眼就讨厌你，都是老百姓家的孩子（除非你长得象周润发刘德华或者凯文科斯特纳），好感是需要随着了解的不断增加而实现的，所以问题的关键是你要得的进一步发展的机会。 站在女孩子的角度替人家想一想：你这么直接了当的冲过来要搞对象，女孩子肯定有心理压力。这要是接触一阵后发现不喜欢你，那不就成了耍你了么？所以如果你开始就摆出志在必得的姿势出来，基本上会被立刻闷回去。 2、要低姿态起步 首先要把关系定位成“朋友”，本来是“普通朋友”，你希望成为“好朋友”，有品位的还可以要求对方成为“红颜知己”什么的，总之千万不要说“追你”。 你想想，你如果根本不提“追”，那么女孩子也就更没机会“拒绝”你——你没追她怎么拒绝你？！ 这样可以减轻女孩子的心理压力，使你们能顺利的交往下去。不要幻想认识三天就答应嫁给你，要充分的交往、了解，感情不是凭空产生的。 3、交往的过程中不要太急躁 要有张有弛，不要整天缠着人家，谁这样对你，你也会腻。我有个好朋友对我说，追女孩子的关键是八个字—— “忽冷忽热、欲擒故纵”（这是我同学多少年心血的结晶）。 你整天缠着人家自然不觉得你好，你适当的冷个一两天，女孩子就会想起你在的好处了。 还有就是不要拿出“非你不娶”的志气来，太掉价了不好，有时候可以耍点花招。 4、要适当的创造机会 前面说了，不要使事情立刻变成“你在追别人”，而你又需要得到接近女孩子的机会，这时就要看你的创造力了。 你可以搜集情报，想办法把守株待兔变成一场邂逅；也可以装做漫不经心的找出最最充足的理由邀请对方和你一起做什么事。 总之这个是最有技术含量的地方，实在不行可以找前辈请教。 5、切忌切忌：随便送人家礼物是不礼貌的 有些人追女孩子心切，喜欢经常买东西送人家，殊不知追女孩子最忌讳这个。 俗话说“无功不受禄”，你这样送人家东西就是在施加压力，人家会觉得欠你的，所以会想办法还给你，如果没办法还给你就会想办法不和你交往，免得总是欠你人情。 如果你想显示自己的诚意，倒不妨请女孩子一起消费，比如说找好的餐厅吃饭，或者找贵的地方一起玩什么的，女孩子自然能看出你花了很多钱，但钱终究是两个人一起花了而不是变成东西带回家。 三、“女朋友”到底是什么？ 1、“女朋友”是一种事实，而不是一份承诺 你和女孩子开始交往，从“普通朋友”变成“好朋友”，再到“非常非常好、无话不谈的朋友”，某一个阳光灿烂的午后，你“不小心”拉了她的手；“月上柳梢头”，你突然袭击吻了她。这时她就已经是你的女朋友了，无论她是否承认，她心理已经认为你是他男友了。 我知道最高明的，直到上床了都没问过“你是否愿意做我女朋友”，最后还是女孩子急了：“你怎么还不求我做你女朋友啊！” 所以说，千万不要急于把窗户纸捅破，情况越朦胧对你越有利。 2、“表白”是什么？ 前面说了，表白实际上就是一个形式而已，正确的顺序应该是：事实上已经成为你女朋友了，你才能向人家表白，水到渠成。 很多人弄不明白这个问题，总以为人家先答应做自己女朋友，然后再如何如何，我只能说他非常非常“单纯”，也非常非常“愚蠢”。 3、有没有“迫不得已非表白不可”的时候？ 有，比如说出现第三者，或者你和女孩子关系没有成熟但两个人可能分开一段时间。 这时候的表白就是条件不成熟的表白，风险非常大，类似于下围棋的时候形势严峻，落后的一方迫于无奈放出“胜负手”，赢了就赢了，输了也只能说“倒霉都是天生的”。 4、“爱”字不要轻易出口 经常看见论坛出现“大胆的表白”，说实话我真的认为这是非常不成熟的一种表现。“爱”是一个神圣的字，意味着追求，也意味着承诺，甚至体现出一种责任。 随便说“爱”的男人是不负责任的。 四、文明恋爱，不可强求 1、不是每个mm都能追到手的 好女孩总会有很多人追，不可能遂了每个人的心愿，总会有失败者。举个例子，就算你刻苦钻研掌握了最搞超的追mm原理，你一样追不上twins里的任何一个。 换个角度考虑问题，一个小学没毕业的农村小保姆，即使对你再好，每个月赚600给你买700的礼物（透支），愿意为你“当牛做马”，你也不会爱上她。如果她每天哭哭啼啼的缠着，你肯定觉得烦。 所以说爱情是需要物质基础的，至少需要平衡。 2、追mm做是一种严肃的社会活动 千万不要把人家搞烦了，要给自己留后路。大丈夫何患无妻？有些mm确实势利眼（少数），如果不服气，你可以发愤图强，用事实证明“她当时瞎了眼”，绝对不要误人误己。 最后补充一点千万不要在mm面前显得愤世嫉俗，愤世嫉俗有时候意味着“你很失败”</t>
  </si>
  <si>
    <t xml:space="preserve">南充是大城市吗?它离成都有多远? </t>
  </si>
  <si>
    <t>可能是赶上西部大开发吧,南充近几年发展较快.又加上它临江,在运输上也较一般内地城市优越.但在城市规划上还有很大缺陷,进入城里发现以前的旧街道、旧房舍严重影响了市容.所以说它是一个大城市也不为过,但好象还不满足大城市标准.    南充离成都300多公里,火车要4个小时左右.高速公路2小时或者更快.</t>
  </si>
  <si>
    <t xml:space="preserve">无线网卡导致电脑间断性死机买了个水星mw54u的usb无线网卡, </t>
  </si>
  <si>
    <t>重点怀疑USB口供电不足，供电不足问题属硬件问题，可能拔掉其他USB设备或找个信号好的地方上网能解决</t>
  </si>
  <si>
    <t xml:space="preserve">请问大家一双最便宜的NIKE足球鞋要多少钱? </t>
  </si>
  <si>
    <t>鞋有原单货，也有仿单货，也就是真货和假货，专卖店的NIKE足球鞋一般在300以上，网上卖的假货很多，也有质量很好的。</t>
  </si>
  <si>
    <t xml:space="preserve">分身急请问，我是一个小法，40分身了，现在主体快48分身也46了 </t>
  </si>
  <si>
    <t>可以做元婴,买个灵皓石,去中州玄玄老人那可以发现元婴,这个分身是内在的,可以加主体属性,不能招出来</t>
  </si>
  <si>
    <t xml:space="preserve">关于避孕的问题我吃长效避孕药已经三年了（悦可婷），是不是该换换牌 </t>
  </si>
  <si>
    <t>吃药不好是药三分毒你还是去医院做个检查 然后听取一下医生的建议哦</t>
  </si>
  <si>
    <t xml:space="preserve">战士有关ZG双刀的输出问题小弟是狂战，有一对ZG双刀，不知道用这 </t>
  </si>
  <si>
    <t>双快适合狂战输出,因为怒气主要用在顺势劈和嗜血上,这2个技能并不会因为武器DPH低而减少伤害.双快更容易维持乱舞.6技能可以提高0.24%命中0.24%爆击.慢速主手武器更适合PK.猛击从来就很好用.</t>
  </si>
  <si>
    <t xml:space="preserve">十万火急!!Toefl考试！！请问各位前辈：　１）我知道最近一次 </t>
  </si>
  <si>
    <t>IBT就是9.15在中国第一次开考,8月是旧版的且报名结束.香港好象还是CBT,建议你去ETS官方网站去看看.</t>
  </si>
  <si>
    <t xml:space="preserve">兔子不拉屎我养的兔子，喂了两天，吃的不少，但是就是不见拉屎！怎么 </t>
  </si>
  <si>
    <t>兔子，喂了两天，吃的不少，但是就是不见拉屎,是菜叶面包等体积大,吃后消化的量并不多,你给它吃喜欢的生面条,马上就拉!</t>
  </si>
  <si>
    <t xml:space="preserve">装备请教题：每人限回答2题，请配图说明。（图6）如图，请详细说说 </t>
  </si>
  <si>
    <t>这是二战纳粹德军利用斯太尔RSO型火炮牵引车改装的RSO/PaK 40型自行反坦克炮，主要装备东线的德军。</t>
  </si>
  <si>
    <t xml:space="preserve">哪位大侠有五星宏辉快速赢钱的秘方？ </t>
  </si>
  <si>
    <t>千金易得,技术难求。古语云:“授人以鱼,不如授人以渔。”还在原地徘回什么?今天我教会你,让你自信驰骋,笑傲不败。我们还将免费公布大量游戏技术,技巧以及心得,保你满意!我们承诺各种设备先试用,后购买,保你零风险!别的不多说了!你懂的!!要了解的朋友请加Q或者致电咨询 。”你还在犹豫什么?今天我教会你,让你大胆操作,千金在手,凯旋而归。今天你拥有这一切不再是梦。你还在等待什么?今天拿起你手中电话,从此走上不败江湖路!14</t>
  </si>
  <si>
    <t xml:space="preserve">有什么成语出自楚辞？ </t>
  </si>
  <si>
    <t xml:space="preserve"> 变古易俗 成语发音：biàn gǔ yì sú 成语释义：改变传统的和习俗。 成语出处：《楚辞·九辩》：“变古易俗兮世衰，今之相者兮举肥。” 春兰秋菊  (chūn lán qiū jú) 解释：春天的兰花，秋天的菊花。比喻各有值得称道的地方。 出处：战国·楚·屈原《九歌·礼魂》：“春兰兮秋菊，长无绝兮终古。” 美人香草  (měi rén xiāng cǎo) 解释：旧时诗文中用以象征忠君爱国的思想。 出处：汉·王逸《离骚序》：“《离骚》之文，依《诗》取兴，引类譬谕，故善鸟、香草、以配忠贞，……灵修、美人，以譬于君。” 美人迟暮  (měi rén chí mù) 解释：原意是有作为的人也将逐渐衰老。比喻因日趋衰落而感到悲伤怨恨。 出处：战国·楚·屈原《离骚》：“惟草木之零落兮，恐美人之迟暮。” 一概而论  (yī gài ér lùn) 解释：一概：同一标准，一律。指处理事情或问题不分性质，不加区别，用同一标准来对待或处理。 出处：《楚辞·九章·怀沙》：“同糅玉石兮，一而相量。”唐·刘知几《史通·叙事》：“而作者安可以方古，一概而论得失？” 颠倒黑白  (diān dǎo hēi bái) 解释：把黑的说成白的，白的说成黑的。比喻歪曲事实，混淆是非。 出处：战国·楚·屈原《九章·怀沙》：“变白以为黑兮，倒上以为下。” 众醉独醒  (zhòng zuì dú xǐng) 解释：比喻众人沉迷糊涂，独自保持清醒。 出处：战国楚·屈原《渔父》：“屈原曰：‘举世皆浊而我独清，众人皆醉而我独醒，是以见放。’” 尺有所短，寸有所长 chǐ yóu suǒ duǎn，cùn yóu suǒ chánɡ 〖解释〗短：不足，长：有余。比喻各有长处，也各有短处，彼此都有可取之处。 〖出处〗战国·楚·屈原《卜居》：“夫尺有所短，寸有所长，物有所不足。智有所不明，数有所不逮，神有所不通。” </t>
  </si>
  <si>
    <t xml:space="preserve">从来没碰到的事情/////GM怎么搞的？本人桃园结义的。小号18 </t>
  </si>
  <si>
    <t>是不是被盗了  还是GM有点问题啊</t>
  </si>
  <si>
    <t xml:space="preserve">十分火急！新来的，没有几分。把我的一半都给你！帮帮我！谢谢！我在 </t>
  </si>
  <si>
    <t>有想过将来吗？还是。。。。。。跟女友谈谈吧，说你要回去吧，但这也并不代表你俩的分手，只是分开下介。你俩还能通信的嘛。你啊，先回家吧，前途紧要啊。相信你父母也不会怪你的，责备少不了的。也会叫你离开他。你，年记还少，很多事还不懂，感情也是，感情也要面包的。为自己的前途打算下，才是你跟你女友将来的出路。等过一段日子也能带她回家见见你父母。不过还早着回家吧</t>
  </si>
  <si>
    <t xml:space="preserve">黑店小二：今日竞彩单！(图图图) </t>
  </si>
  <si>
    <t>卡迪夫加平就好了</t>
  </si>
  <si>
    <t xml:space="preserve">闽南话jiaoben啥意思？方言 </t>
  </si>
  <si>
    <t>吃饭的意思.</t>
  </si>
  <si>
    <t xml:space="preserve">在天音的朱雀任务中井木犴在哪里找到知道的告诉我坐标和在大地图上哪 </t>
  </si>
  <si>
    <t>详细请看此图:(爱问审核员!为什么2次发都不通过审核.我的答案有问题么?)</t>
  </si>
  <si>
    <t xml:space="preserve">600028如何操作请问清泉老师,600028中国石化19.6的 </t>
  </si>
  <si>
    <t>600028 中国石化受制于大盘,有反弹和相对高点减仓.</t>
  </si>
  <si>
    <t xml:space="preserve">2元娱乐单,神灯单别把2元不当钱,以后不这样浪费了. </t>
  </si>
  <si>
    <t>好多的蛋,顶顶</t>
  </si>
  <si>
    <t xml:space="preserve">我的问题我想请问一下，我们老板有一辆小车，但买车的钱没有入账。我 </t>
  </si>
  <si>
    <t>老板私人名下的小车费用是不能计入企业费用中列支的！但变通的办法是：企业通过签订协议向老板租用小车，这样在协议中明确除租车费外，发生的小车费用由企业承担。但老板要根据协议租车费用缴纳一定营业税金及附加。</t>
  </si>
  <si>
    <t xml:space="preserve">劲乐团和劲乐团2那个好玩啊 </t>
  </si>
  <si>
    <t>你喜欢哪和就玩那个拉 其实那两和没什么区别的</t>
  </si>
  <si>
    <t xml:space="preserve">法甲我的看法洛里昂12日23:15波尔多0主队首轮在不被重视的情 </t>
  </si>
  <si>
    <t>南　锡 13日02:00 色　当 13 中下游之间的较量,主队首轮击败摩纳哥对士气是个极大的鼓舞,坐镇主场可保不败.客队具备了黑马的潜质本场首选平局.目前还在观察这场,南锡上一轮主场热炒摩纳哥,而色当又是升班马,如此情况下，南锡仅让半球盘虽然合适也必定大热,闲家一定高看主队。若初盘能让出半球中低水或者低水,然后逐渐提升上盘水位到高水位,降低上盘信心,倒有希望打出。若临场才降到低水或者维持中水,下盘冷0极可能打出.同样,若初盘就给出半球高水,以上盘的资质,承受不起热度,也可能打出冷0.君不见圣伊天如何输给索肖的么?</t>
  </si>
  <si>
    <t xml:space="preserve">阴道内会脱皮吗，妇科医生救命 </t>
  </si>
  <si>
    <t>你说的那种可能是子宫内膜脱落的皮皮，没有关系，是正常现象</t>
  </si>
  <si>
    <t xml:space="preserve">我学的是体育教育专业,报考国家公务员不知道能报考什么职位比较合适? </t>
  </si>
  <si>
    <t xml:space="preserve">   呵呵～你的问题蛮多嘛！　那我就一个个解答吧！　报考国家公务员，所考的都是一样的，　每个职位都要考我下面所说的Ａ类或是Ｂ类，　有分Ａ类和Ｂ类哦，这个有听过没？　Ａ类是考行政能力测验和申论哦，　而Ｂ类只考行政能力测验，不考申论，　如果你写作水平不是很好，建议你多考虑Ｂ类哦，　当然这两种的行政能力测验会有点不同，　但在大部分还是有点类似的，　如果你想报考公安或是一些法警的，　那就还需要专业考哦，当然你报考时得注意看一下，　对于你的专业要报什么没有说要有什么限制，　你想报那些部门都可以的，　不过还是要等招考条件出来以后再做选择，　人家有招你们专业的你才可以报的，对吧，　如果你想报的部门没有要求你们专业的，　那你可以选择＂专业不限＂的报哦！　具体的要求或是限制都要看招考的情况喽，　希望我所回答的能让你对公务员有所了解哦！　祝你成功,好好加油吖～＿～ </t>
  </si>
  <si>
    <t xml:space="preserve">是不是出了月子就百无禁忌了出了月子还需要请注意些什么 </t>
  </si>
  <si>
    <t>如果母乳喂养,就注意保暖不要感冒,因为感冒了不能乱吃药,很多药都可以通过母乳传给宝宝,对宝宝不好注意不能提重物,有可能会造成子宫复旧不佳吃的东西也不能马虎,尤其不能吃生冷的东西,对胃不好少用冷水,否则以后容易得风湿出了月子后,可以洗头洗澡到处跑,不能太劳累,逛街也不要逛太久,还是要偷偷休息,至少三个月身体才会恢复得差不多但是带小孩还是会很操心,最好有人帮忙,自己好好爱惜自己吧</t>
  </si>
  <si>
    <t xml:space="preserve">本人有鱼尾纹，请问塑美极第三代价格多少？哪家医院好呢 </t>
  </si>
  <si>
    <t>你好，这是我个人经验，如果你的皱纹比较浅，用面膜就可以了。如果皱纹深的话，我还是建议你做注射除皱，效果好又快，价格大概在3～8万（大城市的正规医院）。你好楼主，上海的正规的整形美容医院实在是众多，所以费用会有很大差异，不过正规的医院都有网上咨询，建议你多咨询一下就了解费用了。不过如果要效果好，我还是建议你到专业的整形医院去。这要看你在什么地方做 我妈做的激光去鱼尾纹 3次15000，但是效果确实不错，仿佛年轻了10岁。你选择的除皱方式不同，价格会有所差异，除皱有注射和激光，一般来说，注射的费用要贵一点，因为维持的时间久一点，但是选择专家还是要谨慎，我的朋友是找一位叫田波的医师做了激光除皱，效果非常好！</t>
  </si>
  <si>
    <t xml:space="preserve">请问蜂鸟的心跳速度和翅膀煽动速度是多少？ </t>
  </si>
  <si>
    <t>蜂鸟的心跳可以达到一分钟500下，振翅的次数每秒15次到80次。</t>
  </si>
  <si>
    <t xml:space="preserve">为什么我填自己真实身份证号却提示我证件号码不正确？我注册猫扑游戏 </t>
  </si>
  <si>
    <t>是不是你的身份证号不合规定吧现在新身份证都是十八位我一般情况下都是123456789123456789就通过了</t>
  </si>
  <si>
    <t xml:space="preserve">急!!!狗狗过敏了?我家近两个月大的小拉布拉多狗，昨天傍晚吃了一 </t>
  </si>
  <si>
    <t xml:space="preserve">人家只找到了针对人过敏的，没有找到针对狗狗的哟..不过你看看也有帮助。食物过敏常见症状 　　食物过敏的常见症状如下： 　　呼吸系统出现鼻炎、气喘、咳嗽症状；眼睛搔痒或红肿；皮肤出现风块疹、湿疹、血管水肿、红斑、搔痒现象；消化系统则可能产生腹痛、恶心、呕吐、腹泻、消化道出血、口咽部搔痒等不适。 食物过敏的起因 　　过敏，是因为身体的免疫系统对于外来的过敏原过度反应，以致造成许多身体不适的症状。 　　要确认到底是哪种东西引发过敏，必须经过详细的检查，找到免疫系统针对该物质所产生的抗体和其他相关物质，才能被确定。 　　目前已经可以借由血液的分析检查，确认是对哪些东西过敏，但是，也不是所有的过敏原都可以借此找到。 　　另外一种食物过敏，则与免疫系统无关，例如有些人吃草莓、巧克力、贝类食物，会出现皮肤过敏；有些人则对味精敏感；还有一些人会因为食物而引起偏头痛。这可能是因为人体对某些食物的特殊成分无法适应，或无法代谢排除所引起的。 　　对于有气喘问题的人而言，也可因为吃了冰冷的食物，甚至可能只是喝了冰水，就因为低温而诱发不适症状。 　　其实，因为每个人的体质不同，会引起过敏的原因也不尽相同。并且过敏与遗传也有关系，如果父母属于过敏体质，小孩发生过敏的机率相对也较高。 可能引起过敏的食物 　　一般而言，牛奶、黄豆、花生、蛋和鱼，是小常提起，可能在食用后导致婴幼儿过敏的食物。 　　造成成人过敏的食物常见的有鱼、核果类、花生、甲壳类海鲜（如虾蟹）、面粉等。 　　现代食品工业发达，也有一些人因为食品添加物而过敏，例如色素、抗氧化剂、防腐剂等。这类含有添加物的食物，如蜜饯、金针和一些糖果，过敏患者还是少吃为妙，以免诱发气喘。 　　常被人提起的过敏食物，非海鲜莫属。不过对许多人而言，其实是海鲜“不新鲜”，以致其中含有的过量组织胺所造成的不适症状。只有少数人因为天生缺少分解组织胺的酵素，以致吃了鱼类，即使是现捞的新鲜鱼，也会因为少量的组织胺而引起过敏。 　　此外，有些食物不一定要食用，即使只有接触，也可能造成皮肤发痒、红肿的过敏反应，例如香蕉、酪梨、奇异果、栗子、木瓜、凤梨、桃子、无花果、马铃薯、樱桃、葡萄、芹菜、番茄、红萝卜、小麦、榛豆，甚至连苹果、水梨都有过记录！ 避免过敏饮食原则 　　①避免食用引起过敏的食物 　　这是最简单，也最有效的方法。 　　假如你怀疑某种食物引起过敏，最好是在发生过敏的现象之后再尝试一、二次，以确认过敏的元凶，避免造成偏食或营养不均衡的问题发生。 　　②摄取足量的维他命 　　意大利研究人员曾发现，多吃含维他命C的水果能够让气喘小朋友的症状获得舒缓。也有其他报告认为维他命C不足的人，特别容易发生过敏症。这可能是因为维他命C可以协助人体组织的完整性，使过敏原不易侵入体内，诱发过敏。 　　③控制油脂的摄取量 　　想减轻过敏的症状，患有过敏性鼻炎、气喘等疾病的人，要先控制平日的用油量，少吃煎炸食物，避免选用如葵花油或玉米油，应选择芥花油、大豆油等，还要适度增加鲑鱼、鲭鱼、鲱鱼、西刀鱼等鱼类和核桃等的摄取。　　 </t>
  </si>
  <si>
    <t xml:space="preserve">怎么刷掉瓷杯里的茶渍?如上.谢谢! </t>
  </si>
  <si>
    <t>　　　　用牙膏</t>
  </si>
  <si>
    <t xml:space="preserve">冬天开暖空调对孕妇有影响吗？请问：冬天开暖空调用来取暖对孕妇有影 </t>
  </si>
  <si>
    <t>您好，没有太大的影响，温度在22-24度为宜，湿度在50%-60%为宜</t>
  </si>
  <si>
    <t xml:space="preserve">大学生在求职过程中会遇到什么困难?有经验的前辈请不吝赐教，谢谢 </t>
  </si>
  <si>
    <t>怎么会没人回答呢？我说说？大学生在求职过程中肯定会遇到困难的，什么困难？呵呵，告诉你，那不是问题的所在！关键在于你的自信，你对社会的把握，你所具备的能力。根据这一点，你要先冷却你的热情，降低你的标准，预备付出一定的时间和经历，去了解、去适应你将面临的事业和社会。然后。。。。。。怎么样了？希望你能告诉我。</t>
  </si>
  <si>
    <t xml:space="preserve">下列说法正确的是哪项？A何其芳创造了“独语体”的散文形式B.B闲 </t>
  </si>
  <si>
    <t xml:space="preserve">B闲话风以亲切自然，贴近生活为目的 </t>
  </si>
  <si>
    <t xml:space="preserve">大沙漠上有绿洲吗？沙漠有绿洲吗？谁也不知道。如果你知道，就快来回 </t>
  </si>
  <si>
    <t>肯定有。沙漠的地底下有着丰富的水源，流淌着一条条地下河。这些地下河的水来自「绿洲」附近的高山。高山上积有厚厚的冰雪，雪水穿过山谷的缝隙流到沙漠的低谷地段，夏季冰雪消融，雪水穿过山谷的缝隙流到沙漠的低谷地段，隐匿在地下的沙子和黏土层之间，形成地下河。这些地下水滋润了沙漠上的植物，也可供人畜饮用，给沙漠带来生机，形成了一个个绿洲。在撒哈拉沙漠，人们甚至能从沙漠的地下河里钓鱼。</t>
  </si>
  <si>
    <t xml:space="preserve">问题处理我提的问题提交后还能不能删除？ </t>
  </si>
  <si>
    <t>已解决的提问是不能删除的，因为这样做是侵害了他们利益的，这些问答题是新浪爱问的，网民有什么问题可以搜索答案，试想全删除了，网民怎么搜索答案，没有这些问答题，爱问的人气就会少许多。没有解决或过期的问题，可以选择关闭。</t>
  </si>
  <si>
    <t xml:space="preserve">白带有点青色，豆腐渣状，有异味，应该用什么药？还有男士私密处痒，? </t>
  </si>
  <si>
    <t>你好，这种情况可能是得了妇科疾病，念珠菌病白带为白色，高度猪稠，呈于酪状或豆腐渣样，翻附在阴道壁上，有时类似白色鹅目疮样斑块，也可能白带很少或类似正常白带，但阴道壁呈白斑状。细菌性阴道病的白带可发出鱼腥臭味，它是由于排液中存在的联胺通过碱化挥发所致。偶有滴虫病白带也出现这种情况。建议去医院查明原因再用药。</t>
  </si>
  <si>
    <t xml:space="preserve">听说珍珠粉和蜂蜜混在一起,可以做面膜是么?用过的人告诉我,效果怎 </t>
  </si>
  <si>
    <t>[七子白面膜]：—推荐！ 成分： 白术、白芷、白芨、白蔹、白茯苓、白芍、珍珠粉 简介： 七子白面膜曾是宫廷的不传配方。由于其神奇功效，是古今爱美人士的首选，七子白美白面膜是由白术、白芷、白芨、白蔹、白茯苓、白芍等六种纯中药粉和珍珠粉混合一起制成的美白面膜。七子白美白面膜对于美白皮肤有特效。对于消除皮肤斑点、消除皮肤痘痘有着立竿见影的效果。由于天生或者后天爆晒或者过度使用护肤品而造成的出现皮肤黑、黄、多斑、痘痘、粉刺、暗疮等皮肤特征以后，使用七子白美白面膜能够有效解决这些问题，保证100%的效果。让您青春可人，光洁白皙。 用法： 比例为1：1：1：1：1：1：1。加入蒸馏水将其搅拌成糊状，涂在脸上，等20 到30 分钟后洗去。蜂蜜美颜 5大神奇发现！ 　　蜂蜜的美容功效一直是被公认的，自古就是排毒养颜的佳品，含有多种人体所需要的氨基酸和维生素，果糖。。　　第一类功效：使皮肤光洁、细嫩　　● 蜂蜜美容小秘方－1 （蜂蜜+水）　　蜂蜜含有的大量能被人体吸收的氨基酸、酶、激素、维生素及糖类，有滋补护肤的美容作用。用蜂蜜加2—3倍水稀释后，每日敷面，可使皮肤光洁、细嫩。　　● 蜂蜜美容小秘方－2 （蜂蜜+醋）　　蜂蜜和醋各1-2汤匙，温开水冲服，每日2-3次，按时服用。长期坚持，能使粗糙的皮肤变得细嫩润泽。　　● 蜂蜜美容小秘方－3 （蜂蜜+鸡蛋+橄榄油）　　蜂蜜100克，鸡蛋一个搅和，慢慢加入少许橄榄油或麻油，再放2-3滴香水，彻底拌匀后放在冰箱中保存。使用时，将此混合剂涂在面部(眼睛、鼻子、嘴除外)，10分钟后用温水洗去，每月做两次(多做效果更佳)，能使颜面细嫩，青春焕发。　　第二类功效：减少皱纹，紧缩面部皮肤　　● 蜂蜜美容小秘方－4（蜂蜜+苹果+乳脂）　　将苹果煮沸，捣碎，加入蜂蜜与乳脂，制成润肤面膜膏，敷面令你肤洁如玉。　　● 蜂蜜美容护肤小秘方－5（蜂蜜+鸡蛋清）　　蜂蜜50克，鸡蛋清一个，两者搅拌均匀，睡前用干的软刷子刷在面部，慢慢进行按摩，约30分钟自然风干后，用清水洗去，每周2次。　　第三类功效：去斑　　● 蜂蜜美容护肤小秘方－6（蜂蜜+甘油+水+面粉）　　蜂蜜1份、甘油1份、水3份、面粉1份，混合均匀制成敷面膏，敷于面上20分钟后，用清水洗去，此法适用于普通干燥性衰萎皮肤。　　功效：可使皮肤嫩滑细腻，除去皱纹及黄褐斑，并能治疗疖子、痤疮。　　● 蜂蜜美容护肤小秘方－7（蜂蜜+鲜蜂王浆+鸡蛋清+花粉+水）　　蜂蜜1匙、鲜蜂王浆1匙、鸡蛋清1个，加入适量花粉和水调成糊状，涂于面部，30分钟后用温水洗去，再用鲜蜂王浆1克加少许甘油调匀涂于面部，每周一次。　　功效：对清除脸部黑斑及暗疮特别有效。</t>
  </si>
  <si>
    <t xml:space="preserve">眼镜店用的那种测视力的仪器在哪里才能买得到呢？就是一个小洞，往里 </t>
  </si>
  <si>
    <t>眼镜店用的那种测视力的仪器多少钱那就不知道了，但是我知道那个东西在医疗器材设备店里有售，一般的医科大学附近都有这样的店的，你可以去看看。</t>
  </si>
  <si>
    <t xml:space="preserve">无线发射电路就像图中所示。我想增大发射功率，能不能把VT3和相关 </t>
  </si>
  <si>
    <t>你好：——★1、射频功率放大器的工作频率很高，而两个射频功率放大器的射频功率管、高频线圈、阻容元件、甚至于安装位置等不可能完完全全相同，影响最大的就是“分布电容”存在差异，很可能出现相互之间的干扰。另外，两个射频功率放大器的发射距离并不会相应增大。——★2、增加射频功率放大器发射功率的方法，应该是加大射频功率放大器输出极的电压，也就是VT3的电源电压。加大电压可使发射功率大幅增加的。</t>
  </si>
  <si>
    <t xml:space="preserve">为什么喝酸奶会拉肚子喝酸奶会拉肚子 </t>
  </si>
  <si>
    <t>酸奶最好提前一小时从冰箱里面拿出来温着。喝太凉的酸奶可能引起拉肚子或肚子痛。可以把它倒进一个盛过热水的小碗里面，很快就温暖了。但不要用微波加热以免把宝贵的乳酸菌杀死。</t>
  </si>
  <si>
    <t xml:space="preserve">怎么样运行开始菜单的dxdiag命令，我是新手 </t>
  </si>
  <si>
    <t>点“开始”，弹出的菜单中“运行（R）”，之后 ，输入 dxdiag  回车即可很简单吧。</t>
  </si>
  <si>
    <t xml:space="preserve">高一定语从句针对两个题目所提出的问题Thisisthereaso </t>
  </si>
  <si>
    <t>1、两个句子都是从句，引导词后面的部分用来解释前面所说的话，而从句的引导词里面是没有because的，所以不能用。2、它们是可以互换的。这个你说的没有错。容易区分，定语从句是用句子专门来解释这个名词的，而原因状语从句只是在用来说明原因。这里的this is the reason不是一个完整的句子，说起来就是一个名词而已，只需要对他作出解释，而不需要说为什么。所以是定语从句。而你说的那个句子，because后面是用来说明为什么喜欢她，不是在解释、说明某个名词。</t>
  </si>
  <si>
    <t xml:space="preserve">求助:战网一个身份证只能绑定一个账号?要注册别的号就要再搞个身份 </t>
  </si>
  <si>
    <t>哪听说的这个说法？我若干个账号在若干个战网下身份证都是我的，朋友 实名好友，显示的是 名字1 名字2 名字3 ~</t>
  </si>
  <si>
    <t xml:space="preserve">技能怎么不把JN也写出来 </t>
  </si>
  <si>
    <t>说清楚点哟</t>
  </si>
  <si>
    <t xml:space="preserve">ps3能装winXP上google吗？高人指点~谢谢 </t>
  </si>
  <si>
    <t>XP是微软的软件，而微软又跟SONY是死对头，所以绝对不可能。话说回来，为什么要用游戏机上GOOGLE啊……</t>
  </si>
  <si>
    <t xml:space="preserve">世界著名旅游景点有哪些? </t>
  </si>
  <si>
    <t>英国     伦敦     牛津大学、大英博物馆、牛津街参观、国会大厦、大笨钟、圣保罗大教堂、圣詹姆士公园伦敦塔桥、皇家大教堂西敏寺、白金汉宫前御林军交班仪式、温沙古堡伯明翰     维多利亚广场、市政厅、加士街码头曼彻斯特     老特拉福球场（外景）、温德梅尔湖区爱丁堡     爱丁古堡、堡内的圣玛格丽特大教堂、皇宫、王子街公园、韦弗利桥、史特夫纪念塔约克     约克大教堂、古罗马城墙、OUTLETS购物剑桥     剑桥大学城、数学桥、国王学院、三一学院、圣约翰学院、康河畔瑞士     日内瓦     日内瓦湖、大喷泉、旧街市、圣皮耶大教堂、联合国欧洲总部洛桑     国际奥委会总部、圣母大教堂琉森（卢塞恩）     中部，铁力士山（如设备维修，行程改为市内观光；三段不同类型缆车，海拔三千公尺峰顶冰川冰洞）、狮子纪念碑（丹麦雕刻家特尔巴尔森设计，石崖中凿成）、古水塔、旧城墙教堂桥；卡贝尔桥、天鹅广场苏黎世     中世纪教堂、金融街、苏黎世湖德国     慕尼黑     市政厅、旧市街马丽恩广场法兰克福     法兰克福勒默尔市政厅、保尔教堂、罗马人广场、巴伐利亚州蒂蒂湖（盛产布谷鸟挂钟）科隆     博览会城市、科隆大教堂（哥特式建筑、160米的世界最高的大教堂）海德堡     内卡河畔，城内老桥新天鹅堡     阿尔卑斯山路易二世国王城堡，新天鹅堡（童话城堡，白色大理石建筑），迪斯尼仿此建造法国     巴黎     协和广场、香榭丽舍大道、卢浮宫（欣赏蒙娜丽莎的微笑，维纳斯雕像，胜利女神像），艾菲尔铁塔（二层）凯旋门、百货商店购物；凡尔塞宫（17世纪路易十三为满足在狩猎方面的嗜好而发展的小城，1688年号称太阳王的路易十四着手兴建宫殿象征波旁王朝强大的权利）、免税店购物第戎     （中古小城、盛产芥末酱及葡萄酒）、达尔西广场、18世纪建造的乔姆门、利贝尔丁大街、公爵殿圣米歇尔教堂尼斯     兰色海湾、古城、“英国人散步大道”之称的盎格鲁街里昂     古香古色的老城区荷兰     阿姆斯特丹     17世纪的幽雅古风、一百条运河上横越着千余座各式桥梁、砖造屋舍、风车村、木鞋厂、钻石切割中心；皇宫、达姆广场、乳酪工厂、比利时     布鲁塞尔     原子模型（1958年为万国博览会而建，不上塔）、尿童于连像、市政厅、黄金广场、卢森堡     卢森堡     卢森堡大公国、比特留斯大峡谷、亚夫道古桥意大利     佛罗伦萨     红色圆顶圣母百花大教堂、米开朗基罗广场、市政府广场、天堂之门、乔托塔、维琪奥古桥、皮具精品店罗马     斗售场（外观），古罗马集市废墟、君士坦丁凯旋门、许愿池；独立阵亡将士纪念堂；祖国祭坛、帝国大道威尼斯     黄金教堂-圣马克大教堂、圣马克广场、道奇宫叹息桥、总督府、大钟楼、水晶玻璃厂；公共汽船水上参观那布勒斯     古城庞贝；索伦托意大利民谣故乡；卡普里小岛迷人风光梵帝冈     梵帝冈     （天主圣地教皇国）、圣彼德大教堂150年、圣彼德广场圣马力诺     圣马力诺     政府大厦、三城堡列支敦士登      　      瑞奥边界迷你小公国—邮票小国奥地利     维也纳     哈布斯堡皇宫夏宫、美泉宫花园（洛可可式建筑）、环城大道（霍夫堡—长达699年的哈布斯堡驻在地、国立歌剧院、茵斯布鲁克     （提罗尔省首府）、冬季奥林匹克运动场、远望跳雪台、黄金屋顶；施华洛世奇水晶店萨尔茨堡     莫扎特出生地、米拉贝尔花园、商业街、大教堂、主教宫、古城和莫扎特广场克拉根福     美丽湖区、异域小城米兰     米兰大教堂（装饰雕刻三千多尊）、主教堂广场、艾曼纽二世回廊（新巴洛克及新文艺复兴风格）纽伦堡     “中世纪明珠城”二战结束后纽伦堡审判所在地、作曲家瓦格纳故乡、摩纳哥     摩纳哥     赌城一式身手瑞典     斯德哥尔摩     市政厅（诺贝尔颁奖晚会）皇宫卫兵换岗仪式、老城区、歌剧院、瓦萨沉船博物馆、皇后街；峡湾街、中心广场、玻璃塔、步行街卡尔斯塔德     维纳恩湖歌德堡     大教堂、皇家住宅区、老城芬兰     赫尔辛基     俄式东正教堂、赫尔辛基大教堂、岩石教堂、西贝柳斯公园、南码头露天市场；旧城区、总理府、码头集市区土库尔     芬兰旧都回答人的补充   2009-05-23 18:56 丹麦 哥本哈根 市政厅广场、安徒生铜像、皇宫外观、皇宫广场、花岗岩大理石教堂、小美人鱼雕像、神农喷泉、新港酒吧街嘉士伯啤酒厂；北西兰岛：哈姆雷特城堡、水晶宫挪威 奥斯陆 维尔兰雕像公园、150个雕刻、跳台滑雪场外景、皇宫外观、市政厅、阿科胡斯教堂；国家艺术博物馆、航海博物馆、维京海盗船博物馆、雕像公园、希腊 佩特雷 波罗奔尼萨半岛经科林斯运河乘游船前往雅典雅 典 船游爱琴海萨罗尼科斯湾三个小岛：艾伊娜岛产开心果、波罗斯岛、伊兹拉岛，雅典卫城（阿迪库斯露天剧场、山门、无翼胜利女神庙、巴特农神殿、伊瑞克提翁神殿、卫城博物馆、戴奥尼索斯剧场——神酒露天剧场雅典最古老的神殿——奥林匹克宙斯神殿俄罗斯 圣彼德堡 世界四大博物馆之一——埃尔米塔日博物馆，冬宫广场，市容观光，圣伊萨教堂外观，青铜骑士像，海军部大楼，滴血教堂外景，斯摩尔尼修道院外景，涅瓦商业街芬兰湾南岸、欣赏彼德夏宫、彼德堡罗要塞，叶卡捷林娜花园，参观阿芙乐尔号巡洋舰，，参观喀山教堂，莫斯科 首都，世界第八奇景克里姆林宫及教堂，红厂，列宁墓，观亚历山大花园圣火，无名烈士墓。国家百货商场观民族饭店，杜马大楼，大剧院。克罗门斯克国家公园，威登汉展览中心，胜利广场、凯旋门、麻雀山，观景台，莫斯科大学外观，老阿尔巴特步行街。</t>
  </si>
  <si>
    <t xml:space="preserve">得了外痔非手术治疗不可吗?我最近查出得了外痔,内痔也有一点点,然 </t>
  </si>
  <si>
    <t xml:space="preserve"> &gt; 医疗/疾病相关问题一,得了外痔该怎么治疗和平时该注意什么?解决时间：2006-6-22 20:12提问者：  最佳答案外痔 外痔位于齿线以下，是由痔外静脉丛曲张或肛缘皱襞皮肤发炎、肥大、结缔组织增生或血栓瘀滞而形成的肿块。外痔表面盖以皮肤，可以看见，不能送入肛内，不易出血，以疼痛和有异物感为主要症状．临床常分为结缔组织外痔、静脉曲张性外痔、炎性外痔和血栓外痔。 外痔的症状 一、结缔组织外痔 症状诊断：结缔组织外痔如无炎症发生，病人仅觉局部有异物感或排便后肛门部不易清洁，常有少量分泌物和粪便积存，刺激肛门部，可发生湿疹和搔痒。如有发炎，则感疼痛，坐立行走不便。初起只是皱襞肿大，中间有粪便和分泌物积存，皮肤暗红色，有表皮脱落；因反复的炎症刺激，则肛门外皮肤有突起，质软，色黄，常在肛门后中线上，也有时在肛门前方或两侧。常伴有乳头肥大和肛门梳硬结，容易受刺激，引起括约肌痉挛而产生疼痛。 二、静脉曲张性外痔 症状诊断：发病缓慢，初起只感觉肛门部肿胀不适，排便时肿胀加重，如有发炎等并发症，则发生肿痛等症状。检查可见在肛管前后或围绕肛门有肿块隆起，表面盖以皮肤，皮下有扩大曲张的静脉丛。 三、炎性外痔 症状诊断：病人自觉肛门部灼痛、湿痒，便后或活动过多后症状加重。检查时，可见肛门皱襞充血、肿胀，并有少量分泌物。 四、血栓性外痔 症状诊断：排便或用力后，在肛门缘皮下忽然起一圆形或椭圆形肿块，病人感觉异常疼痛，活动或排便时疼痛加重。因括约肌痉挛，感觉直肠下部、肛门有异物感，妨碍行走，坐卧不安。肿块表面颜色稍暗，有时呈紫红色，稍硬，触痛明显，有时经2--3天血块吸收，疼痛减轻，可以自愈。有时感染化脓，表皮破溃，就会生成肛瘘。 ----- 外痔的治疗 外痔发生在肛管齿线以下，常见外痔有血栓性、结缔组织性、静脉曲张性和炎性外痔。外因为便秘、排便用力，导致肛缘静脉破裂，引发肛缘皮下形成圆形血肿。 外痔分四种： 1）炎性外痔：肛缘皮肤损伤或感染后，形成肛门皮肤皱襞突起，呈红、肿、热痛的炎性表现。 2）血栓性外痔：因肛门静脉炎症或便时用力过猛而致肛门静脉丛内有血栓形成、皮下隆起疼痛者。 3）结缔组织性外痔：因慢性炎症的刺激、反复发作致肛缘局部皮肤纤维化、结缔组织增生，形成皮垂者，亦称赘皮外痔。 4）静脉曲张性外痔：久蹲或吸引时，肛门皮下肿胀，可见曲张的静脉团，不能立即消散者。 外痔的临床表现 1)肛缘出现肿块疼痛，初起疼痛剧烈，行走不便，坐立不安。数天后减轻，肿块变软。 2)结缔组织外痔常无症状，偶有肛门瘙痒，下坠或异物感。并发感染可有疼痛。 治疗： 外痔的治疗方法有很多，如血栓性外痔剥离摘除术、结缔组织性外痔切除术、静脉曲张性外痔剥离切除术、炎性外痔切除术等。 ---- 外痔手术须知 文章来源：杭州博爱医院 一般认为血栓外痔需要手术治疗，静脉曲张性外痔可采取非手术治疗，而结缔组织性外痔不需要手术治疗。 （1）血栓外痔 因其痔疮形体小，血管破损，血块凝结成血栓而命名。患者肛门部有剧烈疼痛感，发病7～10天后，经过治疗后疼痛虽减轻，但局部肿块坚硬不消者需要手术剥离血栓。对于有些不宜手术或不愿手术的患者，则继续采用非手术疗法。常用的内治法拟清热凉血以清为主，选用凉血地黄汤加味，常用药物有生地、丹皮、槐角、黄芩、生地榆等。常用成药则有清解片，每次5片，每日3次，口服。常用的外治疗法用苦参汤合五倍子汤熏洗，或用高锰酸钾热水坐浴，每次20分钟，熏洗后外敷消痔膏或金黄膏，每日一换。 （2）静脉曲张性外痔 静脉曲张性外痔的治疗，既可手术也可非手术疗法。一般用手术方法剥离痔外静脉丛，而非手术疗法则用清热除湿、活血散瘀的方法，选择萆薢渗湿汤合通经活血汤内服，常用萆薢、泽泻、黄柏、黄芩、丹皮、赤芍、当归、牛膝、川芎等药物。或配合应用麻仁丸、润肠片等中成药，使患者保持大便通畅，临厕时勿用力努挣，在大便后轻按肛门数次，并收缩肛门20次。无炎症者不需外治，若发炎水肿时，可用苦参汤或高锰酸钾坐浴熏洗，熏洗后外敷消痔膏，每日1次。 （3）结缔组织外痔 不需特别治疗，仅需作一般处理。要求患者调整大便习惯，避免蹲厕过久；大便后或睡前用温水坐浴；保持肛门皮肤干燥。当并发炎性肿痛时，可用熏洗坐浴，并外敷消痔膏、金黄膏等，还可适当给予抗生素。倘若外痔皮瓣过大影响肛周清洁卫生者，或反复炎症水肿者，可酌情进行手术治疗。 （4）炎性外痔 仅需调整大便习惯，防止大便秘结，忌饮酒及进食燥热有刺激性食物，便后高锰酸钾坐浴，或使用频谱照射治疗。必要时外敷消痔膏，每日1次。或口服甲硝唑（灭滴灵）0.4克，每日2次。对于炎性水肿长期不退者，可进行手术切除治疗。在炎性水肿急性期，按中医辨证内服中药，配合熏洗、外敷等外治法。二,得了外痔,不想开刀,请问怎么办 ? 提问者：医苑会员　 提问时间：2006-2-3 16:24:54 回答者：是乃仁术　医苑职称：主治医师　查看医生信息　(2006-2-3 16:34:03) 可以应用药物治疗。 回答者：wxzdxx888　医苑职称：外科主治医师　查看医生信息　(2006-2-3 16:37:28) 首先要注意饮食，禁辛辣饮食，外用马应龙痔疮膏。不过血栓性外痔 </t>
  </si>
  <si>
    <t xml:space="preserve">61带兵军师去哪里练快啊？ </t>
  </si>
  <si>
    <t>去天们10天到70级</t>
  </si>
  <si>
    <t xml:space="preserve">球迷赶快进来啊！足球队员的位置正值世界杯，可是我一个女流不是很精 </t>
  </si>
  <si>
    <t>很高兴又一位女球迷加入的行列。足球比赛中基本的阵型有这么几种     1.  4-4-2  四名后卫（左边后卫，后边后卫，左中后卫，右中后卫）；四名前卫（左边前卫，右边前卫，左中前卫，右中前卫）；两名前锋。442有几种变形可以变为：4-2-2-2意思就是4名前卫2个后腰专门负责防守，2个前腰专门负责进攻（巴西常用这种阵型）；4-1-2-1-2意思是4名前卫1个专门防守，1个专门进攻，2个承担左右两翼的进攻和防守（英格兰常用这种阵型）；2.  4-5-1四名后卫（左边后卫，后边后卫，左中后卫，右中后卫）；5名前卫；一名前锋。4-5-1有几种变形可以变为：4-2-3-1意思就是5名前卫2个负责防守，3个负责进攻（葡萄牙常用这种阵型）；4-1-2-2-1意思是1个专门负责防守，2个负责左右两翼的功防，2个负责进攻（荷兰常用）。3.  3-5-2三名后卫；5名前卫；2名前锋。3-5-2有几种变形可以变为：3-2-2-1-2意思是5名前卫2个负责防守，2个负责左右两翼的功防，1个负责进攻（日本队常用）；3-1-2-2-2意思是5名前卫1个负责防守，2个负责左右两翼的功防，2个负责进攻（阿根廷常用）。4.  4-3-3四名后卫（左边后卫，后边后卫，左中后卫，右中后卫）；3名前卫；3名前锋（左边锋，右边锋，中锋）。4-3-3有几种变形可以变为：4-2-1-3意思是3名前卫2个负责防守，1个负责进攻（韩国常用）；4-1-2-3意思是3名前卫1个负责防守，2个负责进攻（这种打法一般不用太冒险了防守弱）。5   3-6-1三名后卫；6名前卫；1名前锋。3-6-1有几种变形可以变为：3-2-2-2-1；3-2-1-3-1；3-3-1-2-1；3-3-2-1-1。   好了介绍了这么多你应该能理解了吧。看看下面的图是4-2-1-3的阵型别的我就不具体列了想你这么聪明肯定能懂得。</t>
  </si>
  <si>
    <t xml:space="preserve">麻烦老师解答！云南铜业32元卖出，现在可否再进？？ </t>
  </si>
  <si>
    <t>吗的，题都没看明白，擦</t>
  </si>
  <si>
    <t xml:space="preserve">进料加工中“抵扣”是什么意思？1.进料加工业务去外汇管理局核销时 </t>
  </si>
  <si>
    <t>这里“抵扣”是什么意思？进项税,因为你的进料加工完后还要出口,所以要先报审进项,待出口时,再报审销项,一进一销, 不抵不交."全额收汇”怎么理解？加工费用,全额由国外支付</t>
  </si>
  <si>
    <t>好景不长</t>
  </si>
  <si>
    <t xml:space="preserve">肥胖纹如何去;饮食上应该注意些什么,却让你哭红你的眼睛迎合这悲痛? </t>
  </si>
  <si>
    <t>工具/原料迷迭香精油 去角质磨砂膏（白砂糖 纯蜂蜜 甜杏仁基底油）橄榄油步骤/方法1精油按摩的方法。在沐浴露中滴加3-5滴的迷迭香精油涂抹全身，在大腿纹集中的地方，轻轻的以打圈的形式按摩大腿部位，3-5分钟即可吸收，这样既有瘦腿的效果又可以去纹，建议坚持使用。2去角质磨砂膏。现在市面上有很多这类的产品，主要是针对脸部较多的，在全身涂抹也是可以的，在大腿纹的部位按摩2-3分即可，次数不要过多，每回洗澡的时候按摩即可。这种磨砂膏适用于很多的皮肤，像是不光滑，脸部暗淡的都可以。需要注意的是敏感型肌肤慎用，反应很刺激的，切记。3其实角质磨砂膏我们自己也可以做的，感觉市面上的没什么效果，不适合自己的，都可以自己自制来使用。方法；3小勺的白砂糖，（要细细的那种）+2小勺纯蜂蜜（纯的效果比较好）放入小碗里面，搅拌均匀，最后再加入半小勺甜杏仁基底油彻底搅拌在一起。杏仁的功效不错。4橄榄油具有润肤，使皮肤变的有弹性的功效，任何人都很适用的护肤品。洗澡后吐沫在大腿部位轻轻按摩4-5分即可。5运动。大家知道运动可以瘦身但剧烈的运动可以使大腿纹变的严重，要避免做抻拉的动作。散步等比较平和的运动对有大腿纹的朋友是很有帮助的。6饮食。合理的安排饮食是很重要的，避免摄入过多的碳水化合物和热量，这些都是导致我们变胖的原因。合理的饮食搭配会使我们没有过多或过少的脂肪。7分素3分肉就可以了，希望大家能够坚持住，苗条离你不远了。END注意事项如果涂抹产品有过敏等反应，要立刻停止使用，如何还严重的话应立刻去医院。工具/原料迷迭香精油 去角质磨砂膏（白砂糖 纯蜂蜜 甜杏仁基底油）橄榄油步骤/方法1精油按摩的方法。在沐浴露中滴加3-5滴的迷迭香精油涂抹全身，在大腿纹集中的地方，轻轻的以打圈的形式按摩大腿部位，3-5分钟即可吸收，这样既有瘦腿的效果又可以去纹，建议坚持使用。2去角质磨砂膏。现在市面上有很多这类的产品，主要是针对脸部较多的，在全身涂抹也是可以的，在大腿纹的部位按摩2-3分即可，次数不要过多，每回洗澡的时候按摩即可。这种磨砂膏适用于很多的皮肤，像是不光滑，脸部暗淡的都可以。需要注意的是敏感型肌肤慎用，反应很刺激的，切记。3其实角质磨砂膏我们自己也可以做的，感觉市面上的没什么效果，不适合自己的，都可以自己自制来使用。方法；3小勺的白砂糖，（要细细的那种）+2小勺纯蜂蜜（纯的效果比较好）放入小碗里面，搅拌均匀，最后再加入半小勺甜杏仁基底油彻底搅拌在一起。杏仁的护肤功效不错。4橄榄油具有润肤，使皮肤变的有弹性的功效，任何人都很适用的护肤品。洗澡后吐沫在大腿部位轻轻按摩4-5分即可。5运动。大家知道运动可以瘦身但剧烈的运动可以使大腿纹变的严重，要避免做抻拉的动作。散步等比较平和的运动对有大腿纹的朋友是很有帮助的。6饮食。合理的安排饮食是很重要的，避免摄入过多的碳水化合物和热量，这些都是导致我们变胖的原因。合理的饮食搭配会使我们没有过多或过少的脂肪。7分素3分肉就可以了，希望大家能够坚持住，苗条离你不远了。END注意事项如果涂抹产品有过敏等反应，要立刻停止使用，如何还严重的话应立刻去医院。工具/原料迷迭香精油 去角质磨砂膏（白砂糖 纯蜂蜜 甜杏仁基底油）橄榄油步骤/方法1精油按摩的方法。在沐浴露中滴加3-5滴的迷迭香精油涂抹全身，在大腿纹集中的地方，轻轻的以打圈的形式按摩大腿部位，3-5分钟即可吸收，这样既有瘦腿的效果又可以去纹，建议坚持使用。2去角质磨砂膏。现在市面上有很多这类的产品，主要是针对脸部较多的，在全身涂抹也是可以的，在大腿纹的部位按摩2-3分即可，次数不要过多，每回洗澡的时候按摩即可。这种磨砂膏适用于很多的皮肤，像是不光滑，脸部暗淡的都可以。需要注意的是敏感型肌肤慎用，反应很刺激的，切记。3其实角质磨砂膏我们自己也可以做的，感觉市面上的没什么效果，不适合自己的，都可以自己自制来使用。方法；3小勺的白砂糖，（要细细的那种）+2小勺纯蜂蜜（纯的效果比较好）放入小碗里面，搅拌均匀，最后再加入半小勺甜杏仁基底油彻底搅拌在一起。杏仁的护肤功效不错。4橄榄油具有润肤，使皮肤变的有弹性的功效，任何人都很适用的护肤品。洗澡后吐沫在大腿部位轻轻按摩4-5分即可。5运动。大家知道运动可以瘦身但剧烈的运动可以使大腿纹变的严重，要避免做抻拉的动作。散步等比较平和的运动对有大腿纹的朋友是很有帮助的。6饮食。合理的安排饮食是很重要的，避免摄入过多的碳水化合物和热量，这些都是导致我们变胖的原因。合理的饮食搭配会使我们没有过多或过少的脂肪。7分素3分肉就可以了，希望大家能够坚持住，苗条离你不远了。END注意事项如果涂抹产品有过敏等反应，要立刻停止使用，如何还严重的话应立刻去医院。工具/原料迷迭香精油 去角质磨砂膏（白砂糖 纯蜂蜜 甜杏仁基底油）橄榄油步骤/方法1精油按摩的方法。在沐浴露中滴加3-5滴的迷迭香精油涂抹全身，在大腿纹集中的地方，轻轻的以打圈的形式按摩大腿部位，3-5分钟即可吸收，这样既有瘦腿的效果又可以去纹，建议坚持使用。2去角质磨砂膏。现在市面上有很多这类的产品，主要是针对脸部较多的，在全身涂抹也是可以的，在大腿纹的部位按摩2-3分即可，次数不要过多，每回洗澡的时候按摩即可。这种磨砂膏适用于很多的皮肤，像是不光滑，脸部暗淡的都可以。需要注意的是敏感型肌肤慎用，反应很刺激的，切记。3其实角质磨砂膏我们自己也可以做的，感觉市面上的没什么效果，不适合自己的，都可以自己自制来使用。方法；3小勺的白砂糖，（要细细的那种）+2小勺纯蜂蜜（纯的效果比较好）放入小碗里面，搅拌均匀，最后再加入半小勺甜杏仁基底油彻底搅拌在一起。杏仁的护肤功效不错。4橄榄油具有润肤，使皮肤变的有弹性的功效，任何人都很适用的护肤品。洗澡后吐沫在大腿部位轻轻按摩4-5分即可。5运动。大家知道运动可以瘦身但剧烈的运动可以使大腿纹变的严重，要避免做抻拉的动作。散步等比较平和的运动对有大腿纹的朋友是很有帮助的。6饮食。合理的安排饮食是很重要的，避免摄入过多的碳水化合物和热量，这些都是导致我们变胖的原因。合理的饮食搭配会使我们没有过多或过少的脂肪。7分素3分肉就可以了，希望大家能够坚持住，苗条离你不远了。END注意事项如果涂抹产品有过敏等反应，要立刻停止使用，如何还严重的话应立刻去医院。</t>
  </si>
  <si>
    <t xml:space="preserve">骨头哪种染色最好看 </t>
  </si>
  <si>
    <t>我也喜欢全蓝的骨头!总看着那个好看! 也许是你看多看腻了,不过即使你再换个,或许比这个时间更短又就看腻了!就说小舞吧,即使又出了新颜色,我还是看着那个全白的漂亮!我也玩朋友的号,是全白的小舞,虽然看多了没什么感觉了,但还是那个最好看,要是换成个别的颜色,或许一两天一两周就腻了呢! 不过你也可以换,就是那么来回的花钱太多了没什么用!蓝的就挺好看的了,我是建议你还是别换了!!呵呵 我是喜欢白的小舞,可一直也没钱染#83郁闷#107</t>
  </si>
  <si>
    <t xml:space="preserve">呵呵！！！第三杯茶你在军营生活过，怎么样啊，是不是很辛苦啊，没事 </t>
  </si>
  <si>
    <t>很辛苦哎~~ 话说..我们上高中还要军训呢.. 真是??</t>
  </si>
  <si>
    <t xml:space="preserve">100分附图！请教曾经在交通银行的基金超市里赎回过基金的朋友：赎? </t>
  </si>
  <si>
    <t>我卖过。会弹出一个“申请份额”的提示，让你修改或者确认。并且选择：如发生巨额赎回，您希望未赎回的份额——下一工作日继续赎回 / 取消赎回  。最后按“卖基金”即可。</t>
  </si>
  <si>
    <t xml:space="preserve">为什么解了锁还是进不了游戏显示说没有解锁17GM在搞什么你们这样? </t>
  </si>
  <si>
    <t>关掉多试几次就好了可能是网络迟廷</t>
  </si>
  <si>
    <t xml:space="preserve">高自考难吗我已经毕业很多年了，知识基本都已经还给老师了。可是现在 </t>
  </si>
  <si>
    <t>难是相对的。如果要说难，主要体现在这样几个方面。1.自考是全国统考（大部分地区还有省统考），所以与全日制本科不同的是，考前没有范围，一本书的内容都有可能被考到。所以复习起来的量特别大，一次报考多门就更是这样了。自考也有指定的考纲，但考纲写的大多比较宽泛。如果真能复习好了，基本上一本书也被你背的差不多了。所以考纲本身的意义并不是特别大。2.自考没有真正意义上的补考，这一年没有通过，可能要等来年。时间跨度比较长。【对于除上海以外的其他地区，许多省份会在全国统考（每年4月、10月中下旬）后另设省统考（大多为1月、7月具体事项及时间各省不同，由各省自行通知，可到各省、自治区、直辖市自考办网站上查询或电话问询。），全国统考4月与10月可报考的科目是不同的。省统考也往往只能报全国统考期间报过的科目，比如1月只能报10月报过的科目、7月只能报4月报过的科目，也可把他理解为各省自设的补考。许多自考生往往利用1、7月的机会再次报考4月、10月没有通过的课程。所以说同一门科目，一年最多只有两次机会，上海、（可能还有天津）一年只有一次机会。如果这一年这门没有通过，那么毕业的时间可能就要延后半年（由于公共课没过），或1年（由于专业课没过）不等】所以说，如果你急着要拿文凭，比如单位逼着你必须在xx年前拿到专科或本科，最好不要选择自考。（特别对于所报专业不十分熟悉，又没有比较充裕的时间看书，不能保证你能在确定的某一年，比如一定要在20xx年6月前拿到本科）而如果目前工作比较稳定，没有十分急切的学历要求，只是希望通过改变学历来获得更多的晋升机会或从事一个其他的行当，或希望获得专业上的提升，则可以选择自考。3.很难获得比较切实有益的辅导，自考的辅导教材和练习不多，（北大燕园的指定教材辅导和试卷质量不错但题量不多，其他的辅导教材，题量很多但质量一般，大多不是错误百出就是眉毛胡子一把抓，抑或没有随教材的改版而改版，没有针对性，所以如果没有时间很好的看过两三遍教材，想靠单纯压题搞题海有很大的风险。而外面看似多如牛毛的辅导班不仅价格昂贵，针对性也不是很强。很多辅导班聘请的教授不是很负责任。走马观花的念一遍书的，胡乱压题的也不少。不排除一期辅导班里有个别教授很负责。但自考是系统工程，要过十几门课（专科起点读本科，或已获本科的读其他专业）甚至二三十门课（专本连读）。单单一两门课轻松过关不能保证准时或提早毕业。以上几点是最主要的所谓自考难考的原因。但凡事都有两面，自考也有他的优越性。1.自考没有范围，这也是相对的，其实他的范围就是那本书，也就只是那本书，这就是说，考题绝不会超出书的范围，书上有的才会考，书上没有的，绝不会考（公共政治课可能要考一些时政，也不会考的很偏，大体就是那些地球人都知道的新闻）。答案也很确定，就是书上的原话（文科），那些所谓根据理论发散思维的题是没有的。理科甚至还会考书上的例题。所以说自考是中国最典型的应试教育。比高考还典型。2.自考题目本身的难度不高，自考考的是广度，即它的目的是要你把书一章不漏的看过两三遍，但不考深度，不要求你理解的特别深刻，能把书上的观点大体复述出来，大体一致就可以了。也就是说你只要知道什么怎么样，而不必知道为什么这样（这仅就考试而言，要把学的知识用到实际工作中是另一回事）。3.对于已经取得国家承认的专科或本科学历的人，特别是全日制本科生，还可以拿着自已以前的成绩单，如果丢了，让你的母校教务处开证明，还可以免考许多（甚至全免）公共课和公共政治课。在社会上取得的国家级证书有的时候也有这种功效，具体要看当地自考办的规定。4.时间灵活，自考不像函授或夜大、成人高考。需要有固定的时间去上课才能获得学分，只要自己把书看好了报个名考试，通过要求的科目就可以毕业了。而且考试、报名都一定是双休日，绝对不会影响工作。甚至参加辅导班也是双修日的。5.成本低，不参加辅导班的话，自考应该是全中国最廉价的获得高等教育的形式了。以专升本为例，大概十几门课，教材大多不超过30元每本，且教材不是每年换新版的，一本教材总能用个7、8年。也就是说，你考一次自考基本只要买一次教材，那这样的话大概三四百元，自考书店里（通常在报考专业所在的大学）好好谈还有75到85不等的折扣，这样教材费也就300元以内。练习册差不多一个价，试卷集（燕园的）10元每份，通常85折，也就一百多块。也就是说教材加全部必备练习加试卷集，读一个本科才700-800元左右，网店买还要便宜，毕竟自考用书不是热门货，网店急着卖库存呐。如果你可以免考一些科目，当然教材也可以少买了。如果还嫌贵，可以在每年6月毕业生最多的时间到所报专业的大学校园走一下，说不定自考生还在哪卖旧书哪，5元左右一本的很多，挑一些女生的书，又干净又有笔记，很超值的。有的时候网店里也有买的。但一定要搞清自己考试的科目最近有没有换新教材（这种情况往往只能买新的了），这个各地自考办网上都查的到的。至于报考费，各地不同，大概都在45-55元每门不等的区间，各省的自考（前面讲到的1月、7月的自考）估计大多要一百多元一、每门。（你不会门门都要考两次，所以这也不是一笔很大的投资）准考证和拍照的费用几十块到一两百块不等（只用办一次的，这是一次性的），还有也就是去考点和报名点的车费了，这个不会很多，往往各省有很多报名点的，地级市都有的。找一个离自己最近的。报好以后往往会在一个离你比较近的中学考。而且现在很多地方只要第一次现场报名以后，在银行里打上钱，以后几次都可以网上报名了，报名用不到什么车钱。6.相对成教和函授，自考无论在国内还是国际上的社会认可度比较高。出国比较方便。终上所述，还是请你根据自己的情况选择是否参加自考。至于专业，我建议如果你以前读的是理科，你最好报理科，在理科范围内选择专业。（有特别爱好的除外）。如果以前读的是文科，那就在文科里选择。（理由很简单，就像前面提到的，说不定以前的成绩可以免考很多科目）至于具体什么专业，要从自己的喜好，社会就业率等多方面考虑。还是自己选吧。具体事宜请你自己查阅所在地自考办的网站和电话询问。</t>
  </si>
  <si>
    <t xml:space="preserve">在知识产权层面，我国智能手机出口面临的主要风险是什么？ </t>
  </si>
  <si>
    <t>如今国际智能手机的专利战主要集中在微软、苹果和安卓阵营。有关研究显示，中兴、华为、酷派、联想及天语等本土厂商新推出的智能手机中，一半以上都使用安卓平台。但由于安卓操作系统使用了微软的部分知识产权，我国国内手机厂家大举进军国际市场意味着将直面国际专利战考验。此前安卓阵营中，已有HTC、三星等付给微软专利使用费的先例。进出口领域影响较大的海关信息在其热点关注栏目内，有更详细的表述，感兴趣的话，可以去了解一下。</t>
  </si>
  <si>
    <t xml:space="preserve">mp4下载问题请问如何将rm格式的电影转换成avi格式在mp4里 </t>
  </si>
  <si>
    <t>你的MP4买来的时候，带的那个光碟因该有转换软件。或者到你的MP4厂家的网站上去下载转换软件。</t>
  </si>
  <si>
    <t xml:space="preserve">为什么我的电脑网速这么慢 </t>
  </si>
  <si>
    <t xml:space="preserve">这是属于在线网络繁忙时候遇到的现象！现在使用新浪博客的人越来越多，网络系统的升级测试需要经常维护，在此期间部分用户会受到影响！另外还存在影响的因素有：1，地网络和服务器拥挤；2，个人电脑系统配置较低；3，同时打开的窗口页面太多；4,flash动画制作和挂件制作太多；上述几种情况之一都会影响BLOG的正常登入、文章的正常发表和打开页面的速度、显示太慢等等！最好是避开上网高峰期，把其他同时打开的页面关闭，加上多涮涮页面可能会好些，不访试试！欢迎光临我的博客： </t>
  </si>
  <si>
    <t xml:space="preserve">我是否患有间歇性失忆症？我从小记性就不好，上了大学以来就更不好， </t>
  </si>
  <si>
    <t>我想像你所说的, 有时打开电脑却不知道自已要做什么的这种证状是正常的,我也有这种经历,可能是因为自己有心事,有烦恼,或者说压力,不能够瞧集中经历,可以慢慢调节,但是对于你说的,昨天做的事,好像感觉很久以前做的,那是因为你没有时间观念,总觉得印象很模糊最大的原因可能是因为心里压力太大,好好调节就好,如果实在不行,可以选择去医院看看,但是要把心放宽!不要给自己太大的压力</t>
  </si>
  <si>
    <t xml:space="preserve">天津哪里有卖太太血乐?请问太太血乐多少钱,在哪里有卖???? </t>
  </si>
  <si>
    <t>你可以去老百姓大药店看看,那的东西比较全,应该有你需要的东西.</t>
  </si>
  <si>
    <t xml:space="preserve">公交车上的广告是怎么贴上去的？公交车的广告都是怎么贴在车上的 </t>
  </si>
  <si>
    <t>电脑喷绘再贴膜，可参考下面的详细资料——制作材料：包括油漆（ICI漆或同级别产品）、胶贴（户外专用胶贴，成品覆膜）、单透（3M）。制作周期：电脑喷绘—根据不同广告形式及数量需要3-7天；车辆上画—全（半）车广告3天/辆；双侧横幅广告1天/5-15辆。制作方式：全车身广告采用喷漆+电脑喷绘胶贴+单面透（空调车，小于4平米）；半全车身广告采用电脑喷绘胶贴+单面透（空调车，小于3平米）；车身双侧面横幅采用全胶贴制作方式，依各类车型而定，面积18-22平方米。</t>
  </si>
  <si>
    <t>6串14丹麦u21VS斯文u21</t>
  </si>
  <si>
    <t>兄弟,去上香拜神的时候叫上我. 唉,我比你好不到哪去,我不记得自己有几期错一场的了,只是知道自己好久没全红了,,,通常都是"百红丛中一点绿"... 从六串一到八串一都这样,昨晚随手点了一注12串1的单注竟然还能中个九场,,,照此看来,我的运气并不太差...哈哈.或许是心态问题,因为我们太想摆脱"老错一"的困境了,老天从来都是"幽默"的,特喜欢跟我们开玩笑,,,所以你我的拜神的同时看来还得学会洒脱点...期待全红...</t>
  </si>
  <si>
    <t xml:space="preserve">什么牌子的隔离霜好?本人是混合性肌肤,T区比较油(容易长痘).想 </t>
  </si>
  <si>
    <t>za有款隔离霜非常好用，上色均匀，可当底妆用。好像是六十多</t>
  </si>
  <si>
    <t xml:space="preserve">夸父为什么追日 </t>
  </si>
  <si>
    <t>为什么夸父要追日作者：李娅秋                         从前有座山，山上有座庙，庙里有个小和尚在看故事，故事是这样的——为什么夸父要追日。    夸父为何追日是个历史遗留下来的老问题，我们的祖先说夸父追求光明，至于现代人对此作出合理的解释是——    问：夸父为什么会追日？       答：因为夸父喜欢在白天活动，它依靠日光辨认方向。光线越强，夸父就跑得越快。 事实上，以上纯属盗版译本，以下的才是可靠情况：1．               由于夸父上小学的时候，不肯做眼保健操，所以后来高度近视，看到太阳误以为是超大型金色纪念币，一时财迷心窍，狂追不舍。当时夸父上小学的时候，不好好上棵，导致他最终体力不支，一命呜呼。所以说小朋友们一定要好好听老师和家长的话，好好学习，天天向上；2．               一次赛跑比赛中，一号选手夸父把“终点在泰扬路下的地方”听成了“终点在太阳落下的地方”，所以……；3．               夸父被巫婆施了魔法，只要他不被阳光照射到，就会考试不及格。4．               占卜师说：“我能看到，只要你一直追着太阳跑，你的名字就会一直流传下去”；5．               他看了一篇上古论文——《只要这样跑步36500天，你就能活100年》； 6．               夸父很想写《跑步，在阳光下》，又苦于没有经验……；7．               夸父买了三份500万的保险，他听说如果中暑严重……；8．               废话，夸父不追日，我写他干吗。       小和尚看完这篇文章，就还俗当了作家，他说：“这样差的文章都敢写出来，我这个半文盲还怕什么。”    小和尚的处女作是《为什么夸父要追日》：从前有座山，山上有座庙，庙里有个小和尚在看故事，故事是这样的——……</t>
  </si>
  <si>
    <t xml:space="preserve">关于物理考试!!!!为什么平时做物理的感觉蛮好,考试就是考不好, </t>
  </si>
  <si>
    <t>1.因为你平时感觉老师讲的都能听懂，感觉不难。2.但是一做题感觉什么都不会。3.问题的根本是你对书本一点都没有去理解。4.一做题都是靠自己的感觉，自己的假设，认为自己做得很好。5.你应该去把书本上的只是认认真真的看一遍。6.可以找到一个知识点和他的课本例题原原本本的仔细看一边和做一遍，你就知道自己为什么错了。7.你会感觉到你多什么事情都是想当然。8.这说明你是一个很不细心的人，而且有点自以为是，识不识对你的批评。9.读书没有捷径，人家成绩好绝不是聪明，是因为付出比你多，比你更用心。10.做任何事情都是一样。这样的话看起来很简单，但是真正理解的人很少。就像你表面上感觉学的好，其实你根本什么都没有学到。</t>
  </si>
  <si>
    <t xml:space="preserve">紫髓的问题蓝色的武器可以分出紫髓吗？？？？ </t>
  </si>
  <si>
    <t>不能分出 蓝武器只能分出 块和片 分块的概率是30% 分片的概率是60%  紫色武器能够分出 块和髓 我没分过紫色的 不知道概率 不过估计跟分蓝色的差不多</t>
  </si>
  <si>
    <t xml:space="preserve">唯舞独尊和劲舞团一样玩法吗？ </t>
  </si>
  <si>
    <t>唯舞独尊有自己游戏的特征哦。。下载一个玩玩吧~</t>
  </si>
  <si>
    <t xml:space="preserve">小中一单，注意今晚大面积出平大家说说今晚会出几个1？ </t>
  </si>
  <si>
    <t>怎么拿上期的出来混啊，  中奖了。。。1155大元</t>
  </si>
  <si>
    <t xml:space="preserve">听说只要有身份证号码就可以在一些网站上弄到身份证的扫描版，是真的? </t>
  </si>
  <si>
    <t>买号的话让卖家出具身份证复印件就可以了啊如果想象你说的弄假的，网上是没有，不过用软件很容易就可以做出来。以前上大学的时候毕业找工作经常到复印店做各种证件的假的复印件，呵呵</t>
  </si>
  <si>
    <t xml:space="preserve">铅中毒 </t>
  </si>
  <si>
    <t xml:space="preserve">铅(lead，Pb)，灰白色金属，原子量207.20，比重11.34，熔点327.5℃，沸点1620℃，加热至400～5OO℃时，即有大量铅蒸气逸出，并在空气中迅速氧化成氧化亚铅，而凝集为烟尘。随着熔铅温度的升高，可进一步氧化为氧化铅、三氧化二铅、四氧化三铅，但都不稳定，最后离解为氧化铅和氧。　　工业铅接触有:铅矿的开采，烧结和精炼;含铅金属和合金的熔炼;蓄电池制造;印刷业铸字和浇板;电缆包铅;机械工业铅浴热处理;自来水管道、食品罐头及电工仪表元件焊接;制造火车、的轴承(挂瓦);制造X线和原子辐射防护材料;无线电元件的喷铅;修、拆旧船、桥梁时的焊割。以上作业铅以蒸气和烟尘形式逸散。　　铅的化合物，如氧化铅(又称黄丹、密陀僧)、四氧化三铅(又称红丹)、二氧化铅、三氧化二铅、硫化铅、硫酸铅、铬酸铅(又称铬黄)、硝酸铅、硅酸铅、醋酸铅、碱式碳酸铅、二盐基磷酸铅、三盐基硫酸铅等分别用于油漆、颜料、橡胶、玻璃、陶瓷、釉料、药物、塑料、炸药等行此铅化合物均以粉尘形式逸散。　　当前国内危害最重的行业是蓄电池制造，铅熔炼及拆旧船熔割。作用机制　　铅及其化合物侵入途径，主要是呼吸道，其次是消化道，完整的皮肤不能吸收。　　呼吸道:通常以蒸气、烟尘及粉尘形态进入，其吸入的铅量，随着尘粒的大小而有差异，如尘粒在0.27Hm者吸收率达54%。一般说，吸入的铅70%～75%仍随呼气排出，仅30%～50%吸收人体内。　　消化道:主要来自铅作业场所进食、饮水。日常生活食物、饮料中每天摄入铅量约300mg。　　铅以离子状态被吸收后进入血循环，主要以铅盐和与血浆蛋白结合的形式最初分布于全身各组织，数周后约有95%以不溶的磷酸铅沉积在骨骼系统和毛发，仅有5%左右的铅存留于肝、肾、脑、心、脾、基底核、皮质灰白质等器官和血液内，并可进入细胞核内而形?quot;包涵体"。而血液内的铅约有95%分布在红细胞内，主要在红细胞膜，血浆只占5%。沉积在骨组织内的磷酸铅呈稳定状态，与血液和软组织中铅维持着动态平衡。被吸收的铅主要经肾脏排出，还可经粪便、乳汁、胆汁、月经、汗腺、唾液头发、指甲等途径排出。　　铅中毒的发病机制，目前比较清楚的有:　　铅对血红蛋白合成的障碍:血红蛋白的合成过程受到一系列酶的作用，当机体受到铅毒作用后，这一合成过程中的一些含琉基酶受到抑制，而发生以下变化:1、由于铅抑制δ一氨基γ一酮戊酸脱水酶(ALAD)，使δ一氨基γ一酮戊酸(ALA)合成卟胆元(BPG)受阻，致使红细胞中ALAD活性降低，血、尿中ALA含量增多。2、由于铅抑制血红素合成酶(亚铁赘合酶)，阻碍了原卟啉与二价铁结合成血红素，使血清铁增加和原卟啉在红细胞中积聚，致使血液内红细胞中原卟啉(EPP)量增加或游离红细胞卟啉(FEP)增加，后者与锌离子结合成锌卟啉(ZPP)亦增加。3、由于铅还可能抑制粪卟啉原脱羧酶，致使尿粪卟啉Ⅲ(CP)含量增多。4、由于骨髓内铁的利用受障碍，红细胞铁结合量减少，，幼红细胞及红细胞内游离铁增加，因此，可见到铁粒幼红细胞和铁粒红细胞，即含铁蛋白胶粒。(5)铅还影响红细胞中的核糖核蛋白体和可溶性的核糖核酸(mRNA)，而干扰珠蛋白的合成，致使合成珠蛋白的核糖核酸相对过多，并聚集成点彩颗粒。由于上述抑制过程，最后导致贫血。　　铅还可直接作用于红细胞，抑制红细胞膜Na+/K+一ATP酶活性，影响水钠调节，同时还可能抑制红细胞嘧啶一5'一核甘酸酶，致使大量嘧啶核苷酸在细胞浆内蓄积，以及铅与红细胞膜结合造成机械脆性增加，影响红细胞膜稳定性，最后导致溶血。　　铅对神经系统的作用:铅使ALA增多，ALA与γ一氨基丁酸(GABA)化学结构相似，因而与GABA产生竞争性抑制作用，GABA位于中枢神经的突触前及突触后的线粒体中，因GABA的抑制而干扰神经系统功能，如意识、行为及神经效应等改变。铅还能对脑内儿茶酚胺代谢发生影响，使脑内和尿中高香草酸(HVA)和香草扁桃酸(VMA)显著增高，最终导致铅毒性脑病和周围神经病。铅毒性脑病在病理上表现为脑水肿，神经细胞弥漫性变性，此外尚可见小脑颗粒层细胞坏死，脑疝及软脑膜小灶性出血。　　铅毒性周围神经病，最早表现为神经传导速度(NCV)减慢，受损神经主要是神经细胞膜的改变和脱髓鞘。可见轴索周围改变，髓鞘崩解成颗粒状或块状，有时完全溶解，雪旺氏细胞增生。这些变化都是由于铅损害了神经细胞内线粒体和微粒体而造成。　　铅对肾脏的作用:铅因损害线粒体，影响ATP酶而干扰主动运转机制，损害近曲小管内皮细胞及其功能，造成肾小管重吸收功能降低，同时还影响肾小球滤过率降低，导致尿肌酐排出减少，血肌酐、血尿素氮含量增加，尿糖排泄增加，尿γ一GT(γ一谷氨酚转肽酶)活性降低，尿NAG(N一2酰一β一D氨基葡萄糖苷酶)活性增高。铅还影响肾小球旁器功能.引起肾素合成和释放增加，导致血管痉挛和高血压。铅能在肾小管上皮细胞内形成核内包涵体.它是一种铅一蛋白复合体，是机体一种适应或解毒机制。急性或亚急性中毒　　主要由生活性所引起，多因误服或过多服用含铅化物的偏方治疗哮喘、癫痫、驱蛔虫、堕胎等，这些含铅化物如铅、铅丹、铅霜、密陀僧、黑锡丹、樟丹等;也有用锡锅制酒、锡壶盛酒;还有将铅粉错当山芋粉而误服。国外儿童常因嗜僻吃含铅油漆的玩具，墙壁、家俱等被剥落的泥灰而发生中毒。这种因口服中毒发病常有一个潜伏期，短者4～6小时，一般2～3天，最长者1～2周，其与摄入剂量和个体差异有密切关系。职业性亚急性中毒也可发生。　　其临床特点为剧烈腹绞痛、贫血、中毒性肝病、中毒性肾病、多发性周围神经病。表现头晕全身无力、肌肉关节酸痛、不能进食、便秘或腹泻、肝脏肿大、肝区压痛、黄疽、血压升高实验室检查:除铅中毒指标明显升高外，胆红质升高、ALT升高;尿中可见红细胞、白细胞、尿卟胆原阳性;血色素和红细胞均下降。神经系统检查，可发现四肢末端呈手套袜子型感觉减退，肌肉萎缩及肌无力。严重者发生铅麻痹，即垂腕、垂足症;铅毒性脑病，出现剧烈头痛、抽搐、谵妄、惊厥、木僵甚至昏迷。个别病人可发生麻痹性肠梗阻 　　一般说来，经驱铅治疗后，可很快恢复，除铅中毒性脑病外，很少有后遗症，预后良好。慢性中毒　　职业性铅中毒多为慢性中毒，临床上有神经、消化、血液等系统的综合症状。　　神经系统:主要表现为神经衰弱、多发性神经病和脑病。　　神衰，是铅中毒早期和较常见的症状之一，表现为头昏、头痛、全身无力、记忆力减退、睡眠障碍、多梦等，其中以头昏、全身无力最为明显，但一般都较轻，属功能性症状。尚有不少早期铅中毒者，上述症状也不明显。　　多发性神经病，可分为感觉型、运动型和混合型。感觉型的表现为肢端麻木和四肢末端呈手套袜子型感觉障碍。运动型的表现有:1、肌无力，先是握力减退，出现较早，也较常见。进一步发展为肌无力，多为伸肌无力。2、肌肉麻痹，亦称铅麻痹，多见于桡神经支配的手指和手腕伸肌呈腕下垂，亦称垂腕症;腓骨肌、伸趾总肌、伸庶趾肌节呈足下垂，亦称垂足症。　　脑病，为最严重铅中毒。表现为头痛、恶心、呕吐、高热、烦躁、抽搐、嗜睡、精神障碍，昏迷等症状，类似癫痫发作、脑膜炎、脑水肿、精神病或局部脑损害等综合征。国内由于劳动条件改善，较少发生，但国外儿童发生率很高。　　消化系统:轻者表现为一般消化道症状，重者出现腹绞痛。　　消化道症状 包括口内金属味，食欲不振，上腹部胀闷、不适，腹隐痛和便秘，大便干结呈算盘珠状，铅绞痛发作前常有顽固性便秘作为先兆。腹绞痛为突然发作，多在脐周，呈持续性痛阵发性加重，每次发作自数分钟至几个时。因疼痛剧烈难忍，常弯腰曲膝，辗转不安，手按腹部以减轻疼痛。同时面色苍白，全身出冷汗，可有呕吐。检查时，腹部平坦柔软，可有轻度压痛，无固定压痛点，肠鸣音减少，常伴有暂时性血压升高和眼底动脉痉挛。 　　血液系统:主要是铅干扰血红蛋白合成过程而引起其代谢产物变化，如血δ一ALAD活性降低，尿δ一ALA增多，尿CP增多，血FEP，ZPP增多等最后导致贫血，多为低色素正常红细胞型贫血。　　其他系统:铅对肾脏的损害多见于急性、亚急性铅中毒或较重慢性病例，出现氨基酸蛋白尿、红细胞、白细胞和管型及肾功能减退，提示中毒性肾病，伴有高血压。女工对铅较敏感，特别是孕妇和哺乳期，可引起不育、流产、早产、死胎及婴儿铅中毒。男工可引起精子数目减少、活动减弱及形态改变。此外尚可引起甲状腺功能减退。 诊断与鉴别诊断　　根据职业史、劳动卫生学调查、临床表现及实验室检查结果，进行综合分析、判断，一般说诊断并不困难。误诊的主要原因是生活性服用含铅化物，只要问清病史当可解决。 　　诊断可分四级:1、铅吸收:仅尿铅或血铅升高但无临床症状者。2、轻度铅中毒:有神经衰弱综合征及尿铅或血铅升高外，尚有尿CP、尿δ一ALA、血FEP、血ZPP中一项异常者。3、中度铅中毒:在轻度铅中毒基础上，如出现腹绞痛、贫血、中毒性周围神经病、中毒性肝病、中毒性肾病中一项者。4、重度铅中毒:铅麻痹或铅脑病者。驱铅试验可以辅助诊断，用CaNa2EDTA O.5～1.Og后若尿铅≥1.45μmol/L(0.3mg/L)而之3，86μmol/L(0.8mg/L)者可诊断为铅吸收;若尿铅≥3.86μmol/L(0.8mg/L)或4.82μmol/24h(1.0mg/24h)者可诊断为轻度铅中毒。　　铅绞痛者应与阑尾炎、胆道蛔虫症、胆石症、胃穿孔、血紫质病等相鉴别。治疗　　对慢性铅中毒主要采用驱铅治疗。目前有肯定效果的络合剂驱铅作用强弱情况:CaNa3DTPA(钙促排灵)&gt;CaNa2EDTA(依地酸钠钙)&gt;ZnNa3DTPA(锌促排灵)&gt;Na2DMS(二琉基丁二酸钠)、DMSA(二琉基丁二酸)&gt;811(螯合羧酚)，具体用法如下: CaNa2EDTA或CaNa3DTPA l.Og，静脉滴注或静脉推注或肌肉注射(加2%普鲁卡因2ml)，每日一次，连续三天停药四天为一疗程，一般三个疗程即可。 Na2DMS l.Og，静脉推注或肌肉注射(加2%普鲁卡因2ml)，每日一次，连用三天停药四天为一疗程，一般三个疗程即可。DMSA O.5g，口服，每日三次，连用三天停药四天为一疗程，一般用三个疗程即可。　　铅绞痛治疗:1、驱铅治疗，CaNa2EDTA，l.Og，静脉滴注，每12小时一次，至铅绞痛控制;或Na2DMS，l.Og，静脉推注，每12小时一次，严重者可每6小时一次，至铅绞痛控制。或DMSA，l.Og，口服，每6小时一次，至铅绞痛控制，以后按慢性铅中毒治疗方案进行。2、对症治疗，10%葡萄糖酸钙10ml，静脉注射;阿托品0.5～1.0mg或654一2，10mg，肌注;腹部热敷;针灸足三里、中脘、内关.三阴交等。　　铅脑病治疗:先用BAL2.5mg/kg肌肉注射，第1一2天，每4～6小时一次;以后每日1～2次，共5～7天。接着用CaNa2EDTA治疗，用法按慢性铅中毒治疗方案。预防　　用无毒或低毒物质代替铅;采用机械化、自动化生产;改革产品剂型;控制熔铅温度;加强局部通风、排毒装置;加强个人防护措施。定期监测工作场所铅浓度。定期健康监护，包括就业前体检及每半年或一年定期体检，血铅和ZPP可作为筛选指标。及时发现就业禁忌症和早期发现铅中毒病人及时处理。中国职业病诊断国家标准：职业性慢性铅中毒诊断标准及处理原则 </t>
  </si>
  <si>
    <t xml:space="preserve">我打完了重楼为什么看不到完美结局啊说了几句话就回到开头菜单了怎么 </t>
  </si>
  <si>
    <t>首先，请问您的游戏是正版还是盗版的？如果是盗版的，一般都是看不了结局动画的。二，您打赢重楼了吗？只有打赢他才会出现完美结局，否则就是雪见或者龙葵结局。如果是盗版的，就没有办法了，只能上网下载动画看。（虽然我还是支持正版 = =）如果是正版的，您有没有删除了动画文件？或者动画文件被损坏了？（结局动画文件是movie_end.cpk）你可以检查一下安装游戏的路径底下，在Movie资料夹里有没有上述档案。这些是下载结局动画的地址（新浪）：完美结局:   紫萱结局:     雪见结局:     龙葵结局:   花楹结局:  最后，祝您早日能看到结局哦~~~ ^_^</t>
  </si>
  <si>
    <t xml:space="preserve">WOW的领孤儿想问下WOW在那领孤儿也很少见有之前看个视频亡灵战 </t>
  </si>
  <si>
    <t>同学，那个是儿童节任务时才会出现的，应该定义为NPC，不是宠物，任务做完就消失了，我记得那个任务有时间限制，也就是说过了时间不完成就算失败，NPC还是会消失</t>
  </si>
  <si>
    <t xml:space="preserve">透过中国成功试验了用导弹摧毁卫星可以看到什么(2)?国1月18日 </t>
  </si>
  <si>
    <t>掌握了信息战的命脉!!</t>
  </si>
  <si>
    <t xml:space="preserve">甲亢突眼发病原因？甲亢突眼出现的原因有什么？ </t>
  </si>
  <si>
    <t>　你好：甲亢突眼的原因有许多种，炎症、肿瘤、外伤等均可引起。然而，甲亢并发突眼是多见的。甲亢引起的眼部改变，一类是良性突眼，患者眼球突出，眼睛凝视或呈现惊恐眼神。　　另一种是恶性突眼，可以由良性突眼转变而成，恶性突眼患者常有怕光、流泪、复视、视力减退、眼部肿痛、刺痛、有异物感等，由于眼球突出，使眼睛不能闭合，结膜、角膜外露而引起冲血、水肿、角膜溃烂等，甚至失明。　　甲亢突眼多数与甲亢同时发生，但又有部分患者却在甲亢缓解、或治愈甲亢后、或发生甲减后，突眼出现、加重或恶化。如用西药他吧唑等治疗，病情好转了，但突眼却加重了，又如甲亢以131碘治愈了，甚至出现甲减了，可是突眼却加重了，甚至形成恶性突眼。      单纯性突眼的原因主要是交感神经兴奋，还有甲状腺激素的作用导致眼外肌和提上睑肌张力增高。而浸润性突眼除上述原因外，眶内软组织肿胀、增生和眼肌的明显病变使眼球明显突出，活动受限。患者往往有眼内异物感、眼部胀痛、畏光、流泪、复视、斜视、视野缩小及视力下降，严重者眼球固定、角膜溃疡或全眼球眼炎，甚至失明。　　甲亢突眼的原因：单纯性突眼的原因主要是交感神经兴奋，还有甲状腺激素的作用导致眼外肌和提上睑肌张力增高。而浸润性突眼除上述原因外，眶内软组织肿胀、增生和眼肌的明显病变使眼球明显突出，活动受限，患者往往有眼内异物感、眼部胀痛、畏光、流泪、复视、斜视、视野缩小及视力下降，甲亢性突眼严重者眼球固定、角膜溃疡或全眼球眼炎，甚至失明。</t>
  </si>
  <si>
    <t xml:space="preserve">Jay你喜欢周杰论吗?为什么? </t>
  </si>
  <si>
    <t xml:space="preserve">周杰伦有很多的优点： 1.不抽烟喝酒。 2.有才华 3.有毅力。魔术是证明。 4.孝顺。 5.讲意气。 6.有个性。 所以非常非常非常非常的喜欢他 </t>
  </si>
  <si>
    <t xml:space="preserve">我的手机怎么不能拨通通行币热线我是山东用户，现在要拨打声讯电话购 </t>
  </si>
  <si>
    <t>我是黑龙江的，我的手机也不能拨这个热线，这里面说的那个热线，都必须是用固定电话拨的。</t>
  </si>
  <si>
    <t xml:space="preserve">请问西安有哪些著名的寺庙？这个月底去西安旅游，想去寺庙，麻烦大家 </t>
  </si>
  <si>
    <t>西安著名的寺庙:西郊－广仁寺（玉祥门里）、西五台（老关庙的后街）南郊：大兴善寺（小寨）、大慈恩寺（大雁塔）、青龙寺、荐福寺（小雁塔）城内：卧龙寺（柏树林）郊县：法门寺（扶风）、兴教寺（长安）、香积寺（郭杜）、草堂寺（户县）、水陆庵（蓝田）、华严寺（长安）、牛头禅寺（长安）兴教寺是三藏法师灵骨塔所在寺，牛头禅寺是唐朝的十大禅寺之一，香积寺内有舍利塔一尊，草堂寺是三论宗的祖庭，华严寺是华严宗的祖庭，大慈恩寺是法相宗祖庭，青龙寺和大兴善寺是唐密的祖庭，大兴善寺庄严清静，而青龙寺樱花驰名。广仁寺是藏密寺院。卧龙寺为市中心的唯一现存寺庙。</t>
  </si>
  <si>
    <t xml:space="preserve">我终于表白了~追过女人的来~谢谢我和她表白了~她委婉拒绝了我~我 </t>
  </si>
  <si>
    <t>你很好啊，还没被她判死刑，你还有机会去争取。就听她的，从朋友做起，不要逾越任何一个情结，一步一步得去博得她的青睐吧。她委婉的拒绝你，可能是有心仪对象，但是是暗恋，也可能是你们相处太短要慢慢来。那你，就要和她多聊聊，多出去玩玩。这样，你就向她的男友的位置多增进一步。</t>
  </si>
  <si>
    <t xml:space="preserve">8个月的宝宝吃什么辅食呢？这两天宝宝吃得很少，不肯吃饭。一看到我 </t>
  </si>
  <si>
    <t>8个月孩子的饮食按排： 早晨7时 牛奶200毫升、 上午9时 蒸鸡蛋1个饼干1~2块 中午12时 稀粥1碗（儿童碗约30克）加碎菜、鱼末 下午3时 牛奶150毫升 下午5时 苹果1/2~1个 晚上6时 烂面1碗（约50克）加肉末、碎菜 晚上9时 牛奶180毫升 以上饮食安排供参考. 以下是食谱 常用的婴儿粥有 ① 肉糜粥 将猪瘦肉洗净，用刀剁碎或放入绞肉机内绞2次，加酒去腥炒熟，放入已煮稠的粥内，再加食盐即可食用。 ② 鱼粥 洗净去内脏的鱼如青鱼、带鱼、鳗鱼等），整条蒸熟去骨，将鱼肉研碎拌入粥中，加适量食盐、葱、少许酒，即成鱼粥。 ③ 蛋花粥 将1只鸡蛋打碎放人已煮好的粥中，边搅边烧，煮沸加盐和熟油。 ④ 猪肝泥粥 洗净的猪肝用刀横剖，再取出切面处泥状物，加酒、盐放入粥中煮透。上述各种粥内最后均应加入莱泥和豆制品煮熟再吃。 ⑤ 香蕉薯糊： 香蕉1/2只，鸡蛋1只，马铃薯1/4个，牛奶适量。 做法∶ 马铃薯去皮切粒，隔水蒸20分钟，压成茸。 把鸡蛋煮熟，去壳，取出1/4只蛋黄，压成茸。 香蕉去皮，压成茸。 把蛋黄茸、马铃薯茸及香蕉茸拌匀，再下牛奶拌匀即可。 ※ 也可选用木瓜或啤梨来代替马铃薯，做出不同的口味。 ⑥ 花豆腐 原料： 豆腐50克，青菜叶10克，熟鸡蛋黄1个，淀粉10克，精盐、葱姜水各少许。 制作： 1、将豆腐煮一下，放入碗内研碎；青菜叶洗净，用开水烫一下，切碎后也放在碗内，加入淀粉、精盐、葱姜水搅拌均匀。 2、将豆腐泥做成方块形，再把蛋黄研碎撒一层在豆腐泥表面，放入蒸锅内用中火蒸10分钟即可喂食。 3、菜口味不宜过咸，以利婴儿食用。 ⑦ 苹果薯团 原料： 红薯50克，苹果50克。 制作： 1、将红薯洗净，去皮，切碎煮软。 2、把苹果去皮去核后切碎，煮软，与红薯均匀混合拌匀即可喂食。 3、制作中，要把红薯、苹果切碎，煮烂。 ⑧ 鹌鹑粥 原料： 大米30克，净鹌鹑1只，水适量。 制作： 1、将鹌鹑去皮洗净，切成大块，为防止有碎骨，可用经消毒的煲汤袋盛着。 2、米洗净，用水浸泡约2小时。 3、浸泡过的米连水一起煲滚，加入装有鹌鹑的袋，滚开后，改用中火煲约45分钟，然后熄火等5分钟即可。 4、注意制作时，千万不要有鹌鹑骨渣。 ⑨ 红小豆泥 原料： 红小豆50克，红糖、清水适量，植物油少许。 制作： 1、将红小豆捡去杂质洗净，放入锅内，加入凉水用旺火烧开，加盖改小火焖煮至烂成豆沙。 2、将锅置火上，放入少许油，下入红糖炒至溶化，倒入豆沙，改用中小火炒好即成。 3、注意煮豆越烂越好，炒豆沙时要不停地擦着锅底搅炒，火要小，以免炒焦而生苦味。 可同粥一起食用。 ⑩ 栗子粥 原料： 大米粥1小碗，栗子3个，精盐少许。 制作： 1、将栗子剥去外皮和内皮后切碎。 2、锅置火上，加入水，放入栗子煮熟后，再与大米粥混合同煮至熟。加入少许精盐，使其具有淡淡的咸味，即可喂食。 3、栗子一定要剥净内外皮，煮烂。喂时用匙背压碎。 煎猪肝圆子 原料: 猪肝20克,面包粉,洋葱,蛋液,西红柿各少许,素油一小勺,番茄酱,淀粉适量. 制法: 1. 将猪肝剁成极碎的泥,洋葱切碎同入一碗,加面包粉,鸡蛋液,淀粉搅拌成馅. 2. 平锅置火上放油烧热,将肝泥挤成圆子,下锅煎熟. 3. 将西红柿切碎,同番茄酱一道炒熟,倒在猪肝圆子上即成. 营养小秘密: 首先为较小的宝宝推荐这种软嫩可口的猪肝丸子,猪肝含有很丰富的铁.锌,VA,12等营养素,是预防婴儿贫血的好食品. 龙骨玉米汤 这汤的做法很是简单： 买回来的骨头先用开水过一遍，去除杂质。 然后用个煲装水，加骨头小火慢炖 约2小时，开煲，放玉米(加上几片玉米叶子)，胡萝卜 再煮上半小时就大功告成了。 调料也简单，就姜，盐就行了。 煲汤切忌中途加水。 小鱼蛋花粥  【材料】 饭1/2碗 水1杯 小鱼10g 蛋1/2个 【做法】 1、将小孩用的饭碗装1/2碗饭，与水1杯放入小锅煮至烂。 2、取小鱼10g，1.小煮一下1/2打散的蛋撒在上面搅拌即可 面包干  此品易消化，耐嚼，可锻炼幼儿的咀嚼能力，促进唾液分泌，适合作幼儿磨牙食品。含有丰富的碳水化合物，能增加幼儿的热量供给。面包片可用烤箱烤，也可用平底锅烙烤，但炉温不宜过热，否则面包片烤不焦脆。主料 面包(或馒头)适量。制法 ① 将面包切成1厘米厚的薄片。② 将面包片放在烤盘上，入炉烘烤，烤呈金黄色 翡翠泥  鲜蚕豆砸成泥，加入白糖，与京糕一起呈红绿两色，鲜美清香，色香味兼备。具有增进食欲、帮助消化，清热利尿的作用，是婴儿春季较为适宜的食品之一。要选择鲜蚕豆作原料，并要煮熟、炒透，给婴儿喂食。主料 鲜蚕豆50克，京糕25克。辅料 白糖15克，花生油5克，桂花少许。制法 ① 将鲜蚕豆剥去老、嫩皮，放入锅内煮烂、捞出，用冷水过凉，放菜板上，砸成泥状放入碗内。②将京糕切成绿豆大小的丁。③炒锅置火上，放入油，加入白糖、蚕豆泥、桂花，用中火推炒，炒透后盛入盘内，撒上京糕丁即成。 ，即可出炉，冷却后食用。 煎西红柿  此菜色泽美观，十分可口，能诱发婴儿食欲。含有丰富的钙、磷、铁、锌、锰、铜、碘等重要微量元素，这些矿物质，对婴儿生长发育特别有益。此外，还含有丰富的维生素C、B族维生素、胡萝卜素等。制作中，把西红柿放入油锅内煎至两面焦黄时，再将面包粉和芹菜末撒在上面。主料 西红柿1/4个(约25克)，面包粉10克，熟芹菜末少许。辅料 色拉油8克。制法 ① 将面包粉放入平底锅内，烤成焦黄色；西红柿用开水烫一下，剥去皮，切成薄片。② 将色拉油放入平底锅内烧热，放入西红柿煎至两面焦黄，盛入小盘内，撒上面包粉、芹菜末即成</t>
  </si>
  <si>
    <t xml:space="preserve">关于去坎村请问5个70多级的职业可以打路霸那结晶吗？有一个主教2 </t>
  </si>
  <si>
    <t>可以,你这个阵容没问题(记得每人都带点血瓶)记得2连战和3连战间补充好就可以了一个字——合！</t>
  </si>
  <si>
    <t xml:space="preserve">叶酸什么时候吃易吸收 </t>
  </si>
  <si>
    <t>叶酸在你准备怀孕时就吃,一直吃到怀孕三个月止，不一定每天必须都吃,偶尔忘了吃也没有什么,也没有什么医学理论说一天中的什么时候吃容易吸收，只要每天大概在同一时段就可以。你可以每天晚睡前吃，这样不容易忘记。 祝好孕！</t>
  </si>
  <si>
    <t xml:space="preserve">政治问题！2005年11月，松江区获得“国际？？？”荣誉称号。（ </t>
  </si>
  <si>
    <t>国际花园城市</t>
  </si>
  <si>
    <t xml:space="preserve">世界上有多少个人？有多少种人？ </t>
  </si>
  <si>
    <t>三个 男人 女人 不男不女的人 你懂的</t>
  </si>
  <si>
    <t xml:space="preserve">收无级别强化随便哪区收一把无级别强化.要刀,扇子,枪,剑.有的留 </t>
  </si>
  <si>
    <t>兄弟啊,无级别是可遇不可求的啊,没那么容易就有人卖的啊</t>
  </si>
  <si>
    <t xml:space="preserve">在这些可能来临的灾难中，距离我们最近的一次将出现在2008年6月? </t>
  </si>
  <si>
    <t>我可以明确的告诉你:第一个是不真实的!因为 根据科学研究,人类目前能预测观测的 小星星撞地球的事件 都是用 月来计算的!也就是说 一般 3个月前 就可以知道 概率!精确的 概率 &gt;60%  一般在 发生前 一个月 就可以预测了!</t>
  </si>
  <si>
    <t xml:space="preserve">WOW有这把武器吗 </t>
  </si>
  <si>
    <t>PS过的。。。。。。</t>
  </si>
  <si>
    <t xml:space="preserve">请问有就读中央广播电视大学开放教育的本科毕业生?本人是中央广播电 </t>
  </si>
  <si>
    <t>可以在中国高等教育学生信息网"学历网上查询"版块查询</t>
  </si>
  <si>
    <t xml:space="preserve">魔兽世界练级术士!!!!我现在31级了,不知道去哪做任务了,我不 </t>
  </si>
  <si>
    <t>建议 去南海镇荆棘谷打架太厉害，不过LZ要是PVE的话就无所谓了到南海升几级再去阿拉希</t>
  </si>
  <si>
    <t xml:space="preserve">房屋装修给点建议60平米的毛坯房，准备3万元左右，请给点装修的建 </t>
  </si>
  <si>
    <t>简装修,重装饰.三万不含电器,家具够了.</t>
  </si>
  <si>
    <t xml:space="preserve">名言??每天读一本好书，就如同在生活中又（）；每时读一页好书，就 </t>
  </si>
  <si>
    <t>每天读一本好书,就如同在生活中打开一个窗口;每时读一页好书,就如同在生活中又上升一级阶梯。</t>
  </si>
  <si>
    <t>我为什么提现不了啊？急上次回答有问题提问时间：2008</t>
  </si>
  <si>
    <t xml:space="preserve">尊敬的客户:     您好！5173回复客服04很高兴为您服务！    请提供您的5173用户名及相关订单信息，以便查询后及时给您回复。                                                    </t>
  </si>
  <si>
    <t xml:space="preserve">我想知道夏利TJ7101的性能怎样,谁能告诉我?因为想买它,就是 </t>
  </si>
  <si>
    <t>夏利车简单，皮实，耐用。尤其是7101两厢款。如果新车磨合得好百公里耗油应在5升左右。但是它的舒适度和隔音比较差，别跑快了60至80迈比较合适。新车在一年后会出现一些小毛病，有的自己可以动手解决。大点的花钱修也花不了多少。看怎么开了我现在养车每月费用大概在600元左右。</t>
  </si>
  <si>
    <t xml:space="preserve">怎么办哦，有经验的姐姐阿姨进我的上胸围75下胸围70不带文胸的话 </t>
  </si>
  <si>
    <t xml:space="preserve">第一步：首先知道自己的下胸围 首先你要量出自己的胸围和下胸围（75A中的75就是指下胸围）,乳房下垂者应把乳房推高至正常位置测量，下胸围的可用标号有：70、75、80、85、90、95、100、105cm。 第二步：确定胸罩的罩杯 AA、A、B、C、D、E、F是指罩杯大小，胸围减去下胸围就是罩杯大小，如果你胸围减下胸围之差是10cm那么你应用A罩（祥见下表）。 罩杯尺寸 胸围与下胸围之差 。 AA 7.5cm A 10 cm B 12.5cm C 15 cm D 17.5cm E 20 cm F 22.5cm 　 例 ：你的胸围量得为８９cm，你的下胸围量得为７４cm，两数相减得12cm，那就用Ｄ杯，您应该戴的胸罩为７５Ｄ的。 由于厂商、用料、杯型及款式等一些的原因，还有半杯、四分之三杯等，所以建议您在购买胸罩时最好还是试穿一下。 胸罩正确穿法： 了解内衣的尺寸后，就可以开始挑选自己喜爱的内衣了。不过许多女性不了解内衣的正确穿法，若依循以下几个步骤，更可以衬托出线条美： 一、上半身向前倾斜四十五度，手臂穿过肩带，挂上双肩，用双手托住罩杯下方。 二、上身保持前倾姿势，扣上背钩，使胸部圆满进入罩杯中。 三、扣好後，左右两肩带轻轻往上拉，调整至最舒适的位置为准，以二手指头能伸进去为宜，使之不会太紧或太松。 四、后背钩位置应平行固定于肩胛骨下方。 五、将外露之胸部调整至罩杯内，使整个胸部呈现自然状态 ． 胸罩的分类 1、罩杯 （1）全罩胸罩，可以将全部的乳房包容于罩杯内，具有支撑与提升集中的效果，是最具功能形的罩杯。任何体型皆适合，适合乳房丰满及肉质柔软的人。 （2）3/4罩杯胸罩，3/4罩杯是三款胸罩中，集中效果最好的款式，如果你想让乳沟明显的显现出来，那您一定要选择3/4罩杯来凸显乳房的曲线。任何体形皆适合。 （3）1/2罩杯胸罩，利于搭配，此种胸罩通常可将肩带取下，成为无肩带内衣，适合露肩的衣服，机能性虽较弱，但提升的效果颇不错，胸部娇小者穿着后会显得较丰满。 2、外形设计 （1）无肩带胸罩，大多以钢圈来支撑胸部，便于搭配露肩及宽领性感的服饰。 （2）魔术胸罩，在罩杯内侧装入称垫，藉以提升并托高胸部，可表现胸形及深隧的乳沟。 （3）无缝胸罩，罩杯表面是无缝处理，缝入厚的棉垫，胸下围之土台也是无缝处理，适合搭配紧身服饰。 （4）前扣胸罩，钩扣安装于前方之胸罩，一般便于穿着，也具有些集中效果。 （5）长束型胸罩，是标准胸罩一种，罩杯下端之土台较长，能把腹部背部之赘肉及多余的脂肪往胸部集中。 （6）无肩带长型胸罩，可以调整腹部、腰部之赘肉，表现你的曲线，现多用来搭配性感服饰，比如晚礼服等。 （7）休闲型胸罩，一般都是用来搭配服饰或平日居家休而穿着的。 二．购买束衣裤的要点 有的女性容易走进买小一号的误区，以为穿小一些的内衣，就可以苗条一些。大错特错！小一号的文胸会把你的乳房压至变小甚至变平，而小一号的束裤会让臀部变扁。腿变得更粗，还会出现难看的腰腹部、腰腿部切线。所以准确测量自己的身体，得出正确的尺寸，是选购内衣的关键。同样大一号也起不了作用，反倒使身体的肌肉更加松垮，增加浮肉。 购买束衣时，你需要知道几个尺寸，一是胸上围尺寸，用来确定罩杯型号，就是一般所说的A、B、C、D等等。另一个是胸廓尺寸，用来确定所需内衣的胸围尺码。当然还要知道你的腰围。但购买束裤时除了腰围，还需了解臀围。 当然购买时最好进行试穿检查，因为身体随着不同的时间都有微妙的变化。试穿束衣时得注意几点： 1、 下胸围是否紧贴，是否水平地穿戴于身体。 2、 前中心应该可以容纳一个手指的空间。 3、 罩杯上缘是否过紧，罩杯尺码是否合适。 4、 肋边肌肉是否受挤压或突出罩杯。 5、 肩带是否合适。 6、背扣是否水平地固定于肩胛骨之下的位置。 三、如何正确选择文胸 1、 胸部扁平、扩散、外溢型丽人如何选择文胸？ 胸部扁平、扩散所造成的外溢是有很多原因的，除了天生的外溢，有些是因为长时间不穿文胸，如有许多女性认为冬季衣服较厚，穿不穿都无所谓，这样就造成你的胸部无支撑点，致使胸部任意游去，从而形成胸部外溢。或者是因为你的胸部并不小，却不知如何选择怎样的尺寸才可以托住，错误地认为文胸穿好就是要有紧绷的感觉，因为穿得太小，包容不住你的胸部，把你本来很漂亮的胸部给弄扁平了；也有些女性是因为款型没有选好，致使自己的胸部无法集中，造成扩散。因此，我们在选择文胸时一定不要怕麻烦，要了解自己适合什么样的文胸才有目的去挑选，如果有以上三种情况的女性请选用集中型的文胸，也就是3/4罩杯的文胸，它能使你的胸部集中。衬托出挺拔的曲线。但要记住，不能认为冬季可以免穿，这样你就会全功尽弃。 2、 胸部下垂型丽人如何选择文胸？ 还是穿伸缩性的运动型胸罩比较好。做激烈运动时不穿胸罩，易使胸部曲线走样。运动时会感到胸罩是个累赘。是因为胸罩布料的伸缩性无法承受身体激烈运动所带来的振动力。针对运动设计的胸罩，一般采用吸汗力强的高科技素材，所以很适合喜好运动的女性穿着。 3、 胸部娇小型丽人如何选择文胸？ 胸部娇小实属先天型，但可以用功能文胸来进行弥补，平时自己注意是否穿戴合适，不要认为自己的胸部太小，就可以不穿文胸或者穿较紧身的文胸，要知道，不穿文胸的后果将是扁平，太小的文胸会更加压抑，应穿戴略大一点的文胸，首先让胸部血液流通，加强它的活动窨让它可以朝合适的位置和空间发展（如果你这样健胸有进步的话，记住，再换大点的文胸）。 针对娇小型的女性，市场上出现许多健胸款式供你选择，例如有按摩型有促进血液循环的微元素的织布文胸，它们对健胸都具有一定的作用，另外你还可选择定型罩杯文胸，它们都比较适合胸部娇小的女性。如何面对丰富多彩的文胸，希望广大的女性能用大胆的眼光，认真地去挑选、试穿，记住，一定要认真地试穿，因为正确的选择，不仅使文胸成为你的第二肌肤，更可以创造你的魅力。 4、 丰满的乳房如何选择文胸 丰满的女士，可佩戴闪光的珠宝，可化妆艳丽的油彩，更可穿华贵的服装，那是因为，她们天生担当得起各种漂亮的饰物。丰满女士最好穿黑色白色系（乳白、牙白、漂白、灰白等）的内衣。中性色或各种加灰色系，都会减弱丰满女士的光彩。同时，黑或白色的内衣，与各色外装搭配都比较容易配色。轻、薄、丝质面料，适合丰满女士的内衣。运用蕾丝、荷叶边装饰，可使文胸、吊带裙、睡裙充满女性柔美和浪漫。薄的弹性面料是这类内衣的常用品，不仅使人舒适，而且不显累赘，使丰满体形具有现代时代的风格。最好不选纯棉质内衣，因为虽然棉质有吸汗、透气的优点，但对于丰满体形来说，容易造成臃肿、落伍的不良效果；对于丰满女士来说，最好不选加内垫的文胸和加压衬的底裤，强力腰封也不益于形体塑造，反倒给人厚重的造作之感。应当相信，你的丰满本身就是一种自然，加垫加厚加压的造型，容易加出赘肉，反而不美。但是，身体侧肋部位的文胸拉架应有加强功能。因为拉架加强可以将乳房调整得坚实、挺拔。此外，一定要选高档面料内衣，因为廉价面料的内衣穿不了几次就松泄得无造型了，弃之不舍，而穿又不妥，令人烦恼。 文胸最好选深罩杯和3/4、4/4型，宽肩带，加钢丝托，有利于丰胸的造型。1/2罩杯承托不住丰满的乳房，很容易出现乳房上溢、松松垮垮、疲惫的样子，很难看。底裤选三角裤或丁字裤。睡裙长短都好。肩饰、胸饰的种类很多，可依个人喜爱择之。连体束衣要注意与外装匹配，既可选与外装同色系，也可选与外装反色系，如黑色内衣与白色套装搭配，都很亮丽。 5、不同场合如何穿文胸 在不同的环境下该穿什么样的文胸，是每一位女性都想知道的，因此，在新婚、居家、晨跑、逛街、怀孕、产后等环境下，穿什么样的文胸才合适呢？ 有关专家认为：结婚当天的女士最好穿插式文身连内衣，这是因为它修饰性强，织花、花边、贴花都配衬得美丽华贵，而婚纱薄而透明，衬起来更显内在美，但穿露肩款式的礼服时则以1/2罩杯加衬半身束衣为宜，这样可避免肩带外露，增加稳定感倍加性感：居家穿文胸以宽松的小夜衣、睡衣营造舒适的气氛；运动要选吸汗透气，肩带安定的文胸。逛街穿文、马甲连身衣、内衣外穿的款式也可以。怀孕的妇女穿文胸最好选柔软、安定、支撑性好的产品，这是因为怀孕期乳房及身体会产生极大的变化，尤其是超过五个月后，身体各部位都明显发胖，这时要随身材的改变而换穿不同尺码的文胸；产后的妇女穿文胸，要穿着束腰与束裤，罩杯应选全包型，可以包住肉向上托起乳房，使其稳定胸型，哺乳期的产妇最好选择专用开扣式文胸以便哺乳。 </t>
  </si>
  <si>
    <t xml:space="preserve">买的股票退市了，怎么办？三板是什么意思？ </t>
  </si>
  <si>
    <t>证券市场按证券进入市场的顺序可以分为发行市场和交易市场。发行市场又称一级市场，交易市场也称为二级市场。这同主板市场、二板市场，以及三板市场完全不是一个概念。 我国的深市沪市均为主板市场，目前我国没有明确的建立二板市场，但是类似的市场为深交所的中小企业板。 三板市场的全称是“代办股份转让系统”，于2001年7月16日正式开办。三板市场一方面为退市后的上市公司股份提供继续流通的场所，另一方面解决原STAQ、NET系统历史遗留的数家公司法人股流通问题。你可以通过该系统进行交易，或等着它以后重新回到一级市场，不过估计很难！</t>
  </si>
  <si>
    <t xml:space="preserve">女，27岁，昨天晚上开始血尿，血液鲜红，有长条形的血块，整个过程? </t>
  </si>
  <si>
    <t>你必须去医院检查一下泌尿系统,1.全程血尿,你年纪不大,结石的可能性要大.做个B超,还有可能要做个肾分泌造影检查.2.泌尿系统炎症,做个化验,看尿里有没有细菌,或白细胞等3.再有一个可能就是肿瘤,B超一般可以解决.4.外伤.你这几天受过外伤吗?也就是病史.早发现,早诊断,早治疗.祝你健康!!!!!!!</t>
  </si>
  <si>
    <t xml:space="preserve">玩进球彩的朋友请进阿斯科VS切　沃　10/12卡塔尼VS桑普多2 </t>
  </si>
  <si>
    <t>阿斯科 VS 切　沃　10/12 卡塔尼 VS 桑普多 23/2 罗马 VS 卡利亚 2/0  -----很干脆，搏的不错，就怕卡利亚进一个乌迪内 VS AC米兰 10/12 A米让人怀疑</t>
  </si>
  <si>
    <t xml:space="preserve">请各位高手帮忙??急急急昨天我从商城买了个技能项链可使用30天, </t>
  </si>
  <si>
    <t>在商城买的是超级技能项链，有使用的期限。要求级别的是技能项链，没有使用期限。带超级技能项链练技能的时候，增加的点数是平常的3倍，技能项链是2倍。</t>
  </si>
  <si>
    <t xml:space="preserve">秋天气色不太好,面色无光泽,暗淡无光,有什么养颜好方法? </t>
  </si>
  <si>
    <t>可以适量喝点红酒，红酒焕肤效果不错。</t>
  </si>
  <si>
    <t xml:space="preserve">女儿脸上长小疙瘩我女儿1岁3个月了，大约在她8个月左右的时候腮帮 </t>
  </si>
  <si>
    <t>这是一种皮肤类型，我从小也是这样，跟遗传有关，长大后多注意保养，选择合适的护肤品就没事了，千万不要抠。如果你实在不放心，就带孩子去医院看看</t>
  </si>
  <si>
    <t xml:space="preserve">怎样才能防止眼镜从鼻梁上滑下来？ </t>
  </si>
  <si>
    <t>避免不了,可以拿眼镜到店去调整眼镜框,1。把镜架弄紧 弯曲镜架即可 2。在镜腿上系上一根绳子 像泳镜那样 3。换一副更轻的眼镜如果对你有帮助，请给有用，谢谢</t>
  </si>
  <si>
    <t xml:space="preserve">我是否还有机会今年我要高考了，我的成绩算是比较差的，平时的月考都 </t>
  </si>
  <si>
    <t xml:space="preserve">有机会 只要你有执着的信念 外加百分之百的努力 你就永远还存在着机会 别轻易的放弃了自己 还有好几个月呢 再加把劲 拼搏一下  别把自己看低了 人的潜力是无限的  听我的 别放弃啊 加油啊  </t>
  </si>
  <si>
    <t xml:space="preserve">哪款液晶电视实用性强？妇女节刚过，接着就是母亲节、父亲节、儿童节 </t>
  </si>
  <si>
    <t>创维的可以，功能丰富，能很好的满足不同人的需求，是真正的家庭娱乐核心。主要是面板好，采用的ips硬屏是苹果的合作伙伴，技术高端，性能出众。</t>
  </si>
  <si>
    <t xml:space="preserve">如何提高自己的驾驶技术？ </t>
  </si>
  <si>
    <t>提高规避和处置交通风险的能力特殊天气行使\特殊路况行使\夜间行使\高速公路行使\如何应对突发事件以及提高驾技的特别提示等，《我爱我车》之《驾技提高》教您掌握驾驶技巧技能。</t>
  </si>
  <si>
    <t xml:space="preserve">幽暗城的洛丹沦平民刚才出幽暗城发现城里有好多洛丹沦平民在游荡请问 </t>
  </si>
  <si>
    <t>一般人看不到那种怪，因为那种怪是隐形的，但是你身上有侦测隐形的状态时，你就能看到他们了，大约15级，能掉点铜币亚麻布，运气好可能还有孔雀石。如果你等级不高，千万不要在那个地方放AOE技能，那真叫鬼缠上了。。</t>
  </si>
  <si>
    <t xml:space="preserve">多种应用程序(word\excel)启动时提示：此应用程序要wi? </t>
  </si>
  <si>
    <t>建议解决方法：1、升级杀毒软件并到安全模式下杀毒2、然后重新安装office办公软件。</t>
  </si>
  <si>
    <t xml:space="preserve">急急急！！！孙悟空几次进入妖怪肚中？举出其中的两个例子 </t>
  </si>
  <si>
    <t>鐵扇公主、老鼠精（李靖義女）、蛇妖、獅??X、黃眉老怪、黑熊精（觀音?悟空?成丹?騙牠服下）、好像就這些了。。。。。。</t>
  </si>
  <si>
    <t xml:space="preserve">为什么没好孕？　我和老公非药物避孕半年多了，我们想要个孩子，为此 </t>
  </si>
  <si>
    <t>根据月经周期推算、排卵试纸与基础体温三者相结合能比较准确地确定排卵日，如果没有测基础体温，那么前两者结合也能基本准确地测定排卵日。具体方法可以这样：先根据月经周期大概算出一个区间（因为周期有偏差，所以算出的时间是一个区间），即排卵期，再在这个区间稍提前一点用试纸测，在测到强阳时就可能在这以后的24--48小时内排卵。</t>
  </si>
  <si>
    <t xml:space="preserve">朝鲜的什么矿产资源比较丰富 </t>
  </si>
  <si>
    <t xml:space="preserve">朝鲜的自然资源现状大体来看的话，在朝鲜地区至今为止共确认了360多种天然矿物，其中仅有性的有用矿物就达200多种。特别是菱镁矿的埋藏量在全世界处于第一位，在前十位的矿物还有钨，钼，石墨，重晶石，萤石等7种。朝鲜地区拥有如此丰富的金属矿物和能源矿物，工业原料和燃料的70％由国内自给自足。但是尚未发现石油，煤炭也是无烟煤和褐煤的埋藏量丰富，但是钢铁制造工业所必需的沥青煤（焦炭的原料）却几乎没有埋藏。目前占朝鲜矿业比重较大的部门主要是煤炭，铁矿石，铅锌以及石灰石，菱镁矿等生产部门。铁矿石以茂山铁矿为首的20多个矿山进行生产。其中茂山铁矿埋藏量约10亿吨，是年生产能力达800多万吨的朝鲜最大的铁矿山，也是世界性的露天矿山。铁矿石生产量由于铁矿山的持续扩张与开发，1970年代以后以年平均2～3％增长，但是最近因勘探实绩不振，矿山设备落后等遭遇停滞状态。  　　朝鲜煤炭大体分为无烟煤和烟煤，无烟煤产地主要在平安南北道，烟煤主要分布在咸境南北道。根据区域划分，朝鲜有四大煤田，分别是平安南道北部、平安南道南部、咸境北道北部和咸境南道南部。目前，朝鲜中央级的煤矿共100余个，其中无烟煤矿70多个，烟煤矿30多个，地方级的中小煤矿有500多个。  　　平安南道南部以平壤为中心向东西延伸80公里的区域内，无烟煤储量十分丰富。有代表性的煤矿有，三神（大城区三神洞）、寺洞（寺洞区）、龙城（龙城区）、黑岭（江东郡黑岭劳动者区）、江东（江东郡）、江西（江西郡）、成川（成川郡）、温泉（温泉郡）等。平安南道北部无烟煤分布达668平方公里，主要煤矿有，德川市的德川、形峰、济南，介川市的朝阳、介川、凤泉、盐田、原里、新林，北仓郡的松南、岘洞，银山郡的新昌、天圣、永大，顺川市的无震台、直洞，平安北道球场郡的龙登、龙门、龙铁等。  　　咸境北道北部煤田（阿吾地里以北）、南部煤田（清津以南）和平安南道安州煤田等地的烟煤储量最为丰富。北部规模最大的煤矿有恩德郡的阿吾地、茂山市的五峰、会宁市的会宁等。安州煤矿2－5米厚的矿层达到7个，主要出产发热量在5300kcal以上的褐煤，年产量达700万吨，是朝鲜最大的煤矿。  　　朝鲜煤炭的探明储量为147.4亿吨，其中无烟煤储量117.4亿吨，褐煤储量30亿吨，现有技术条件下的可开采储量约为79亿吨（据韩国统一部统计）。  　　受技术和设备的限制，朝鲜煤炭产量自1980年代末开始逐年下降。（1980年代以来部分年份产量表见下）  　　单位：万吨  　　年度        1980     1985      1990     1993    1995      1999      2000      2002  　　生产量      3,02    3,750     3,315     2,710   2,370    2,100     2,250      2,190 </t>
  </si>
  <si>
    <t xml:space="preserve">怎么能让宝宝解决问题的能力更强呢？ </t>
  </si>
  <si>
    <t>育儿专家提醒各位妈妈，虽然每个宝宝或早或晚都会具备这项能力，但是如果有充足的营养的话，宝宝会发展得更好。2009年最新卓凡研究显示：婴儿期补充临床验证水平DHA和ARA的宝宝，9月龄时解决问题能力更好。而儿童成长专家相信，宝宝成功解决问题后体验到的乐趣，可以激发他们进一步探索的欲望。</t>
  </si>
  <si>
    <t xml:space="preserve">我的乳房在有了地个男人性交后涨大很多，但现在就是不再发达了？ </t>
  </si>
  <si>
    <t>开包后增大是性刺激的结果，以后就不再增大了。</t>
  </si>
  <si>
    <t>硬盘IDE接口与S</t>
  </si>
  <si>
    <t>SATA，不只是速度的问题，你要想用大硬盘，必须得有SATA接口</t>
  </si>
  <si>
    <t xml:space="preserve">格林威治时间的零点，是北京时间的几点？ </t>
  </si>
  <si>
    <t>格林威治时间的零点，是北京时间早上8点，英国格林威治时间位于0时区，又称世界标准时间，比中国的北京时间东八区晚8小时。</t>
  </si>
  <si>
    <t xml:space="preserve">600206\600012走势如何?还能持有吗?2008年,60 </t>
  </si>
  <si>
    <t>600206,600012后市看好,继续持有</t>
  </si>
  <si>
    <t xml:space="preserve">1996年中国甲A联赛最佳射手是？ </t>
  </si>
  <si>
    <t>宿茂榛</t>
  </si>
  <si>
    <t xml:space="preserve">计算机不能上网不知什么原因我的电脑从昨天开始就不能上网了，并且显 </t>
  </si>
  <si>
    <t>中毒了，建议：升级杀毒软件并到安全模式下杀毒，推荐下载个优化软件即可，用瑞星卡卡助手吧，相当不错。</t>
  </si>
  <si>
    <t xml:space="preserve">新手问题：考试入场全国计算机等级考试允许带手表进去吗？允许携带笔 </t>
  </si>
  <si>
    <t>允许提前30分钟入场</t>
  </si>
  <si>
    <t xml:space="preserve">银华核心价值优选要拆分?这只基金表现如何?听说它要拆分了 </t>
  </si>
  <si>
    <t>很滥的基金，我买过，被套了两个月，后来杀之。建议不要买拆分后的基金，拆分没有任何意义，忽悠新基民而已。拆分后收益一般都不行。</t>
  </si>
  <si>
    <t xml:space="preserve">难道大学毕业，没找到工作，档案必须迁离学校吗！我是某重点大学20 </t>
  </si>
  <si>
    <t>国家是有规定学校给学生保存一定的期限，但一般学校都不给予办理。一般是挂靠人才市场，其实放在人才市场对于我们更方便。跟市场直接挂钩就是钱了，所以给钱就可以解决了。但要是放在哪个不交钱的地方，你到时候盖章有你忙的了，，</t>
  </si>
  <si>
    <t xml:space="preserve">我有个同事，整天神经兮兮的，不正常，是不是有精神病的前兆？有这种 </t>
  </si>
  <si>
    <t>对性格有偏激的同事不要过于和她叫真，能让就让着点，没什么大不了的；不要太疏远她，同事之间还是友好比较好，对她的性格会有帮助；如果大家能都亲近的对她，也许真有病也能不治而愈。人与人之间的相互关心是千金难买的。</t>
  </si>
  <si>
    <t xml:space="preserve">求一篇作文&lt;&lt;心中的天使&gt;&gt;同上.要求500字谢谢`体裁随便 </t>
  </si>
  <si>
    <t xml:space="preserve">                 雕刻心中的天使    天使,是真善美的化身.天使,是勇敢与坚强的象征.    雕刻家之所以能把一块普通的大理石变成美丽的天使,是因为他心中对真善美的坚持,是因为他心中勇敢和坚强的精神的存在啊!     但是,像雕刻家这样拥有心中天使的人其实不少,像雕刻家这样能把心中的天使雕刻出来的人却并不多啊!     然而,我们别为这样而感到世界的冷漠和灰心.在我们身边,不是一样有美丽的"天使"存在着吗?     还记得"2005年十大感动中国"之一的丛飞吗?还记得那个永远是我们广东骄傲的丛飞吗?在他短暂的一生中,他用有限的生命和时间,投入到无限的扶困助弱行动中.他用可以计算的金钱,投入到无以称量的爱心工作中.他更是用炽热的青春,为我们谱写出一曲青春无悔的乐章!     他平凡，他并不漂亮，他也没有富裕的家境，可是，他却成为了我们心中的一位天使。只因为，在他的心中，也有一位美丽的天使！     诚然，倘若我们心中没有天使的存在，没有真善美的鼓励，没有勇敢和坚强的支持，又怎么能在中把天使的美好形象表现出来呢？又怎么能把人性的美丽渲染世界上的每一个心灵呢？     在日新月异的社会里，经济的发达，国家的强大，将我们原来落后的村落转变成设备齐全的大都市。高楼大厦如雨后春笋般拔起，代替了往日紧靠的矮楼。然而，人与人之间却失去了昔日的和睦和信任，世界变得越来越冷漠。看见街头有人被抢劫，人们只是因为抱着凑热闹的心态而停下脚步；邻里们遇到麻烦，人们也只是关上自家的窗户装作若无其事；为了自身的利益，对骚扰到别人的生活时人们甚至强词夺理……     请问那些被城市污浊的灰尘掩盖了真善美的人们，你们的心中天使哪去了？     曾经有一位哲学家说过，人的影子之所以不会歪倒，是因为人心有真善美的存在。在当今社会，我们太需要天使的形象，太需要真善美的化身来净化我们的社会，来洗刷我们被世俗所污染了的本性，我们也太需要想丛飞这样的人来震撼我们冰冷的心灵。能生活在一个美丽、纯洁、没有纷争没有战争的世界里，一直是我们人类上千年来梦寐以求的梦想啊！     孟子先生认为“人之初，性本善”。每个人在心中都有一位美丽的天使，每个人心中都有真善美的存在。我们为什么不努力把心中的天使雕刻出来，去改变这个日渐冷漠的世界，去让我们的世界，充满更多的爱与感动呢？    期待，天使从心灵展翅出现的一刻。那么，你雕刻出你心中的天使吗？                                   我 是 天 使    很小很小的时候，总是喜爱看妈妈穿白色的裙子，她那么美，那么快乐，被妈妈牵着小手好幸福好幸福！那时侯，妈妈就是我心中的天使。然而妈妈却爱亲昵地叫着我：“安琪，你是天使！”    我不是天使，要不被接进天堂的怎会是妈妈，而不是我呢？    “我希望我的安琪能像天使一样，美好！”妈妈的日记中写到。我擦干泪水，妈妈希望我成为天使，像天使一样，那么我就要做一个天使，即使我不是，但我会很努力。但，天使是什么样的呢？    像妈妈那样的吧！    于是，我留长长的头发，梳得很美。穿长长的白裙子，步履轻盈。说话甜丝丝的，动作也很轻柔。看着镜中的自己，原来我和妈妈长得很像。但是我的心对我说：“你只是看起来像天使，只是看起来很美好，但你不是！”    怎样才是天使？我问心中的自己，但没有回答。也许是真正的美好吧，我又想，于是去寻找真正的美好。    我开始学着像妈妈那样微笑，很温暖，很舒心。我学着把这样的微笑送给每一个人，无论是贫富、贵贱、老弱病残。也许是世界需要这样的微笑，也许是我，我的心一天天变得透明轻盈。世界很美好，微笑般美好，但我不是天使。我和我的心经常对话，怎样才能成为那个心中的天使，心灵总没有明确的回答，但我在努力！    直到有一天，我拿着妈妈留下的自愿者服务卡来到“童之家”。我似乎感觉到我将要在这儿插上我的羽翼。    这儿的孤儿、智障儿很可怜，但我为他们做事情却感到很幸福。虽然仅仅是清理房间，教他们读写画画，陪他们玩游戏。看着他们单纯的笑，我觉得，他们是天使，我也是！    “天使姐姐，你跟我一起玩吧！”低下头，一个天使般的小妹妹对着我笑，“你很善良！”这是最好的赞赏。    “哗！”我的羽翼张开了！原来善良与真诚才是天使的一双羽翼。我想起了妈妈。    原来她一直希望我善良、真诚，像天使一样美好！    我懂了，也做到了。    我是天使，很美好。</t>
  </si>
  <si>
    <t xml:space="preserve">900元以内的GF6600GT不想超频，哪款性能好呀！先谢谢了！ </t>
  </si>
  <si>
    <t xml:space="preserve">技嘉 GV-NX66TG2D 880就是个好的选择 </t>
  </si>
  <si>
    <t>06001期英超部分澳门受注盘</t>
  </si>
  <si>
    <t>新年好运,001兄!</t>
  </si>
  <si>
    <t xml:space="preserve">犬夜叉到底有没有完结呀(包括TV版和漫画版),如果完结了,结局是? </t>
  </si>
  <si>
    <t>版最后一集：两人的羁绊 使用四魂碎片吧！）   出现了一群除妖的行者。犬夜叉等跟着行者的小鬼找到了御灵丸。神乐带着妖怪攻击了御灵丸的寺院，却被御灵丸打成重伤后逃走。铃救了掉在水里的神乐，神乐将奈落的心脏的事告诉了杀生丸后离开了。（看到这里我才知道原来神乐喜欢杀殿呀~不过这也很正常~杀殿那么帅~是女人都会喜欢的~）白童子带着神乐杀了御灵丸，原来奈落一直利用御灵丸的寺院的厚重妖气来隐藏其心脏。犬夜叉追着神乐进入了鬼之岩。鬼之岩原本是鬼的肚子，奈落使用四魂碎片使鬼复活，将犬夜叉等困在其中。犬夜叉利用四魂碎片强化铁碎牙，但是四魂碎片却被鬼肚子里的妖气所污染，使犬夜叉也失去了理智。戈薇抱住犬夜叉帮助净化了四魂碎片，犬夜叉用金刚枪破劈开了鬼之肚，众人得救。《片尾曲》开始，一边唱一边先后出现杀生丸、桔梗、奈落、神乐、琥珀、神无、钢牙、刀刀齐、梦心大师、枫婆婆、爷爷、草太、妈妈的镜头。然后犬夜叉、戈薇、弥勒、珊瑚、七宝、云母又开始踏上了追击奈落的旅途.（TV版大结局）犬夜叉剧场版简介（自TV版开播以来一直一年一部剧场版）1. 穿越时空的思念。    发出异常妖力的“不归之森”。桔梗感觉到了，什么不吉的事就要发生的预感。元寇时候从大陆东渡到日本的妖怪军团，被当时支配关西的犬夜叉的父亲给击退了，封印于这座森林。但是，背负着一族的怨念，那个首领之子玛瑙丸终于复活了。开始，使用着两位美少女妖怪琉璃和玻璃，犬夜叉他们来到了附近。琉璃仿照了弥勒的风穴，玻璃支配了云母的心。但是，玛瑙丸的目标并不是四魂之玉的碎片，而是犬夜叉的父亲的遗物——妖刀铁碎牙。为了用那个力量进化成更强大的妖怪。　　经过200年漫长的岁月要向犬夜叉复仇的玛瑙丸。那个能量变成了强大的力量，其强力的攻击使犬夜叉负了濒死的重伤。被夺走风穴的弥勒、被云母袭击的珊瑚，被强力的羁绊结合在一起的同伴们中产生了动摇。被追击得走投无路，对着中了玛瑙丸的妖术想要杀掉犬夜叉的戈薇，桔梗冷酷的告戒：“回到你的时代去”……　　战国和现代——被离间的犬夜叉和戈薇。走投无路的危机中，会发生奇迹吗？-------------------------------------------------------2. 镜中的梦幻城。    曾经有一个男人，在回家的途中，看见了天女在河边洗澡，于是偷偷的将她的羽衣带回了家中，想让他和自己一起度过余生，但是天女并没有和他结婚，却杀死了除他以外所有的村人，最后被路过的法师所封印，而这个天女的名字就是神久夜......    在新月之夜，犬夜叉一行与奈落进行着最终决战，尽管犬夜叉很想杀死奈落，但由于自己的妖力尽失（如果奈落知道犬夜叉变回人型的时间，后果可就....)，只能依靠弥勒等人在外与奈落战斗,但面临奈落强大的妖力，弥勒等人怎能将其杀死?最后奈落反而追击着阿篱，并将犬夜叉所待的房间撞了个粉碎。而此时，太阳出来了，犬夜叉恢复了妖力，随即一招风之伤将奈落砍了个粉碎，经过激烈的战斗，奈落消失了（此部分很长，大概打了8分钟左右，很过瘾的哦），同时弥勒也发现自己的风穴随着奈落的死亡，消失了.... 奈落死后，众人各自踏上了自己的旅途。弥勒回到了他父亲的寺庙，参拜他的父亲。珊瑚则在回乡途中，找到解除了束缚的琥珀，二人一起回到了家乡。阿篱人仍然和犬夜叉，七宝寻找着四魂之玉的碎片。    奈落死了，神乐等人当然也获得了自由，而神乐并没有安分下来，在一个夜晚，她出现在犬夜叉和阿篱的面前，并对犬夜叉展开了攻击出乎意外的，神乐得到了一个在镜中的女人的帮助，将犬夜叉打了个落花流水，并割掉了犬夜叉身上的火鼠裘的袖子，接着便扬长而去，那名镜中的女人，就是神久夜......    接着被袭击的是珊瑚和琥珀，由此观之，神乐的目的似乎是想复活天女-神久夜。而弥勒也打听到了，封印神久夜的正是其父亲，若神久夜复活之后，时光将会静止。而此时，神久夜却已复活，但其力量并未恢复，要想恢复则必须得到天女的羽衣。而犬夜叉和阿篱则遇到了北条君（在现代追阿篱的那个人）的祖先，也就是世代守护天女的羽衣的人，他的目的就是尽快将羽衣，丢入神久夜复活的湖中......　　    阿篱则决定要护送他到达目的地。当夜，阿篱向犬夜叉倾诉了自己对其的爱慕之心，而苯苯的犬夜叉并未有察觉阿篱女孩子的心事，但是神久夜以出现在众人面前，目的是拿走天女的羽衣。犬夜叉立刻迎战，但却被反绑在了树上，阿篱更为犬夜叉挡住了致命的一箭......    随后神久夜带走了阿篱，而犬夜叉为救阿篱，毅然的向镜中的梦幻城进发了......-------------------------------------------------------3. 天下霸道之剑。    与鬼蜘蛛奈落的旧仇新怨不断，犬夜叉也在戈薇与桔梗之间摇摆，忙忙碌碌一年，未待喘息，狗爸爸时代遗留下来的手足未了情又蓄势待发。    兄弟争锋为哪般？因为分赃不均，啊，不是，是遗产问题，那也不全对——其实含蓄典雅的杀生丸比起对宝物垂涎三尺的其他杂鬼反而没多大的在乎！有句歌词说得好：我们为童年和关爱相互厮杀。    在一切没有交叉之前，哥哥杀生丸有气派的坐骑和如影相随的仆从邪见，有裘皮大衣有妖族望门名片；弟弟犬夜叉却是个流浪汉，一身劳动人民装扮，身边偶尔跟着跳来跳去吸血的老爷爷冥加，还被桔梗误会封杀了好多年。可锦衣玉食的杀生丸就是跟艰苦朴素的犬夜叉过不去。为血统问题，为继承人身份，杀生丸挖苦犬夜叉的刻毒劲道像装上了引擎，他想要的一切的一切，不过是一个证明：我才是爸爸的爱子！    可惜，他不是。四魂之玉在别人看来是珍宝，他视之如草芥，即便有所求助，那也不过是工具。没有了父亲的承认，有了天下的尊称又算什么？又正因为没有父亲的承认，所以才拼命去号令天下以替代内心的失落吧。    头一遭与犬夜叉争夺“铁碎牙”惨败，拖着鲜血淋漓与惨淡月光藏进树林，被孤苦伶仃的女童玲所看护。一向傲慢自信地宣称“我从没被别人追上过”的杀生丸在生死离别之际放慢了脚步，挥动“天杀牙”驱走了牛头马面，救活了玲——从此他也有了伙伴，表面冷冰冰，其实内心正担负着父亲与兄长的温情，弥补自己的不幸与玲的不幸。而老父亲把起死回生之剑交给原本最想要大规模杀伤性武器的他，又包含了多少反讽与苦心呢？    如果杀生丸不找他的碴，犬夜叉依然很烦恼，而且急迫需要的不是四魂之玉，而是心理热线。奈落那么穷凶极恶还可以水来土淹，兵来将挡；五百年前的桔梗与五百年后的戈薇可真叫他左右为难！他气鼓鼓地蹲着不说，其实多愁善感，意志一点也不坚定。他把戈薇推回井里压上石头与大树，可压不住心里的思念；他跟着桔梗在梦幻中下沉一直沉到天荒地老却浮起无限留恋。他没有爸爸，见不到妈妈，一天到晚活蹦乱跳，没有伙伴时一个人奔跑，有漂亮的姑娘时驮着她奔跑，他斩钉截铁地在满月之夜气恼地发誓要变成真正的妖怪，可那漫漫成千上万年的孤独日子，连狗爸爸都受不了，他又如何承受得了？    这就是我们的两兄弟，每一个都是天赐的礼物，四魂之玉也好，天下霸道之剑也好，只不过是他们争强好胜的渠道，其实真的要比拼的，是摊开日记本排排坐，“今天爸爸表扬了我”、“我又结交了一个新伙伴”这样的比照。所以，即使无法在弥生时代父亲的支石墓前握手言和，还是心照不宣地相互依存下去吧。-------------------------------------------------------4. 红莲之蓬莱岛。    将于2004.12.23在日本上映。预告篇说其中会涉及到戈薇、桔梗和犬夜叉以后的命运，而且杀生丸大人也会在其中占重要角色哦！</t>
  </si>
  <si>
    <t xml:space="preserve">女明星组合中哪组谁最可爱~~~为什么呀? </t>
  </si>
  <si>
    <t xml:space="preserve">恩 台湾当然是SHE 香港TWINS无敌 两个我都很喜欢 青春 活泼 可爱!!那就贴一张SHE好了 </t>
  </si>
  <si>
    <t xml:space="preserve">每月来月经就一天,且血量也不多,我该怎么办我刚32岁,月经流量一 </t>
  </si>
  <si>
    <t>会不会快闭经了，有些人是很早闭经的，我朋友的妈妈38岁就闭经了，医生说有很多原因的，但有一点说是营养没合理。跟不上，你也可以去医院看看是不是这么一回事，早点看会转好一点的。</t>
  </si>
  <si>
    <t xml:space="preserve">你喜欢我的哪一点？这个怎么说啊？很有男人味儿这一点。你喜欢什么样? </t>
  </si>
  <si>
    <t xml:space="preserve">翻译：（英语当中的sunny不能表示汉语用于描写男子的外表的阳光，只能用healthy代替。）What good point of mine do you like?How do I say it now? But you are really manly!Then what kind of boy do you like?Me? Hmm, in simple words, he should be handsome, healthy and like a real gentleman. </t>
  </si>
  <si>
    <t xml:space="preserve">谁能设计出合适的眉形？我的脸属于小的瓜子脸，眼睛是单眼皮但不是很 </t>
  </si>
  <si>
    <t>去美容院，让她们给你修个适合你的眉型，然后以后自己照着这个眉型来修剪就好了。</t>
  </si>
  <si>
    <t xml:space="preserve">松脂除了掉鱼还能怎么得到啊？？怎么才能得到松脂？？皮袋是怎么得到 </t>
  </si>
  <si>
    <t>松脂在克兰村北边岛上的花丛可以采集到坐标是1382 1375皮袋是制作的 只能做具体方法是做出缝衣针做工具 用三个麻线 三个兽皮制作</t>
  </si>
  <si>
    <t xml:space="preserve">好孕多久才能去B超？请问各位大师及有经验的JM，好孕多久才能去医 </t>
  </si>
  <si>
    <t>一般保健站建议是16-20周做第一个B超,做多了孩子有血管瘤的可能,我的同事中有俩个孩子因为B超做多了患血管瘤的,没流产先兆3个月以内最好不做,没有科学依据说B超对孩子有影响,同样也没依据说没影响,但得血管瘤的很多</t>
  </si>
  <si>
    <t xml:space="preserve">算命这种东西可信吗？ </t>
  </si>
  <si>
    <t>从哲学的意义上讲，人的命运是可以预测的，从个体的角度上看，这种预测是没有意义的。</t>
  </si>
  <si>
    <t xml:space="preserve">大盘今天到底了么?为什么？业绩差的股票都按预期跌完了，所以，真到 </t>
  </si>
  <si>
    <t>5月以前看不见底</t>
  </si>
  <si>
    <t xml:space="preserve">我下好了客户端就是升级不了每次自动升级完了提示是1.79版本可还 </t>
  </si>
  <si>
    <t>你玩的什么游戏啊?不说清楚怎么帮你?</t>
  </si>
  <si>
    <t xml:space="preserve">我爱上一个贱女人怎么办? </t>
  </si>
  <si>
    <t>既然你爱她又何必在意这些,只要她和你一起的时候不贱就行了呀.</t>
  </si>
  <si>
    <t xml:space="preserve">在京东可以买到全新的MX四核手机吗？ </t>
  </si>
  <si>
    <t>可以啊，京东也是同步首发啊，我今天刚刚看了下，</t>
  </si>
  <si>
    <t xml:space="preserve">误删应用程序怎么办啊?我是一个刚学电脑的菜鸟,昨天在用卡巴斯基软 </t>
  </si>
  <si>
    <t>在运行窗口中输入mscnfig 打开系统配置程序，在启动选项卡中把有前search的程序前的勾去掉，</t>
  </si>
  <si>
    <t xml:space="preserve">3个月大的宝宝脚肿了，可以用白花油或者是云南白药吗？3个月大的宝 </t>
  </si>
  <si>
    <t>不可以用这两种药，建议您去药店买或去医院开外用药！记住是说给宝宝用的！</t>
  </si>
  <si>
    <t xml:space="preserve">请问闯红灯罚多少钱?汽车,摩托车呢?如题,谢谢 </t>
  </si>
  <si>
    <t>闯红灯罚200元,摩托车???现在有几辆摩托车是审验过的.</t>
  </si>
  <si>
    <t xml:space="preserve">请问读音解落三秋叶，能开二月花。。。第一个字读jie还是xie？ </t>
  </si>
  <si>
    <t>淡色调：你好。你问：解落三秋叶，能开二月花。第一个字读jie还是xie？应该读“jiě”，不能读“xie”。这是李峤《风》的第一句话。《小学生必背古诗词》的注解：【解】jiě 能够，会。《?h語大字典》的注解：【解】jiě（21）能够，会。</t>
  </si>
  <si>
    <t xml:space="preserve">国家权威的电脑考证有哪些？ </t>
  </si>
  <si>
    <t>计算机等级证书，计算机技术与软件专业技术资格（水平）考试，CISP（注册信息安全专业人员）等，都能取得相应的国家资质证书</t>
  </si>
  <si>
    <t xml:space="preserve">如何更换模板 </t>
  </si>
  <si>
    <t>您好：登录您的博客后，点击【板式】可以选择两版或三版模式，点击首页导航键的“风格”即可更换新浪模板，在右侧选择“自定义模板”即可上传自己喜欢的图片作为通栏背景或博客大背景图片。您也可以参阅博客帮助： 新浪博客实用功能介绍请参阅： 更多博客模板： 如果您的博客在使用中遇到任何问题，您均可点击博客底下的“新浪 BLOG意见反馈留言板”或拨打新浪7×24小时客服电话95105670 提示音后按2键*2键（按您当地的市话收费），告知您的博客地址,客服专员会为您提供帮助，为您解答疑难。也欢迎您到爱问来提出您的问题。</t>
  </si>
  <si>
    <t xml:space="preserve">请问，星际怎么设置电脑ai，找不到ai设置选项啊说是在触发器tr </t>
  </si>
  <si>
    <t>在 上有一个改 电脑智商的 程序, 下下来用吧.</t>
  </si>
  <si>
    <t xml:space="preserve">有比爱情更伟大的东西吗？ </t>
  </si>
  <si>
    <t xml:space="preserve">    真正的爱情是没有什么可的，但是有一件东西是爱情没有办法超越的，那就是责任。一个没有责任的人，爱情是不会成功的。责任是多方面的。它包括的是对自己、朋友、亲人、家庭、甚至是自己的祖国、自己的民族。</t>
  </si>
  <si>
    <t xml:space="preserve">为什么会有矛盾的存在 </t>
  </si>
  <si>
    <t>因为，人类需要发展。给发展的定义就是前进。而这个前进的动力是矛盾。矛盾激生动力。一个解决事物的动力。这个动力来源于人类于身具来的对欲望的追求、欲望的渴望。为了追求欲望，当追求欲望时遇到了阻碍（也就是矛盾），人们了为了得到欲望，就会千方百计的去设法清除这个阻碍。此时人类就学会了行为上的‘技能’。这就是一种发展、进步。因此，欲望道路上的矛盾，则为动力。一个文明进步的动力。</t>
  </si>
  <si>
    <t xml:space="preserve">拍照手机那个好？各位前辈你们好！我想买一部可拍照的手机，2000 </t>
  </si>
  <si>
    <t>诺基亚6600</t>
  </si>
  <si>
    <t xml:space="preserve">跪求高手帮忙做个图！把这个小刀重新做一下，只要图就好，边上的字不 </t>
  </si>
  <si>
    <t>把邮箱发给我，我给P个</t>
  </si>
  <si>
    <t xml:space="preserve">宝宝喝鲜羊奶好吗一岁的宝宝一天可以喝多少呢？ </t>
  </si>
  <si>
    <t xml:space="preserve">最好别以羊乳为主食。本草纲目有曰：“羊乳甘温无毒、补寒冷虚、润心肺、治消渴、疗虚劳、易精气、补肺肾气及小肠气。”据此，自古以来人们皆认为羊乳是能治百病兼补身的圣品。 一些家长认为羊奶具有提高体内免疫功能、治疗气喘及肺病、增加营养热量补充蛋白质及荷尔蒙等疗效功能。以下是几种食品的营养成分资料（均指100毫升）： 生鲜牛乳：蛋白质3.0克、脂肪3.6克、糖份4.8克、钙110毫克、磷85毫克、铁0.1毫克、维生素A85毫克； 生鲜羊乳：蛋白质3.5克、脂肪3.9克、糖份4.5克、钙124毫克、磷110毫克、铁0.1毫克、维生素A150毫克； 人乳：蛋白质1.5克、脂肪2.8克、糖份7.2克、钙33毫克、磷21毫克、铁0.2毫克、维生素A 21毫克； 婴儿奶粉：蛋白质3.2克、脂肪3.5克、糖份7.5克、钙45毫克、磷25毫克、铁1.2毫克、维生素A 200毫克。 生鲜羊乳的优点是蛋白质、乳脂肪、糖类等稍多，与生鲜牛乳的差异不大；此外，钙、磷、维生素A也较多。 总体而言，羊乳与牛乳的营养成分是类似的，由正常的配方奶粉转改为吃生鲜羊乳并无大益。而且，生鲜羊乳也有一些缺点，如缺乏叶酸及维生素B12，作为婴幼儿主食容易造成神经方面障碍、生长迟缓及体内血液方面的疾病（骨髓造血不良性贫血症），所以不适合一岁以下婴幼儿使用，因为此时期如果只吃羊乳未加其他副食品，容易缺乏叶酸及维生素B12。 所以，羊乳只能定位为众多儿童乳品之一，尤其未经再处理加料的生鲜羊乳更不能给婴儿作为主食。 </t>
  </si>
  <si>
    <t xml:space="preserve">夏天怎么预防长痱子？听人说，长过一年后，以后都会长的，怎么办啊？ </t>
  </si>
  <si>
    <t>痱子：“防”胜于“治” 有人一直都在抱怨自己的皮肤“怎么这么娇嫩”，炎热的夏天还没来到，但是她的额头、脸上还有脖子上就已经长了不少痱子，一出汗就特别难受，花露水和痱子粉都试过了，但都不见效。 其实不是皮肤娇嫩，无论男女老幼，如果不注意防范，夏季都会长痱子。 据介绍，痱子是一种皮肤急性炎症，是由汗孔阻塞引起的，除手心、脚底以外都可发生痱子，常发生在头皮、前额、颈、胸、臀部、肘弯等皱褶易出汗的摩擦部位。婴幼儿由于皮肤娇嫩，汗腺发育和通过汗液蒸发调解体温的功能较成年人差，所以更易生痱子。长痱子时皮肤发红，然后出现针头大小的红色丘疹或丘疱疹，密集成片，其中有些丘疹呈脓性。生了痱子后剧痒、疼痛，有时还会有一阵阵热辣的灼痛等表现。陈医生告诉记者，痱子从种类上说，分为红痱、白痱、脓痱三种，不同的痱子有不同的表现，像那种密密麻麻的小红疙瘩就是“红痱”。 红痱（红色粟粒疹） 这是因汗液在表皮内稍深处溢出而成。临床上最常见，任何年龄均可发生。好发于手背、肘窝、颈、胸、背、腹部以及小儿头面部、臀部，为圆而尖形的针头大小密集的丘疹或丘疱疹，对称分布，有轻度红晕，自觉轻微烧灼及刺痒感。皮疹消退后有轻度脱屑。 白痱（晶形粟粒疹） 是汗液在角质层内或角质层下溢出而成。常于高温、暴晒后出现，且多见于大量出汗、长期卧床、过度衰弱的患者。在颈、躯干部发生多个针尖至针头大浅表性小水疱，壁极薄，微亮，无红晕，轻擦之后易破，多于1~2天内吸收，干后有极薄的细小鳞屑。 脓痱（脓疤性粟粒疹） 是痱子顶端有针头大、浅表性的小脓疱。临床上较为少见，常发生于皱褶部位，如四肢屈侧和阴部，小儿头颈部也常见。表现为孤立、表浅、与毛囊无关的粟粒样脓疱。脓疱内常无菌，或为非致病性球菌，但溃破后可继发感染。 对痱子“防”胜于“治” 陈医生告诉记者，痱子发生以后，第二年夏季还容易发作，尤其是生过痱子的婴幼儿。因此，对于痱子应该“防”胜于“治”。 预防痱子应注意环境通风，避免过热；注意皮肤清洁卫生，勤洗澡换衣，保持皮肤干燥；衣服要宽松、透气，吸汗功能好，特别是婴幼儿要穿宽大、薄而透气性能好的棉布内衣；孕妇穿衣不宜过多；卧床病人及婴儿睡觉时，应多予以翻身；浴后在皮肤皱褶部位可扑些痱子粉；要多喝凉白开水、绿豆汤、银耳莲子汤等，多吃西瓜等新鲜的水果和蔬菜，帮助解暑降温，但不宜多喝冷饮，如此处理之后可减少或不发生痱子。 生了痱子要及时采取措施 痱子虽然不是什么大毛病，但是皮肤灼痛，痒得厉害，使人十分难受，影响工作和睡眠，特别是婴幼儿，生了痱子更容易吵闹不停，白天晚上都不得安宁。一般无需服药，可以局部外用药物。局部宜用温水清洗，揩干之后撒上痱子粉，亦可用炉甘石洗剂涂患处（切忌用热水和肥皂洗，千万不要用油膏类药物，容易阻碍汗液蒸发，加重症状）。轻的痱子可用35%~70%的酒精轻轻涂抹消毒，以防感染扩展。 民间防痱处方 苦瓜取汁：将苦瓜捣烂取汁，搽涂患处，痱子翌日即消失。 黄瓜治痱子：轻的痱子可用生黄瓜汁或黄瓜片分别贴搽患处，两三次即可痊愈。 食盐治痱子：取食盐适量放锅内炒至焦黄取出，放凉备用；取适量焦食盐（盐与水的比例1：100）置于盆内，加适量温水，使之完全溶解，取一干净毛巾放入盆中蘸湿，然后略拧，敷于患处（温热程度以小儿接受为宜），1日数次，2~3日即愈。 薄荷浴：用鲜薄荷150克，煎水洗澡，老少皆宜。 桃叶浴：将桃叶阴干后盛于袋中，使用时取50克泡在热水里给孩子洗澡，可以预防痱子的发生。如果长痱子的情况严重，用桃叶熬成汁掺到洗澡水中，或者直接用来搽抹患处，效果更佳。熬桃叶汁时，其比例是：桃叶100克，水1000毫升。将其煎熬到只剩一半水量即可。 艾草浴：将艾叶叶片上的尘垢冲洗干净，再加大量的水熬煮半小时后，用熬出来的药水给孩子洗澡，不但可以预防和治疗痱子，还能防止其他夏季皮肤病的发生，并起到润肤的作用。 药浴：取适量中药，如十滴水、消暑祛痱水，或六神花露水放入洗澡水中，搅拌均匀后，再为宝宝洗澡，也可起到较好的预防痱子作用。</t>
  </si>
  <si>
    <t xml:space="preserve">股票帐户买ETF基金哪只好？请问，想买ETF基金，不知买哪只了， </t>
  </si>
  <si>
    <t>建议还是考虑一下别的投资吧，选择基金，不要说替你增值难，就是保值也很难。那帮基金经理们普遍都很年轻，也没有问责机制，赚了赔了他们工资照拿，而且不低，不会少半分。看数据就知道，光今年一季度，基金就赔了三百多亿。基金早已风光不再。买基金不如自己操作。</t>
  </si>
  <si>
    <t xml:space="preserve">我想问下我的显卡驱动应该按那个？我的机子是联想的5年前的机子，现 </t>
  </si>
  <si>
    <t xml:space="preserve">如果需要安装驱动，建议安装驱动精灵2008 ，安装之后，使用其自动更新驱动功能，它会自动下载并安装最新版本驱动，包括，声卡、、网卡、USB等，这是驱动的总汇。 下载安装后，打开驱动精灵，会自动检测你电脑的硬件信息，检测完毕后，点击“驱动更新”按钮，切换界面，然后点击“自动安装”，再点击右下角的“开始更新”按钮。驱动精灵2008 Beta4   驱动人生 2008正式版软件详细信息。   驱动人生是芯片级驱动管理程序,全智能扫描识别所有硬件的万能驱动维护专家（识别硬件，智能匹配驱动、自动下载、安装、更新、备份、卸载等），支持所有品牌(如Intel、nVidia/3DFX、AMD/ATI、VIA/S3、Realtek、C-Media、Marvell、ADI、IBM、Creative、Broadcom、Conexant、 SigmaTel、Matrox等）的主板、显卡、声卡、网卡、调制解调器、摄像头、无线、打印机、扫描仪、读卡器、阵列卡、蓝牙、手写板、读写器、USB、1394、Bluetooth、Display、Image、MEDIA、Modem、Net、PCMCIA、SCSIAdapter、 SmartCardReader、System、MODEM、串口、并口等设备的识别与驱动,全面兼容Win9x/Win2000/WinXP/Win2003/Vista/Win2008等主流操作系统，已与国内著名显卡品牌七彩虹达成长期战略合作协议，全面为七彩虹提供硬件检测、驱动研 发、驱动升级等服务。 下载网址： 超级兔子也有更新驱动的功能。下载地址： </t>
  </si>
  <si>
    <t xml:space="preserve">洛奇系统基本配置要多少?多谢大家!帮我解决着个问题!好吗? </t>
  </si>
  <si>
    <t>最低配置 CPU Pentium3 500MHz以上 内存 128MB以上 显卡 Riva TNT2, ATI Radeon 7000, Matrox G400, i82810以上 硬盘空间 300MB-500MB以上 接入方式 56K Modem 操作系统 Windows 98 DirectX 9.0b IE IE6.0(SP1) 推荐配置 CPU Pentium4 1.0GHz以上 内存 512MB 显卡 GeForce4, Radeon 9000以上 硬盘空间 1G以上 接入方式 ADSL以上 操作系统 Windows XP DirectX 9.0b IE IE6.0(SP1) 不过即使差一丁点达不到配置要求也能玩，就是卡点。</t>
  </si>
  <si>
    <t xml:space="preserve">如题，SQL如何用语句修改表中的外键字段？ </t>
  </si>
  <si>
    <t>既然是外键，那么一般语句是不能修改的，为了保证数据的完整性 是不可以修改的。只有删除该数据。把对应的外表数据也删掉。 然后重新插入一条！希望能帮助您。</t>
  </si>
  <si>
    <t xml:space="preserve">XP系统连完局域网后为什么不能做共享？家里三台电脑做了一个小局域 </t>
  </si>
  <si>
    <t>你得去分别设置它们的IP,然后在各台电脑一设置你要共享的资料</t>
  </si>
  <si>
    <t xml:space="preserve">什么是离线升级包升级? </t>
  </si>
  <si>
    <t>就是不在线升级杀毒软件，通过运行厂家发布的升级包来升级</t>
  </si>
  <si>
    <t xml:space="preserve">荨麻疹自血疗法后。好了一段时间有复发。是什么情况。此病能否根治。? </t>
  </si>
  <si>
    <t>受热后刺痛，这是胆碱能型荨麻疹。它反复发作，需要考虑胃的问题，准确的说是一种引起胃病的细菌叫幽门螺旋杆菌有关。必须把它消灭。当然，很多胃病是没有症状的，但去医院可以检查出来。建议去检查一下</t>
  </si>
  <si>
    <t xml:space="preserve">用WindowsMediaPlayer </t>
  </si>
  <si>
    <t>MS卡住了= =如果不是在网上看而是下载的动画的话，你安个暴风影音看看，它能兼容media和real各自支持的文件，一般播放不顺利的问题都能解决～</t>
  </si>
  <si>
    <t xml:space="preserve">邮政储蓄银联卡的初始密码是储蓄存折账号的哪几位？我忘了，密码不知 </t>
  </si>
  <si>
    <t>不一定，有时是后六位，有时是自己设的，</t>
  </si>
  <si>
    <t xml:space="preserve">问题虫的血雾和神的白雾各自的作用是什么,和怎样用? </t>
  </si>
  <si>
    <t>虫：黑蜂，俗称雾，消耗100使射程&gt;1的部队攻击被笼罩的部队的时候，会误差一格。也就是说，机枪兵、龙骑士之类的部队，打雾里面的部队，不会命中，当然也就不会掉血。由于起来的坦克之类的部队带飞溅伤害，所以，即使误差1格，照样命中，只是掉的血少了。喷火兵、架起来的坦克、甲虫、小狗、潜伏、原子弹、白球、大象、Zealot、Dark可以攻击雾里面的部队，其余的部队攻击的话，不会命中。雾只能笼罩陆地部队，对空军无效。但是所有空军不能攻击雾里面的部队（大和炮不算）。魔法技能可以队雾里面的部队使用。————神：分裂网，俗称白雾。使被笼罩的陆地部队和建筑无法攻击，只能挨打。只有空军不受影响。</t>
  </si>
  <si>
    <t xml:space="preserve">看现在很多人说资料片出来后任务给的装备多么多么NB.都等什么资料? </t>
  </si>
  <si>
    <t>其实你没有必要这么想.狗C开全民大元帅就是为了让现在这个版本的装备变的一文不直.元帅装就成了咱们60~70的冲级垃圾装.没那个必要去想那么多~就跟50年前吃窝头白面是好的现在大鱼大肉不新鲜...........你说的装备问题是片面的~~~我觉的以后的装备会比现在好拿的.重要的还是团队合作~~~```````</t>
  </si>
  <si>
    <t xml:space="preserve">什么是悬垂结构?英语中的悬垂结构是什么意思？在什么语境下要用？什 </t>
  </si>
  <si>
    <t>当然有悬垂结构这个说法。这种结构是要避免的，是错误的。就是分词既没有自带的主语形成独立主格结构，又没以句子主语为自己的逻辑主语，这样的分词就是悬垂结构。逻辑主语，对于分词来讲，就是分词这个动作的实施者，假如句子里找不到分词所表示动作的主语，句子主语也无法承担这个动作，那么这个句子就是错误的，就似乎悬垂结构。例如，Being absent, the meeting had to be put off.这个being absent分词结构，没有自带的主语，而句子主语the meeting也明显不是being absent的逻辑主语，因为be absent的主语只能是“人”，人才能“缺席”。修改成：So many comrades being absent, the meeting had to be put off.这样being absent就自带了一个主语，就是comrades。这样就正确了，就避免了悬垂结构。</t>
  </si>
  <si>
    <t xml:space="preserve">有高智慧的哥哥姐姐们都进来帮下我作下好兆头诗句！各位哥哥姐姐们， </t>
  </si>
  <si>
    <t xml:space="preserve">哎  很那 真诚的祝福  心里话最好了 </t>
  </si>
  <si>
    <t xml:space="preserve">厄运完美贡品的陷阱是干什么用的？那个需要修复的陷阱干什么用 </t>
  </si>
  <si>
    <t>那个陷阱原本可以冻住那个巡逻的卫兵，可惜坏了，所以需要修复（冰霜油+瑟银零件）。拿贡品的路上有3个卫兵，如果杀了3个卫兵贡品里就不会有蓝装（杀1个少1样蓝装，不信可以验证一下），所谓“完美”就是3个都不杀拿到所有的贡品。如果小队配合默契，能安全绕过那个卫兵，也就用不着修复了。</t>
  </si>
  <si>
    <t xml:space="preserve">数学数学~!急意大利首都罗马著名的比萨斜塔建于12世纪,由于地面 </t>
  </si>
  <si>
    <t>首先将斜塔视为一线段.其实就是一直线上有一线段倾角的问题较大的角为180-85=95度从线段上端作垂直于直线的线段,构成一个直角三角形.则180-90-85=5度</t>
  </si>
  <si>
    <t xml:space="preserve">初三数学如图点E是四边形ABCD的对角线BD上一点且∠BAC=∠ </t>
  </si>
  <si>
    <t>已知∠BAC=∠DAE所以，∠BAC+∠CAE=∠DAE+∠CAE即，∠BAE=∠CAD…………………………………………（1）又已知∠BDC=∠DAE所以，∠BDC+∠BDA=∠DAE+∠BDA即，∠ADC=∠AEB…………………………………………（2）由(1)(2)知，△ABE∽△ACD.</t>
  </si>
  <si>
    <t xml:space="preserve">N958GB``怎么那么经常死机啊、是不是中毒了？火死了 </t>
  </si>
  <si>
    <t>先吧手机出厂设置然后把手机的8G格式化，然后再把手机出厂设置，然后把手机升级了，试试</t>
  </si>
  <si>
    <t xml:space="preserve">经济法题目？要答案！！为什么说市场经济是法制经济？/简述现代产权 </t>
  </si>
  <si>
    <t>在任何一种经济体制下,要使经济正常化,就要有一定的经济秩序.计划经济的经济秩序是和行政秩序同一的,计划经济实质上是行政经济.而市场经济的一个显著特点在于它的经济秩序是通过法制形式维持的,或者说,是一种法律秩序.与计划经济相比,市场经济可以更有效地配置资源.但是,市场只有具备合理而完备的法律前提,才能发挥有效配置资源的功能.从这个意义上说,市场经济就是法制经济,具体表现在社会经济活动中各个主体的权利、义务的行为规则、政府行等方面都以法律的形式全面规范,即一切经济活动法制化. 现代产权制度是权责利高度统一的制度，产权主体归属明确和产权收益归属明确是现代产权制度的基础；权责明确、保护严格是现代产权制度基本要求；流转顺畅、财产权利和利益对称是现代产权制度健全的重要标志。 它所涉及的是市场经济法律体系中的一些重要的组织制度和交易制度，包括公司法、合伙企业法、破产法、证券法、票据法和保险法。这些制度具有较强的政策性和技术性。合伙企业特点：1．有两个以上所有者（出资者）。2．合伙人对企业债务承担连带无限责任。包括对其他无限责任合伙人集体采取的行为负无限责任。3．合伙人通常按照他们对合伙企业的出资比例分享利润或分担亏损。4．合伙企业本身一般不交纳企业所得税。其收益直接分配给合伙人。石油、天然气勘探和房地产开发企业通常按合伙企业组织形式组建。合伙企业的价值是合伙人转让其出资可以得到的现金。合伙企业是指合伙人订立合伙协议，共同出资、合伙经营、共享收益、共担风险，并对本企业债务承担连带责任的盈利性组织。合伙企业的法律特征是：(1)有两个以上合伙人，并且都具有完全民事行为能力，依法承担无限责任的人；(2)有书面合伙协议，合伙人依照协议享有权利，承担责任；(3)有各合伙人实际缴付的出资，合伙人可以用货币、实物、土地使用权、知识产权或其它属于合伙人的合法财产及财产权利出资，经全体合伙人协商一致。合伙人也可以用劳务出资，其评估作价由全体合伙人协商确定；(4)有关合伙企业改变名称、向企业登记机关申请办理变更登记手续、处分不动产或财产权利、为他人提供担保、聘任企业经营管理人员等重要事务，均需经全体合伙人一致同意；(5)合伙企业的利润和亏损，由合伙人依照合伙协议约定的比例分配和分担；合伙协议未约定利润分配和亏损分担比例的，由各合伙人平均分配和分担。(6)合伙人对合伙企业债务承担无限连带责任。合伙制企业的主要优点是创办费用低、信用较佳，但其缺点也很明显：(1)出资者负有无限偿债责任。(2)权力不易集中。(3)有时决策过程过于冗长等新公司法的变革和创新之处主要在于以下几个方面：第一，在资本制度上，体现了从片面强调资本信用到兼顾资本信用和资产信用的立法理念的调整，降低了公司设立的门槛，放松了对公司的过度管制，大幅度地降低了公司设立的最低注册资本数额，放宽了股东出资方式的限制，允许出资的分期缴纳、取消了公司转投资的限制，扩大了公司回购自己股份的情形。第二，在公司法人治理结构方面，完善了股东会和董事会制度，充实了股东会、董事会召集和议事程序的规定；增加了监事会的职权，完善了监事会会议制度，强化了监事会作用；增加了上市公司设立独立董事的规定；对公司董事和高级管理人员对公司的忠实和勤勉义务以及违反义务的责任，作出了更为明确具体的规定。第三，还进一步明确了公司享有法人财产权、股东享有股权的基本产权结构和产权关系；允许公司在董事长、执行董事和经理之间任意确定一人为法定代表人；确立了有限公司股权变动时以股东名册记载为生效要件、以变更登记为对抗要件的股权认定标准；进一步强化了对劳动者利益的保护和职工对公司管理的参与，规定了1／3的职工监事的最低比例和职工董事的自愿设置；利用公司法与证券法两部法律同时修改的难得机遇，科学地划分了两者的合理分工，消除了原有的立法冲突和交叉。第四，最为突出的修改则是对一人公司和法人人格否认制度的完全承认和采纳，当公司股东滥用公司法人独立地位和股东有限责任，逃避债务，严重损害公司债权人利益时，该股东即丧失依法享有的仅以其对公司的出资为限对公司承担有限责任的权利，而应对公司的全部债务承担连带责任。合同保全制度的确立体现了现代民法对债权人保护周密细致化的趋势　　合同保全制度，是指法律为防止因债务人财产的不当减少致使债权人债权的实现受到危害，而设置的保全债务人责任财产的法律制度。具体包括债权人代位权制度和债权人撤销权制度。其中，债权人的代位权着眼于债务人的消极行为，当债务人有权利行使而不行使，以致影响债权人权利的实现时，法律允许债权人代债务人之位，以自己的名义向第三人行使债务人的权利；而债权人的撤销权则着眼于债务人的积极行为，当债务人在不履行其债务的情况下，实施减少其财产而损害债权人债权实现的行为时，法律赋予债权人有诉请法院撤销债务人所为的行为的权利。债权人有了代位权和撤销权这两项权利，就可以用来保全债务人的总财产，增强债务人履行债务的能力，以达到实现其合同债权的目的缔约过失责任是指在合同缔结过程中，一方当事人违反了以诚信实用为基础的先契约义务，造成了另一方当事人的损害，因此应承担的法律后果。构成缔约过失责任的要件    1、缔约过失责任发生在合同缔结的过程中；    2、一方违反了以诚信为基础的先契约义务，即在合同成立前的缔约过程中，当事人应负的通知、保护、保密等义务；    3、违反先契约义务的行为造成了对方的损失；    4、违反先契约义务的一方当事人    由于缔约过失责任依据合同法而成立，并发生于合同缔结阶段；因此，它与违约责任联系紧密，但又有明显区别。    首先，违约责任是基于有效合同而产生的民事责任，违反的是合同履行义务；而缔约过失责任是基于合同不成立或合同无效而产生的民事责任，违反的是合同前的义务。    其次，缔约过失责任只赔偿因过失而造成的损失,而合同违约责任既有赔偿损失,也有支付违约金和强制实行履约等方式。    再次，违约责任具有约定性，而缔约过失责任是法定性。    缔约过失责任与侵权责任都是法定责任，但也有区别：    第一，缔约过失责任是在订立合同过程中形成的，而侵权责任则存在于一切社会交往之中；    第二，缔约过失责任的表现形式是损害赔偿，而侵权责任形式除了损害赔偿以外，还表现为停止侵害，排除妨碍，消除危险和影响等；    第三，缔约过失责任的成立，在主观上必须有过失；而某些侵权责任则不以过失为要件，如《民法通则》规定的特殊的侵权责任。   缔约过程中的过失行为，常有四种表现：    一是要约人违反要约义务；    二是在要物合同中，要约人反悔，不交付标的物，或者承诺人反悔，不受领标的物，致使合同不成立，给对方当事人造成损失；    三是需经批准、登记的要式合同中，因要约人或者承诺人过错，致使合同未批准、登记，给对方造成损失；     四是当事人违反缔约的附随义务，给对方造成损失。    合同被确认无效，或者合同被撤销的，合同自始无效，当事人应当返还所得的财产，恢复到合同订立前的状态。    缔约过失责任旨在填补受害方的损失，故承担合同不成立或者合同无效的缔约过失的责任，主要是赔偿损失。</t>
  </si>
  <si>
    <t xml:space="preserve">火龙果在中医学角度是热性或是冷性水果.有什么营养价值. </t>
  </si>
  <si>
    <t>火龙果，又称红龙果。属于冷性水果，原产于中美洲热带地区。火龙果营养丰富、功能独特，它含有一般植物少有的植物性白蛋白及花青素，丰富的维生素和水溶性膳纤维。因此，决定了它具有以下几个独特的功效：1.排毒解毒、保护胃壁；2.抗衰老、预防脑细胞变性，抑制痴呆症发生；3.美白皮肤、养颜；4.减肥、降血糖、润肠滑肠、预防大肠、预防大肠癌发生等。火龙果果实汁多味清甜、除鲜食外、还可酿酒、制罐头、果酱等。花可干制成菜、颜色可提炼食用色素。</t>
  </si>
  <si>
    <t xml:space="preserve">一般4S店外出救援可以收费吗？什么情况下可以收费？ </t>
  </si>
  <si>
    <t>现阶段,天下没有免费的午餐,4S把车拖回去,拖车的费用会算在修理费里了,为了竞争客源许多4S不去直接收拖车费,尤其是自己的车友会的群体,比如每年发一次免费救援的票啊,不是这情况合理收费没什么错误,关键是合理,不去宰人,不会影响店的声誉的.</t>
  </si>
  <si>
    <t xml:space="preserve">我想配制太电脑要求500元以下不包括显示器键盘鼠标机厢 </t>
  </si>
  <si>
    <t>如果不是打错，那么只有到二手市场购买了。推荐如下配置：cpu  赛扬2.4G                        150元主板845GL（集成声卡、显卡、网卡）    130元内存条DDR 256M                       100元硬盘40G                              100元光驱                                  20元</t>
  </si>
  <si>
    <t xml:space="preserve">现在日本什么动漫比较好看？ </t>
  </si>
  <si>
    <t>黑子的篮球新网球王子加速世界绯色的欠片足球骑士</t>
  </si>
  <si>
    <t xml:space="preserve">认证码错误怎么办？我每次玩SUN都得重新下载客户端在选择人物上系 </t>
  </si>
  <si>
    <t>这是服务器还不稳定的原因,再耐心等等,很快就会稳定下来的.游戏推出后,发现BUG后就会维护,相信以后会更稳健更完善的.</t>
  </si>
  <si>
    <t xml:space="preserve">上海至杭州的磁悬浮列车建成通行后的票价如何？听说上海至杭州的磁悬 </t>
  </si>
  <si>
    <t>报纸上猜测说，150元的票价，8年才能收回投资。还说价格不贵。有人质疑说太贵了，一般工薪阶层乘不起。更别说家住杭州，在上海上班的人（或相反），天天通勤坐车了。有脸皮极厚的专家居然说，磁悬浮本来就不是给穷人坐的。呜呼，一般的人就别指望这点的，偶尔乘坐一次，全当旅游新项目吧。</t>
  </si>
  <si>
    <t xml:space="preserve">炙阳剑气与御剑决分别多少钱，我在新区，老区情况如何？ </t>
  </si>
  <si>
    <t>炙阳剑气值钱,新区大概值40-50金之间,看市场情况,可能更高!御剑术的价格相比之下,升值的市场空间小,它的爆率比炙阳高很多,也就40金左右,不会太少,也不会太多!!我什么都不知道!!!!!!!:)我什么也没说!!!!!!!!!:)</t>
  </si>
  <si>
    <t xml:space="preserve">请大家帮我分析一下，我还有希望没？本人毕业后在南京工作，经同学介 </t>
  </si>
  <si>
    <t>先问一下，你想不想继续啊？想的话呢，可以告诉你，有戏。她肯找你，至少说明她有空，或者无聊想找人陪，这种时候只要她能想起你，你就有戏，喜欢的话就追吧，追不上只有一个可能，就是你手腕不够高明。你要是就为了说身边有一女的觉得脸上风光些，那就建议你别浪费时间了。她能在之前跟你若即若离的，说明这女孩脑子不笨，脑子不笨的女孩，你要想从朋友变成不一般的女朋友，你得花点功夫，要就是为脸面，找个笨的就好，不值得为这个费劲。最后，说实话，我最讨厌你们这些男的也好女的也好，老这儿分析分析的，你记住，恋爱是一个人的事儿，主要看你自己的喜好，只要你喜欢，愿意下功夫，天底下没追不到的，不管男的女的。</t>
  </si>
  <si>
    <t xml:space="preserve">请教个位老师,什么叫跳空缺口? </t>
  </si>
  <si>
    <t>跳空缺口指当日的开盘价格原高（低）于前日的收盘价格，则可以分为向上（下）跳空缺口。 缺口并不是一定要补的，如果不补，则表明股价发展的趋势十分强。但是大多数情况缺口是会补的，因为价格变动一般是连续的。当缺口不上，则上涨（下跌）的趋势变得平稳。</t>
  </si>
  <si>
    <t xml:space="preserve">回档什么时候结束阿~？？？我正在那打怪呢，听人说回档。什么时候结 </t>
  </si>
  <si>
    <t>官网论坛有公告了，20分钟结束</t>
  </si>
  <si>
    <t xml:space="preserve">木鱼有什么用啊? </t>
  </si>
  <si>
    <t>木鱼是跑环的环装来的.</t>
  </si>
  <si>
    <t xml:space="preserve">淮海中路1010号嘉华中心会所在哪个路口啊 </t>
  </si>
  <si>
    <t>嘉华中心会所在淮海中路和襄阳路北路口，该会所有酒家、美容中心等。公交42、911、926路 襄阳路站下。</t>
  </si>
  <si>
    <t xml:space="preserve">有什么好的系统还原精灵么？要稳定的，操作方便，在需要还原的情况下? </t>
  </si>
  <si>
    <t xml:space="preserve">一键GHOST 8.3 Build 070101 硬盘版软件详细信息          一键GHOST是"DOS之家"首创的4种版本(硬盘版/光盘版/优盘版/软盘版)同步发布的启动盘,适应各种用户需要,既可独立使用,又能相互配合.主要功能包括:一键备份C盘;一键恢复C盘;中文向导;GHOST8.3;DOS工具箱.　　一键GHOST,高智能的GHOST,只需按一下"K"键,就能实现全自动无人值守操作,让你一爽到底  下载地址: </t>
  </si>
  <si>
    <t xml:space="preserve">我考了155分，能被录取吗？我报考的是上海工程技术大学的专科。上 </t>
  </si>
  <si>
    <t>高30分一定录取！祝贺你！高中起点升专科：文史类录取总成绩不得低于125分；文史类艺术专业(数学成绩不计入总分)录取总成绩不得低于62分；文史类体育专业录取总成绩不得低于109分。理工类录取总成绩不得低于120分；理工类艺术专业录取总成绩不得低于112分；理工类体育专业录取总成绩不得低于87分。医学类专业录取总成绩不得低于238分。中医类专业录取总成绩不得低于172分。公安类专业录取总成绩不得低于192分。</t>
  </si>
  <si>
    <t xml:space="preserve">请回答:党的组织原则、组织纪律和优良作风 </t>
  </si>
  <si>
    <t>党的组织原则：集中制党的组织纪律：：（1）党员必须参加党的一个组织，并在其中积极工作，执行党的决议和按期交纳党费。（2）党员个人服从党的组织，少数服从多数，下级组织服从上级组织，全党各个组织和全体党员服从党的全国代表大会和中央委员会。（3）党的各级领导机关，除它们派出的代表机关和在非党组织中的党组外，都由选举产生，并向选举产生它们的党代表大会或党员大会负责并报告工作。（4）党的上级组织要经常听取下级组织和党员群众的意见，及时解决他们提出的问题。党的下级组织既要向上级组织请示报告工作，又要独立负责地解决自己职责范围内的问题。上下级组织之间要互通情报，互相支持和互相监督。（5）党的各级委员会实行集体领导和个人分工负责相结合的制度、凡属重大问题都要由党的委员会民主讨论，作出决定。（6）在党的纪律面前人人平等，党的领导人的活动必须处于党和人民的监督之下，不允许任何党员，特别是党的领导人凌驾于党的纪律之上。（7）党内不允许搞派别组织，进行派别活动，也不允许在党外参加和支持非法组织和非法活动。违背上述原则的行为都是违犯了党的组织纪律，都应当受到党的纪律的追究。 党的优良作风：密切联系群众</t>
  </si>
  <si>
    <t xml:space="preserve">周杰伦一共出了多少张专辑 </t>
  </si>
  <si>
    <t>我记忆中专辑有五张：一、同名专辑：JAY（2001）二、范特西（2001）三、八度空间（2002）四、叶惠美（2003）五、七里香（2004）再推荐两个演唱会给你：一、The One演唱会二、无与伦比演唱会还记得有一张《寻找周杰伦》，里面有四首歌，其实就两首的，还有两首是伴奏！</t>
  </si>
  <si>
    <t xml:space="preserve">表白被拒绝之后该怎么关心她!!!我表白后,她拒绝了!!!!因为她 </t>
  </si>
  <si>
    <t>我觉得你可以先给她一二天的时间来缓冲一下,你现在要做的时真心的关心她,绝不能提一个关于喜欢和爱她的字眼,要多注意观察她的喜怒哀乐和情绪变化,当她不开心时你可以什么话都不说(如果她烦恼时不喜欢别劝的话),但必须静静的陪在她身边,如果她心情不好时喜欢向人倾诉的话那么你应该第一时间出现在她面前,让她觉得你是真心的在关心她没有任何一点企图的,久了她会习惯于你的存在和关心与爱护,那时可能什么事都好说些祝你成功</t>
  </si>
  <si>
    <t xml:space="preserve">下周要到贵州，要穿什么衣服 </t>
  </si>
  <si>
    <t>贵州很大,不知道你要到贵州哪里?这几天相对来说,温度还是可以的,白天穿一件衬衣及外套就可以了,晚上可以加一件薄毛衣.当然,最好带上雨伞,下雨的可能性比较大.到贵阳的话,找我,我带你去玩.呵呵.</t>
  </si>
  <si>
    <t xml:space="preserve">请问北京各区的面积是多少啊？ </t>
  </si>
  <si>
    <t xml:space="preserve">北京市境东至密云县墙子路、平谷县靠山集、通县西集镇一带，与河北省、天津市接界；西至县海陀山、门头沟区灵山、与河北省接界；南至房山区长沟峪、大兴县礼贤镇附近，与河北省接界；北至密云县古北口、怀柔县石洞子、延庆县白河堡一带，与河北省接界。东西宽约160公里，南北长约176公里。全市总面积 16807．8平方公里。 其中，山地面积10418平方公里，占全市面积的62％；平原面积6390平方公里，占全市面积的38％。根据北京市的规划，市区的范围东至定福庄，西至石景山，南至南苑，北至清河，其面积为750平方公里。 北京市辖4个城区，4个近郊区，8个远郊区县。各区、县的面积分别如下：东城区，24.7平方公里；西城区，30平方公里；崇文区，15．6平方公里；宣武区，16．5平方公里；朝阳区，470.8平方公里；海淀区，426．3平方公里；丰台区，304．2平方公里；石景山区，81．8平方公里；门头沟区，1331．3平方公里；房山区，1866．7平方公里；大兴县，1012平方公里，通县870平方公里；平谷县，1075平方公里；顺义县，980平方公里；昌平县1430平方公里；延庆县，1980．6平方公里；怀柔县，2557．3平方公里；密云县，2335．6平方公里。以上4个城区的面积为87．8平方公里;4个近郊区的面积为1282．8平方公里；10个远郊区县的面积为15353平方公里。  </t>
  </si>
  <si>
    <t xml:space="preserve">鼻嗅通的药性为什么这么强烈我患了过敏性鼻炎,鼻子一天到晚都塞着. </t>
  </si>
  <si>
    <t>一,许教授请教鼻嗅通的问题我用了你配给我的这个药,使用治疗液时,感觉很辣,具有刺激性.这种感觉正常吗? 作者：许庚发布时间：2006-11-11 1:31:49  鼻嗅通是中成药的洗剂，我院刚刚使用不到2个月，有些病人反映有刺激性和不适，目前我们也在追踪这类药物的临床反应，刺激性一般是由于药品中的酒精引起，对鼻腔没有大的伤害。 二,鼻嗅通  用于急、慢性鼻炎、副鼻窦炎、过敏性鼻炎、鼻息肉等。  【包装规格】 15ml+50ml/盒 【商品编号】 8012025  【是否处方药】 是(RX) 【批准文号】 黔药管械(准)字2004第2640002号  【所属类别】 百姓用药 &gt; 药 【生产厂家】 贵州环宇药业有限公司  商品说明 用于急、慢性鼻炎、副鼻窦炎、过敏性鼻炎、鼻息肉等。 汉语拼音：Bixiutong 该药由苗族草药窝更比、比加枪、窝壳欧、窝丢、加里凯、加欧等苗药制取液和护理液及喷雾器组成，具有驱风散寒、清热解毒、抗菌、抗病毒、消炎止痒的功能。 【适用范围】用于急、慢性鼻炎、副鼻窦炎、过敏性鼻炎、鼻息肉等。 【用法用量】 1．将鼻腔护理液瓶喷头旋转向上插入鼻腔1-2厘米，按动喷头2-3下，用护理液喷洗鼻腔，用力呼吸，反复数次，排空鼻腔粘液物，直至鼻气流通畅，流出鼻腔的护理液用棉签沾干。 2．打开鼻嗅通治疗液，开启药瓶，将喷头插入1-2鼻腔厘米，用力按动两次，喷入鼻腔的上部，每天3-5次。3盒为一个疗程。 【注意事项】 1．必须坚持用药，切不可在未彻底治愈前凭感觉自行停药。 2．轻度鼻炎患者一个疗程治愈。中度患者二至三个疗程。重度鼻炎患者三至五个疗程治愈。鼻炎患者在康复过程中不应停止对鼻腔的护理。应早晚清洗一次鼻腔，彻底改善鼻腔环境，直至治愈为止。 【规格】15ml+50ml/盒 【贮藏】密闭置阴凉处。 【包装】纸箱包装，120盒/件 【有效期】三年 三,“鼻嗅通”与“内舒拿”治鼻炎哪一种效果好？我家小孩三岁，经常会堵鼻子、流清鼻水，医生说他患有鼻炎，开了一盒贵州出的“鼻嗅通”给他，每天要喷3-5次，由于小孩不愿意喷，每次都由我们按着他强制喷鼻，喷完之后要哭好长时间，由于这种药要先用鼻腔护理液洗，再用鼻嗅通治疗液喷，分次进行，比较麻烦，我看他鼻腔内比较干净，可否不用护理液而直接用治疗液？令外，我家也有一支进口的内舒拿（糠酸莫米松鼻喷雾剂0.05%)，每天只需喷1次，两种药到底哪种效果好？又使小孩没那么辛苦。小儿慢性鼻炎饮食宜忌　　本病对饮食要求不很严格，一般流鼻涕如黄浊则饮食清淡为宜，勿食辛热煎炒之食物，如鼻流清涕，面色苍白者，则多体虚，饮食勿过苦寒、生冷，饮食疗法可适当温补，以增强体质，有利于病情好转。此外，注意保暖，预防感冒，对减少本病发作甚为重要。　　小儿鼻出血的饮食宜忌　　１、实热及阴虚之流鼻血，当选用性偏寒凉之食物，饮食亦偏凉或性平。蔬菜水果之性凉者，多利于止血，如鲜藕、荠菜、白菜、丝瓜、芥菜、蕹菜、黄花菜、西瓜、梨、荸荠、竹蔗等。脾虚鼻血者以花生、红枣为最好。　　２、无明显热象之虚证流鼻血者，饮食以偏凉或平性为好，忌用温补，在出血期间饮食不宜过热，应放至温凉后才进食。　　３、禁食一切辛、辣、煎、炸及酒等刺激物，虾、蟹、雄鸡等应忌食。</t>
  </si>
  <si>
    <t xml:space="preserve">帐号问题请问下:比如说A帐号里有辆车,我想把它转到B帐号里来(这 </t>
  </si>
  <si>
    <t>车子是不能转的呢,你只能把车子卖了的钱和其他装备转到B号里(开2台电脑,咖啡交易). 是点卡车的话,卖了车的点,2个号里都有补充--因为你一个会员号里有2个飚车游戏账号,所以那2个号的点数是相通的,但是一个号消耗了点,另一个号也会消耗相同点数,明白了吧~~~ (除非你不是1个会员号,那就当我没说了啦~~  - -!)</t>
  </si>
  <si>
    <t xml:space="preserve">拜托将汉字的音用假名标出信じることにすらわ赤いフリージアあなたの </t>
  </si>
  <si>
    <t xml:space="preserve">这是什么呀？信（しん）じることにすらわ 赤（あか）いフリージア あなたの?郏àⅳぃ─?おみやげの花束（はなたば） Ah　私（わたし）がスネてる日（ひ）には タイミングよく買（か）ってくる そんな??（やさ）しさ 初（はじ）めの?（ごろ）だけね Ah　つまらない映画（えいが）よりも 現?g（げんじつ）はただマンネリね 「他（ほか）に好（す）きな人が 出来（でき）たの　ごめんなさい」 ウソを言（い）ってみたらどうするの？ いつまでも　Ah　赤（あか）いフリージア プレゼントすると誓（ちか）ってよ もうすぐ一年（いちねん）になるわ 二人（ふたり）出会（であ）って もうすぐ一年（いちねん）になるわ あなた?郏àⅳぃ─筏啤?あなたの?簦à妞幔─??i（ある）きながらバーガー ねえ　たった今（いま）の?莘郑à证螅─扦筏纾?もっと真??（しんけん）に答（こた）えて なんども確（たし）かめてた あなたを好（す）きな意味（いみ）を 結局（けっきょく）答（こた）えも出（で）ずにデートをしてる ???（じゅんけつ）の　Ah　赤（あか）いフリージア 幻（まぼろし）ならばそれでいい 信（しん）じることにするわ 二人（ふたり）の運命 （うんめい）信（しん）じることにすらわ 赤（あか）いフリージア ???（じゅんけつ）の　Ah　赤（あか）いフリージア 幻（まぼろし）ならばそれでいい 信（しん）じることにするわ 二人（ふたり）の運命 （うんめい）いつまでも　Ah　赤（あか）いフリージア プレゼントすると誓（ちか）ってよ もうすぐ一年（いちねん）になるわ 二人（ふたり）出会（であ）って もうすぐ一年（いちねん）になるわ あなた?郏àⅳぃ─筏啤?信（しん）じることにするわ 赤（あか）いフリー  </t>
  </si>
  <si>
    <t xml:space="preserve">我看不见我打游戏只看的见技能任务人物属性地图栏｀｀ＮＰＣ角色怪物 </t>
  </si>
  <si>
    <t>打开图像设置  ，按去全屏泛白就性了</t>
  </si>
  <si>
    <t xml:space="preserve">电脑C盘中的CleanDrv是什么？可以删除吗？ </t>
  </si>
  <si>
    <t>这个我百度了一下应该是磁盘清理软件。你看看删除和安装里有没有这个软件，或者用一些软件管理程序的卸载列表里找一找，能找到的话，卸载卸掉就可以了。找不到的话就直接删除目录，在用你电脑上的杀毒或安全软件来清理一下电脑吧。不放心可以保留。如果暂用太多空间 而且 没什么用 完全可以清理掉。但是做好备份。防止电脑重启后出现问题。采纳希望给好评这个不是系统文件夹,是可以删除的,如果您还有任何问题请随时追问,同时也希望好心人给个好评,谢谢!</t>
  </si>
  <si>
    <t xml:space="preserve">青岛生殖器疱疹诊疗去哪一家医院好 </t>
  </si>
  <si>
    <t>在生殖器疱疹医院的挑选上，患者需谨慎!一些低收费的生殖器疱疹医院、诊所存在着很多事故隐患，包括治疗技术不达标、治疗环境不卫生以及治疗医生的不合格，这不仅会耽搁治疗更有可能导致病状恶化，得不偿失!生殖器疱疹治疗生殖器疱疹医院、疗法虽说有很多，但真正能彻底治好生殖器疱疹的生殖器疱疹医院却寥寥无几，因为所有患者治疗生殖器疱疹的目的都是彻底治愈，所以应该尽量选择一家正规的拥有科学方法的好生殖器疱疹医院。看医疗技术，在生殖器疱疹生殖器疱疹医院医治，最重要的一点还是看医疗技术怎么，只有高水平的医疗技术方能赢得患者的认可，只有赢得患者的肯定，这个生殖器疱疹医院方能谈发展。</t>
  </si>
  <si>
    <t xml:space="preserve">龙魂血精石怎么得到,家族技能升级要!急急急急! </t>
  </si>
  <si>
    <t>可以在战场游商购买.但是必须有马夫那个任务.如果没此任务是看不到游商的.(只有隐仙阁才可以购买哦.)不过战场游商目前已被官方关闭.</t>
  </si>
  <si>
    <t xml:space="preserve">请问如何给电脑打补钉电脑受到漏洞攻击该怎么办 </t>
  </si>
  <si>
    <t>打开IE，工具里面有个windows update 根据提示就行了啊，或者，瑞星里面有漏洞扫描程序，能自动找出漏洞，并找出下载路径，</t>
  </si>
  <si>
    <t xml:space="preserve">为什么我的博文不能在加入的圈子中显示？ </t>
  </si>
  <si>
    <t>您好：请耐心一点，是服务器交换数据需要时间，过些时间就会改变。</t>
  </si>
  <si>
    <t xml:space="preserve">菱牛岭在哪？流坡高级英雄帖任务喊去菱牛岭聚灵气。问题按前面说的去 </t>
  </si>
  <si>
    <t xml:space="preserve">你好 新浪游戏诛仙资料组为你解答 师门英雄任务会遇到的 其实那就是绝龙岭 诛仙资料组幻之京 </t>
  </si>
  <si>
    <t xml:space="preserve">GM出来，我身上和仓库的金，突然都没了，为什么昨天下线米注意，今 </t>
  </si>
  <si>
    <t xml:space="preserve">  “完美找回”服务贴心解困 潇洒游《》 2007-10-22 　　账号被盗后是否一脸茫然，不知所措？ 　　想找回物品却又不知何处受理，感觉无计可施？ 　　只要你是密保卡、电话密保用户，只要认真填写相关申请表并传回完美时空公司，就能通过“完美找回”服务快速解决被盗号、物品找回等问题！ 　　“完美找回”服务详情请点击：  　　“完美找回”流程图：  　　“完美找回”服务是针对密保卡、电话密保用户做出的一项特殊服务。它能帮助您方便、快捷的找回更多的丢失物品，将您的损失降至最低。已经绑定密保卡的用户可以在账号内物品丢失的情况下通过到完美时空官方网站下载相关申请表，认真填写后（如果出现申请表的资料不全或不符，完美时空将不受理）传真至北京完美时空网络有限公司来申请找回您角色内的物品。我们会在收到用户恢复申请表格的传真之后的七个工作日（不包括法定节假日）内完成“完美找回”的处理工作。 　　“完美找回”业务可以帮您找回游戏中非正常消耗掉的物品，但如果您提供的物品丢失时间已经超过3天，或者当前绑定的密保卡使用时间已经超过30天，您将无法申请“完美找回”服务。（正常消耗物品如：物品贩卖NPC、精炼失败消失、物品销毁、物品分解等是无法找回的）。 　　需要注意的是我们提供的“完美找回”服务规定每个账号一年中只可以使用一次此项业务，在您填写申请表格时就代表您已经同意遵守我公司一年一次恢复原则。 　　如果您想更加详细的了解完美找回服务，或者在使用完美找回服务中遇到任何问题，可以通过登录“完美找回”FAQ网站（  　　在这里我们要再次提醒所有完美时空的玩家，虽然完美时空密保卡拥有很强的安全性，并且“完美找回”业务也已经开放。但各位玩家依然需要做好足够的账号防护措施。除了建议每月更换一张密码保护卡之外，还应配以原有的全面手机绑定功能才能真正的保证您的账号安全。</t>
  </si>
  <si>
    <t xml:space="preserve">怪物坐标在哪找吞天刀狼怪物坐标是多少 </t>
  </si>
  <si>
    <t>吞天刀狼？楼上的。。。。。。。寻梦旁边的应该是78的望海刀狼吧？汗。。。。吞天刀狼是不是你要做小BOSS的神谕任务？那个就在落日东北方，一个小土坡上面，吞天和旁边的那些刀狼样子差不多，不过那个小土坡上面也就只有那么一只刀狼，只要仔细看就能看到。</t>
  </si>
  <si>
    <t xml:space="preserve">怎样可以使JJ长的更长一些？老婆总是想让我的JJ再长一些，可是不 </t>
  </si>
  <si>
    <t>你已经成年了,发育已经结束所以你的JJ是不会再长长了,不过你可以在做爱前先洗个热水澡,那样你的JJ会受热暂时变长的.</t>
  </si>
  <si>
    <t xml:space="preserve">道具收费的刚进去就掉,这样还怎么玩 </t>
  </si>
  <si>
    <t>就是呀,登进去不容易,但是不久就掉线..无奈啊!</t>
  </si>
  <si>
    <t xml:space="preserve">请问我想买风神车，去专营店给试驾么？看车也看不出什么，试驾了才能 </t>
  </si>
  <si>
    <t>一般买车应该都会让你试驾体验一下的，我试驾过，就感觉风神的新款车不错，建议你找个时间去试试，正好年底的活动多，划得来一些。</t>
  </si>
  <si>
    <t xml:space="preserve">公安警务督察工作规范与违法违纪查处实务手册 </t>
  </si>
  <si>
    <t>先临时供您急用，这两段文。最高检要求加大力度深挖黑恶势力背后保护伞2006年05月12日   本报北京5月11日电（记者 丁海东 员 朱明飞）最高人民检察院今天召开打黑除恶专项斗争领导小组会议，高检院打黑除恶专项斗争领导小组组长、常务副检察长张耕主持会议并强调指出，各级检察机关要充分认识打黑除恶专项斗争的重要意义，进一步加大办案力度，注重深挖黑恶势力背后“保护伞”，把专项斗争进一步推向深入。　　高检院打黑除恶专项斗争领导小组副组长、副检察长邱学强、王振川、朱孝清出席会议。高检院打黑除恶专项斗争领导小组其他成员参加了会议。　　会议听取了高检院打黑除恶专项斗争领导小组办公室负责同志关于前一阶段检察机关开展专项斗争情况的汇报，认为中央部署开展打黑除恶专项斗争以来，全国各级检察机关对这项工作高度重视，与有关部门加强配合，办理了一批黑恶势力犯罪案件，专项斗争开局顺利，进展情况良好，已初见成效，正在深入推进。　　在听取汇报和领导小组各位成员发言后，张耕说，开展打黑除恶专项斗争，是经济发展、社会和谐、人民安居乐业的重要保证，各级检察机关要进一步提高认识，增强责任感，加大办案力度，切实保障打黑除恶专项斗争的顺利进行。一要充分履行批捕、起诉职能，既要加快办案进度，又要保证办案质量；二要深挖黑恶势力背后的“保护伞”；三要加强诉讼监督，既要监督公安机关的侦查活动，又要监督法院的审判活动，还要监督监管场所的执行活动。张耕强调，深挖和打掉黑恶势力背后的“保护伞”是打黑除恶的关键，“保护伞”不挖出来，黑恶势力除不了。深挖黑恶势力背后的“保护伞”是检察机关的职责所在，检察机关的有关职能部门职责重大，反贪和渎检部门要作出具体部署，把打黑除恶与查办职务犯罪结合起来。侦查监督、公诉、控告、申诉、监所检察等各个业务部门要善于从各自的工作中发现“保护伞”的职务犯罪线索，并及时移送侦查部门依法查处。　　张耕强调，上级检察机关要加大对涉黑涉恶案件的督办力度，分级督办、明确责任；根据案件所处的诉讼环节，由相应的上级业务部门进行督导督办；对于有阻力的案件，上级检察机关要帮助下级检察机关排除阻力和干扰。　　据了解，自今年全国开展打黑除恶专项斗争以来，全国检察机关共办理涉黑涉恶案件492件1384人，其中已批捕193件725人，起诉65件180人。      公安部强调要公正执法 决不能徇私枉法贪赃枉法  2006年05月12日12:29 中国新闻网   中新网5月12日电 中国政法机关正在认真开展社会主义法治理念教育活动。中国公安部党委副书记、常务副部长白景富在接受人民公安报采访时强调，要大力加强法律面前人人平等的教育，切实增强平等保护的意识，真正做到公正执法，决不能徇私枉法、贪赃枉法。　　白景富指出，当前，中国经济社会发展正处于难得的重要战略机遇期，同时也处在人民内部矛盾凸显、刑事犯罪高发、对敌斗争复杂的时期，给维护国家安全和社会稳定工作 带来一系列新情况、新问题。在深化改革、扩大开放和发展社会主义市场经济条件下，经济社会结构正经历着深刻的变革，人们的思想观念、利益诉求发生重大变化，对公安机关的管理水平、执法能力提出新的更高要求。在继承发扬中国法治优良传统、吸收借鉴国外法治文明成果的同时，封建思想残余、资产阶级腐朽法治思想对公安机关执法思想和执法活动的消极影响不容忽视。　　白景富说，思想是行动的先导。思想上的任何偏差和动摇，都可能使执法方向和目标发生错误。要确保公安工作的正确方向、政治本色，就必须对公安民警进行社会主义法治理念教育，真正使正确的理念得到坚持、错误的思想得到纠正、模糊的认识得到澄清、不适应新形势要求的观念得到更新。　　白景富要求，全国公安机关要认真对照社会主义法治理念的本质要求和深刻内涵，深入查找执法思想和执法工作中存在的问题，坚决抛弃不合时宜的和错误的思想观念，真正树立依法治国的理念、执法为民的理念、公平正义的理念、服务大局的理念、党的领导的理念。要大力加强忠诚教育，切实增强党性意识，认真贯彻执行党的路线方针政策。要大力加强形势政策教育，切实增强大局意识，自觉为全党全国工作大局服务，为经济社会发展服务。要大力加强立警为公、执法为民的思想教育，切实增强公仆意识，始终带着对人民群众的深厚感情去执法、去工作，坚决维护人民群众的合法权益，决不能以管人者自居，对群众耍特权、抖威风，冷横硬推、吃拿卡要，伤害群众感情、漠视群众疾苦、侵犯群众利益。　　白景富强调，要大力加强严格依法办事的教育，切实增强证据意识、程序意识、权限意识、自觉接受监督的意识，真正做到严格依法履行职责、行使职权，既坚决维护法律权威，又切实尊重和保障人权。要大力加强法律面前人人平等的教育，切实增强平等保护的意识，真正做到公正执法，决不能徇私枉法、贪赃枉法</t>
  </si>
  <si>
    <t xml:space="preserve">有没有报深圳检验检疫植物保护的,分数多少呀,我110,悬呀!! </t>
  </si>
  <si>
    <t>应该不会吧，这种职位是不是比较冷门。</t>
  </si>
  <si>
    <t xml:space="preserve">10.3YJ的JMM，都怎么样了我RF痛（以前来YJ前RF也疼） </t>
  </si>
  <si>
    <t>怎么那么着急呀,要等下个月3号才可以测试出来的,测试早了难免会失望的,就算是怀孕了也不会那么明显的,所以不要测试早了,要等到3号用晨尿测试,也许你已经怀上了呢,祝福你.</t>
  </si>
  <si>
    <t xml:space="preserve">外汇天王你好外汇问题谢谢我想用超短线用五分钟K线图用两个MA交叉 </t>
  </si>
  <si>
    <t>一般选用7和１４比较合理，这本身没有标准答案，看个人的做盘的习惯，打个比方就像练武一样用刀还是用剑，看个人，主要是怎么用的得心应手．</t>
  </si>
  <si>
    <t xml:space="preserve">牛皮癣进行期的症状有哪些呢 </t>
  </si>
  <si>
    <t>牛皮癣的初期症状主要以寻常型牛皮癣为主，初起皮损往往是红包或棕红色小点或斑丘疹，有干燥的鳞屑，以后逐渐扩展而成棕红色斑块，边界清楚，相邻的可以互相融合。皮肤上有鳞屑，鳞屑是银白色，逐渐加厚。搔抓时，鳞屑呈碎末纷纷飞落，露红色光滑基面，称为薄膜现象，剥去薄膜有针头大的小点状流血，这种薄膜状鲜红表面有点状流血的情况被称为奥斯匹兹现象。有些病人的鳞屑又厚又硬，可以妨碍皮肤伸缩，尤其关节等处厚硬鳞屑很容易破裂并使皮肤发生裂口而疼痛。</t>
  </si>
  <si>
    <t xml:space="preserve">怎么在电脑上查显卡是多少兆的 </t>
  </si>
  <si>
    <t>桌面右键－属性－设置－高级－适配器</t>
  </si>
  <si>
    <t xml:space="preserve">桂平西山一日游？桂平西山一日游 </t>
  </si>
  <si>
    <t>桂平西山以西为广西中部龙山山脉的一部分，素有“乳泉摇篮”之 称。因这一带系中生代花岗岩，地下水附存于岩体的节理裂缝之中，积水成泉。这种泉水的水分子密度高，表面张力大，含有一种特殊的物理 现象，据说只有抗州的虎跑泉才能与之媲美，有人作过一次表演：直至投入113枚，水在杯口鼓得像面包一样，却未外溢，把“满则溢”的规 律打破了。看到这种特殊物理现象的人，无不叫绝。所属地区：广西贵港桂平票务类型：成人门票门票信息：同程价：￥60门市价：￥80不错的地方</t>
  </si>
  <si>
    <t xml:space="preserve">朋友们，我想摆地摊，卖点什么物品比较畅销啊？ </t>
  </si>
  <si>
    <t>一、摆地摊卖干洗净家家户户都可以用得上的多功能干洗净，给都市人方便、快捷，尤其是白领精英特别喜欢；对衣服上的油渍、汗渍、圆珠笔渍、签字笔渍、口香糖等污渍都有很好的清洗效果。不仅可以在夜间摆卖，还可以白天在人流量大的地方销售，或者针对写字楼聚集的白领。二、摆地摊卖时尚女装到批发市场批点时尚的货，拿个架子，就可以到步行街，夜市去卖了。这是最常见的，利润在一倍左右，那就看你所选的衣服怎么样，还有会不会卖。三、摆地摊卖硬币戒指硬币戒指，当然不是硬币打造的。进货价在几毛钱，一般卖5元一个。给它赋予一种价值硬币打造，永不退色让人感觉到值，所以火了一段时间。四、摆地摊卖图书杂志图书杂志，十元一本，进货价在五元左右，好多超市门口都有，你要找到一个好地方，可以卖的很不错，也可以卖的久，刚开始投入有点高。五、摆地摊卖配件卖手机配件，做手机贴膜，手机现在对一些人来说是必须品了。投入不多，利润可关，现在从事这个行业的人有很多，所以要用心的做，有和别不不同的地方，不管是产品，还是销售方法。六、摆地摊卖健康饮食画册健康饮食画册，批发价在2元左右一套，一般卖10元一套，多数在市场门口卖，人们现在越来越重视身体的健康，利润还不错。但你那里要有市场，并且现在还没有多少人在卖。七、摆地摊卖歌碟影碟成本就是空碟片价格，当然要加点手工费。价格不固定，有的挣就卖。好多在市场卖，也可以流动卖，最好买一个音箱。进货时要了解什么碟好卖在进。八、摆地摊卖小饰品手饰小饰品的成本一般不高，就看你能不能拿到便宜的货了，饰品一定要时尚新颖，最好有个漂亮的包装。这样你就可以卖的高一点，利润多一点。但不要压太多货。九、摆地摊卖手表时尚手表非常的好卖，一晚上能卖10多个十、摆地摊卖热水袋当天气突然冷的时候，很多人对热水袋需求就很大，地摊上卖的比超市便宜5-10块。一晚上能卖掉20几个，赚个一百多是没问题的。十一、摆摊卖椰贝工艺品在春节即将来临之际，椰贝工艺品能因其奇特的创意，精美的手工艺术，来自大自然的原料。品种繁多。一般300元就可以进一批货，并且利润都在100%到200%甚至更高。比如现在畅销的贝壳动物，每个利润可以达到20-40元不等。当然要看怎么卖了。椰贝风铃，摆件，挂件等都很多很新奇。适合小本创业。</t>
  </si>
  <si>
    <t xml:space="preserve">请教一道公文题我国法定的规范性文件包括（　　　）。A:条例B:规 </t>
  </si>
  <si>
    <t>ABCD  【解析】我国法定的规范性文件包括五种：条例、规定、通告、办法和决定等。</t>
  </si>
  <si>
    <t xml:space="preserve">出句:雪藏林中虎【双城凡人】请对句。 </t>
  </si>
  <si>
    <t xml:space="preserve">出句:雪藏林中虎 对句:风皱水上盘 对句:霜艳岭上梅 </t>
  </si>
  <si>
    <t xml:space="preserve">长沙有什么好玩的地方？ </t>
  </si>
  <si>
    <t>岳麓山，世界之窗，桔子洲頭，海底世界...南門口的小吃等等...</t>
  </si>
  <si>
    <t xml:space="preserve">看谁聪明什么车无轮?什么猪无嘴?什么驴无毛?什么屋无门?什么书无 </t>
  </si>
  <si>
    <t xml:space="preserve">这个题目以前贴过,我给你转过来.回答者：醉冰轩主  级别：智者 (2005-03-01 14:40:54)     这题是有很多答案的。答案一："乞朱为吾昭雪"这个出自一个典故。在明太祖朱元璋时， 贪官当道， 人们有怨都很难得到公正的审判。 有一穷书生， 考试三年而不第， 并且， 家中田地被占。 官官相卫，他无处伸冤。根本不可能去告御状。 终于， 他想出个方法， 能让太祖知道他的冤情。他出了这么个谜语让别人猜， 由于很难， 很快传遍天下， 也就传到了太祖的手里。 太祖看了后 ，便把他招来， 问： 你有什么冤情？ 他把所有的委屈都说了出来， 贪官被斩首了。 可他们总不明白书生怎么告的御状。后来， 谜揭开了， 所有有的秘密全在那个诗歌里。何车无轮？：古时候，农民犁地，在牛身后的拉的叫犁车，犁车是用来开荒的，那时候，人们管开荒又叫‘起地’，所以‘起’通‘乞’代表乞求的意思。何猪无嘴？：这个自然代表太祖本人，猪代表朱字，说太祖很少慰问国事，像无嘴一样 。何驴无毛？：也代表太祖本人，太祖本来当过和尚，那是广交贤良，以天下为心，用这句和上面的那句对比，说明太主应该管国事了 。所以，这句代表的字就是‘为’字，表示太祖该有所为了。 何屋无门：这个屋字通吾字，代表书生自己。何书无字：古代的诏书都是太监念的，而太监根本不认识字，所以，诏书就是用口头来传达的，诏通‘昭’ 。何花无叶：这个很简单了，大家都会想到的，就是雪花了，这句代表的就是‘雪’字 所以，整个句子连起来就是‘乞朱为吾昭雪’ 。天下之博学者，当数书生，令以后之人没有不为之叹服的。如果这事是真的，我觉得那书生早死了多少次了。据说朱元璋当了皇帝后，很忌讳别人提他的出身，而他姓朱，当时的国人绝对要避讳，哪里还敢提‘猪’这个字。呵呵另外怀疑朱元璋是否真的有那么厉害，该谜语传播天下，无人能解，他一看竟然就明白了答案二: 风雨途中同心（风）车无轮?（雨）珠（谐 猪）无嘴（秃）驴无毛（中）午（谐 屋）无门（桐）树（谐 书）无字（心）花无叶　　风雨秃中桐心 谐音： 风雨途中同心答案三: “老鼠喜欢大米”何车无轮：老车无轮。车老了，要拆掉，拆车是先拆轮子的，可能是由于轮子上有橡胶，可以重新回收的缘故。当然轮子也没有了。何猪无嘴：紫（子）竹（猪），一种植物。不是动物，当然没有嘴。子猪的子，就是鼠。学过天干地支的人都知道。何驴无毛：锡驴无毛。为什么呢？无锡古代盛产金属锡，北人用毛驴来运送锡矿，获利丰厚。然而驴经常在锡矿中，容易锡中毒，浑身毛发尽脱。常见运锡之驴无毛。是为锡（喜）驴无毛。何屋无门：幻（欢）屋无门。典出《金刚经》。何书无字：大叔无字。大叔是农村的叫法。一般大叔是只有名字，不会专门学文人取什么“字”“号”等等乱七八糟的东西的。何花无叶：米花无叶。谁都知道。爆米花直接可以吃的，不是什么植物。合起来就是老鼠喜欢大米。答案四：我爱你一万年何车无轮：我（我）车无轮。我的车本来就没有轮子，轮子给我卸了，但没有钱买新的轮子，只好放在仓库里。何猪无嘴：矮（爱）竹无嘴。矮竹，就是我们说的文竹。植物而已，哪里来的嘴巴？何驴无毛：泥（你）驴无毛。谁都知道。何屋无门：蚁（一）屋无门。蚂蚁的家是洞口，没有门的。何书无字：万（万）树无字。多少树都没有字的。何花无叶：年（年）画无叶。年画而已，和叶子确实没有关系。所以答案是：我爱你一万年。根据答案四那样无赖的解释方法的提示，视而不见可以给出第五个答案：答案五：以德服人欠扁何车无轮：姨（以）车无轮。我邻居阿姨家辆自行车的两个轮子在一夜之间，不知被哪个缺德鬼偷了，所以，没轮了。何猪无嘴：得（德）猪无嘴。小时候捡到一个布做的小猪猪，也就是得到一只布猪。可惜啊，猪嘴被扯掉了，难怪要扔掉！何驴无毛：父（服）履（驴）无毛。我老爸从来不穿毛绒绒的鞋子，他嫌太女性化。何屋无门：任（人）务（屋）无门。任务太难，无从下手，找不到门路解决。何书无字：铅（欠）书无字。本来想拿支铅笔写字的，拿错了铅块的，哪里写得出字啊，就无字了。何花无叶：变（扁）花无叶。变魔术的时候，我从来只看到把花变出来了，没看到那魔术师连叶子都变出来。所以答案是：以德服人欠扁  参考文献：作者：视而不见 </t>
  </si>
  <si>
    <t xml:space="preserve">怎样得到武术技能点？新手求教谢谢我学不了第二个法是由于武术技能不 </t>
  </si>
  <si>
    <t>你把基础技能先加够点，不要乱加，加错了就没戏了</t>
  </si>
  <si>
    <t>一道数学题已知a+b=</t>
  </si>
  <si>
    <t>(a+b)^2=a^2+2ab+b^2=49a^2+b^2=49-2ab=49-2*5a^2+b^2=39</t>
  </si>
  <si>
    <t xml:space="preserve">购买二手房时可否办理公积金贷款?如果二手房房主当初购房时采用商贷 </t>
  </si>
  <si>
    <t xml:space="preserve">手房转警防5大风险 7个操作步骤不可马虎　　阅读次数（ 163 次）  2004-8-4　北京日报　殷丽娟   　　随着住房梯级消费的形成，很多按揭中的商品房也已逐渐进入二手房市场。到目前为止，北京市商品房存量房约100万套，其中处在按揭还款阶段的房屋约占60％，即60万套。这样的房子究竟如何交易？转按揭业务到底如何操作？可能存在哪些风险？针对很多读者已经或可能遇到的这些问题，我们请“我爱我家”的专业人士举例来说明。 　　张先生今年6月由于急需一笔资金周转生意，愿意把在亚运村小营附近的一套贷款27万元的商品房以低价出售，但是该房屋在建行的贷款仍有18万元没有还清。孙女士看中张先生这套房子，但是孙女士也需要通过按揭贷款方式购房。 　　双方通过“我爱我家”签订了房屋买卖合同，同意以30万元的价格成交该套房屋。孙女士先期支付10万元作为购房首付款，然后业主张先生前往建行办理“按揭变更”手续，即申请提前还款。同时由“我爱我家”做担保，孙女士申请在浦东发展银行办理了20万元的二手房按揭贷款，其中18万元支付给建设银行用于张先生提前还贷解除抵押。其后业主张先生与该中介公司办理房屋过户全权委托并公证。 　　待过户成功，将孙女士向浦东发展银行申请的20万元贷款中剩余款2万元交予张先生。“我爱我家”为孙女士领取到新的房产证后抵押并登记，然后将房产证交予孙女士，至此交易完成。 　　■风险分析： 　　在本案例中，业主张先生须先还清其在建行的剩余18万元房屋按揭贷款，才能进行房屋产权的过户。而买方孙女士需申请贷款并由银行提前放贷才能为张先生还清其在建行的贷款，而此时孙女士的房屋产权过户手续尚未办理。因此，在转按揭过程中就出现了以下几种风险： 　　1、张先生在建行的贷款由孙女士还清后，突然改变主意，拒绝过户。 　　2、孙女士拒绝还贷。 　　3、浦发银行不同意提前放贷。 　　4、交易完成后张先生无法顺利拿到剩余房款。 　　5、交易完成后孙女士无法顺利拿到房产证。 　　转按揭贷款手续与普通的二手房按揭贷款手续的不同之处，在于普通的二手房按揭贷款，银行都是在房产办理完过户之后才放贷给业主，以支付买方的购房款。但是在转按揭的案例中，由于业主的房屋是仍为按揭中的房屋，无法进行二次抵押，因此需要先发放第二笔贷款，用于还清业主的贷款，取得房产证并解除抵押才能进行房屋产权过户。所以只有选择正规大型的房屋中介，才能完成，因为这样的中介与银行之间保持着良好的协作关系，并且在转按揭交易中能够帮助业主、客户及银行三方面避免以上可能发生的各种风险，起到很好的协调和保证作用。 　　■转按揭具体操作流程： 　　1、买卖双方签订买卖合同，并事先确认买方有无还贷能力。 　　2、在银行同意买方贷款的情况下，选择申请同行转按或者跨行转按（注：卖方还贷不满一年的，通常选择同行转按或者同支行转按；已满一年的，则可以选择跨行转按）。 　　3、买方向银行申请转按揭并提交相关材料及支付相关费用，包括担保费用（银行正常放款时间为过户后三个工作日内）。银行通常都会指定其认可的担保公司或中介机构为该笔提前发放的款项承担担保责任。即在为买方放完贷款后，如果发生卖方违约或者买方违约，导致该房屋无法成交，则由担保公司或中介机构向银行承担赔偿责任。转按揭贷款中的担保费用由此产生，数额在贷款金额的千分之三至千分之八之间。同时，卖方需向银行、担保公司或者中介机构签署出售承诺书，而买方需向银行出具担保委托书。 　　4、在转按揭申请通过银行审核后（审核通常需要五个工作日），且银行确认可以去还贷的当日，买方申请贷款的银行所指定的担保公司或中介机构，携带相关款项共同办理还贷手续。 　　5、办理完结还贷手续，由担保公司或者中介机构为卖方办理注销抵押登记事项。 　　6、办理完结注销抵押手续，双方在担保公司或中介机构陪同下去房管部门过户。 　　7、由担保公司或中介机构代为领取房产证，在做完抵押登记领取到他项权利证书后交给买方。 </t>
  </si>
  <si>
    <t xml:space="preserve">外挂有否，与收费问题我们不是拿不出钱来游戏，我们就是想要有游戏的 </t>
  </si>
  <si>
    <t>您好，感谢您对我们游戏的支持，您分析的情况我们会进行反映的</t>
  </si>
  <si>
    <t xml:space="preserve">手机刷机之后，还是开不了机怎么办？ </t>
  </si>
  <si>
    <t>1、首先关机，然后同时按住手机的电源键+音量上键+HOME键；2、手机屏幕出现三星LOGO时松开电源键，其他两个键继续按住不放；3、出现小绿人后松开所有按键，迅速按左下角的虚拟菜单键使屏幕变暗，稍等屏幕会出现几行蓝字；（如果你的recovery模式是帽子图案，就没有第三步，直接往下进行）4、按音量键选择wipe data，按HOME确定，执行yes后返回；5、再按音量键选择wipe cache ，按HOME键确定，执行yes后返回;6、选择reboot system now按HOME键，重启手机。您可以重新刷机，可能是因为没有刷机成功导致的。</t>
  </si>
  <si>
    <t xml:space="preserve">我的电脑低格一半就自动关机了怎么办 </t>
  </si>
  <si>
    <t>基本上电源或是主板的问题，硬件出问题的面大</t>
  </si>
  <si>
    <t xml:space="preserve">狂战士加点加啥啊奇迹世界狂战士点加哪里啊,我现在就加力量,还要加 </t>
  </si>
  <si>
    <t>支持冽风的,如果你只加了力量而且你等级比较低的话那就不要再加力量了,你在守护和狂暴2个系中选一个猛加吧,没有技能的战士是个垃圾,攻击郁闷到死.</t>
  </si>
  <si>
    <t xml:space="preserve">进口关税是多少帮我提供一下铜，铝，铅，锌，锡，镍，黄金，白银，原 </t>
  </si>
  <si>
    <t>你可以登录海关网站去查询</t>
  </si>
  <si>
    <t xml:space="preserve">考考你的眼力（难度系数3.0）介绍一下这级军舰 </t>
  </si>
  <si>
    <t>丹麦的阿沙布隆级灵活支援舰</t>
  </si>
  <si>
    <t xml:space="preserve">管理道德对企业的发展具有怎样的意义？如何改善企业道德? </t>
  </si>
  <si>
    <t>管理道德对企业发展的意义：    企业作为一种经济组织，同时也是一种社会组织，它具有人格化的特征，在企业的管理当中体现企业的管理道德。管理道德是指导管理人员工作行为的标准，是一个企业在处理内部问题及与外部环境相关问题时所采取的道德标准和准则，是企业调节与内部利益相关者和外部利益相关者关系的行为规范的总和。企业在追求经济利润最大化的同时，要考虑到社会责任，此时，企业的管理道德就起作用，道德标准和价值观就会影响企业取得经济利益的行为和态度。企业经营活动所带来的经济利益与其管理道德紧密相连。一些中小企业在面对以生产假冒伪劣商品获得暂时生存还是以质量上乘的产品在市场上为自己明确定位来发展壮大的选择时，管理道德将对其经营行为产生约束作用。     管理道德作为指导管理人员工作行为的标准，关系企业的生存发展，符合管理道德的理念和行为会经得起时间的考验，有利于企业的长远发展；反过来，违反管理道德的行为，既使能获得眼前利益的满足，也迟早会使企业陷人恶性循环，最终得不偿失。企业应该认识到，管理道德的水平高低直接影响到企业向更高层次发展的能力。作为企业的高级管理层要充分重视管理道德的建设，积极改善管理道德的实施环境。以身作则树立榜样作用，惩罚道德原则的违反者，表明公司促进管理道德规范化的决心，对内关心员工的冷暖，对外兼顾顾客和供应商的利益，争取利益“双赢”。改善企业道德的途径：    (1)发挥社会价值之导向之作用。企业外向道德与内含道德，都受到社会物质状况及其所决定的社会价值导，向所制约，社会舆论是社会价值观的载体，对企业道德的发展起导向作用。坚持正确的社会舆论，倡导正确的价值观，是企业道德建设的必然要求和重要方法。(2)重视企业文化建设。企业道德建设是企业文化建设的重要组成部分，企业文化建设是企业道德建设的最直接的途径。二者相互渗透、同步发展。企业价值是企业文化的基石和核心，树立正确的企业价值观必须加强企业道德建设，(3)加强制度管理，进行利益诱导，为克服企业道德中的软弱无力现象，必须将道德建设与严格管理相统一，注意运用利益诱导的杠杆，从物质利益的角度促进企业道德建设。必须强化激励机制，鼓励善的道德行为，使企业建立一个合理、完善的自我约束机制。(4)领导以身作则。企业能否有生命力，最主要的力量有两种：道德本身的力量、领导者的人格力量。加强企业领导的道德建设首先要求企业领导者加强理论修养，提高自身分析和解决问题之能力；其次，企业领导者要加强道德修养，认真开展批评和自我批评，坚持自我教育、自我改造与自我提高，自觉进行道德实践；再次，领导者要垂范道德规范。职工的自我教育，要运用集体力量让职工对道德行为互相仿效、感染和激励，互相监督和制约违反道德的行为。</t>
  </si>
  <si>
    <t xml:space="preserve">肺癌都有咳嗽的症状吗？提到肺癌，大家都会想到肺癌咳嗽，咳嗽是肺癌 </t>
  </si>
  <si>
    <t>在临床中多数中心性肺癌都么有咳嗽症状，有的直至咳血也不见咳嗽，这是因为肺癌占位病变的神经分布问题。</t>
  </si>
  <si>
    <t xml:space="preserve">已婚的男女能不能成为朋友 </t>
  </si>
  <si>
    <t xml:space="preserve">   已婚的男女能成为朋友,但很难成为知心朋友！</t>
  </si>
  <si>
    <t xml:space="preserve">家里天然气泄漏我总觉得我家的天然气有泄漏，因为燃气管经过的橱柜里 </t>
  </si>
  <si>
    <t>第一，燃气设施不能封闭在橱柜中的，否则泄漏后难以察觉，易发生事故；可以打个大一点的孔。第二，可以致电当地燃气公司的服务热线，申请上门为你做户内燃气设施安全检查，看接口处是否有漏气发生，或者你可以在管道上或接口处涂抹肥皂水，观察是否有气泡发生，若有则漏气。第三，燃气灶具是否漏气，也需要检测，通过燃气公司的设备可以做气密性检测，灶具漏气也有可能。第四，千万记住，自己不要拆卸燃气灶具或设施，也不要用明火去检测，这是极其危险的。第五，使用燃气，要保证通风，空气可以流通，用完气随手关闭管道上的阀门和灶具阀门，养成良好的用气习惯。</t>
  </si>
  <si>
    <t xml:space="preserve">男性到了几岁就不长高了？我还有机会长高吗？我今年都快24岁了，可 </t>
  </si>
  <si>
    <t>人停止长高的年龄可能现在还无法定论,主要原因是现代社会的生活水平提高,人的饮食习惯和方式已经改变,吸收的营养和成份也不同,18岁长高的年龄已经打破.当年我高中毕业17岁只有1.62米,复习半年考取中专体检,18岁身高已经1.655米,到中专毕业后,20岁已经长到1.668米,工作后的24岁身高又长至1.679米.10年后身高是1.682米.</t>
  </si>
  <si>
    <t xml:space="preserve">萨博和申宝是什么关系这是两款车，但是我不知道他们之间是否存在联系 </t>
  </si>
  <si>
    <t>是一个牌子的,以前翻译成申宝,现在叫萨博.萨博公司是由斯堪尼亚公司和瑞典飞机有限公司合并，原飞机公司瑞典文缩写为SAAB，后即作为公司轿车的标志。于40年代中期建厂，并于1947年推出了首部具有领先科技水平的SAAB92型轿车，距今已有半个世纪。1990年，美国通用汽车公司购入了萨博汽车公司50%的股份，成为最大的控股公司.</t>
  </si>
  <si>
    <t xml:space="preserve">离婚后没地方住，房子归男方和孩子，产证上也是两人名字，现在女儿已? </t>
  </si>
  <si>
    <t>你女儿已成年，所以你能否与女儿住是你女儿说了算</t>
  </si>
  <si>
    <t xml:space="preserve">汇款的问题我们公司购卖一台设备,出纳为了方便使用了别人的帐户给对 </t>
  </si>
  <si>
    <t>操作上是可以这么操作，但是如果和你的工作责任有关系的话，容易出问题，因为做帐的时候，要看进帐单的，用别人的户头走钱，不出事当然OK，出了事情你怎么证明这钱是你们公司付的。</t>
  </si>
  <si>
    <t xml:space="preserve">调皮请进,600624如何操作如题 </t>
  </si>
  <si>
    <t>600624 复旦复华先看收复企穏二十日均线的能力,短线暂列五日均线止损防乱流,静待反弹.</t>
  </si>
  <si>
    <t xml:space="preserve">博森英语的GMAT课程的授课形式是什么样的呀~~~？ </t>
  </si>
  <si>
    <t>他们的英语课程有点特别啊，上课的时间一共就只有6天，三个周末嘛。一天就要连着上5个小时。而且有点小贵。不过后面有老师跟着去学习，有问题啥的都可以问。我估计吧，老师教得不错，后面的这些啥子答疑啊、模考啥的才是真正很贵的地方！</t>
  </si>
  <si>
    <t xml:space="preserve">邮局包裹单号查询0分麻烦查一下这个邮寄包裹号KA051到哪里了， </t>
  </si>
  <si>
    <t xml:space="preserve">KA08366615151 2011-09-11 10:39:36 | 当前处理：正在安排投递 | 处理机构：邮政递送公司   处理时间  处理单位 邮件状态 2011-08-31 19:24:32  中心邮政所 交寄 寄达地--重庆市长寿区2011-09-06 09:04:46  长寿邮政递送公司  到达投递邮局  2011-09-06 16:43:52  长寿邮政递送公司  正在安排投递   2011-09-07 16:15:16  长寿邮政递送公司  正在安排投递   2011-09-08 16:49:08  长寿邮政递送公司  正在安排投递   2011-09-09 16:54:02  长寿邮政递送公司  正在安排投递   2011-09-10 09:35:03  长寿邮政递送公司  正在安排投递   2011-09-11 10:39:36  长寿邮政递送公司  正在安排投递  上述是你的邮局包裹的查询状态，不解的是9月6日至9月11日都在长寿邮政递送公司据说正在安排投递，据我了解：一般KA开头的普通快包红色单面到货时间是4-10天不等，6天都在安排投递，不知是何故？友情提示：建议你去中心邮政所咨询下，是什么原因？顺祝中秋快乐啊！！！ </t>
  </si>
  <si>
    <t xml:space="preserve">黑暗石头问题现在黑暗石头是不是很贵，另外圣石也基本很少见到这2种 </t>
  </si>
  <si>
    <t>楼主问各服多少恐怕不好说。做活动的时候1000W也能买到。我是54F，现在价格在2100W左右。1F贵点，3000以下。57F不清楚，估计还没出。其他几个服务器，因该也在2500—300OW左右。神圣和黑暗可以互换，建议用神圣，因为很多怪都抗黑暗属性。</t>
  </si>
  <si>
    <t xml:space="preserve">成年人大便粘稠，不规则形状，是什么原因？而且一般两天便一次，像是 </t>
  </si>
  <si>
    <t>如果你以前就是两天一次,那不算便秘.大便粘稠,形状不规则,是不是细条状,左下腹有没有压痛,还有大便颜色是怎样的,如果发黑,我建议你到医院做个肠镜,也许直肠或结肠有息肉什么的.祝你早日康复.</t>
  </si>
  <si>
    <t xml:space="preserve">充电是什么意思? </t>
  </si>
  <si>
    <t>充电：比喻通过学习补充知识，提高技能等</t>
  </si>
  <si>
    <t xml:space="preserve">真钱斗地主哪个好真钱棋牌游戏哪个最好 </t>
  </si>
  <si>
    <t>我一直在汇丰真钱棋牌玩的，感觉不错，兑换很快，基本上没超过10分钟！我会一直关注的，你可以去百度【汇丰棋牌】看下，觉得不错在充值进行游戏</t>
  </si>
  <si>
    <t xml:space="preserve">已知a,b属于Ｒ，则两个不等式a＞b，1/a＞1/b同时成立的条? </t>
  </si>
  <si>
    <t>比差法:[a-(1/a)]-[b-(1/b)]=(a-b)[1+(1/(ab)],若a&gt;b且a-(1/a)&gt;b-(1/b), 则(a-b)&gt;0且[1+(1/(ab)]&gt;0, ∴ a&gt;b&gt;0.∴ ab满足a&gt;b&gt;0</t>
  </si>
  <si>
    <t xml:space="preserve">世界各国的著名通讯社的英文名 </t>
  </si>
  <si>
    <t>中国的新华社 Xinhua News Agency美国 美联社  Associated Press（AP)    合众国际社 Unites Press - International News Service (UPI)英国 路透社 Reuters法国 法新社 Agence France-Presse(AFP)加拿大通讯社 Canadian Press澳大利亚联合新闻社 The Australion Broadcasting Press新西兰报联社 New Zesland Press不好意思，我只能找到这些了</t>
  </si>
  <si>
    <t xml:space="preserve">女友总说要跟我分手怎么办？我跟女友在一起有半年了~~可是时间长了 </t>
  </si>
  <si>
    <t>如果真的相爱就不必考虑那么多了如果开始怀疑不如分开</t>
  </si>
  <si>
    <t xml:space="preserve">双线是什么意思？？？？？？？？请详细说明一下，最好是举例说明 </t>
  </si>
  <si>
    <t>从表面意思来理解，说通俗点，就是两条线路接入游戏以保证网通和电信玩家进行游戏都不卡。从技术层面来说，双线接入不是简单的兼容关系，众所周知，网通和电信互相在对方的线路上玩魔力会非常的卡，这是因为网通和电信的组网通道不同，使数据传输在对方的组网通道内受到限制，不管走时域还是走频域都慢，所以数据包传送往返的速度慢，于是就会卡，说白了就是运营商互相竞争拿我们玩家做牺牲品。双线接入的实质是提供两条组网通道，一条给网通，一条给电信，网通玩家通过网通线路接入游戏，电信玩家通过电信线路接入游戏，自己所在区由自己所在区的通信运营商通道接入魔力，可以有效缓解在对方线路内处处受限（实际上是传输协议的不完全兼容导致的）导致的卡线情况，使每一方的时域/频域得到充分利用。说的大概稍微有点专业，希望楼主能看明白，总之按照非专业人士的理解，只要知道双线=两条线路就可以了。</t>
  </si>
  <si>
    <t xml:space="preserve">为什么现在我查不了“我的提问”了现在我点“我的提问”系统就自动转 </t>
  </si>
  <si>
    <t>在下面的链接里你可以看到自己刚回答的问题,收藏,投票等,点提问会到自己的新个人中心 这里可以看到你的知识人积分,和共享积分,总换新浪,爱问积分等以及修改个人信息查共享资料等,但右边的知识人不能点了点后会去新版个人中心你收藏后以后不用去新版的个人中心 -----------------------------------------------------想看自己的提问就得去新版个人中心了进入新版个人中心,点知识人问答可以看到自己的提问,回答,投票,以及收藏</t>
  </si>
  <si>
    <t xml:space="preserve">为什么女孩容易受骗？一次语文课上，老师说：“恋爱中，女孩的智商为 </t>
  </si>
  <si>
    <t>其实你们老师说的也不竟然。应该说恋爱中的人的智商都是零才对。当一个人陷入恋爱，他或她的思想就不会像平时一样，他们的世界里只有两个人，所以让人觉得很不现实。其实也没有什么受骗与不受骗。恋爱中爱一个人是需要付出的，就看在恋爱中谁爱谁多一点喽。也不全都是女孩子付出的多，有些男孩也是一样的。所以你的这个问题就不是那么绝对的。</t>
  </si>
  <si>
    <t xml:space="preserve">观众爱上演员怎么办？我坐在台下对台上的美女一见钟情怎么办，我问到 </t>
  </si>
  <si>
    <t>你并不真正地了解她是吗？爱一个人是基于理解她关心她的基础上的~```</t>
  </si>
  <si>
    <t xml:space="preserve">星空奇缘公测之后事公测之后,会不会,把内测的号关了,或者会不会把 </t>
  </si>
  <si>
    <t>上次是封测,内测的话估计要把封测的数据删除</t>
  </si>
  <si>
    <t xml:space="preserve">企业宣传片拍摄如何布光 </t>
  </si>
  <si>
    <t>　企业宣传拍摄过程中，因为涉及到不同的场景拍摄，光线明暗不同，所以需要布光从而使得画面更亮丽。今天我们为您讲解企业宣传片拍摄过程中布光应该注意的问题：　　一、灯具的恰当使用　对于灯具的使用一定要慎重，避免影响画面。　　二、反光器的巧妙运用　在宣传片拍摄中，经常会出现使用反光器的数量多于使用灯具数量的现象。一个成熟的摄像人员，能熟练的使用反光器，从而为宣传片拍摄提供便利条件。　　三、光比的控制把控　　采光中的光比控制牵涉到被摄体自身的反差以及宣传片画面中主体、陪体和背景三者之间的明暗对比，同时也决定着整个画面的影调和被摄体的质感及细节表现。　　四、光源面积和扩散浓度的控制   控制好光源面积和光源的扩散程度就可较好地控制被摄体的明暗反差效果。　　五、灯距的安排　　众所周知，不同距离的灯光照射，产生的亮度不同。　</t>
  </si>
  <si>
    <t xml:space="preserve">我出1亿买了把新无机（高级），亏不亏，大家参谋下，我神话老区的亏 </t>
  </si>
  <si>
    <t>你是来炫耀的吧，呵呵。无及原来可是要用卖RMB的哦。现在的传奇B除了能买药和一些垃圾还有什么用呢？集少成多的传奇B就是适合做这样的买卖。</t>
  </si>
  <si>
    <t xml:space="preserve">为什么我注册的帐号登陆游戏里说不存在 </t>
  </si>
  <si>
    <t>1、注册账号是否开通2、注册账号是否成功3、注意大写小写</t>
  </si>
  <si>
    <t xml:space="preserve">无法语音，急昨天我的麦突然坏了，我换了个麦昨天下午还好好的，今天 </t>
  </si>
  <si>
    <t>你先测试下自己电脑的麦克风是不是好的，当然你得首先确认自己的耳机的麦克风是OK的，冬天是静电高发的季节，希望不是被静电打坏了，我最近经常接到客诉的案子，其中很多都是耳机或者麦克风被打坏了的。至于如何测试自己的电脑的麦克风，方法见附件所示。希望能够帮助到你。</t>
  </si>
  <si>
    <t xml:space="preserve">求有文化的小伙伴们解答这个字怎么念啊 </t>
  </si>
  <si>
    <t>夔，读作kui，第二声夔门[kuí mén]，又名瞿塘峡，雄踞长江三峡之首，西起重庆奉节县的白帝城，东至巫山县的大溪镇，全长8公里。在举世闻名的长江三峡中，它是最窄、距离最短的一个峡，瞿塘峡谷窄如走廊，两岸崖陡似城垣，郭沫若过此发出“若言风景异，三峡此为魁”的赞叹。</t>
  </si>
  <si>
    <t xml:space="preserve">周杰伦有个什么歌词在流泪的雨里 </t>
  </si>
  <si>
    <t>01 雨下整夜，我的爱溢出就像雨水 ——七里香   02 最不是下雨天 ，是曾与你躲过雨的屋檐 ——不能说的秘密　　　   03 心里的雨倾盆而下 ，却始终淋不到她 ——心雨   04 刮风这天我试过握着你手 ，但偏偏雨渐渐大到我看你不见 ——晴天   05 在 山腰间飘逸的红雨 ，随着北风凋零，我轻轻摇曳风铃 ——枫   06 雨淋湿了天空 ，毁得很讲究 ——给我一首歌的时间    07 你脸上的情绪　， 在还原那场雨，　这巷弄太过弯曲走不回故事里 ——我不配   08 天青色等烟雨， 而我在等你 ——青花瓷   09 雨打蕉叶 ，又潇潇了几夜 ，我等春雷 ，来提醒你爱谁 ——兰亭序   10 最美的不是下雨天 ，是曾与你躲过雨的屋檐 ——不能说的秘密   11 刮风这天我试过握着你手，但偏偏雨渐渐大到我看你不见 / 消失的下雨天 ，我好想再淋一遍                                                                                                                                         ——晴天   12  雨纷纷 旧故里草木深 ，我听闻 你始终一个人 ——烟花易冷   13 街道的 铁门被拉上 ，只剩转角霓虹灯还在闪 ，这城市 的小巷 雨下一整晚 ——雨下一整晚   14  天凉了 雨下了 你走了 ，清楚了 我爱的 遗失了 ——说了再见</t>
  </si>
  <si>
    <t xml:space="preserve">一般的河虾有哪些做法?怎么做即简单又好吃? </t>
  </si>
  <si>
    <t>最简单的盐水河虾    做法： 将河虾剪去虾须，洗净，炒锅内加入一汤勺水，放入葱、姜、、盐、少许花椒，煮熟即可。别的做法就多了，看看能收集到多少，大家一起努力哈：火爆河虾　　做法：    1、小河虾去钳、须、脚，洗净后沥干水分。　　2、大火将炒锅烧热后放油，待油烧至八成热（油面上方热气明显，油中有小气泡泛起），放入河虾，快炸5-6秒，然后马上捞出。　　3、保持大火，待锅中油温再次升至八成热时，将虾倒入锅中，炸10秒钟后捞出。　　4、锅中留1汤匙（15ml）底油，大火烧热后放入大葱片、姜丝爆香，调入料酒、盐、白砂糖和生抽，随后倒入炸好的河虾，颠动数下（或用锅铲翻炒）即可出锅。    河虾炒鸡蛋：用料：活河虾50克，鸡蛋2个；作法：按常法先在油锅煸炒洗净的河虾，将鸡蛋打匀与虾一起煸炒，加料酒、葱、姜、盐各适量，再熘炒至香起锅，即可服食；功效：有补肾健髓、健脾开胃、丰乳和令人肥腱之功效。清蒸干菜虾 原料：笋干菜100克、新鲜河虾250克做法：将笋干菜泡半小时，撒在已装盘的新鲜河虾上，放少许料酒、味精，不要放盐，蒸5分钟就可以了。 功效：富含蛋白质，营养好。奶味青豆蘑菇煨河虾河虾500克、鲜蘑菇300克，鲜青豆200克，鲜牛奶300克，料酒、葱姜、水淀粉、盐、味精适量1、虾洗净，放入开水中，加入葱姜料酒，待河虾转成红色后立即捞出，剥去河虾身体部分的外壳，并将头部的外须剪净备用。2、青豆放入锅内煮熟。3、起油锅，放入切成两半的鲜蘑菇，出水后加入已煮熟的青豆和已剥去外壳的河虾，加入鲜牛奶，小火焖煮至香气外溢时加入适量盐和味精即成。油酥河虾的做法原料：河虾或者江虾一斤，最好不要买塘虾，因为塘虾泥腥重。塘虾色黑，河虾、江虾  色较淡。配料有盐、味精、机精、料酒。制法；1、将河虾摘好、洗净，沥干水，倒入盆中，加入料酒、少量盐（宁淡勿咸）、味精、鸡精腌上半个小时，      2、将腌好的虾，撒上两汤匙面粉、三汤匙生粉，搅拌均匀，待用；      3、锅洗净，烧热，加入色拉油一斤，烧至七成热，油冒烟时，分三次下入河虾，炸至虾体发红，刚熟时，沥油起锅，全部炸好后装好；      4、根据当餐需用河虾的数量多少，分到盘中，用手将粘结的河虾分开；      5、原锅上火，烧油至六成热时，下入河虾，再改用中火将河虾慢慢炸酥，沥干装盘即可。特点；酥脆鲜香、营养丰富、色泽鲜红、诱人食欲。注意：1、必须分为两次炸好，一是为了保持酥脆；二是为了经头炸后河虾易于存放；      2、腌制过程中也可以不加盐，另外配制“花椒盐”，先将细盐和花椒粉在锅中用小火炒熟，待河虾炸好后，将花椒盐用手指拈撒在河虾上，其风味独特。</t>
  </si>
  <si>
    <t xml:space="preserve">生塑料与熟塑料的异同? </t>
  </si>
  <si>
    <t>：生塑料和熟塑料这是商品流通的名称，久而久之成了日常生活中的语言。从化学的角度上讲，生塑料是指热固性塑料，就是一次成型后不能再回收了,它有一定的硬度但较碎,一但碰撞碎了,就无用了;再受热也不会软化,这属于体型高分子化合物,没有可塑性,例如用酚醛树脂做成的电口器外壳,它能绝缘;熟塑料是指可塑性线型高分子化合物,它同样有抗拉、抗压、抗扭、抗弯曲等能力,也有电绝缘性。例如聚氯乙烯、聚苯乙烯等等。</t>
  </si>
  <si>
    <t xml:space="preserve">为什么我进PVP副本了之后PK不了？进去了之后就出现20秒后自动? </t>
  </si>
  <si>
    <t xml:space="preserve">是因为掉线  我以前在PVP副本的时候 就是无法攻击  之后都退出来在进去  还是不能攻击  连自己的辅助状态都用不上  大概过了 几分钟吧  对方就掉线了(我们PVP的只有2个人) 等对方在上线的时候就一切正常了  </t>
  </si>
  <si>
    <t xml:space="preserve">完美国际5级药师学法?完美国际5级药师学法 </t>
  </si>
  <si>
    <t>开什么完笑啊.五级要你到了80级去寻梦外找采药高人买本中级药师精通就可以去找个长老学了.不过五级的药要的草大多数是在仙魔界.做出来的药也是90级才能用的</t>
  </si>
  <si>
    <t xml:space="preserve">为何米其林不生产东风天籁230JK的轮胎(205/60/R16)? </t>
  </si>
  <si>
    <t>答:这个问题很难回答.有市场需求问题,也有生产的问题,或者还有其他.</t>
  </si>
  <si>
    <t xml:space="preserve">玫瑰花茶颜色？玫瑰花茶泡开后，水呈淡粉红色，正常吗？因为看到红色 </t>
  </si>
  <si>
    <t>玫瑰干花分日晒和机器烘干的两种,市面上多见的是机器烘干的.烘干后未经染色的玫瑰花应该成黄白色,泡出来的水清亮的黄褐色.淡粉色肯定是喷过染料的</t>
  </si>
  <si>
    <t xml:space="preserve">希腊女船王是干什么的? </t>
  </si>
  <si>
    <t>女船王克里斯蒂娜  世界著名船王、希腊航运巨头奥纳西斯是20世纪六七十年代西方世界屈指可数的大富豪。他拥有总吨位为600万吨、共计52艘巨轮（其中油轮40艘）的大船队，居世界第3位。 　　奥纳西斯有一儿一女，儿子叫亚历山大，女儿叫克里斯蒂娜。他对爱子寄以厚望，希望能继承自己的事业；对女儿更是视如掌上明珠，自小便百般宠爱。1953年，克里斯蒂娜年仅3岁，老船王不惜花2000万美元建造了一艘以女儿名字命名的豪华游艇。克里斯蒂娜的两只小手捧着一瓶香槟，用尽全力朝游艇外壳上敲去，喷涌而出的香槟酒宣告了这艘世界上最昂贵的私人游艇的下水。克里斯蒂娜长大后，成了一个挥金如土、娇生惯养的千金小姐。她每年从父亲的信托中领取750万美元的巨额资金，用于乘坐私人专机去世界各地旅游观光，在巴黎的凯旋门前，在埃及的金字塔下，在瑞士的滑雪场上，在纽约的豪华酒店里，无不留下了她的俏丽身影。无忧无虑、呼风唤雨的生活，养成了克里斯蒂娜高傲孤僻、目空一切的性格。　　奥纳西斯在同他的第一位妻子离异后，同被暗杀的美国前总统肯尼迪的遗孀杰奎琳·肯尼迪于1968年结婚，在全世界引起了轰动。但事隔不久，这对夫妇便貌合神离。　　1973年1月22日，年仅24岁的亚历山大在一次飞机失事中脑部受致命伤。老船王整夜守候在爱子的床边，派专机请来英、美等国的医学权威前来抢救，但一切都无济于事，仅仅一天后，亚历山大终因伤势过重而死。老船王在儿子遭横死、妻子离心的双重打击下，一病不起。　　两年后，即1975年3月15日，老船王奥纳西斯溘然长逝，他唯一的后代、24岁的克里斯蒂娜便理所当然地成了庞大的奥纳西斯油船王国的女船王。　　父亲之死如同山崩地裂，对年轻的克里斯蒂娜来说无疑是沉重的一击。父亲留下了偌大的一个家业，有遍及世界各地的奥林匹克海运公司的分公司、办事处，有造船、旅游、航空、矿山、地产等产业，还有世界上最庞大的私人商船队与10亿美元的巨额资金。这巨大的遗产，由她一人继承，她深感责任重大，今后她必须单枪匹马地在瞬息万变的商海中闯荡了。好在她的体内潜伏着好勇斗胜的血统，她决心迎接挑战，勇敢地担当起重任。 “天之娇女”被从享乐的幕后推到世界船业竞争的残酷台前。幸运的是，克里斯蒂娜继承了老船王“骁勇善战”的聪明头脑。在全球海运公司纷纷倒闭的形势下，克里斯蒂娜的船队不仅没有在大萧条中破产，而且还略有盈余。她没有辜负父亲的期望，不仅守住了老船王的家业，而且有了长足发展，成为世界上最富有的女人之一。　　在老船王去世前，克里斯蒂娜已经离过两次婚。20岁时，她结识了年龄比她大一倍的美国房地产经纪商，但结婚几个月便因意见不合而分手。1975年7月，老船王死后仅3个月，克里斯蒂娜第二次结婚，新郎是希腊船务和银行业大王的继承人亚历山大·安德烈亚迪斯。女船王希望丈夫能帮助她渡过难关，能成为她事业的支持者。可婚后克里斯蒂娜发现丈夫原来是个书呆子，彼此性格水火不相容。这场婚姻维持不到两年，便不欢而散。 女船王情陷“克格勃”　　任性的女船王对富家子弟不屑一顾，偏偏把绣球抛给一位前苏联人，引出了一段震动西方的奇特罗曼史。前苏联当局早就对奥纳西斯的海运王国垂涎欲滴了，他们对克里斯蒂娜更是百倍关注，对她的脾性、爱好、婚姻状况了如指掌。　　1976年，克里斯蒂娜的船队陷于不景气之中，为寻找租船客户而发愁，前苏联当局看准时机，邀请她去莫斯科谈判租船业务。苏方特别安排谢尔盖·考佐夫负责接待克里斯蒂娜。考佐夫表面上是前苏联海运部货船司油船科科长，实际上毕业于莫斯科外语学院(苏联当局专门培训克格勃人员的学校)，是号称“乌鸦”的专门执行“美男计”的克格勃间谍。这个年届40的汉子已有妻女，相貌并不俊美，头发稀疏，脸色苍白，一只眼睛还失明，但他受过如何取悦女人的专门训练，具有一种讨女人喜欢的古怪魅力。果然，克里斯蒂娜对考佐夫一见钟情，他的殷勤体贴正好填补克里斯蒂娜两次婚姻破裂后心灵上的空虚。　　在克格勃总部的一手操控下，希腊女船王终于拜倒在考佐夫的西装裤下。1978年8月1日，在莫斯科的一座“婚礼宫”里，克里斯蒂娜身披白色婚纱，挽着考佐夫的手臂，按俄国人的风俗举行了婚礼。　　女船王飞到莫斯科做新娘的消息，在西方掀起轩然大波。首先是奥纳西斯家族和希腊官方对此深表忧虑：女船王一旦在前苏联生下个小考佐夫来，遗产便将顺理成章地归入苏联人的腰包。其次，美国人也恨得咬牙切齿，一口咬定那个“独眼龙”就是克格勃间谍，西方国家各大报纸更是连篇累牍对女船王的婚事大肆报道。沉溺于爱情之中的克里斯蒂娜根本不相信这些“诬蔑”。　　婚后不久，克里斯蒂娜就对莫斯科单调乏味的生活感到厌倦，她准备回巴黎，但苏联政府却迟迟不给考佐夫办理护照，新婚夫妇只好暂时离别。克里斯蒂娜刚走，考佐夫就马上同他原来的妻女会面，并送给她们贵重礼物。这件事传到克里斯蒂娜耳朵里，她大为光火，开始正视过去的种种传闻。而克里斯蒂娜同西方石油商谈判的机密文件、报表经常泄露出去，经希腊情报部门证实，系奥纳西斯家族内部的间谍所为。直到这时，她才不得不相信，考佐夫确实是一只多情而狡猾的“乌鸦”。于是，她下决心同考佐夫离婚，她请了美国、法国和瑞士的律师帮她办理离婚手续。　　考佐夫眼看亿万美元的财产得而复失，极不甘心，便提出要获得女船王及其公司的一半收入，即12250万美元。1980年5月，这对夫妻在瑞士圣莫里斯法庭上正式离了婚。作为离婚财产处理的一部分，克里斯蒂娜给了考佐夫一艘78000吨油轮。至此，希腊女船王同苏联“乌鸦”的罗曼史才宣告结束。　　被诅咒的船王家族　　1984年，经历了三次失败婚姻的克里斯蒂娜遇到了少年时代的男友鲁塞尔，四度披上婚纱。但鲁塞尔是个十足的花花公子，和克里斯蒂娜结婚不久就与一名瑞典模特有染。在克里斯蒂娜生下女儿雅典娜没几个月后，鲁塞尔的瑞典女友就为他生下一个儿子。第四次婚姻在两年半后终结。在经历了四次失败的婚姻后，小雅典娜已成为克里斯蒂娜生命的全部。她给小雅典娜买迪奥等名牌服装，甚至在巴黎专门为她修建了一个动物园。　　此后的几年，克里斯蒂娜都过着无所事事的生活，她经常举办盛大的晚宴。由于她患有严重的食欲过盛症，有时一天喝24瓶可口可乐，造成体重超常。为了减肥和身体健康，她经常服用大量的苯丙胺和巴比妥酸剂。1988年11月19日，37岁的克里斯蒂娜在阿根廷托尔图卡斯的一家乡村俱乐部卫生间的浴盆里猝死，她是去那里参加朋友的生日庆典的。验尸报告显示，克里斯蒂娜服用了镇静剂。几周前，克里斯蒂娜第九次修改了自己的遗嘱——雅典娜是惟一的财产继承人，从18岁成年之日起有效。此时的雅典娜才3岁。　　2003年1月29日，年满18周岁的雅典娜成为世界最富有的女孩。雅典娜从小远离玉堂金马的社交界，马术是其惟一的奢华嗜好，现在与一个年长十几岁的巴西骑马师同居。由于害怕那个著名的“奥纳西斯”诅咒再次出现，新一代女船王正准备将10多亿美元的财产全部捐出。</t>
  </si>
  <si>
    <t xml:space="preserve">中了一张总进球6串42，全单选84元，，对了3场，奖金639元. </t>
  </si>
  <si>
    <t>恭喜，再接再厉</t>
  </si>
  <si>
    <t xml:space="preserve">诚求乔迁日子户主:1971年9月25日妻子:1972年3月31日 </t>
  </si>
  <si>
    <t>夫：阳历1971（辛亥）年9月25日。妻：阳历1972（壬子）年3月31日。女儿：阳历2000（庚辰）年4月14日。阳历2009年1月22日，农历（阴历）十二月二十七（丁卯）日搬家（入住）特吉，分析如下。阳历2009年1月10～25日你们搬家（入住）的最佳吉日：1月10日或1月22日。分析如下：1、阳历2009年1月10日，农历（阴历）十二月十五（乙卯）日3：00～6：59 ：乙卯日和夫生肖三合；乙卯日是妻生肖的贵人；乙卯日的贵人是妻生肖；乙卯日和女儿生肖五合。“入宅仪式”时请生肖属鸡的亲朋好友暂时避开。2、阳历2009年1月22日，农历（阴历）十二月二十七（丁卯）日11：00～14：59：丁卯日的贵人是夫生肖；丁卯日和夫生肖三合；丁卯日是妻生肖的贵人；丁卯日的禄是妻生肖。“入宅仪式”时请生肖属鸡的亲朋好友暂时避开。阳历2009年1月10～25日适宜你们可以搬家（入住），但对全家人助益不大（无助无害）的日子：1月15日、1月16日、1月19日、1月20日、1月21日或1月23日。1、阳历2009年1月15日，农历（阴历）十二月二十（庚申）日7：00～11：59。“入宅仪式”时请生肖属虎的亲朋好友暂时避开。2、阳历2009年1月16日，农历（阴历）十二月二十一（辛酉）日11：00～14：59。“入宅仪式”时请生肖属兔的亲朋好友暂时避开。3、阳历2009年1月19日，农历（阴历）十二月二十四（甲子）日清晨1：00～2：59。“入宅仪式”时请生肖属马的亲朋好友暂时避开。4、阳历2009年1月20日，农历（阴历）十二月二十五（乙丑）日15：00～16：59或3：00～6：59。“入宅仪式”时请生肖属羊的亲朋好友暂时避开。5、阳历2009年1月21日，农历（阴历）十二月二十六（丙寅）日13：00～14：59。“入宅仪式”时请生肖属猴的亲朋好友暂时避开。6、阳历2009年1月23日，农历（阴历）十二月二十八（戊辰）日9：00～10：59或15：00～18：59。“入宅仪式”时请生肖属狗的亲朋好友暂时避开。搬家的日子通常是指：举行“入宅仪式”的日子，最好在“入宅仪式”前把所有、家具就定位、床、书、衣服、等杂物（锅、碗…）整理好，封门（把门关好），等“入宅仪式”的吉日开门、上香祭祖、开火（点火）或放鞭炮…等，在当天入住。举行“入宅仪式”前，搬家具入新宅不需择日。“入宅仪式”是吉日开门、上香祭祖、开火（点火）或放鞭炮…等。“入宅仪式”结束后，就不忌生肖了。恭喜乔迁之喜，祝事事大吉。</t>
  </si>
  <si>
    <t xml:space="preserve">大家好！！！我怎么这么讨厌对象和她家亲戚（年纪相仿）疯疯闹闹呢？ </t>
  </si>
  <si>
    <t>放手去爱，是迪克牛仔的那首歌吧，你对她的私生活也应该放开一点，因为她还有亲情，友情，这些能让她快乐，而你是希望她快乐的，不是吗？或者你可以和她谈谈，告诉她你的想法，但是语气不要生硬，不要责怪她，或者你们谈开了，就没事了呢</t>
  </si>
  <si>
    <t xml:space="preserve">怎样养好兰花 </t>
  </si>
  <si>
    <t>[ 养兰十招 ]    1、盆土要求：以含大量腐质、疏松、排水良好的中性偏酸性为佳，PH值一般为5.5至6.5左右，四川多采用峨眉仙土及“兴宏牌”精制兰花植料，更普遍的是采用“竹根泥“及山区润叶林下的腐叶土栽培兰花。    2、 放置场所：兰花在春、夏、秋可在室外及阳台莳养，要求选择通风良好、空气湿润、又无环境污染处。靠近池塘、河滨当然好，至少要乔木或竹林及置遮阳网，减少 阳光照射降低温度。兰盆最好放在木架（或钢架）上，若放地面要垫以砖头，居家阳台也可以用白铁皮制小水坛贮水垫上砖头莳养，增加湿度。    3、适当遮荫：兰花多属于半荫性植物，多数种类怕阳光直晒，需适当遮荫。兰花4月上中旬可去网开窗，多照阳光促其生长。5月份除中午阳光外，可照6个小时；从6月开始，全天候遮荫，10月以后，除中阳外，可以全敞开养护。记住谚语：“荫多叶好，阳多花好”。          4、合理施肥：兰花本吃“素”，施肥要看所选盆土及生长情况而定。凡是生长茂盛无病害的可以施肥，生长差的则不宜施肥或少量施肥。新植上盆根未发全的兰花，需经1—2年后方可施肥。一般6—7月当兰花叶芽伸长约1.5厘米时，每隔三周施一次腐熟的液肥（浓度以稀为宜约10%）。忌用化肥，如遇高温季节不宜施肥，8—9月每隔二至三周施一次稀释液肥。兰花每次施肥宜在傍晚进行，早晨浇清水，叫“回水”。    5、适当浇水：兰花浇水以雨水和泉水为好，自来水或淘米水需隔夜使用。浇时从盆边浇，不可浇入花苞内。浇水量应按照气温、盆土干湿程度及兰草生长情况而定。叶大多浇，叶细少浇。4—5月新芽尚未生土，盆土宜干一些，过湿新芽易腐烂；6—9月为兰花新芽生长期，浇水量要增加，晴天每日清晨或浇水一次，切忌中午烈日浇水。秋天的酌减少水量，可采用叶面喷雾水，保持盆土润湿为好，冬季更应控制水量，保持“八成干，二成湿”为宜。    6、傍晚喷雾：兰花原生长在空气湿润的环境，所以干旱季节里，除蔽荫外，还必须傍晚喷雾，增加空气湿度，降低温度；也可向盆兰地面（台面）上浇水，“一冷一热”更能激发兰花生长。    7、防风防雨：“二月鬼风”老叶黄退属正常现象，可剪去枯枝败叶。兰花可淋小雨，但忌霉雨、暴雨或连续下雨，否则易烂心、烂叶。雨水多的季节，可适当撒少量草木灰。    8、修剪摘花：在兰花培养中要经常剪去枯黄断叶和病叶。以利通风。名贵兰花，如花芽太多，只留壮芽，每盆1—2朵花芽为宜。春兰开花半月后摘除，名贵兰花7天应摘除，春叶芽生长茁壮，创来年开好更好。夏兰花序上最后一朵花开放一周时，离盆面3厘米处剪下。          9、防寒保暖：兰花因品种不同，原产地各异，抗寒性强弱也不一样，所以冬天进房的时间及在室内放置的位置也不相同。寒兰、秋兰、报岁兰生长在南方，宜在气温5℃时进室（或关窗围网），并尽可能放在南面向阳处。而春、夏兰抗寒能力强，可直至0℃时才进房，放在东北面即可。在晴天无风中午前后，朝南面或东南面要开窗，拉网通风。秋兰在摄氏1—2℃的晴天，不可开窗。当然有温室的，可用电光采暖。    10、防病治虫：盆土一般要进行杀菌处理（烈日曝晒也可），以防病害发生。兰花在多雨高温季节最易发生白绢病，少量可用湿布刷除，盆量多可用500—800倍波尔多液或托布津，每隔7—10天喷洒一次。害虫以介壳虫（俗称“兰虱”）发生多，在孵化期间用1%氧化乐果和25%亚胺硫磷乳油1000倍液，每周喷洒一次。治标要治本，盆钵要稀密适当，高低摆放，增加透气通风，减少发生病害为宜。</t>
  </si>
  <si>
    <t xml:space="preserve">所谓伊人在水一方是那首诗？ </t>
  </si>
  <si>
    <t>出自《诗经.秦风》中的《蒹葭》一诗。这是一首表现求偶不得而苦闷惆怅情绪的恋歌。蒹葭苍苍，白露为霜。所谓伊人，在水一方。 溯洄从之，道阻且长。溯游从之，宛在水中央。 蒹葭萋萋，白露未晰。所谓伊人，在水之湄。 溯洄从之，道阻且跻。溯游从之，宛在水中坻。 蒹葭采采，白露未已。所谓伊人，在水之泗。 溯洄从之，道阻且右。溯游从之，宛在水中址。    诗中表现一男子热烈追求其所爱慕的“伊人”，虽然神魂颠倒，痴迷执着，竭尽全力，在大河中反复寻求，爱人却仍然可望而不可即。这首诗情调凄婉动人，意境深邃朦胧，是《诗经》爱情诗中的佳品。    台湾女作家琼瑶将这首诗译成白话文，并谱成歌词，在社会上广泛传唱，就是《在水一方》这首歌。</t>
  </si>
  <si>
    <t xml:space="preserve">bigbang现在在哪呀bigbang </t>
  </si>
  <si>
    <t>昨天下午去了台湾做记者招待会，今天下午应该已经回到韩国了</t>
  </si>
  <si>
    <t xml:space="preserve">IP为59.55.11.22的子网掩码是多少 </t>
  </si>
  <si>
    <t>类范围：IP地址常采用点分十进制表示方法X.Y.Y.Y，在这里　　X=1--126时称为A类地址;　　X=128--191时称为B类地址;　　X=192--223时称为C类地址;　　如10.202.52.130因为X=10在1--126范围内所以称为A类地址　　类默认子网掩码：A类为 255.0.0.0　　B类为 255.255.0.0　　C类为 255.255.255.0（如若，您对我的答复满意，请点击左下角“好评”，谢谢您的采纳。）</t>
  </si>
  <si>
    <t xml:space="preserve">怎样才可以学好英语 </t>
  </si>
  <si>
    <t>主要是积累，词汇量与短语，语法就看平时，要多读多写，多背</t>
  </si>
  <si>
    <t xml:space="preserve">牙齿根充后一直疼,怎么办我牙齿最近根充完了,医生说观察一段就做套 </t>
  </si>
  <si>
    <t>对于根充后疼痛的问题常见的是根充后的药物刺激的反应，但比较轻，你的情况显然不是。你的情况可能是：根管治疗没有做好，或者时机没有掌握好；根管侧穿导致或者髓室穿孔导致的；遗漏的有根管没有做；根折了。你需要找个有经验的医生临床再看看。</t>
  </si>
  <si>
    <t xml:space="preserve">新手求助！关于操作我是新手，请DX不要见笑1.怎样让一个远程单位 </t>
  </si>
  <si>
    <t>第一个问题，你要知道你的远程单位的射程，确保一回头点射就发标，而不是往回走几步再发标，第二个问题，双击屏幕上某一个单位，那么在屏幕上的同一单位都会被选中，然后Ctrl就可以编组，如果你要在这组上加上几个别的同一单位，那么就双这个单位，当屏幕上同一单位都被选中时，在图筐中按住Shift键除去N个单位保留你要加入这组的单位数量，然后再按Shift+这组的子键就可以了。比如你要将屏幕上的所有步兵编为一组，那么你就双击某一个步兵，那么屏幕上所有的步兵就会被选中，然后编组，子键为1，而你又要在这组步兵中加两个法师，那么双击某一个法师，当所有法师被选中之后，在图筐中按Shift除去其他法师保留两个，再按Shift+1便可。第三个问我不能回答，因为我都不知道。</t>
  </si>
  <si>
    <t xml:space="preserve">我上课很认真听讲，然后下课后也做作业，但是一到了考试就是不会，我? </t>
  </si>
  <si>
    <t>这还是在于你的基础不牢的原因，你认真听课，一定要把握基本的公式定理，基本所有的题型都是由基本型变化而来的，所以你平时做习题的时候，要注意将会的题型归类，遇到不会的，想法往你熟悉的方向转化，然后你就容易举一反三了。</t>
  </si>
  <si>
    <t xml:space="preserve">主板温度高我的主板上只有一个桥,我不知道是南还是北!而且只有一个 </t>
  </si>
  <si>
    <t>单桥温度最高能承受90度，没有死机不用管它，买一支导热硅脂重涂或加个机箱风扇也行。</t>
  </si>
  <si>
    <t xml:space="preserve">今晚周一竞彩:纽卡VS维冈纽卡VS维冈==3 </t>
  </si>
  <si>
    <t>看了你几次推荐 没有一次对的 希望这次可以啊</t>
  </si>
  <si>
    <t xml:space="preserve">喝什么饮料降火？ </t>
  </si>
  <si>
    <t>康采恩固体饮料的清上清。清上清含有菊花、金银花、藿香、薄荷、香薷、淡竹叶等，主要针对咽喉以上部位，可以清热解毒、祛暑化湿、清利咽喉，并杀抑多种病原微生物，可用于预防感冒。常用于风热感冒、头痛、目赤、喉痹，口疮，风疹、麻疹、咽喉疼痛、上火等。康采恩固体饮料不含防腐剂，不含咖啡因，不寒凉，女性经期可放心饮用，男女老幼适宜</t>
  </si>
  <si>
    <t xml:space="preserve">魔改笔怎么用有什么用 </t>
  </si>
  <si>
    <t>魔笔会发射出有害的黑子射线，伤害使用人的记忆和智商，日子一久，这个人就成了任由别人宰割的白痴。魔笔不清楚，有报道说一些修改液含有致癌物。所以,魔笔有害。 由于其易挥发，通过呼吸道吸进去以后被人体吸收，会造成神经系统、血液系统的损害。如果是含苯过多，还会导致基因改变，血液细胞的变性，甚至会引发白血病等，修正液中还含有二氯乙烷、三氯乙烷、四氯乙烷等化合物，这些化合物对眼睛有明显的刺激作用，经常使用会造成流眼泪、眼睛发红，个别的还会造成恶心、呕吐、浑身不舒服竭力为您解答，万水千山总是情，给个好评行不行！</t>
  </si>
  <si>
    <t xml:space="preserve">请问有提供住房贷款吗？利率怎么算？顺便说明一下申请者的要求吗？ </t>
  </si>
  <si>
    <t xml:space="preserve">个人购置住房贷款  　　个人购置住房贷款是指我行向借款人发放的用于购买自用普通住房的贷款。　　一、贷款对象　　个人购置住房贷款对象应是具有完全民事行为能力的自然人。　　二、贷款基本条件　　1. 具有城镇常住户口或有效居留身份；　　2. 有稳定的职业和收入，信用良好，有按期还贷款本息的能力；　　3. 有我行认可的资产作为抵押或质押，或有足够代偿能力的单位或个人作为偿还贷款本息、并承担连带责任的保证人；　　4. 具有购房合同或协议，所购住房价格基本符合我行或我行委托的房地产估价机构的评估价值；　　5. 我行规定的其他条件。　　三、贷款额度　　我行发放的个人住房贷款数额，不高于房地产评估机构评估的拟购买住房的价值或实际购房费用总额的80%（以二者低者为准）。　　四、贷款期限　　最高不超过三十年。　　五、须提供的资料　　申请借款时，应填写《中国工商银行个人住房贷款申请审批表》，并向我行提交如下文件：　　1. 身份证件（居民身份证、户口本或其它有效居留证件）；　　2. 我行认可部门出具的借款经济收入或偿债能力证明；　　3. 符合规定的购买住房合同意向书、协议或其它批准文件；　　4. 开发商开具的首期付款证明；　　5. 抵押物或质押物的清单、权属证明以及有处分权人同意抵押、质押证明和抵押物估价证明；　　6. 保证人同意提供担保的书面文件和保证人资信证明；　　7. 以储蓄存款作为自筹资金的，需提供银行存款凭证；　　8. 以公积金作为自筹资金的,需提供住房公积金管理部门批准动用公积金存款的证明；　　9. 我行要求提供的其它文件或资料。　　我行工作人员收妥您的借款申请及规定的文件后，将按银行规定的工作程序进行调查、核验，并尽快给您回复意见。　　　　如同意您的借款申请，我行工作人员会通知您在规定的时间、地点办理或由我行代您办理、公证、抵押登记等手续，并与您签订借款合同等法律文件。 贷款利率：中国人民银行规定的同期贷款利率。利率浮动：下限：基准利率的0.9倍，上限：不设 </t>
  </si>
  <si>
    <t xml:space="preserve">经济师考试是否必须得单位人事部门盖章？不想通过人事部门怎么办？ </t>
  </si>
  <si>
    <t>不是所有的考点都这样，现在很多城市都采用网上报名，之后拿毕业证去确认就可以了，根本不用单位证明。即使要单位证明，可以随便找一家单位盖公章就行。</t>
  </si>
  <si>
    <t xml:space="preserve">清泉老师您好，600258。000878怎么操作，谢谢 </t>
  </si>
  <si>
    <t>000878 看30日均线的收复能力.</t>
  </si>
  <si>
    <t xml:space="preserve">孕妇可以用热水洗脚吗? </t>
  </si>
  <si>
    <t>孕妇可以用热水洗脚,但是水温最好不要太热,可以在洗的过程中循序渐进的加入热水.孕妇烫脚可以解乏,可以促进血液循环.条件允许的话,可以经常洗热水澡,但是注意不要感冒哦!</t>
  </si>
  <si>
    <t xml:space="preserve">客厅颜色客厅地板是古木色，墙和天棚是乳白色，电视墙有枣红色点缀， </t>
  </si>
  <si>
    <t>门用乳白色胶漆；冬天来了窗帘最好用泛布呢绒面料防止室温变冷；沙发选浅绿色的。体现整体室内感觉！</t>
  </si>
  <si>
    <t xml:space="preserve">真的是我的错吗?也许我真的该改改了做人嘛何必那么计较那么死板这样 </t>
  </si>
  <si>
    <t>多和开朗的人聊聊，多听音乐，多看积极向上的文章或电视。慢慢地你的性格会变的。实际上，多和朋友聊，把自己的想法告诉对方，心情会好的。镜由心造。凡事都想开点，该发生的总会发生的，何苦较真呢</t>
  </si>
  <si>
    <t xml:space="preserve">网通一年要多少钱?我想用网通宽带,就是不知道要多少钱一年?安装费 </t>
  </si>
  <si>
    <t>不同的地方,上网费是不同,北京网通每月120元,其他中小城市一般一年1200元左右,小县城在700元左右,有好多地方是不要安装费的,安装费在300元左右,客服电话10086.</t>
  </si>
  <si>
    <t xml:space="preserve">人民币会升值吗？ </t>
  </si>
  <si>
    <t>应该会升值，不升的话人家美元贬值反过来人民币兑换的美金就多了，美元贬值的话进口产品竞争又大啦</t>
  </si>
  <si>
    <t xml:space="preserve">下载更新时，提示“在存取data\gameout.ui时发生共享? </t>
  </si>
  <si>
    <t>按路径找出这个文件，删除就行，如果发生碧雪页面消失的情况的话，你在更新时把那个文件再还原，关掉更新程序再开就没有问题了</t>
  </si>
  <si>
    <t xml:space="preserve">刷宝请问各位，在锦标里怎么才能刷到好的东西呢？规则是什么？？ </t>
  </si>
  <si>
    <t>这东西就是靠运气了．没什么技巧</t>
  </si>
  <si>
    <t xml:space="preserve">本周大盘将再次面临重要时间窗口,这次"魔咒"是否如洪水猛兽,拭目? </t>
  </si>
  <si>
    <t>其实,目前走的就是B浪反弹,按理还有个C浪下跌才对.看来你也是持这种分析的,那就接着看盘吧!</t>
  </si>
  <si>
    <t xml:space="preserve">助力车上路警察不管吧？我骑了几天没事，会不会哪天警察想起来扣几个 </t>
  </si>
  <si>
    <t>现在还没有要求上牌,交警也不管的!</t>
  </si>
  <si>
    <t xml:space="preserve">我有一个电锅子就是一插电就可以做水煮面条的锅挺小的用了2个月左右? </t>
  </si>
  <si>
    <t>如果排除了事物的糊味，也许是底部电炉丝的连接线绝缘护套耐不住高温而烧糊。可仔细观察到底是什么糊味，或拆开检查内部。</t>
  </si>
  <si>
    <t xml:space="preserve">为什么相爱的但是还要分手呢?我跟我男朋友在一起3年了,但是我们经 </t>
  </si>
  <si>
    <t>两个人在一起的意义不就是互相扶持，共同寻找快乐吗？但是你们都感到很累的话，这就失去了一些意义了！既然大家还爱着，那应该没什么问题吧，或许分开一段时间之后，大家又会重新在一起吧！耐心用心期待着这一天吧！</t>
  </si>
  <si>
    <t xml:space="preserve">选言命题（A或B），为什么是至少有一个为真，怎么会同时为真呢？ </t>
  </si>
  <si>
    <t>举个例子，毛毛和球球是两只狗...命题A：毛毛是狗（--真命题B：球球是猫（--假你觉得命题（A或B）是真是假呢？你要把“或”字理解好...比如说：老师说：“小王或小李去把那本书拿来”即意味着2人中只要至少有1人去把那本书拿来就OK了？自己琢磨琢磨吧...</t>
  </si>
  <si>
    <t xml:space="preserve">请问下大家这是什么软件弄的请问下大家，这是什么软件绘的，用的绘画 </t>
  </si>
  <si>
    <t>关于是用什么软件绘制的这个只看图片真的是无法区分，一般常用的软件有photoshop、coredraw等，如果用手绘的话手写板就可以直接传到电脑上的。</t>
  </si>
  <si>
    <t xml:space="preserve">游戏中卡住后立即关闭电脑，人物是否就立即下线不会死了 </t>
  </si>
  <si>
    <t>关电脑有一段时间人物还在画面上，法师一般会死，武士血厚在怪攻击不强的的情况下可能没事，道士有宝宝可能也不会死</t>
  </si>
  <si>
    <t xml:space="preserve">天使之声拿英语怎么写（必须是个复合词）？ </t>
  </si>
  <si>
    <t>anger's voice? Or angelcal-sounding?</t>
  </si>
  <si>
    <t xml:space="preserve">皇家美素佳儿奶粉好在哪里皇家美素佳儿奶粉好在哪里？ </t>
  </si>
  <si>
    <t xml:space="preserve">我知道，我儿子也在喝皇家美素佳儿。它家奶源和营养都不错，源自荷兰皇家菲仕兰荣誉牧场，新鲜直取皇家第一道奶源，天然含有OPO类似结构脂、中短链脂肪酸以及珍贵乳磷脂，全面助力宝宝消化力、免疫力和脑力发育哦。 </t>
  </si>
  <si>
    <t xml:space="preserve">请问为什么我打不开游戏安装之后运行游戏就出来一更新筐然后什么反应 </t>
  </si>
  <si>
    <t xml:space="preserve">    必须选用下面的两种方式之一来启动游戏：        启动方式一: 如果您已经在电脑桌面安装了蓝底白字、有中文“天堂II”字样的“lineageII.exe”应用程序的快捷方式,您可直接点击进入。        启动方式二: 如果您在电脑桌面上没有该快捷方式，请您点击电脑硬盘“LINEAGEII”文件夹中的蓝底白字、有中文“天堂II”字样的“lineageII.exe”应用程序,来进入游戏。    如果您不能正常登入游戏服务器，请您尝试使用第一个按键FULL CHECK，对您的客户端进行检测更新以后再进入游戏。</t>
  </si>
  <si>
    <t xml:space="preserve">艾瑞泽3车内的储物空间怎么样？ </t>
  </si>
  <si>
    <t xml:space="preserve"> 车内储物格数量足够，基本上触手可及的地方都可以找得到相应的储物空间，而且部分储物格加装了软垫，人性化做得比较到位。 </t>
  </si>
  <si>
    <t xml:space="preserve">256任九大家点评一下1卡塔尔VS澳大利2阿联酋VS韩国3保加利 </t>
  </si>
  <si>
    <t>好单，准备麻袋装钱吧个人感觉14场出什么结果都正常，希望不要误导你</t>
  </si>
  <si>
    <t xml:space="preserve">清泉老师：600779如何操作？谢~ </t>
  </si>
  <si>
    <t>参与震荡.</t>
  </si>
  <si>
    <t xml:space="preserve">说我可以领取奖品登陆w2ia.111n.com是不是骗人的 </t>
  </si>
  <si>
    <t>千万不要相信`那个是骗你游戏号的网站上去了就是你的号会丢了`还有那些网站一般都是骗人的所以不要相信那些网站会做的和完美国际的官方差不了多少的 别相信啊</t>
  </si>
  <si>
    <t xml:space="preserve">问下，你们谁有仙剑3的开头动画啊？玩通好久了，突然记起没看过这动 </t>
  </si>
  <si>
    <t>你的D版是什么时候买的？现在才想起来看动画。你的仙剑3文件夹里没有movie和movie_end这两个文件吧我给你一个种子你只下载movie和movie_end两个文件（大概600多MB）之后把它放在movie 这个文件夹里（例如D：/仙剑奇侠传三/movie）之后就能看了movie是过场动画movie_end是片头和结局动画</t>
  </si>
  <si>
    <t xml:space="preserve">请问中国平安保险公司的“智富人生终身寿险”好吗？女儿今年15岁， </t>
  </si>
  <si>
    <t>“智富人生终身寿险”是一款非常好的理财型产品,交费灵活,领取灵活,保障可调整,但不适合所有后人,建议做一份综合保险保障计划,以大病和医疗保障为主,兼顾津贴和意外，然后再是养老投资这样保障才会更全面,选择一家全国性保险公司服务会好些对于个人来说买保险还是找位责任心强的代理人, 能够很好的帮助你自己. 规划未来规避风险减少损失.</t>
  </si>
  <si>
    <t xml:space="preserve">关于超级密码．．我的密宝卡丢了．．还有现在超级生份验证码也忘了． </t>
  </si>
  <si>
    <t>超级身份验证码是帐号归属权的唯一认定标准喔超级身份验证码忘了？你胡乱填写的？还是这帐号不是你的？就是身份证噢如果您的密保卡不慎丢失或帐号被盗后已被其他人申请绑定请认真填写挂失表格内容申请挂失，并发传真GM将在7个工作日内为您处理。 注：有效证件必须是注册时填写的有效证件信息身份证不对当然不能证明这帐号是你的</t>
  </si>
  <si>
    <t xml:space="preserve">婚礼中途停电会出现的状况.设想一下,幽一下. </t>
  </si>
  <si>
    <t>HOHO能成全有缘人。。。杨柳清风学长就是其中一个也说不定呀。。。。</t>
  </si>
  <si>
    <t xml:space="preserve">游戏经常出现毛病！急啊！游戏经常出现花屏！NPC全看不到！路也看 </t>
  </si>
  <si>
    <t>你是NV MX440的显卡吗？一般出现这种问题都是驱动问题，如果你是NV的GF4 MX440偶可以帮你，今天才下了一个最新驱动。</t>
  </si>
  <si>
    <t xml:space="preserve">清泉老师:我手上有000652/000572/000420,都被? </t>
  </si>
  <si>
    <t>暂持有观望.哪只率先放量可先补哪只.</t>
  </si>
  <si>
    <t>DBJ53/T</t>
  </si>
  <si>
    <t>地方标准！去天宫网注册了就给豆的，50点！能下载很多次的！</t>
  </si>
  <si>
    <t xml:space="preserve">朋友们谁有啥好玩的游戏推荐个啊？ </t>
  </si>
  <si>
    <t>剑灵上古卷轴系列，辐射2，孢子，光晕2，暗黑破坏神3，火炬之光，虐杀原形，魔兽世界，众生之战，变形金刚系列，黑暗血统系列，孤岛求生系列，荣誉徽章系列</t>
  </si>
  <si>
    <t xml:space="preserve">我想知道热宝里面的铁片?我在制作热宝的过程中因为铁片的问题老是失 </t>
  </si>
  <si>
    <t>好像是用铁粉的</t>
  </si>
  <si>
    <t xml:space="preserve">干燥综合症前兆干眼症妈妈得干眼症有一段时间了，是干燥综合症的前兆 </t>
  </si>
  <si>
    <t xml:space="preserve">  根据理论，干燥综合征患者的特点是阴津亏虚为本，燥热火气为标，从而表现为两目、口腔、皮肤、阴道等的燥热津伤之象。因此，干燥综合征患者的饮食应偏于甘凉滋润，所谓“甘守津还”，故应以甘淡、甘凉、甘寒为主，不可太过滋腻，以免阻碍脾胃，影响饮食的消化吸收。适宜多吃滋阴清热生津的食物，肉类：羊，驴，鸡、鱼、甲鱼、鸽肉；菜类：如豆豉、丝瓜、芹菜、红梗菜、黄花菜、枸杞头、芹菜、淡菜、甲鱼等清凉食物。水果如西瓜、苹果、猕猴桃，甜橙、鲜梨、鲜藕等，也可甘寒生津。一日三餐要以少食多餐为宜，并可经常用西洋参、白沙参、白菊花、金银花等代茶泡饮。口舌干燥者可以常含话梅、藏青果等，或常饮酸梅汁、柠檬汁等生津解渴饮料。应避免进食辛辣火热的饮料和食物，以防助燥伤津，加重病情。忌食辛辣、香燥、温热之品，如酒、茶、咖啡、各类油炸食物、狗肉、鹿肉，以及姜、葱、蒜、辣椒、胡椒、花椒、茴香等，并严禁吸烟。总之，食物要新鲜，荤素搭配，少食多餐，饮食以适合口味为宜，并保证充足的营养。   　干燥综合征是一种比较顽固的慢性疾病，缠绵难愈，同时患者的思想情绪也往往会随着病情的起伏而波动，因此在进行治疗的时，其生活护理也不能忽视。常言道：“三分治疗，七分护理”，说明在正确治疗的同时，一定要有恰当的护理，才能取得良好的疗效。仅供你参考。</t>
  </si>
  <si>
    <t xml:space="preserve">来月经最后一两天经血颜色呈灰黑色,是怎么回事,且这两天乳房感觉一? </t>
  </si>
  <si>
    <t>要知道，月经血的组成成份包括：来自子宫的血液、内膜碎片儿，还有来自宫颈和阴道的分泌物。月经快干净的时候，血的颜色可呈红褐、褐色、暗褐不等，因为此时血量已显著减少，阴道分泌物占了上风，经血颜色就变深变暗。而你的颜色呈灰黑色，似乎有些阴道炎(也不一定)，问：你的下面有痒的感觉吗？要么，你月经干净后做个白带化验看看是不是阴道炎。</t>
  </si>
  <si>
    <t xml:space="preserve">武术到底能不能在北京奥运会上成为比赛或表演项目? </t>
  </si>
  <si>
    <t>武术不能在北京奥运会上成为比赛项目.表演还是有可能的.</t>
  </si>
  <si>
    <t xml:space="preserve">产后手向后背往上用力的时候觉得好痛?而且根本使不出什么力?怎么回? </t>
  </si>
  <si>
    <t>手会不会受伤了呢，也有可能天天抱宝宝，手没劲了，自己注意点，应该没什么事情的。</t>
  </si>
  <si>
    <t xml:space="preserve">我想学基金该从哪入手呢，从来没有接触过基金，现在想通过基金理财， </t>
  </si>
  <si>
    <t xml:space="preserve">建议你到新浪的基民学院 学习基本概念、术语和参与程序，然后在到和讯（封）基金论坛和爱问来交流和学习投基的技术和技巧，并了解折价封基和开基投资回报的差别之后再进行投入。 个人认为：统计上讲，折价封基好于开基；场内（开立股票帐户）交易好于场外交易 </t>
  </si>
  <si>
    <t xml:space="preserve">怎么才能表现一下自己啊！`我是一个性格中性的男孩子..当面对很对 </t>
  </si>
  <si>
    <t>为什么那么没有自信呢?你不说人家怎么会知道的呢?而且女孩子都是要男孩去追的,你以为真会有白吃的午餐吗/?</t>
  </si>
  <si>
    <t xml:space="preserve">谁能将此文翻译成白话文01天有四时五行，以生长收藏，以生寒暑燥湿 </t>
  </si>
  <si>
    <t>需要了解这段话到底想说明什么？1提到了五行，以及五行与季节气候变化的关系，涉及到病因理论中六淫和七情的概念。2六淫七情和阴阳、五行密不可分，物极则反，阴阳可以相互转化，3感受外邪后，正常情况下病邪将循经传导，由表及里，由阳及阴，由腑传脏。用现代医学的思维方式，则可以简单理解为：四季气候的变化，情绪的失调会造成健康受损，并且会有一个时间过程。这些都是现代医学在病因学领域的致命弱点，因为也非常想搞清楚气候变化以及情绪变化到底是如何造成疾病发生的？这些都是非常尖端的研究领域。例如时间生物医学就是一门时髦的学科。所以学内经不必拘泥于字面意义的理解，而需要理解古人所要表达的思想。例如，冬伤于寒，春必瘟病。春天也未必一定只是得瘟病，只要循经相传，经络脏腑受损即可患相应的一些疾病，表现一些相应症状。</t>
  </si>
  <si>
    <t xml:space="preserve">电脑蓝屏。电脑死机、蓝屏。去检测没有硬件问题和系统原因 </t>
  </si>
  <si>
    <t>额   记住你以后买电脑要买品牌机啊 组装机就是爱出现毛病 可能是软硬件冲突造成的</t>
  </si>
  <si>
    <t xml:space="preserve">怎么了，总是赚了指数不赚钱!昨天又让我倒米一千多，郁闷！不知什么 </t>
  </si>
  <si>
    <t>在等等看看吧,股市还在调整中,只要不是见顶了,不是牛转熊的话我们还是应该继续持有的.新浪网上说罗杰斯还没抛它的股票呢,罗杰斯认为还能涨,别急,在等等看.当然我的意见仅供您参考.</t>
  </si>
  <si>
    <t xml:space="preserve">得了阑尾炎一定要做手术吗 </t>
  </si>
  <si>
    <t>根据每个人的情况而定,有的症状不明显就不需要做,可以先保守治疗有的必须立刻做,你的问题太笼统了,不论是你还是你的家人朋友得了兰尾炎我觉得都不应该忽视放任其去发展应先选择保守治疗,不要耽误了病情,不管你现在在哪里我觉得你应该找正规的医院去检查一下然后积极的治疗你说是吗,我在上中学的时候就做了兰尾切除做之前觉得很可怕自己也很紧张可是现在想起来觉得没什么.别紧张还是去医院是你最好的选择</t>
  </si>
  <si>
    <t xml:space="preserve">物体同时受到同一平面内3个力的作用，下面几组力的合力不可能为0的? </t>
  </si>
  <si>
    <t>如果合力为0,意味着三个力恰好形成一个封闭的三角形.根据三角形三边之间的关系,可知10,1,5不能组成一个三角形.所以它们三个力的合力不可能是0</t>
  </si>
  <si>
    <t xml:space="preserve">关于精读的成语，至少4个例：字斟句逐 </t>
  </si>
  <si>
    <t>一字千金字字珠玑点晴之笔咬文嚼字</t>
  </si>
  <si>
    <t xml:space="preserve">银行间转帐请问不同银行间怎么转帐？比如我在建行龙卡里的钱想汇入招 </t>
  </si>
  <si>
    <t>这类业务原则上在银行柜台可以办理,但办理的地区和银行很少,如果客户的资金转移数额较大,硬是坚持这样的话,银行也是会受理的.在ATM上开通这类业务的地区很少,即使开通也是在通过银联进行试点.</t>
  </si>
  <si>
    <t xml:space="preserve">系统还原可以还原除C盘外的其他磁盘上的信息吗？ </t>
  </si>
  <si>
    <t>可以</t>
  </si>
  <si>
    <t xml:space="preserve">客厅跟餐厅一体，40平，都铺复合地板合适吗？有人说时间长了地板中? </t>
  </si>
  <si>
    <t>你好有几种选择：1.全部铺复合地板，经济实惠，施工也快。复合地板更大的办公室和会议室都铺，怎么会拱起来？2.全部铺地砖，这是我喜欢的，但价格贵。3.餐厅铺地砖，客厅铺地板，客餐厅分区线做地台。但由于客厅一般要求比餐厅高，所以复合地板区另外需要做水泥地平加高，这也是一笔费用。</t>
  </si>
  <si>
    <t xml:space="preserve">洛阳那家医院看不孕不育比较好？ </t>
  </si>
  <si>
    <t>育龄夫妇同居一年，有正常性生活，从未采取任何避孕措施，不怀孕者就要到医院做检查，治疗不孕不育最好到正规专业的不孕不育专科医院做治疗，在专业医生指导下受孕，这样才能更快的怀孕，祝你健康！你好，治疗不孕不育的医院有很多，选择正规专业的不孕不育专科医院做检查和治疗才是关键，建议夫妻同诊到专科医院进行全面系统的检查，查出原因对症治疗。受孕是一个复杂的生理过程，其中任何一个环节出现异常都是会导致不孕不育的发生，阻碍受孕的原因可能在女方，也可能属男方或在男女双方。不孕不育不是一个人的事情，需要夫妻同诊同治，到正规专业的不孕不育专科医院进行检查，查明原因对症治疗。</t>
  </si>
  <si>
    <t xml:space="preserve">我不知道为什么总是跟老公家的嫂子关系紧张我和老公结婚才两年，并且 </t>
  </si>
  <si>
    <t>物有不同,人有各种,你不该讨厌你丈夫的嫂子！我也是个女人，也有自己的嫂子，与嫂子相处之初，正是我不懂事却又自以为懂事的少年时期，那时候也像你现在一样，看不惯嫂子的很多作法（那时嫂子与我的爸妈一块住，我总觉得她也是好吃懒做，剥削我爸妈的劳动等等，以至于为了些小事和嫂子争吵），现在我已嫁为人妇，便能深刻地体会到，在公婆家我也是不能受一点委屈的，而嫂子以前在我家，我老和她过不去，这多多少少也让嫂子受了不该受的委屈，我开始有点后悔当初不该讨厌她，可我对她的伤害是很难抹去的，我觉得人还是要学着宽以待人，严于律已，懂得珍惜人与人之间的感情，这才是最珍贵的。抛掉我们这种小女人的小心眼吧，像真正的男人一样，豁达起来！！！</t>
  </si>
  <si>
    <t xml:space="preserve">吃减肥药一定会不孕吗?曾经吃过减肥药,但月经一直都正常!请问,会 </t>
  </si>
  <si>
    <t>我相信是正常人吃减肥药都不会导致不孕的！</t>
  </si>
  <si>
    <t xml:space="preserve">用什么可以解开所有的谜? </t>
  </si>
  <si>
    <t>谜底</t>
  </si>
  <si>
    <t xml:space="preserve">医生帮看下老爸去年12月体检发现肝内血管瘤，4cm，最近一个月由 </t>
  </si>
  <si>
    <t>血管瘤已较大，建议最好行手术切除，以防癌变可能；介入治疗主要应用于不能切除者；微波偕振疗法是目前治疗肝内血管瘤较新的一种方法，可先试一下，此方案创伤较少，但如有癌变，那治疗就不会彻底。</t>
  </si>
  <si>
    <t xml:space="preserve">公务员试题求解初中生陈某因经常敲诈同学的小额钱财，曾被公安机关拘 </t>
  </si>
  <si>
    <t>2则材料放在一起，就是为了阐述一个道理——  一般违法虽然可能不予追究刑事责任，但是如果继续让任自己的行为，而不遵纪守法，最终还是会走上犯罪的道路！——就象上述材料中的陈某一样。因此，主要说的是“一般违法与犯罪之间没有不可逾越的鸿沟”。因此答案选B！</t>
  </si>
  <si>
    <t xml:space="preserve">一种药水上把药粉和水按照1：100的比配成的．用12.5克纯药粉? </t>
  </si>
  <si>
    <t>（12.5+12.5*100）/1000=1.2625千克</t>
  </si>
  <si>
    <t xml:space="preserve">狙击的爆头1级和10级只是固定伤害有变化吗?我看网站上写的每升1 </t>
  </si>
  <si>
    <t>不加,暴头建议只加一级,加到10极和1级差步多</t>
  </si>
  <si>
    <t xml:space="preserve">2006年的早上八点前一秒是多少秒就是2006年的元旦节早上八点 </t>
  </si>
  <si>
    <t>在那个瞬间应该是 插入 1秒 2006年1月1日07:59:60</t>
  </si>
  <si>
    <t xml:space="preserve">医院要求感冒病人验血，有必要吗有个医院给每个感冒的病人都开验血单 </t>
  </si>
  <si>
    <t>1.是确实是因为赚钱，做的常规检查。2.因为感冒分为细菌性和病毒性两种，通过验血来查看白细胞是否增多来判断是细菌性感冒还是病毒性感冒。如果白细胞增多说明是细菌性感冒。如果白细胞正常那不外乎是常见的病毒导致的感冒。只有分清类型医生才可以对症下药，及时治疗，不延误病情。一个血常规没多少钱。做一个就做一个吧</t>
  </si>
  <si>
    <t xml:space="preserve">小米3格式化内存设备对手机有影响吗 </t>
  </si>
  <si>
    <t>就是格式化内存卡（SD卡），格式化之后你的内存卡里的东西，如音乐，软件，电子书都会被删除。对系统是不会造成任何影响的。内存卡用久了格式化有助于清理内存垃圾，改善储存质量。</t>
  </si>
  <si>
    <t xml:space="preserve">关于车辆我公司购入一辆轿车，哪些费用可入固定资产原值以下：车辆购 </t>
  </si>
  <si>
    <t>1、汽车买价、车辆购置税计入“固定资产”科目。2、其他费用计入“管理费用”科目。问题补充：固定资产入账的原始价值不是包括买价、包装费、运输费、安装成本、以及税费等吗请大家积极给予回答帮助1、固定资产取得时的入账价值，包括企业为购建某项固定资产达到预定可使用状态前所发生的一切合理的、必要的支出，这些支出既有直接发生的，如支付的固定资产的价款、运杂费、包装费和安装成本等，也有间接发生的，如应予以资本化的借款利息和外币借款折合差额以及应予分摊的其他间接费用等。2、如果固定资产达到可使用状态后，发生的间接费用就不能再记入固定资产的成本了。3、购买的汽车直接可以使用，所以，购车后发生的一些费用不能记入固定资产，应该记入管理费用。</t>
  </si>
  <si>
    <t xml:space="preserve">新手的问题我刚玩这游戏谁能告诉我怎么办?从新手到高手!!!包扩买 </t>
  </si>
  <si>
    <t>先买火星（转弯好），然后不停地做任务赚CT和TP，赚了多少就去商店买马力升级装备，一步步的改装车。以后等钱多了就把提高驾驶性能的装备和铝合金车身有买上。这样才叫车辆全改了。TP也就好比是传奇里面的装备，需要一定的属性才能用上，只有TP达到某个值，才能装上那些装备，飚车里面的TP是通过完成任务奖励得到的。当你能够把车做到全改了，也就说明你比较熟悉飚车了，以后你就尽量多赚钱去买好车吧！</t>
  </si>
  <si>
    <t xml:space="preserve">怎样才能再婚？我离婚两年了，觉得我和孩子都需要一个家，可是想要再 </t>
  </si>
  <si>
    <t>本来不想答你的问题，因为这个问题不那么好回答，而且，最终取决于你自己．但逛了一圈，发现看这个问题的多，却没有人回答，那么就算是来多句嘴的吧．女人后，特别是还带着个孩子，想找个条件相当的男人确实是很难．这里面有传统思想和客观因素，我不想研讨这个，我只是告诉你，这就是社会现实．那么你该怎么办？将来的路何去何从？我觉得你得自己好好分析自己，年龄，性格，物质．．．．等等这些方面，你还能真心接受一个男人吗？想清楚，自己要的是性，还是情感．弄清楚这个问题那么接下来你就可以着手解决．要的是性，那我就不必多说了，解决的方法很多，也没什么好羞耻的．如果你要的是一份感情，一个可以与你相伴走完下半生的老公，那么你首先要做的是提升自己．除了一份相对稳定的工作，还包括你的外表．男人接纳一个女人，首先看到的是外表，这是必须正视的现实，所以你得掂量自己的份量，在任何时候，你的外表应该是整洁而美丽的．其次，你得想尽一切办法扩宽你的社交面，无论用什么办法，哪怕登报求偶．这没什么不好意思的，＂全面撒网，重点捉鱼＂，只有接触面多了，你才有可能从中找到与你志同意合的人．第三，你必须要有非常清晰的心理准备，要用极大的耐心和极大的宽容去接受你爱着而且爱着你的这个男人，他可能有着许多你前夫所没有的弱点，但你必须看不到这些尤其记住不可以与前夫比较．然后你得用极大的勇气去面对那些你目前想象不到的困难，挫折和失望，而始终保持乐观和信心．因此，拥有一颗坚强＼乐观的心才是最重要的，无论是再婚或是独身，所以，一切取决于你自己．应该走哪条路，如何走，全都取决于你自己．</t>
  </si>
  <si>
    <t xml:space="preserve">痛风最佳治疗方法?速求吃了很多的药也没有什么用处，愁死这痛风了， </t>
  </si>
  <si>
    <t xml:space="preserve">  痛风多发于大龄男性，嗜食高嘌呤食物及酗人群。急性期以单关节炎为主，呈现红、热、肿、痛症状；病程极长，迁延不治专为慢性期，期间平均可历11年之久。  服用西药有副作用，而口服中药则见效慢。思华堂镇风贴采用纯中药疗法，不含西药成分、不经口服，不会对人体产生副作用；另外，思华堂镇风贴直贴患处，药力直接渗入病变组织，抑制尿酸合成、抵御湿寒邪气、通经舒脉、行气活血，避免了口服中药见效缓慢的弊端。因而是治疗痛风的首选良药。痛风的日常饮食调理1、可多吃的低嘌呤食物主食类：大米、小麦、面类制品、淀粉、高粱、马铃薯、甘薯等。奶类：鲜奶、炼乳、奶酪、酸奶等。蛋类与动物血：鸡蛋、鸭蛋、皮蛋、猪血、鸭血、鸡血、鹅血等。蔬菜类：白菜、卷心菜、莴笋、芹菜、韭黄、蕃茄、茄子、瓜类、萝卜、木耳等。水果类：苹果、香蕉、梨、芒果、橘子、橙、柠檬、葡萄、石榴、桃、桃子、李子、金柑、西瓜、葡萄干、龙眼干等。饮料：矿泉水、茶、果汁等。2、宜限量食用的中等嘌呤食物豆类及其制品：豆制品、干豆类、豆苗、黄豆芽。肉类：鸡肉、鸭肉、鹅肉、鸽肉、猪肉、牛肉、羊肉、狗肉、兔肉。水产类：草鱼、鲤鱼、鲈鱼、梭鱼、刀鱼、螃蟹、鲍鱼、鱼丸、鱼翅。蔬菜类：菠菜、笋、豆类、海带、金针、银耳、蘑菇菜花。油脂类及其它：花生、腰果、芝麻、栗子、莲子、杏仁。  </t>
  </si>
  <si>
    <t xml:space="preserve">金钥匙－英语题目1.－JackandDavidarebrothe </t>
  </si>
  <si>
    <t>1. A 表示“我刚刚还在琢磨。。。”,当强调刚刚过去的时间正在发生的事情时，可以用过去进行时。2. 因为in spite of是尽管的意思，毕竟have little money不是优点，所以是转折的意思。 main表示的是“保持某种状态”，后面加名词或形容词。leave是一个及物动词，翻译成：“不要让他再在雨中等待了。”</t>
  </si>
  <si>
    <t xml:space="preserve">不适合放在冰箱里的食物? </t>
  </si>
  <si>
    <t xml:space="preserve">不宜放在冰箱里东西有: (1)香蕉：在12℃以下的环境贮存，会使其发黑腐烂。 (2)鲜荔枝：在0度以下的环境中放上一天，其表皮就会变黑，果肉就会变味。 (3)黄瓜：在O℃的冰箱内放三天，表皮会呈水浸状，失去其持有的风味。 (4)西红柿：经冷冻，局部或全都果实会呈水浸状软烂，表现出褐色的圆斑。 面包最好不要放入冰箱里面：面包在烘烤过程中，面粉中的淀粉直链分部已经老化，这就是面包产生弹性和柔软结构的原因。随着放置时间的延长，面包中的支链淀粉的直链部分慢慢缔合，而使柔软的面包逐渐变硬，这种现象叫“变陈”。“变陈”的速度与温度有关。在低温时（冷冻点以上）老化较快，而面包放冰箱中，变硬的程度来得更快。 黄瓜青椒不宜久存冰箱：青椒在冰箱中久存，会出现冻“伤”————变黑、变软、变味。黄瓜还会长毛发粘。因为冰箱里存放的温度一般为4℃至6℃左右，而黄瓜贮存适宜温度为10℃至12℃，青椒为7℃至8℃。故不宜久存。 另处要明确知道：冰箱贮存食物的原理是放慢了微生物生长繁殖的速度，并不能杀灭微生物。大部分微生物最适宜的繁殖温度在37摄氏度左右，还有一部分能在20摄氏度以上迅速繁殖，虽然在10摄氏度以下绝大多数微生物生长缓慢了，但是仍然有部分细菌可以在较低的温度下存活甚至繁殖。所以，不合适的贮藏温度、食物温度过高、生熟交叉存放等均影响冷藏效果，降低了冰箱的“系数”。 </t>
  </si>
  <si>
    <t xml:space="preserve">1982年世界杯决赛,哪位意大利球员成为了第一个在世界杯决赛中罚? </t>
  </si>
  <si>
    <t xml:space="preserve">卡布里尼 </t>
  </si>
  <si>
    <t xml:space="preserve">20世纪70年代美国与欧佩克的金融博弈 </t>
  </si>
  <si>
    <t>国际油价自7月11日站上147美元巅峰后，接连出现大幅跳水，一系列重要关口相继失守，除高盛和罗杰斯等坚定的少数派外，进一步看空一度成为市场的主流声音。但进入8月后，油价逐步在115美元左右稳定下来。　　油价的起起落落，短期内固然一定程度上受到宏观经济数据、地缘政治和自然灾害因素的影响，特别是与作为主要计价货币美元的走势脱不了干系；但从长期看，供求双方的政策反应及其背后深层次利益考虑才是最值得关注的。　　从需求来看，受次贷危机持续发酵影响，当前的美欧日经济放缓不同程度减少了对原油的需求；中国在会结束后，能源消费需求也将有所下降，而燃油税和成品油价格改革方案近期若能顺利出台，将进一步抑制能源需求过快增长势头。不过，如果从一个更长的经济周期来看，美国经济早晚会复苏。如今美联储和美国财政部交替运用货币政策和财政政策刺激经济的手法已炉火纯青，2001年，美国陷入危机用了两个季度，走出危机也只用了两个季度。如果不出意外，一般预计，最迟明年下半年，美国经济就能重新步入增长轨道。届时，中国出口和投资的规模也将迅速扩张；同时，中国的重化工业进程远未完成，原油进口的上升趋势还要持续若干年。　　从美国目前的政策思路来看，至少表面上是希望油价进一步回落的。毕竟，油价下跌有助于提振消费和投资，加速美国经济恢复的节奏，也能使夹在抑制通胀和刺激经济两难中的美联储得以从“滞胀”阴影下解脱出来，以专心应付经济复苏的问题。从这个意义上来说，强势美元目前或许正是伯南克最需要的。然而，从其他经济部门角度看，强势美元却未必受欢迎，因为它增加了进口，抑制了出口回升势头，导致失业率上升。更重要的是，现在所谓的“强势美元”不过是之前美元超跌后的反弹，如果美元要想长期维持强势，正如里根时代的美联储主席保罗·沃尔克所做的，首先一步应将利率提至高于名义通胀率——据美国劳工部统计，这一指标7月已高达5.6%，而这显然不是眼下身陷苦恼中的房奴和众多投资机构所乐见的。因此，要不要一个真的强势美元，或者说，想不想油价进一步下跌，在美国内部也存在利益冲突。　　从原油供给方来看，主要分为两大块：欧佩克13个新老成员与以俄罗斯、墨西哥、挪威、巴西、哈萨克斯等为代表的非欧佩克国家。理论上，非欧佩克国家是作为欧佩克对立面和竞争者形象出现的，在早期，每当欧佩克宣布执行“限产保价”政策时，不受限产政策束缚的非欧佩克国家往往趁机扩大生产抢占市场，这也导致欧佩克占全球原油市场份额从上世纪70年代中期的52%锐减至80年代中期的30%左右。不过，欧佩克的庞大储量和节制美德最终经受住了时间的考验。一些非欧佩克国家原油储量日益枯竭，且难以承受扩大原油产出所需要的巨额投入；而另一些国家也逐渐认识到“限产保价”不仅符合欧佩克的利益，也是自身长远利益所在。基于以上考虑，2007年安哥拉和厄瓜多尔申请加入欧佩克阵营。　　BP《2008年全球能源统计》显示，过去三年，墨西哥、挪威等非欧佩克国家原油产出和出口都在逐年递减。今年上半年，非欧佩克阵营中的领军角色俄罗斯也加入限产的队伍，原油开采量同比下降0.8%，出口同比下降5.2%，同时还宣布重新调整原油出口关税。　　大量实证研究表明，欧佩克本质上是一个石油输出国组成的卡特尔，欧佩克所有成员长期以来存在这么一个共识，即制定战略的最高境界就是让油价保持在一个足够高、但又不至于刺激原油消费国痛下决心彻底摆脱这种传统能源的水平上。无疑，这宛如在锋刃上行走，需要极高的科学智慧和政治艺术。正是在这样的思路指引下，今年6月，当油价首次突破140美元时，沙特暗示将日增产50万桶，并最终实际增产20万桶。在全球原油供求大致平衡的关头，沙特的理性选择显然有助于油价回归合理区间，避免整个原油时代的彻底瓦解；而当油价出现雪崩苗头时，欧佩克的态度旋即转变，考虑减产。　　相对于国际原油市场的需求方，博弈的另一方似乎握有更大主动权和清晰的策略。可以说，欧佩克现在已掌控了全球原油生产的阀门。它所能影响的不再仅限于全球原油产量和出口量的一小部分，而是绝大部分。其中，稳坐储量和产量两把龙椅的沙特，其态度取向无疑具有风向标意义。或许在沙特和它的欧佩克同伴眼中，110至120美元是合宜的水平。至于它会不会继续往下走，则要看美国经济和世界经济会坏到什么程度。如果美国再次曝出几个“房利美”，那沙特也只剩干瞪眼的份了。</t>
  </si>
  <si>
    <t xml:space="preserve">工业企业的全套会计分录 </t>
  </si>
  <si>
    <t>这个问题太大，内容也很多。你只要掌握成本核算，其他问题就很容易了。先给你提供一份工业成本核算流程及步骤资料看看吧。</t>
  </si>
  <si>
    <t xml:space="preserve">玻尿酸注射美容的方法都有哪些功效 </t>
  </si>
  <si>
    <t>　　由于年龄、抽烟、睡觉时等的挤压以及重力的牵引，都会造成真皮的胶原蛋白和弹性纤维减小，引起皮肤松弛，造成面部的皱纹，通过注射玻尿酸可以有效地解决多种问题：　　隆鼻。尽管隆鼻技术的发展已经到达了一定的高度，然后自玻尿酸注射用于隆鼻以来，玻尿酸隆鼻因成型快，无需开刀，无痛苦，占据了很大的优势。　　填充凹痕。玻尿酸还可用于填充一些痘疤的坑洞、外伤、手术造成的疤痕，以及先天缺损的不对称等。　　玻尿酸美容应用于法令纹。法令纹的消除，是玻尿酸除皱作用中常使用的目的。依照皱鼻纹的深浅依皱纹深浅程度与部位，注射适合的量，注射部位包括外侧鼻翼凹陷处、法令纹本身与嘴唇外侧下方。　　玻尿酸美容应用于嘴角纹。嘟嘴时所产生的纹路，虽属动态纹路，用玻尿酸将凹陷之纹路予以填补，即有不错之效果。　　玻尿酸美容应用于眉间纹及鱼尾纹。过度凹陷之皱眉纹，单以肉毒素注射时，往往无法得到满意的效果，并用玻尿酸注射时，效果会更佳。　　丰唇。一般说来，人的嘴唇会随着年龄的老化而萎缩，出现皱纹，嘴角也会因老化而出现下垂的现象，玻尿酸填充丰唇获得了一定的好评。　　填充脸部。人的老化会造成皮下组织分布的改变，颞部、脸頰、眼眶和嘴唇周围均会凹陷，还会出现法令纹，玻尿酸用于面部填充包括法令纹均受到欢迎，效果也比较好。　　玻尿酸注射美容立即见效。经过医生的注射和治疗后，马上就可以看到明显的效果。效果自然。玻尿酸注射后面部无明显痕迹，效果自然，大家只觉得你变美了，却又看不出来是哪里变了，美得不留破绽。　　玻尿酸原本就是人体真皮组织之一，在人体内停留时间短，一定时间后会被人体所分解，不会有长期副作用。不需恢复期。做完即走，不影响工作和生活。作用全面。玻尿酸最强大的功能是除皱，除皱效果非常显著，同时还可用于保湿、塑形。</t>
  </si>
  <si>
    <t xml:space="preserve">关于冲摩豆一事摩豆换符文我的帐上没有符文币，怎么回事。 </t>
  </si>
  <si>
    <t>亲爱的玩家：    您好； 请问下您是什么时候转的，可能网络会有延迟，不过延迟最多是半小时，如果您一直没有收到请您通过我们的客服邮箱:ra@ 将问题提交给我们，我们会帮您进行核实的</t>
  </si>
  <si>
    <t xml:space="preserve">爷爷的爷爷叫什么 </t>
  </si>
  <si>
    <t>爷爷的爷爷叫什么“高祖”。 【词语】：高祖【注音】：gāo zǔ【释义】：①曾祖的父亲。②〈书〉指始祖或远祖。</t>
  </si>
  <si>
    <t xml:space="preserve">穿什么衣服好看？我身高174cm.体重80kg,肚子像有9个月大 </t>
  </si>
  <si>
    <t>如果能提供身材比例性别和要那种风格就能回答。要简约还是较新潮的？干练的？喜欢弹性舒服还是随便？上身下身比例和头的比例。最好有啥特点都说：脖子较长、A字膊、大腿小腿怎麽的.......这样可以针对性做好。就你那个快生的肚子来说。减肥是个好选择，减了穿啥都好看（刚减完）你个子高，穿一些阔大点的衣服也行，因为有身高搭救。不过身比例要平衡，上重下轻的会显得肚子更大。下重上轻就会上下平均———看上去是平均，就是胖....肚子大的话，嘻哈风是不错。就是不知道你的性别年龄不能直接提议。</t>
  </si>
  <si>
    <t xml:space="preserve">怎么减肥快？不想运动 </t>
  </si>
  <si>
    <t>饮食：减肥小窍门：瘦身秘招，不论胖上面，还是胖下面或全身胖，建议为：1）泡服天然植物来消除脂肪，多泡澡或足浴，每周至少三次，以促进血液循环并强化新陈代谢。2）绝不能胡乱的节食，或采用不当的减肥方法，像“苹果疗法”、“七日断食法”。3）多喝温热的水和饮料等，绝不能喝极度冷的饮品。否则减肥的成功机率会大大降低。4）吃一点辛辣的食品，如生姜、胡椒、花椒、辣椒等。对身体加温有很大的作用，会提升新陈代谢功能。5）不要吃白糖，可用红糖、蜂蜜代替。泡面、味精也不要吃。温开水减肥1）喝温开水能够提高体温，提升身体的基础代谢率，帮助脂肪燃烧！2）零热量的温开水会产生饱足感，远离暴饮暴食！3）温开水能暖胃并活化小肠，改善体质成为易瘦美人！4）温开水能美肌，彻底改善干燥敏干肌肤！5）提升免疫力，抑止体内活性酵素，维持血液清澈，抗衰老！基于温开水的以上妙用，可以看出温开水是磁石经络法的最佳搭档。外用乐美塑身美日贴后内分泌系统得到调理，人体基础代谢率增加，必然会需要更多的水分。通过对温开水的补充，可以达到良好的减肥效果，这一点是果汁等饮料无法比拟的。减肥原则：1、科学安排一日三餐在正常生理情况下，一般人习惯于一日三餐。人体消耗最大的是在一天中的上午。由于胃经过一夜消化早已排空，如果不吃早饭，那么整个上午的活动所消耗的能量完全要靠前一天晚餐提供，这就远远不能满足营养需要。这样长期下去容易引起急性胃炎、胃扩张、急性胰腺炎、冠心病、心肌梗塞等。如果吃夜点就会产生超额能量，剩余的能量转为脂肪蓄积起来就容易发胖。所以在睡前三小时以内不要吃任何东西是最理想的减肥方法，特别注意不要喝酒、肉类食物。2、控制主食和限制甜食如原来食量较大，主食可采用递减法，一日三餐减去50克。对含淀粉过多和极甜的食物如甜薯、马铃薯、藕粉、果酱、蜂蜜、糖果、蜜饯、麦乳精、果汁甜食，尽量少吃或不吃。副食品可采用瘦肉、鱼、蛋、黄豆制品和含糖分较少的蔬菜、水果等。3、多餐少量在减肥的过程中，最好是遵循多餐少量的原则，将一日三餐的食物总量分配到一日五餐当中。并且一天最后的一餐最好在睡觉前5--6个小时的时候进餐。4、膳食纤维膳食纤维减肥：纤维能阻碍食物的吸收，纤维在胃内吸水膨胀，可形成较大的体积，使人产生饱腹感，有助于减少食量，对控制体重有一定作用。人吃含纤维多的食物就能在一定时间内很好的进行消化吸收而后将废物排泄。饮食中食纤维多的人，咀嚼的次数也多，因此进餐速度减慢，结果使小肠能够慢慢地吸收营养、血糖值难以上升。由于食物纤维能促进肠道蠕动，若大量食用，则便秘也自然减少，大肠癌的发病率也会下降。5、适量饮水或喝汤饮水是人们日常生活中必不可少的需要。夏季可食用西瓜、西红柿等解渴。西瓜汁、冬瓜汤且能利尿。过分限制水，能使胖人汗腺分泌紊乱，不利体温调节，尤其是尿液浓缩、代谢残渣不易排净，还可引起烦渴、头痛、乏力等症状。适量饮水，可以补充水分，调节脂类代谢。喝汤对人体健康有好处。研究发现汤是一种良好的食欲抑制剂。因此，一些肥胖者就采用喝汤来减肥。6、少饮酒酒中的主要成分是酒精，酒精热量高且能促进脂肪的体内沉积，每升酒精能产生7千克热量。蛋白质和糖类及脂肪虽然也同样能产生热量（1克蛋白质和糖各产生4千卡热量，1克脂肪产生9千卡热量），但它们含有对人体有益的成分。而酒精则只含有卡路里，这种卡路里一味地使人发胖。有人计算过，一大瓶啤酒约等于小半碗饭。特别是有些人喜欢在饭后或睡前喝酒，如果经常大量饮酒，加上进高热量食物，就可能造成热量过剩，增加皮下脂肪的堆积，引起身体发胖。7、少吃瘦猪肉100克瘦猪肉含蛋白质16.7克，而含脂肪却达28.8克。瘦猪肉其实并不是一种高蛋白低脂肪的食物。它的脂肪含量比蛋白质含量还高。所以瘦猪肉吃得太多，动物性脂肪的摄入量也会大大增加的。人的胖与瘦是与摄入热量的多少相联系的。8、稍微多吃点富含纤维素的食品适量摄入纤维素不仅有助于减少机体在消化道的脂肪直接摄入量。同时还因为纤维素可以阻碍碳水化合物消化吸收，减慢糖分子进入血液的速度，有利于减少胰岛素的释放，这将非常有利于防止发胖，因为高胰岛素是细胞贮存脂肪的信号。3天减肥食谱：第一天早餐：半个西柚或者橙子，一片面包，两茶匙花生酱。午餐：半杯吞拿鱼或半条清蒸鱼（任何鱼都可以），一片面包，一杯咖啡或茶。晚餐：两片肉（任何肉都可以，分量是85克），一杯水煮豆，一杯水煮卷心菜，一个苹果，半杯冰淇淋。第二天早餐：一个鸡蛋，一片面包，半个香蕉。午餐：一杯酸奶，五片梳打饼干。晚餐：两条热狗肠，一杯水煮西兰花，半杯水煮红萝卜，半个香蕉，半杯冰淇淋。第三天早餐：五片梳打饼干，一杯牛奶，一个苹果。午餐：一个水煮鸡蛋，一片面包。晚餐：一杯吞食鱼或者一条清蒸鱼（任何鱼都可以），一杯水煮卷心菜，一杯水煮花菜，半个香蕉，半杯冰淇淋。（真诚为您解答，希望给予【好评】，非常感谢~~）</t>
  </si>
  <si>
    <t xml:space="preserve">每天三餐该吃什么才不会增肥有的人说食物含的热量虽高，却不会增肥是 </t>
  </si>
  <si>
    <t>一日三餐的合理搭配 于洁 一般早餐食谱中的各种素含量应占全天供给量的25%～30%。营养早餐应由粥类、面点类、冷菜类等三部分组成，在餐后加一份瓜果补充维生素效果更佳。推荐早餐菜品：红薯粥＋油煎馅饼＋黄瓜丁；牛奶＋葱麻饼干＋火腿煎蛋。 午餐饭菜要丰盛，午餐各种营养素含量一般占全天供给量的35%～45%。推荐午餐菜品：糖醋带鱼＋炒素菜＋海米菜叶汤；猪肝肉片＋西芹虾仁＋莲子百合银耳羹；土豆牛肉片＋菜花香菇＋豌豆汤。 晚餐应以谷类食物和蔬菜为主，口味清淡易于消化，有利于抗疲劳和养神醒脑。推荐晚餐菜品：清炖排骨藕汤＋豆豉炒豆腐＋拌海蜇丝；肉末豆腐＋青椒土豆丝＋皮蛋拌豆腐；洋葱爆猪肉＋番茄炒鸡蛋＋拌豇豆。 食疗方法：山金胡萝卜汤原料：准备山药30克，内金10克，新鲜胡萝卜200克，红糖20克。 制作：胡萝卜洗净切片，放锅内与山药、内金同煮30分钟，加红糖即可。此汤具有补中健胃，帮助消食的功效。 蜂蜜香油原料：蜂蜜50克，香油25克，开水约100毫升。 制作：将蜂蜜盛在瓷盅内，用筷子或小勺不停地搅拌，使其起泡。当泡浓密时，边搅动边将香油缓缓注入蜂蜜内，共同搅拌均匀。将开水约100毫升，凉至温热(约45℃)时，徐徐注入蜂蜜香油的混合液内，再搅匀使3种物质成混合液状态，早晨空腹饮用。蜂蜜补虚润肠，与香油一起使用功效更好。 姜茶饮原料：鲜姜40克，红茶30克。制作：将红茶加水适量，文火煎煮约半小时，滤取茶汁，再如此煎煮1次，合并两次茶汁；鲜姜捣碎，以纱布绞汁，加入茶汁中，酌加白糖搅匀即成。代茶饮。 拌猪脑原料：猪脑100克，芝麻油10克。 酱油、蒜泥、黄酒、葱、姜各少许。制法：将猪脑泡入清水中，剔除血筋洗净，沥水后加适量黄酒、葱、姜，入屉用旺火蒸20分钟。凉后加入芝麻油10克，酱油、蒜泥各适量，拌匀即成。适用于神经衰弱，记忆力减退、头昏、乏力。 黑豆核桃糊原料：黑豆500克，核桃仁500克，牛奶一杯，蜂蜜1匙。 制法：黑豆炒熟后待冷，磨成粉；核桃仁，炒微焦去衣，待冷后捣如泥。取以上两种食品各1匙，冲入煮沸过的牛奶1杯后再加入1匙蜂蜜。早晨或早餐后服用。黑豆入肾配合核桃仁，可补肾，再加上牛奶和蜂蜜，能增强眼内肌力、加强调节功能，改善眼疲劳的症状。</t>
  </si>
  <si>
    <t xml:space="preserve">机战的截图存在哪里？帮帮忙啊！大哥大姐！急急！！ </t>
  </si>
  <si>
    <t xml:space="preserve">    若您在游戏中按F12键 进行截图，图片将保存在游戏客户端文件目录的ScreenShot文件夹下，您截图后可以在该文件夹内查找到之前的截图。这种方式保存的截图是jpg格式；若您可以按Print Screen SysRq键进行截图，之后点击Windows系统中开始－程序－画图，按Ctrl+V，保存图片。这种方式保存的截图是bmp格式的，谢谢。</t>
  </si>
  <si>
    <t xml:space="preserve">江民防火墙有什么作用？我现在用的是江民杀毒软件，用不用在装江民防 </t>
  </si>
  <si>
    <t>防火墙定义 防火墙就是一个位于计算机和它所连接的之间的软件。该计算机流入流出的所有网络通信均要经过此防火墙。 防火墙的功能防火墙对流经它的网络通信进行扫描，这样能够过滤掉一些攻击，以免其在目标计算机上被执行。防火墙还可以关闭不使用的端口。而且它还能禁止特定端口的流出通信，封锁特洛伊木马。最后，它可以禁止来自特殊站点的访问，从而防止来自不明入侵者的所有通信。 为什么使用防火墙 防火墙具有很好的保护作用。入侵者必须首先穿越防火墙的安全防线，才能接触目标计算机。你可以将防火墙配置成许多不同保护级别。高级别的保护可能会禁止一些服务，如视频流等，但至少这是你自己的保护选择。 防火墙的类型 防火墙有不同类型。一个防火墙可以是硬件自身的一部分，你可以将因特网连接和计算机都插入其中。防火墙也可以在一个独立的机器上运行，该机器作为它背后网络中所有计算机的代理和防火墙。最后，直接连在因特网的机器可以使用个人防火墙。基于安全考虑还是装上防火墙。</t>
  </si>
  <si>
    <t xml:space="preserve">5173上卖掉东西怎么不见钱到帐我在5173上卖掉东西什么不见钱 </t>
  </si>
  <si>
    <t xml:space="preserve">尊敬的客户：     您好！5173客服050很高兴为您服务！     请您登陆5173用户名后进入我的5173，在左边导航栏中找到“我所出售的商品清单”，查看物品是否交易成功。    如果显示交易成功，在发布出售信息时选择交易成功后转账到5173用户名，请登陆5173用户名刷新查看是否到帐；如果在发布出售信息时选择交易成功后转账到银行帐号，请您在规定时间后联系银行确认。工行到帐时间位15-30分钟，建、农、招行到帐时间为24小时。    如需帮助或投诉，请与我们客服中心联系，客服中心服务热线：0579-83225173 。真诚感谢您一如既往地对我们工作的大力支持与帮助!     祈望您心灵深处芳草永绿，青春常驻，笑口常开。祝您健康幸福！                            </t>
  </si>
  <si>
    <t xml:space="preserve">诛仙洗点是怎么一回事洗点必须要洗点副吗？不是有什么方法？是或不是 </t>
  </si>
  <si>
    <t xml:space="preserve">只能洗当前重了2重就不能洗1重诛仙天帝宝库使用指南（洗点符） 天帝宝库，物品琳琅满目。相信很多玩家从中体会到了不少的方便与快捷。为了方便玩家在游戏中更好的使用天帝宝库中的物品，下面我们对一些热销物品和特殊物品做特别介绍： 洗点符： 能够重置当前修真等级技能点的神奇物品。例如：修真者现在是二重，使用洗点符后将会重置二重技能点，玩家可以进行重新分配这些点数。 </t>
  </si>
  <si>
    <t xml:space="preserve">早上起来就肚子不舒服，到了中午开始拉肚子，是不是得了肠胃病？ </t>
  </si>
  <si>
    <t xml:space="preserve">这个情况很可能是患上了急性的肠胃炎症状，如果腹泻并不十分严重，你可以按药品规定，服用诺氟沙星或者氧氟沙星胶囊，应该是有比较好的治疗效果的，另外你还应该注意在这夏天，也不要老是待在温度比较低的空调房间内，因为这样对肠胃功能并不好。 </t>
  </si>
  <si>
    <t xml:space="preserve">有朋友知道演员李海涛的详细信息吗?大家喜欢李海涛吗?他出演过电影 </t>
  </si>
  <si>
    <t>上baidu google 1搜都找过了没有</t>
  </si>
  <si>
    <t xml:space="preserve">&lt;精品?物指南&gt;每周?壮霭?多少錢一份? </t>
  </si>
  <si>
    <t>每星期一和星期四出版.北京市一元一份.外埠1.2元一份.你可以直接打电话订阅,还有价值可观的礼品赠送.全年88元.内容很丰富，涉及各个方面，一份能看半天。如：家装，汽车，家用电器，服饰美容，有时还做一些产品的调查让读者用得放心吃得放心，精品购物指南是一份很好的报纸，适合全家看，一份报纸多人看即经济又实惠，我都订了好几年了</t>
  </si>
  <si>
    <t xml:space="preserve">经期为什么不能做剧烈运动？像打网球、羽毛球这样的运动算是剧烈运动 </t>
  </si>
  <si>
    <t>只是不方便运动罢了，并不是不能。</t>
  </si>
  <si>
    <t xml:space="preserve">一个得到裂谷级护卫舰的任务任务要求的任务物品是天使集团铜质铭牌， </t>
  </si>
  <si>
    <t>你去做任务,有个消灭海盗的任务中,全是天使集团的,一般会掉,对了,我是去娱乐公司接了,打了这种铭牌N多,我都是直接回收的,呵呵</t>
  </si>
  <si>
    <t xml:space="preserve">今天有6场半和4场进球大家不要忘了。 </t>
  </si>
  <si>
    <t>多谢了有点意思啊中国 干掉日本 起码得买一注</t>
  </si>
  <si>
    <t xml:space="preserve">请问各位老师601766.600017今天该如何操作？谢谢请问各 </t>
  </si>
  <si>
    <t>短线上来看：601766  拿着 5.80元附近有压力600017  拿着 7.13元附近有压力如果长线就都拿着...个人建议而已...</t>
  </si>
  <si>
    <t xml:space="preserve">It'scareless_______(ofherlosing)? </t>
  </si>
  <si>
    <t>It's careless __of her to lose_____(of her losing)the gold ring 对于主语不是逻辑性的话要用OF.如果是逻辑性强的话要用FOR</t>
  </si>
  <si>
    <t xml:space="preserve">螺旋钢管分类标准有哪些？ </t>
  </si>
  <si>
    <t xml:space="preserve">螺旋钢管承压能力强，塑性好，便于焊接和加工成型；一般低压流体输送用螺旋缝埋弧焊钢管，采用双面自动埋弧焊或单面焊法制成的用于水、煤气、空气和蒸汽等一般低压流体输送用埋弧焊钢管。现在螺旋钢管的常用标准一般分为:SY/T5037-2000（部标、也叫普通流体输送管道用螺旋缝埋弧焊钢管）、GB/T9711.1-1997（国标、也叫石油天然气工业输送钢管交货技术条件第一部分：A级钢管(到目前要求严格的有GB/T9711.2 B级钢管)）、API-5L（美国石油协会、也叫管线钢管；其中分为PSL1和PSL2两个级别）、SY/T5040-92（桩用螺旋缝埋弧焊钢管）。参考资料：   </t>
  </si>
  <si>
    <t xml:space="preserve">家用自来水可以用饮水机烧着喝吗? </t>
  </si>
  <si>
    <t>我在报纸上看到带滤芯的饮水机放出的水，可直接饮用，只是得及时换滤芯。在购买时，售货员会告诉你所买的滤芯能过滤多少升水。一般，饮水机中的水烧不到100度的。不过，不影响饮用。可以买一个好一点的饮水机。能加热到100度，能制冷的，温度可随意调节,很方便的。1000多元就可买到。</t>
  </si>
  <si>
    <t xml:space="preserve">什么是英雄任务?怎么作呀?我现在62能接什么英雄任务?去哪里接?? </t>
  </si>
  <si>
    <t>英雄任务是循环的。可以反复接，但是过了级别就接不来了。而且很难杀。有秦岭将军，隐魔，豪血狼王，青雷牛魔王，狂暴狮王，飞天赤龙等等。最好的就是牛头马面。可以刷75的好武器。</t>
  </si>
  <si>
    <t xml:space="preserve">我该怎么办十一月十五号下午，我在淘宝网花二百八十买了一个地下城与 </t>
  </si>
  <si>
    <t>不可能找回了</t>
  </si>
  <si>
    <t xml:space="preserve">养狐狸喂什么最好？现在市场上狐狸的市场比较大，打算养养狐狸，并对 </t>
  </si>
  <si>
    <t>我知道的就是,有鱼、骨架、肉等搅碎,和玉米面放在一起煮成糊状给狐狸吃。</t>
  </si>
  <si>
    <t xml:space="preserve">我的"恋爱盒子3.1"也进不去Accessviolationat </t>
  </si>
  <si>
    <t>请您到我们的主页上下载最新的更新档再试试看</t>
  </si>
  <si>
    <t xml:space="preserve">沼泽骑士的问题我是23级的沼泽骑士，每次和朋友聊天谈到天2游戏时 </t>
  </si>
  <si>
    <t>你这样说代表你还不是很了解天2这个~还是个新手~其实骑士不是一无是处的，骑士2转可以转2个角色：    席林骑士属于防御比较高的职业~他有召唤的技能，属于可以solo的职业，但现在据说2章的怪比以前bt了很多~（我自己不是solo的~一直组大团），这个你自己想吧！我也不太熟悉这个职业~我自己是转剑刃舞者的~但要说明一下~转剑刃舞者就表示你是一个辅助的职业，就像先知拿着双刀一样的~（但我觉得剑舞跳舞真的很帅~）但这也不表示剑舞是一无是处，剑舞的buff的技能不能忽视~他的技能可以+致命一击的伤害，再+上先知的buff.（剑舞的技能跟先知的不会重复)你自己想想，如果你一个致命一击可以打出普攻的5~6倍，这个是一个什么的概念！其实剑舞跳舞以后~可以说是同级全部职业普攻最高的~如果pk，也不一定会输~毕竟普攻的时间比既能用得多~技能要回气嘛！虽然说是个辅助角色到高级的地方不组就没得打，但上面都说了据说2章的怪比以前bt了很多所以现在辅助角色的需求大大提升！我建议你去找一个盟加~那练级就舒服多了~其实我想说的是没有最强的职业，只有最强的玩家，转什么你自己想吧！没个职业都是有他的用处的！天2的角色都是平衡的~希望可以帮到你~</t>
  </si>
  <si>
    <t xml:space="preserve">现代学生最敏感的话题是什么？？原因是因为我是一个学生！！ </t>
  </si>
  <si>
    <t>学生都很敏感，对于自尊对于满足对于委屈对于成绩。</t>
  </si>
  <si>
    <t xml:space="preserve">我有眼袋严重问题，请问怎么解救? </t>
  </si>
  <si>
    <t>　　2.睡前用无名指在眼肚中央位置轻压10次，每晚持之以恒，以舒缓眼部浮肿的问题。　　3.可以采用一些大品牌眼霜进行修复。</t>
  </si>
  <si>
    <t xml:space="preserve">孩子入学的问题目前读书户口要在所在地三年以上，所以现在不得不先考 </t>
  </si>
  <si>
    <t>如果根据你的前提描述，你在一等中学区域购买房子，孩子上中学的时候，自然就直升一等中学哦。“小学在什么地方读，中学就得在那个地方继续读？”好像没有听说过这个什么政策哦！^_^为了孩子的受教育问题，如果有条件，不妨学“孟母三迁”好了！不过，对孩子教育的问题，不在外在，而在孩子内心！^_^</t>
  </si>
  <si>
    <t xml:space="preserve">这是哪里的沙堡？ </t>
  </si>
  <si>
    <t>我知道，是玛雅文明的金字塔，小盆友，你说是吗？</t>
  </si>
  <si>
    <t xml:space="preserve">子宫内膜息肉待排是怎么回事？本来想例行检查一下的，结果查出来真菌 </t>
  </si>
  <si>
    <t>宫内膜息肉请在妇产科用激光治疗</t>
  </si>
  <si>
    <t xml:space="preserve">teacheslesson是什么意思 </t>
  </si>
  <si>
    <t>意思是授课 如果能帮到你，请好评一个，谢谢</t>
  </si>
  <si>
    <t xml:space="preserve">8串1，已经过两场，中奖传图片！1：1====让一球2：31== </t>
  </si>
  <si>
    <t>看前两场这单要中奖金就不会底了保佑你</t>
  </si>
  <si>
    <t xml:space="preserve">买东西我在济南，最近嘴馋想做杏仁豆腐了。可是不知道济南哪里能买到 </t>
  </si>
  <si>
    <t>琼脂应该就是我们平时吃的冻粉（好像冻粉的说明上说的），在一般大超市的干货区里应该能找到，上次我在绿地超市买了一包冻粉，可惜吃完了，不然可以看一下说明呢．</t>
  </si>
  <si>
    <t xml:space="preserve">婚前婚后的对话结婚前：他：万岁！终于到来了！我都等不及了！她：我 </t>
  </si>
  <si>
    <t>晕，同样的语言，得到的是不一样的心情。</t>
  </si>
  <si>
    <t xml:space="preserve">贺岁财富卡在哪里激活？ </t>
  </si>
  <si>
    <t>再游戏里面激活，新手村不能激活，要出了新手村以后的随便哪个NPC礼包兑换出输入激活码即可~！</t>
  </si>
  <si>
    <t xml:space="preserve">苹果基本烂透了，请问如何保鲜？ </t>
  </si>
  <si>
    <t>苹果没烂时，用小塑料袋一个一个包上，就不容易烂了。现在卖整箱或整袋苹果的，一般苹果上都有小塑料袋包装。</t>
  </si>
  <si>
    <t>y=|x+1|</t>
  </si>
  <si>
    <t>分x&lt;-1，-1&lt;=x&lt;2，x&gt;=2三种情形把绝对值符号去掉，三个部分分别画图象（都是直线），图象如下：</t>
  </si>
  <si>
    <t xml:space="preserve">《王者世界》有多少个职业 </t>
  </si>
  <si>
    <t xml:space="preserve">玩家可选的人物有7个职业： Sword剑 防御力和体力出众的“近战防御型” 是唯一能够使用盾牌的职业。 Spear长枪 攻击力出众的“近战穿透（2人）攻击型” 作为近战型佣兵，拥有不凡的体力。主要用于攻击，但用来防御也能胜任。 AXE斧头 拥有最强体力的“近战1列（3人）攻击型” 缺点是魔法抵抗力和行动力较低。 GUN火枪 一直线上“远程3人攻击型” 体力较低，但是攻击范围广。 BOW弓 攻击力出众的“远程1人攻击型” 回避率很高，缺点是体力低。 CANNON大炮 十字形状“远程攻击型” 命中率很高，缺点是行动力低。 CANE杖 能够使用回复魔法和防御魔法的“战斗辅助魔法型” 体力和一般攻击力很低，但是战斗中的辅助技能非常有用。  </t>
  </si>
  <si>
    <t xml:space="preserve">简述66期情况。先说咱亚洲的先沙特对巴林，主队先做客，但没有取得 </t>
  </si>
  <si>
    <t>分析的相当到位，看这舒服，谢谢这样的文章好的分析。</t>
  </si>
  <si>
    <t xml:space="preserve">金上京请进经常看你的亮单，单子很精彩，希望你有好的胆才是时辛苦一 </t>
  </si>
  <si>
    <t>这次侥幸又蒙对了。。。。。。。。。</t>
  </si>
  <si>
    <t xml:space="preserve">08122期七星彩开奖信息： </t>
  </si>
  <si>
    <t>机选了一注  6594630  没有中</t>
  </si>
  <si>
    <t xml:space="preserve">体魄是什么的？？ </t>
  </si>
  <si>
    <t>体魄是加血量上限的。。这个在打高级王的时候作用就体现出来了！没体魄血量小，就容易挂掉·一般每个角色都要加体魄的，特别是猛将，必须加！！</t>
  </si>
  <si>
    <t xml:space="preserve">观看影碟的超级解霸3000坏了，我去下载，但是下载不下来，怎么办? </t>
  </si>
  <si>
    <t xml:space="preserve">推荐你去这个地方下载吧，呵呵，最好用专用的下载工具下载软件，比如说flashget网际快车或者影音传送带豪杰超级解霸 v8.0 SP2 简体中文零售版(Retail) -看到精彩你就发 [荐] 豪杰超级解霸DVD III 正式免费版 [荐] </t>
  </si>
  <si>
    <t xml:space="preserve">睾丸左下方有3厘米长形肿块在左大腿内侧靠后,睾丸左下方,有一长形 </t>
  </si>
  <si>
    <t>您好还有其他的症状吗？初步考虑皮脂腺异位症、囊肿、疱疹的可能建议应及早到医院进一步检查明确诊断检查后遵医嘱对症采取针对性的治疗即可！</t>
  </si>
  <si>
    <t xml:space="preserve">怎样淡化雀斑 </t>
  </si>
  <si>
    <t>雀斑可口服维生素C或维生素E，中成药可选六味地黄丸，其滋阴补肾。另外应用二氧化碳激光或液氮冷冻治疗比较表浅的雀斑也有较好疗效。日常生活应注意防止日光直射面部，外出时应戴个遮阳帽或打旱伞，也可在暴露部位外涂防晒膏。忌食辛辣食物。</t>
  </si>
  <si>
    <t xml:space="preserve">求征对联谁能给一副有关自来水的对联 </t>
  </si>
  <si>
    <t>上海自来水来自海上山东落花生花落山东</t>
  </si>
  <si>
    <t xml:space="preserve">博彩：10瓦拉多vs拉科鲁2:0 </t>
  </si>
  <si>
    <t>后半场吊射进球，哈哈，经典啊</t>
  </si>
  <si>
    <t xml:space="preserve">再遇初恋都没想到还会再遇到他，我觉得对他是有感情的，否则也不至于 </t>
  </si>
  <si>
    <t>你们在一起又如何，能回到当初吗？感觉还一样吗？现在根本不是两个人的事，是好几个人的事。就是勉强在一起。这中间就没有别的事情发生吗？他可以放弃你一次，就有第二次，当他放弃妻子孩子选择你，你还有安全感吗？那是个什么人啊，遇到阻碍就要放弃别人来保全自己，他放弃成习惯了吧！你还相信吗？做人是要有底线和原则的，他连最起码的做人原则和基本都没有了。他只爱他自己吧？男人如果连一点担当都没有，你要他做什么？就为你心里对他那点感觉过日子吗？现实一点吧，不要把自己推到风口浪尖上过日子。</t>
  </si>
  <si>
    <t xml:space="preserve">空调什么品牌性价比高 </t>
  </si>
  <si>
    <t>格力 美的 等大品牌的空调都不错的51xunhui回答</t>
  </si>
  <si>
    <t xml:space="preserve">大长今中尚宫娘娘是什么职务?古代韩国的官职是怎么划分的? </t>
  </si>
  <si>
    <t>【问题一】：“尚宫”是朝鲜宫廷官阶最高的宫女,而宫女中还有“内人”一职,负责照顾王族起居饮食。小宫女入宫后,先要接受基本,15年后就可以取得尚宫的头衔。【问题二】：韩国古代的中央官制李氏王朝的官制主要跟随中国模式，官职分为九品，由正一品到从九品，共计十八级。其中正三品分正三品堂上和正三品堂下。正一品至正三品堂上，称为堂上官。正三品堂下到正七品，称为堂下官〔或参上官〕。正七品以下为参下官。长今受中宗册封为御医时，官职为正三品堂上官。以当时来说，在男尊女卑的时代，贱民出身的女子可得此高位，确是史无前例，震惊朝野。在国王下面，中央机关方面最高的是议政府。议政府之下有吏、户、礼、兵、工、刑「六曹」，相当于中国的六部。其首长为判书〔正二品，相当于中国的六部尚书〕及参判〔从二品〕。长今十岁入宫，从小宫女到医女、御医，一生与王宫结下不解缘，在她的日常生活中，出现过不少从属六曹的内廷供奉机构，包括有内医院、内侍府、内赡寺、司饔院、内需司等。做医女时曾服务的机构则有典医监、活人署等。韩国古代的医女制度朝鲜的医女制度是太宗六年〔1406年〕建立的。因为男女有别的观念越来越严格，内宫女眷忌讳被男性医官诊治，即使病入膏肓也不就医，最后导致死亡。医女属一种看护性的工作，一般中人家庭都不会让自己的女儿去做这些事，因此制度之初，指定由贱民身分的婢女充任。当时选择汉阳各官衙的女性官婢在惠民署学习。在地方也会挑选十到十五岁左右的官婢前往惠民署接受教育，学成后再送回故乡从事医疗工作，让地方的妇女有病时也可就医。〔朝鲜的医疗机关〕世祖时代还设立奖惩法，规定每月必读书籍，并考试评核，成绩优异者有俸禄。成绩不佳者下放为茶母〔即在官署中担任杂役的贱婢〕，到医术稍进步才复职为医女。医女和茶母都是官婢，同属贱民阶级。所有医女一年有两次米粮俸禄。茶母就没有了。医女接受医学教育前，需先修读《千字文》及《孝经》，再者因要济世救人，品德必须高尚，因此需熟读四书，之后才学习看病、助产、把脉、针灸等医术及研读医书。另外判定宫女是否处子的工作，也是由医女负责。在成宗时，医女制度更具规模，将医女分为内医、看病医及初学医三个等级。可惜医女制度在燕山君时逐渐变质。通晓四书五经及兼备医学知识的医女，被燕山君派往参加各种饮宴，甚至担任宫中仪式的仪队、赐送赐死毒药等活动。她们原先最重要的本业—治疗及看护病人，竟变成辅业。中宗即位后，费尽心思矫正前人恶习，明文禁止召唤医女参加饮宴场合。但一时积习难改，医女仍需出席宴合，成为有学识，却又是受到非人道对待的贱民。甚至与妓女待遇相同，称为医妓。韩国古代的宫女的制度宫女，即「宫中女官」的简称，指的是在宫中担任官职的女人。王宫内有不同的正殿偏殿〔如大殿、太后殿、中殿、东殿等〕，内有不同的部门，如针房、绣房、御膳房、退膳间、洗踏房、洗水间、生果房等，由王上以致小王子小公主的日常起居饮食，都得靠宫女打理照顾，所以宫女的需求量很大。王宫每年会从民间招收女孩入宫，中人、白丁女儿均可报名。入宫后从小宫女做起，以后可晋升为内人、上馔内人、尚宫，或最高尚宫等职级。〔尚宫的职务〕女孩入宫当小宫女的年龄，由四、五岁至十多岁不等。一般来说，入宫年龄越小，接受宫廷教养培训的时间越长，由于自幼熟习宫廷礼仪，长大后大多被派往大殿，担任王上身边的「至密尚宫」。若是十岁以后才入宫，就像剧中主角徐长今一样，多派往御膳房、退膳间、洗踏房、洗水间、生果房等地方，因为这些部门较侧重教授有关职务的技术。如御膳房学做料理、针绣房学做针线等。每个入宫的孩子会归一个内人或尚宫管教，担任老师兼母亲的角色。大家在同一个房间生活。小宫女在宫内学习礼仪及技术后，大约八至十年后可参加「内人试」，合格后正式成为内人，属九品官阶。内人再经过十多廿年历练后，可以参加尚宫考试。通过考试，会获赐予牒纸与假髻，属正五品官阶。以后有机会晋陛至最高尚宫、提调尚宫的话，官阶会更高。其实，王宫内所有妃嫔及宫女，均属内命妇；内命妇之首为王后。一朝为宫女，终身是王上的女人。一旦举行内人试〔内人礼〕，即意味着婚礼，宫女正式成为王上的女人，一生不能婚嫁。作为宫女，要离开王宫只有两个可能，一是年老体衰或疾病缠身，再不就是服侍的主子病逝，守丧三年后才可回家。离开王宫后也不能婚嫁，或作妾。既然宫女不能像一般百姓般，为人贤妻良母，唯一的前途，似乎是努力迈向成为尚宫的漫漫长路。 议政府：最高中央行政单位承政院：为国王起草旨意，直接下达王命两司：检察谏议的机构内医院：负责宫中皇族的医疗内侍府：管宫廷内膳食、传令、守门、打扫等司饔院：管御膳以及宫廷内三餐典医监：负责训练医官内禁卫：御前侍卫兼司仆：禁军捕盗厅：维持治安和捕捉犯罪者</t>
  </si>
  <si>
    <t xml:space="preserve">22周了我为什么老是想睡觉 </t>
  </si>
  <si>
    <t>应该是孕期反应，没事的，过一段时间就好了。</t>
  </si>
  <si>
    <t xml:space="preserve">今天测排卵和体温不知怎么会这样？我的YJ是1月23日来的，经期5 </t>
  </si>
  <si>
    <t>你的YJ周期是多少天呢？我是24日的，这几天已经安排功课了。你也要抓紧啊，宁可错杀不可错过，多安排几次。祝成功！</t>
  </si>
  <si>
    <t xml:space="preserve">帕萨特1.8T手自一体变速箱用的变速箱油与普通波箱油有什么区别 </t>
  </si>
  <si>
    <t>需要用上海大众的专用ATF，不可于其它的任何油混用。</t>
  </si>
  <si>
    <t xml:space="preserve">火车票订好啦身份证丢了怎么解决 </t>
  </si>
  <si>
    <t>你可以去火车站找铁路公安补一个临时身份证用，办理临时身份证明时，须符合下列条件之一，并提供一寸照片一张：     （1）出具所在地公安机关的户籍证明信。     （2）学生旅客出具所在学校的证明信。     （3）中国人民解放军、武警部队现役军人持所在部队出具的证明信。     （4）外籍旅客持当地使领馆出具的证明信。     （5）凭其他有效证件购买车票的旅客持发证部门出具的证明信。     （6）通过其他方式能够证明本人身份的。     前款证明（信）的内容应包括旅客姓名、性别、出生年月、籍贯、身份证件号码等信息，与购票所使用的有效身份证件信息一致，并加盖证明单位公章。   车站铁路公安部门办理的临时身份证明一式两联，载明旅客姓名、性别、年龄、有效身份证件类型和号码等内容，一联为公安部门留存，一联供旅客换票、改签、退票、验证检票以及乘车使用，由旅客自行妥善保管，站车不予收回。</t>
  </si>
  <si>
    <t xml:space="preserve">大家评价一下风色幻想系列哪个最好？不说别的，从3开始把。。。其实 </t>
  </si>
  <si>
    <t xml:space="preserve">  5和6.这俩也是连着的~禀呈了风色系列靠剧情吃饭的优点.话说6外传和7也都是延续这个剧情的.</t>
  </si>
  <si>
    <t xml:space="preserve">新买手机电池需要充3放3充，每次充电12小时吗 </t>
  </si>
  <si>
    <t>新电池要3放3充是为了激活电池里的锂离子，其实一次或者两次就可以了，一定要用到手机没电自动关机以后再进行12小时的充放电</t>
  </si>
  <si>
    <t xml:space="preserve">如何正确使用电热毯？ </t>
  </si>
  <si>
    <t xml:space="preserve">    电热毯，又名电褥，是一种接触式电暖器具，它将特制的、绝缘性能达到标准的软索式电热元件呈盘蛇状织入或缝入毛毯里，通电时即发出热量，主要用于人们睡眠时提高被窝里的温度来达到取暖的目的。还可用于被褥的去潮除湿。它耗电量少、温度可调节、使用方便、使用广泛，已有100多年的历史。使用电热毯一定要注意安全因素和正确的使用方法：1.使用电热毯之前，应详细阅读使用说明书，严格按照说明书操作；2.使用的电源电压和频率要与电热毯上标定的额定电压和频率一致；3.电热毯应严格禁止折叠使用。使用电热毯的过程中，应经常检查电热毯是否有集堆、打褶现象，如有，应将皱褶摊平后再使用；4.电热毯不要与其他热源共同使用；5.如使用预热型电热毯，应绝对禁止整夜通电使用，当使用者上床前，应关闭电源；6.婴儿及生活不能自理者不要单独使用电热毯，应有人陪伴方可使用；7.不要在电热毯上放置尖硬物，更不要将电热毯放在突出金属物或其他尖硬物上使用。 来源: 东南早报(泉州)</t>
  </si>
  <si>
    <t xml:space="preserve">口臭是什么原因造成的？ </t>
  </si>
  <si>
    <t>口臭的形成原因主要是由于饮食不节，或过多地食用辛辣食品，以及劳倦过度等不良的生活方式造成的脾功能衰竭，胃肠功能减弱，使食物在肠内得不到正常的消化，大量食物糟粕不能排出体外，愈积愈多，形成毒素进入肠壁血液，从而伤害脏腑引发各种疾病。而沉积在肠内的食物糟粕时间一长就会积滞生热，产生臭气，向上蒸发，通过口腔及鼻咽部位形成口臭。有口臭的患者应使用一些专业的产品，治标更治本。怡口香莲清新茶可以帮你解决口臭问题，口碑不错，效果好。我有个同事还用呢。现在都有一个月时间，口气就清新很多。建议你去了解一下。</t>
  </si>
  <si>
    <t xml:space="preserve">会受孕吗？每次和老公同房，到后面那里总是干干的，再继续就会不舒服 </t>
  </si>
  <si>
    <t>你身体外分泌不足。</t>
  </si>
  <si>
    <t xml:space="preserve">N73的遥杆很容易松动吗？我的N73才买了3天，我就感觉遥杆没有 </t>
  </si>
  <si>
    <t>只要是摇杆手机都会有类似的情况发生的，它的原理也是将上面的杆朝不同方向拨动，杆和下面金属片的弯曲极限不一样所以造成这样的感觉，杆动了控制却没有反应，只有当你弯曲摇杆的力量大于下面手机方向键金属片的弯曲极限时，控制才会起作用，所以说不用担心，尽管放心使用吧，如果出现摇杆帽脱落的现象这个是可以拿到KF更换的。</t>
  </si>
  <si>
    <t xml:space="preserve">李大伯家要挖一口圆柱形水井，在比例尺是1:80的设计图上，水井的? </t>
  </si>
  <si>
    <t>1、1x80=80厘米=0.8米  10x80=800厘米=8米2、0.8÷2=0.4 0.4x0.4x3.14=0.5024平方米3 0.5024x8=4.0192 立方米</t>
  </si>
  <si>
    <t xml:space="preserve">电冰箱是有故障吗由于装修，我把冰箱移动了位置。发现在启动结束后， </t>
  </si>
  <si>
    <t xml:space="preserve">运行中的电冰箱发出的“嘶嘶嘶”的气流声，同时还带有激流声，这是比较柔和的正常噪声。 电冰箱发出的“啪啪啪”的响声，这是由于箱内热胀冷缩而产生的一种声音，属于正常情况。 电冰箱出现的“当当当”的响声，往往是在压缩机启动或停止时的瞬间产生，有时一下，有时两三下，这不会影响它的正常使用。 电冰箱压缩机内如有“乒乒”金属管振动的碰撞声，这是高压消声管断的声音，应及时修理。 电冰箱如出现“轰轰轰”的响声，并且声音在运行的电冰箱压缩机中发出，这是压缩机内吊簧折断或脱位而发出的声音，应及时维修。 电冰箱出现的“咯咯咯”或“嗒嗒嗒”的声音，同时伴有压缩机明显的振动，这是压缩机的机件有损坏或松坏，以致发生撞击，应及时维修。 电冰箱发出“咕咕咕”的叫声，是冷冻机油过多地进入蒸发器而发出的吹油泡响声，也应及时维修。 </t>
  </si>
  <si>
    <t xml:space="preserve">请问医生长了蛇胆疮该怎么治疗请问医生长了蛇胆疮该怎么治疗 </t>
  </si>
  <si>
    <t xml:space="preserve">你好,蛇胆疮又叫带状疱疹(herpes zoster)是由水痘带状疱疹病毒引起的急性炎症性皮肤病,其主要特点为簇集水泡,沿一侧周围神经作群集带状分布,伴有明显神经痛.初次感染表现为水痘,以后病毒可长期潜伏在脊髓后根神经节,免疫功能减弱可诱发水痘带状疱疹病毒可再度活动,生长繁殖,沿周围神经波及皮肤,发生带状疱疹.带状疱疹患者一般可获得对该病毒的终生免疫.抗病毒药物：针对病因治疗选用,如利巴韦林,阿昔洛韦,干扰素和口服中,西药物能不同程度抑制病毒,促进病人的康复,及时,有效的足量用药有时能降低后遗痛的发生率. </t>
  </si>
  <si>
    <t xml:space="preserve">600255.7.44进入就站岗了，请问如何操作 </t>
  </si>
  <si>
    <t>没有大问题.继续持有.</t>
  </si>
  <si>
    <t xml:space="preserve">在北京哪里能买到苏杭的糕点就是米面做的那种 </t>
  </si>
  <si>
    <t>在北京圆明园附近有苏杭一条街，那里有许多苏杭的小吃！</t>
  </si>
  <si>
    <t xml:space="preserve">黑头茂盛用哪种面膜去除？ </t>
  </si>
  <si>
    <t>BOKANI的面膜就很好用，我很喜欢，你也试试！</t>
  </si>
  <si>
    <t xml:space="preserve">失眠多梦，入睡难，容易醒。该怎么办？ </t>
  </si>
  <si>
    <t>你好，失眠一直是困扰很多人的问题，失眠患者还会伴随多梦的现象。失眠的治疗很简单，只要治疗及时，采用有效的治疗方法，适当的调节自己的情绪，乐观的看待疾病，配合医生，就能恢复健康。西药治疗大多会让患者产生依赖性，并且有副作用。中医应用中药治疗失眠症已有二千年的临床丰富经验，应用的药方擢发难数。中药有调节人体睡眠/清醒周期，改变患者睡眠质量，服用后无昏睡感，不影响工作，无强制性催眠作用，需要睡眠时即可入睡，可长期服用，无成瘾性，养心安神之功。希望我的回答能对你有所帮助。医生一般以药物治疗为主，心理治疗为辅的综合疗法，这是目前临床上常用的治疗失眠方法之一。睡前不要猛吃猛喝。睡前约两个小时吃少量的晚餐，但不要喝太多水，因为不断上厕所会影响睡眠质量。晚上不要吃辛辣的富含油脂的食物，这些食物也会影响睡眠。</t>
  </si>
  <si>
    <t xml:space="preserve">哪里有好的汽车养护品品牌，我想做代理？ </t>
  </si>
  <si>
    <t>在国内养护品牌有很多啊，像佛莱邦、威力狮等，这些都是大品牌；佛莱邦是国产品牌，有很大的市场</t>
  </si>
  <si>
    <t xml:space="preserve">大粪的最佳出路。为民着想。 </t>
  </si>
  <si>
    <t>争取鲜花的光临</t>
  </si>
  <si>
    <t xml:space="preserve">为什么所有人才网站或者猎头网站填了简历后没有面试机会？我的条件据 </t>
  </si>
  <si>
    <t>编辑类的职位相对较少.人才供求不平衡,供大于求.如果你的条件够好,一定要坚持投简历.建议 去  里面的职位真实性比较高.通常投递简历和取得面试机会的比例可以达到10:1.另, 面试要调整好状态.</t>
  </si>
  <si>
    <t xml:space="preserve">纯白的的匡威帆布鞋配灰色的裤好看吗？ </t>
  </si>
  <si>
    <t>灰色的只要是休闲裤货牛仔裤都可以，只要不是运动裤就好。</t>
  </si>
  <si>
    <t xml:space="preserve">经常听说的疯牛病及二恶英是怎么回事?我国是否发现过这两种食品安全 </t>
  </si>
  <si>
    <t>疯牛病学名为“牛海绵状脑病” 是一种发生在牛身上的进行性中枢神经系统病变，症状与羊瘙痒症类似，俗称“疯牛病”。病牛脑组织呈海绵状病变，并出现步态不稳、平衡失调、搔痒、烦燥不安等症状，通常在１４至９０天内死亡。由于种类的不同，疯牛病的潜伏期长短不同，一般在２到３０年之间。人若食用了被污染了的牛肉、牛脊髓等，也有可能染上致命的新型克－雅氏症 。患者脑部会出现海绵状空洞，先是表现为焦躁不安，后导致记忆丧失，身体功能失调，最终精神错乱甚至死亡。新型克－雅氏症患者以年轻人为主，发病时间平均为１４个月。二恶英是环境污染物。其具有类似于“12大危害物”的特性–“12大危害物”是一组被称为持久性有机污染物的危险物质。二恶英之所以引起关注是因其具有非常大的潜在毒性。实验证明它们可以损害多种器和系统。二恶英一旦进入人体，就会长久驻留，因为其本身具有化学稳定性并易于被脂肪组织吸收，并从此长期积蓄在体内。它们在体内的半衰期估计为7至11年。在环境中，二恶英容易聚积在食物链中。食物链中依赖动物食品的程度越高，二恶英聚积的程度就越高。如果我没记错的话，在国内没发生过因疯牛病和二恶英引发的食品安全问题。</t>
  </si>
  <si>
    <t xml:space="preserve">各个种族怎样打电脑？请分别讲述，万分感谢！！！！（我很菜！） </t>
  </si>
  <si>
    <t>我教你一个投机的方法 打疯狂电脑可以打3家 兽族 上来拉3个农民然后老家造农民 采金拉2个农民去其中离你最近的电脑加离他远的地方造个磨坊 之后是祭坛 箭塔 箭塔~~~~~等你有4 5个箭塔的时候你就用英雄去打你电脑  然后往你箭塔的地方跑  用箭塔灭他 记住 箭塔之后也不停的造  家里别忘记补充农民 就这样就能赢</t>
  </si>
  <si>
    <t xml:space="preserve">富贵竹怎么样才能养的叶子绿油油的 </t>
  </si>
  <si>
    <t>我也养的富贵竹，叶子以前也很黄，现在油绿油绿的。富贵竹属南方花卉，喜微酸性环境。发黄主要是你浇的水是弱碱性。最简单的办法是用家里的醋1份加9份太阳晒过的水，兑好后每周浇一次，其他时间可以照常用普通水浇花。还有一个办法就是买液体肥兑水浇灌。经济实惠简便的就是第一种方法，我试过，很好的。</t>
  </si>
  <si>
    <t xml:space="preserve">家里总有蟑螂怎么办?不知怎么回事,今年家里总有很多蟑螂.用了很多 </t>
  </si>
  <si>
    <t>我建议首先清理容易潮湿的地方，尽量保持室内干燥，蟑螂生存需要水和食物，每天都要将家里的食物收好，尤其是剩饭剩菜不能倒入垃圾桶过夜。蟑螂的活动时间是夜里，可以在晚上十点以后进行扑杀。还有一个办法可以试一试：用啤酒瓶之类的长颈瓶子，在里面放上一些食用油，就可以诱使蟑螂爬入。希望你能早日结束这场战斗哦：）</t>
  </si>
  <si>
    <t xml:space="preserve">寂寞之塔各楼层的入口要坐标啊 </t>
  </si>
  <si>
    <t>人家问各各楼层的入口 ，你门光给个1楼的入口 傻子都晓得怎么去</t>
  </si>
  <si>
    <t xml:space="preserve">本县境内调运不需要办植物检疫证依据我只知道一般本县境内调运不需要 </t>
  </si>
  <si>
    <t>本县没有检疫性有害生物的存在，在本县内调运苗木也就不需要办理检疫出证。</t>
  </si>
  <si>
    <t xml:space="preserve">难!sin(1°)的值一些特殊角的三角函数都可以用整数经过加,减 </t>
  </si>
  <si>
    <t>　　解答：　　这是一道非常有意思的题目。看似不难，但我以为这道题提出的问题相当难，至少可以和世界难题“尺规三等分任意角”相当。先按通常思路求解：sin(15°)=(√6-√2)/4，c(15°)=(√6+√2)/4sin(18°)=(√5-1)/4，　cos(18°)=√(10+2√5)/4按三角和差公式，求得sin(3°)=(√30+√10-√6-√2-√(60+12√5)+√(20+4√5))/16cos(3°)=(√30-√10-√6+√2+√(60+12√5)+√(20+4√5))/16下面计算cos(1°)（为什么不先求sin (1°)留给您思考）令X= cos(1°)，C= cos(3°)，则得X^3-(3/4)X-C/4=0按卡尔丹诺公式并经检验，上面方程的三个实根中，等于cos(1°)的根为X=(C/8+D^(1/2))^(1/3)+(C/8-D^(1/2))^(1/3)其中，D=(C^2-1)/64sin(1°)=√(1- cos(1°) cos(1°))　　上面的计算结果除了根式化简好象问题解决了，实际上并没有那么简单。因为我想，您要的是一些整数经过加、减、乘、除及开n次方的结果，但上式计算中，D＜0，故计算中有复数开3次方，根据复数运算在复平面上的意义，这实际上就是将一个角(3°)三等分后求边长的问题，问题变得很复杂很难了。虽然还没有得到严格论证，我的推断是：sin(1°)，cos(1°)不可能通过一些整数经过加、减、乘、除及开n次方得到。　　以上是我对本问题的解答，仅供您参考，如果有了好的结果别忘了告诉我。</t>
  </si>
  <si>
    <t xml:space="preserve">我30级，因新手F转F和充点卡，奖励了500W，可以买C级武器，? </t>
  </si>
  <si>
    <t>可以，但是装备之后你的攻击速度，命中几率，致命攻击几率都会大幅度下降，防具则会降低你的移动速度，所以强烈建议你，去买D级的装备吧，估计500W可能不够买套D顶呢，现在物件好贵的，1F的精灵长剑要450W，我买的时候，锁子套的价格也在升，祝你玩的开心！</t>
  </si>
  <si>
    <t xml:space="preserve">台风来了，要做哪些应急措施啊 </t>
  </si>
  <si>
    <t xml:space="preserve">    1.尽量不要外出。　　2.如果在外面，千万不要在临时建筑物、广告牌、铁塔、大树等附近避风避雨。　　3.如果你是开车的话，则应立即将车开到地下停车场或隐蔽处。　　4.如果你住在帐篷里，则应立即收起帐篷，到坚固结实的房屋中避风。　　5.如果你在水面上(如游泳)，则应立即上岸避风避雨。　　6.如果你已经在结实的房屋里，则应小心关好窗户，在窗玻璃上用胶布贴成“米”字图形，以防窗玻璃破碎。　　7.如台风加上打雷，则要采取防雷措施。　　8.台风过后需要注意环境卫生，注意食物、水的安全。</t>
  </si>
  <si>
    <t xml:space="preserve">我的电脑最近老是重启,我快疯了.重启之后就进不了系统了,安全模式? </t>
  </si>
  <si>
    <t xml:space="preserve">自动重启故障的分析解决: 一、 1．病毒破坏:对于是否属于病毒破坏，我们可以使用最新版的杀毒软件进行杀毒，一般都会发现病毒存在。当然，还有一种可能是当你上网时被人恶意侵入了你的计算机，并放置了木马程序。这样对方能够从远程控制你计算机的一切活动，当然也包括让你的计算机重新启动。对于有些木马，不容易清除，最好重新安装操作系统。2．系统文件损坏:当系统文件被破坏时，如Win2K下的KERNEL32.DLL，Win98 FONTS目录下面的字体等系统运行时基本的文件被破坏，系统在启动时会因此无法完成初始化而强迫重新启动。你可以做个试验，把WIN98目录下的字库“FONTS”改名试一试。当你再次开机时，我们的计算机就会不断的重复启动。对于这种故障，因为无法进入正常的桌面，只能覆盖安装或重新安装。 3．如果你在“计划任务栏”里设置了重新启动或加载某些工作程序时，当定时时刻到来时，计算机也会再次启动如果你在“计划任务栏”里设置了重新启动或加载某些工作程序时，当定时时刻到来时，计算机也会. 二、硬件、 1．市电电压不稳：一般家用计算机的开关电源工作电压范围为170V－240V，当市电电压低于170V时，计算机就会自动重启或关机。因为市电电压的波动我们有时感觉不到，所以就会误认为计算机莫名其妙的自动重启了。 　　解决方法：对于经常性供电不稳的地区，我们可以购置UPS电源或130－260V的宽幅开关电源来保证计算机稳定工作。 2．插排或电源插座的质量差，接触不良： 3．计算机电源的功率不足或性能差 ：这种情况也比较常见，特别是当我们为自己主机增添了新的设备后，如更换了高档的显卡，增加了刻录机，添加了硬盘后，就很容易出现。当主机全速工作，比如运行大型的3D游戏，进行高速刻录或准备读取光盘，刚刚启动时，双硬盘对拷数据，就可能会因为瞬时电源功率不足而引起电源保护而停止输出，但由于当电源停止输出后，负载减轻，这时电源再次启动。因为保护后的恢复时间很短，所以给我们的表现就是主机自动重启。 　　还有一种情况，是主机开关电源性能差，虽然电压是稳定的也在正常允许范围之内，但因为其输出电源中谐波含量过大，也会导致主机经常性的死机或重启。对于这种情况我们使用万用表测试其电压时是正常的，最好更换一台优良的电源进行替换排除。 　　解决方法：现换高质量大功率计算机电源。 4．主机开关电源的市电插头松动，接触不良，没有插紧 　　这种情况，多数都会出现在DIY机器上，主机电源所配的电源线没有经过3C认证，与电源插座不配套。当我们晃动桌子或触摸主机时就会出现主机自动重启，一般还会伴有轻微的电打火的“啪啪”声。 　　解决方法：更换优质的3C认证电源线。 　　5．主板的电源ATX20插座有虚焊，接触不良 这种故障不常见，但的确存在，主要是在主机正常工作时，左右移动ATX20针插头，看主机是否会自动重启。同时还要检查20针的电源插头内部的簧片是否有氧化现象，这也很容易导致接触电阻大，接触不良，引起主机死机或重启。有时还需要检查20针插头尾部的连接线，是否都牢靠。 　　解决方法：① 如果是主板焊点虚焊，直接用电烙铁补焊就可以了。注意：在对主板、硬盘、显卡等计算机板卡焊接时，一定要将电烙铁良好接地，或者在焊接时拔下电源插头。 　　② 如果是电源的问题，最好是更换一台好的电源。 6．CPU问题 ：CPU内部部分功能电路损坏，二级缓存损坏时，计算机也能启动，甚至还会进入正常的桌面进行正常操作，但当进行某一特殊功能时就会重启或死机。解决办法：试着在CMOS中屏蔽二级缓存（L2）或一级缓存（L1），看主机是否能够正常运行；再不就是直接用好的CPU进行替换排除。如果屏蔽后能够正常运行，还是可以凑合着使用，虽然速度慢些，但必竟省钱了。 　　7．内存问题 　　内存条上如果某个芯片不完全损坏时，很有可能会通过自检（必竟多数都设置了POST），但是在运行时就会因为内存发热量大而导致功能失效而意外重启。多数时候内存损坏时开机会报警，但内存损坏后不报警，不加电的故障都还是有的。最好使用排除法，能够快速确定故障部位。 　　8．光驱问题 　　如果光驱内部损坏时，也会导致主机启动缓慢或不能通过自检，也可能是在工作过程中突然重启。对于后一种情况如果是我们更换了光驱后出现的，很有可能是光驱的耗电量不同而引起的。大家需要了解的是，虽然光驱的ATPI接口相同，但不同生产厂家其引脚定义是不相同的，如果我们的硬盘线有问题时，就可能产生对某一牌子光驱使用没有问题，但对其他牌子光驱就无法工作的情况，这需要大家注意。 9．RESET键质量有问题：如果RESET开关损坏，内部簧片始终处于短接的位置时，主机就无法加电自检。但是当RESET开关弹性减弱或机箱上的按钮按下去不易弹起时，就会出现在使用过程中，因为偶尔的触碰机箱或者在正常使用状态下而主机突然重启。所以，当RESET开关不能按动自如时，我们一定要仔细检查，最好更换新的RESET按钮开关或对机箱的外部按钮进行加油润滑处理。 　　还有一种情况，是因为机箱内的RESET开关引线在焊接时绝缘层剥离过多，再加上使用过程中多次拆箱就会造成RESET开关线距离过近而引起碰撞，导致主机自动重启。 10．接入网卡或并口、串口、USB接口接入外部设备时自动重启 ： 　　这种情况一般是因为外设有故障，比如打印机的并口损坏，某一脚对地短路，USB设备损坏对地短路，网卡做工不标准等，当我们使用这些设备时，就会因为突然的电源短路而引起计算机重启。 三、其他原因 　　1．散热不良或测温失灵 　　CPU散热不良，经常出现的问题就是CPU的散热器固定卡子脱落，CPU散热器与CPU接触之间有异物，CPU风扇长时间使用后散热器积尘太多，这些情况都会导致CPU散热不良，积聚温度过高而自动重启。 　　还有就是CPU下面的测温探头损坏或P4 CPU内部的测温电路损坏，主板上的BIOS有最后就是我们在CMOS中设置的CPU保护温度过低也会引起主机自动重启。 　　2．风扇测速失灵 当CPU风扇的测速电路损坏或测速线间歇性断路时，因为主板检测不到风扇的转速就会误以为风扇停转而自动关机或重启，但我们检查时可能看到CPU风扇转动正常，并且测速也正常。 　　3．强磁干扰 　　不要小看电磁干扰，许多时候我们的电脑死机和重启也是因为干扰造成的，这些干扰既有来自机箱内部CPU风扇、机箱风扇、显卡风扇、显卡、主板、硬盘的干扰，也有来自外部的动力线，变频空调甚至汽车等大型设备的干扰。如果我们主机的搞干扰性能差或屏蔽不良，就会出现主机意外重启或频繁死机的现象。 　　计算机出现的问题千奇百怪，但如果我们能够了解计算机的基本工作原理，那我们在排除计算机的软硬件故障时就会得心应手，而不会天天头大了。希望本文能对大家有所帮助，请多多支持。 BUG在某一特殊条件下测温不准，这些都会引起主机在工作过程中自动保护性重启。 </t>
  </si>
  <si>
    <t xml:space="preserve">急！怎样治疗青年人口吃？18岁，男，从小有口吃。谢谢！ </t>
  </si>
  <si>
    <t>口吃不是一天两天形成的，时间长了连自己开口说话也没有信心，情况就会是：一方面，越来越没信心、一想开口说话就担心自己说错了，这样更紧张，结果可想而知；另一方面，越不进行说话锻炼，神经就不能很好地掌控肌肉，肌肉越紧张。从一定程度上，口吃的人也有自己的长处，思维细密，比较稳重。不象有的人口若悬河，滔滔不绝，自以为和很了不起，其实很多是废话。当然也有些人口齿伶俐，能说会道，这样的人有的是天生的家庭影响（也可以说是先天的），更多的是后天的逐步锻炼，如接触很多人，不怯场；参加演讲，等等一些提高心理素质和表达能力的人。看看身边的牙牙学语的小孩子，纠正口吃的问题其实很简单：说话的时候慢慢表达，平时要多大声读书报，慢读快读极快地读等等训练皆可以。当然，一要坚持，二要信心，不可半途而废。</t>
  </si>
  <si>
    <t xml:space="preserve">我的宝宝都快五个月了，大便还是一天好几遍，怎么办？我的宝宝从出生 </t>
  </si>
  <si>
    <t>加辅食了吗？可以吃点蛋黄之类的就能好了．如果是母乳喂养的话，一天大便次数多点也是正常的，只要宝宝体重增长就没事　的，我家宝宝没吃辅食之前也是那样的，吃了辅食就好了一天一遍了</t>
  </si>
  <si>
    <t xml:space="preserve">银月和剑斗士哪个适合单练?后期单练哪个职业比较适合?听说银月后期? </t>
  </si>
  <si>
    <t>SOLO还是银月还点　＂洞里面单练没得混＂　不是没得混　是洞太窄用弓不好连跑带打　　后期的怪不象早期那样　几箭就搞得定</t>
  </si>
  <si>
    <t xml:space="preserve">怎么给手机QQ空间换皮肤？ </t>
  </si>
  <si>
    <t>在客户端的设置里面，里面有皮肤的选项，最新版本的才有，你找找吧。</t>
  </si>
  <si>
    <t xml:space="preserve">显卡灯不亮，会怎么样啊？ </t>
  </si>
  <si>
    <t>你的显卡自带投影仪?不会说网卡吧</t>
  </si>
  <si>
    <t xml:space="preserve">我的家族一片空白了进如我的家族后什么都没有了,人员列表也是空的, </t>
  </si>
  <si>
    <t xml:space="preserve">你好！进入控制面板,intenet选项，清除cookies，清除临时文件。重新登陆。 </t>
  </si>
  <si>
    <t xml:space="preserve">氙气灯是干什么用的，什么原理这么亮，改的人多吗？ </t>
  </si>
  <si>
    <t>是用包裹在石英管内的高压氙气灯替代传统的钨丝，提供更高色温、更聚集的照明。 由于氙灯是采用高压电流激活氙气而形成的一束电弧光，可在两电极之间持续放电发光，</t>
  </si>
  <si>
    <t xml:space="preserve">男人会同时爱上很多女孩子吗？我总感觉我男朋友不只喜欢我一个 </t>
  </si>
  <si>
    <t>毛主席说过,没有深入调查,就没有发言权.你应该去调查一下呀,也算对自己的感情有个交代,男人有很多种,有一心一意的,也有三心二意的,不能一概而论啊...</t>
  </si>
  <si>
    <t xml:space="preserve">开一家小服装店需要做哪些前期准备？我是一个爱美的女生，最喜欢买衣 </t>
  </si>
  <si>
    <t>一家店的地理优势很重要还有人流量的问题你考虑下这俩个问题在给你点指定出点销售计划还有款式的集中目标市场是哪些人群最主要的还是你自己的公关  拉住客户很重要你拉住1个客户就等于拥有了80个客户你得罪了一个客户就等于失去了80个客户</t>
  </si>
  <si>
    <t xml:space="preserve">泰安做造影能不能网上预约？ </t>
  </si>
  <si>
    <t>你好！输卵管造影可以预约，可以考虑月经干净后3-7天时间，做输卵管照影检查最佳，如果堵塞的话，可以手术疏通的。你好，可以提前网上预约，输卵管检查是在月经干净后3到7天检查 造影有2种，一种是采用的都是传统的碘油造影，疼痛感明显，检查后需要避孕半年。另一种采用可吸收的碘水造影剂，无痛，对身体没有副作用，不影响短期内试孕 你好！做输卵管造影检查是否需预约，这个是视医院来定的，如果说医院患者较多的话，一般是需提前预约的。指导意见：做输卵管造影检查是在月经干净后一周做为宜，不是什么时间都可以做的。</t>
  </si>
  <si>
    <t xml:space="preserve">乌泥离合字 </t>
  </si>
  <si>
    <t>墨黑土</t>
  </si>
  <si>
    <t xml:space="preserve">今成都冷出单了，晒单领奖（图），选择我没错的 </t>
  </si>
  <si>
    <t>罗马30  乌鸡1不能丢，祝好运！</t>
  </si>
  <si>
    <t xml:space="preserve">羊胎素的作用最近好多人都在谈论羊胎素，效果怎么样？ </t>
  </si>
  <si>
    <t>效果很不错的，我朋友就是在瑞士蒙特尔皇宫生物抗衰老中心打的。皮肤好了很多，色斑明显减少了。而且那还是正规的打羊胎素的地方。好多人都去打的。</t>
  </si>
  <si>
    <t xml:space="preserve">皇马巴萨尤文AC主场无忧，173实图！娱乐娱乐，大家看看可对几场 </t>
  </si>
  <si>
    <t>7楼主晚上红单---</t>
  </si>
  <si>
    <t xml:space="preserve">如何改装潜艇使之适应潮湿闷热气候？新加坡买的瑞典二手潜艇因瑞典潜 </t>
  </si>
  <si>
    <t>加粗通气管，加大进排风循环速度,同时在进风口加装除湿装置。</t>
  </si>
  <si>
    <t xml:space="preserve">现在的运动车型买什么样的好呢？网友们有合适的介绍给我吧。我今年刚 </t>
  </si>
  <si>
    <t>我同事的车应该很合你口味，挺个性的，还很有运动气息，可以考虑下，是飞思Veloster。这车独特的造型，你肯定会惊呼，不过会喜欢，只有三个侧门，超有个性，也很前卫，特别适合现在的年轻人驾驶，能够体现出另类的时尚风格。这车我也有开过，个性的设计比较多，不过操控性还蛮灵活的，很灵巧的一部车呢。还配有全景天窗，可开启的面积度很大，享受自然是不在话下的。可以好好考虑下。</t>
  </si>
  <si>
    <t xml:space="preserve">姚明为什么需要休息那么长的时间？ </t>
  </si>
  <si>
    <t>大脚趾因受感染而动了手术，一时是动不了的</t>
  </si>
  <si>
    <t xml:space="preserve">月收入3000元的如何理财？？我公司职员，吃一天最少20快住一个 </t>
  </si>
  <si>
    <t>可以去买个小面积的房子，主要是月供不要太多，不影响你的生活质量。我认为还是有些积蓄好一些，比如去进修些相关的培训，其实生活有也有很多的应酬，也不能把所有的3000元都安排的紧紧的。3000元的理财，也可以做个定投，这样跟存款也差不多，只是不知不觉就存下来了。最好是去学习。这样的积累不仅是小钱的积累，更是社会资源的积累。扩大的社交面。同时有更多的信息来源，因为一般单身都会因为自身的封闭对社会的很多信息不了解。</t>
  </si>
  <si>
    <t xml:space="preserve">男人床上说的话是真的么?我和男友在平常相处时他有时说爱我，有时却 </t>
  </si>
  <si>
    <t>在ML时男人在语言上的表现出自于身理,以性爱刺激荷尔蒙大量分泌,在这样的情况下男人会失去相当部份的理智。人处于极度快活，心情非常好时他们一般都可以接受很多事物，男人在性爱中的状态正是如此，但高潮以后神经进入冷静状态，他又会冷静的思考问题，所以最终他是不能接受你的。有个例表现不会这样，就是对性爱不能达到十分快活的男人，从身理角度来说，这也不能怪男人们，只是荷尔蒙造成的，就好像男人在性爱过后都喜欢背着女人睡一样。所以床上男人言，基本上可信度都不高。</t>
  </si>
  <si>
    <t xml:space="preserve">脑筋急转弯森林里有十只鸟.小红开枪打死一只其它九只却没有飞走是为 </t>
  </si>
  <si>
    <t>鸵鸟。。。。。。。。</t>
  </si>
  <si>
    <t xml:space="preserve">一道科学题急用如图，在四边形ABCD中，AD＝2AB，点E、A、 </t>
  </si>
  <si>
    <t>1. 是平行四边形吧，是的话，往下看2. 三角形BCE中   EB=2AB=BC 于是 角BEC=角BCE=α 于是 角ABC=180-2α3. 三角形AFD中   AF=2AB=AD 于是 角AFD=角ADF=β 于是 角BAC=180-2β4. 平行四边形ABCD中   角ABC+角BAC=180   于是 代入2，3式可得 α+β=905. 不巧，三角形OEF中，角EOF=180-(α+β)=90，搞定收工</t>
  </si>
  <si>
    <t xml:space="preserve">有人总在背后诋毁你，怎么办？我老公在一家民企工作，是个工作务实， </t>
  </si>
  <si>
    <t>不遭人嫉是庸才总遭人嫉亦偏才如今光会做事不会说也是不行的一个好的广泛的群众基础也很重要</t>
  </si>
  <si>
    <t xml:space="preserve">回城功能怎么开通？ </t>
  </si>
  <si>
    <t>您好您可以到京城找   驿站官员 173 199 开设随身驿站的NPC。玩家等级达到15级以上可在京城驿站官员（173，199）处，用一个随身驿站批文就可获得各条路线驿站牌照，其他玩家通过互动面板中的特殊选项，在除梦幻空间外的任何地点均可使用该玩家经营的驿站。驿站牌照以及其它的随身特殊服务牌照都只能使用100次，超过 100 次后牌照自动失效，玩家如果要继续经营该服务需要到驿站官员处重新申请。玩家可以运营的路线包括：　　京城东门、京城西门、京城南门、少林总舵、木人巷三层、峨眉总舵、悬棺山三层、唐门总舵、唐门地牢三层、武当、真武道场三层、魔教总舵，共十二条线路。　　玩家选择一个线路后，会在自己名字前增加一个很明显的标识，显示你当前运营的这条线路。随身驿站以及其它随身特殊服务都只能给其它玩家使用，但每次使用都需要交一定的服务费。服务费默认为最低的500钱，玩家可在驿站官员处自己随意定出大于500钱的任何价格，但玩家最后得到的服务费是扣去500钱侠义币后的数量。</t>
  </si>
  <si>
    <t xml:space="preserve">天使的英文是angel,还是angle </t>
  </si>
  <si>
    <t>天使的英文是 angel,</t>
  </si>
  <si>
    <t xml:space="preserve">仓库的寄存货物功能要多少时间生效啊 </t>
  </si>
  <si>
    <t>立即生效</t>
  </si>
  <si>
    <t xml:space="preserve">我用元宝买东西元宝没了东西却没买到什么问题？我用帐号的元宝买宝盒 </t>
  </si>
  <si>
    <t>可能是网络延迟！等几天不行的话联系克服！</t>
  </si>
  <si>
    <t xml:space="preserve">催乳素偏高159cm，97斤最近例假：8月18日来（推迟13天） </t>
  </si>
  <si>
    <t>你服补佳乐有效，是补雌，但引起雌低的原因是泌乳素过高，而现在的治疗中没有针对这方面的。泌乳素过高的人，会有胃火或湿热的表现，如体毛重、口气重、脚气、眼屎、便秘或便粘滞等，此时不宜做艾灸，穴位按摩可以用三阴交来激发雌激素水平，但降泌乳素的话，建议用掐的方法，就是刺激量较大的手法，如掐上巨虚、内庭、尺泽、委中等穴，当然能用刺血最好，可刺血大敦、商阳、厉兑、委中、胆囊等穴。就我的经验，认为当中西结合、针药并用治疗，否则随着年龄增长，越发治疗难了。建议找医生综合治疗。</t>
  </si>
  <si>
    <t xml:space="preserve">瑞星RsConfig.exe应用程序错误无法打开设置版面"0x0 </t>
  </si>
  <si>
    <t>　　您可以这样操作，尝试恢复：　　开始－程序－瑞星杀毒软件－瑞星杀毒－卸载组件－选择“修复”－确定。　　一般的问题可以通过这样的操作解决，否则，只能重新安装，没有其他办法了。　　　　　　　　　　　　　　　　　　　　　　　　　-,'''╭⌒╮⌒╮. 　　　　　　　　　　　　　　　╱????''.''. 爱问才知道，不问不知道！　　　　　　　　　　　　　　　︱田︱田田| '',,.爱问就会红，敢答才会赢！　　　　　　　　　　　　　　　╬╬╬╬╬╬╬╬╬╬╬╬╬╬╬╬╬╬　　</t>
  </si>
  <si>
    <t xml:space="preserve">狮子阅换能先练2个号换金毛,然后再练个号换青毛么? </t>
  </si>
  <si>
    <t>对1个帐号上3个80+人物就可以换!!我可以换了就可以有两只狮子....................</t>
  </si>
  <si>
    <t xml:space="preserve">大家新年好!...&gt;&gt;&gt;有很长时间没来了,十分想念大家.最近换了 </t>
  </si>
  <si>
    <t>兄弟潜水很久了..  终于浮出水面了!</t>
  </si>
  <si>
    <t xml:space="preserve">蒙迪欧哪款配置进口发动机 </t>
  </si>
  <si>
    <t>只有2.5V6版是</t>
  </si>
  <si>
    <t xml:space="preserve">600348燕子老师进来指导下。戳31的成本！后市怎么操作，短线 </t>
  </si>
  <si>
    <t>600348短线暂时持有，应该还有反弹空间。</t>
  </si>
  <si>
    <t xml:space="preserve">天津哪有批发外贸服装的地方？听说是整包批发的？哪有啊？ </t>
  </si>
  <si>
    <t>宝坻、蓟县有很多服装厂，他们有库存可以对外销售。按照包或者公斤出售。 从市区建昌道长途客车站或者白庙长途客车站上车即可到宝坻。宝坻城关（县城、开发区）有一些工厂，还有大钟镇、林亭口等等地方有服装厂。</t>
  </si>
  <si>
    <t xml:space="preserve">养水仙花应注意什么？ </t>
  </si>
  <si>
    <t>要使水仙长得好，要从挑选鳞茎开始，质量好(个大、坚实、根盘宽大肥厚内陷、外衣深褐色完好明亮)的水仙鳞茎，已积累了充足的养料供开花需要，一般情况，只需清水养护，不必再加肥料。刚开始水培时应让其在较低的温度下充分光照，具体方法是：只要白天室外没有冰冻，就将水仙置于室外向阳处尽量多接受阳光的直接照射，晚间取回室内将盆水倒尽，这样可以控制叶片徒长。以后保持每天或隔天换水，保持水的清洁，否则容易烂根。但如多天没有换水，只要盆中仍然有水并有充足光照，仍能维持正常生长。这样培养出来的水仙叶片宽而肥厚、叶色浓绿，花茎粗壮挺拔，花期长，花香浓郁。   水仙开花的持续时间一般可达20天以上，按鳞茎质量和养护条件不同，开花期会有较大差异，从水培开始约40-50天可以开花，开花早晚主要根据温度高低，水仙低温下生长缓慢，提高温度则可使水仙提前开花，有经验者可利用温度控制花期的先后。</t>
  </si>
  <si>
    <t xml:space="preserve">仓库扩展任务任务品那里打仓库扩展任务品的东西打什么怪掉？？？ </t>
  </si>
  <si>
    <t>打不出来的，要充值购买</t>
  </si>
  <si>
    <t xml:space="preserve">时间问题某年6月有5个星期日，这一年的6月1日是星期几？小学三年 </t>
  </si>
  <si>
    <t>有5个星期日，那么至少有4个星期，4*7=28（天）。6月份有30天，30-28=2（天）。如果这2天在月初，那么6月1日是星期六；如果这2天在月尾，那么6月1日是星期一；如果这2天在6月份的一头一尾，那么6月1日是星期日。所以，这一年的6月1日可能是星期六、星期日、星期一。</t>
  </si>
  <si>
    <t xml:space="preserve">从石油分馏得到的固体石蜡,用氯气漂白后,燃烧时会产生含氯元素的气? </t>
  </si>
  <si>
    <t>石蜡是饱和烃（烷烃），它与氯气反应只可能是氯原子取代氢原子，所以发生的反应是取代反应。</t>
  </si>
  <si>
    <t xml:space="preserve">三星4300打印机扫描仪怎么用呢？需要下载扫描软件吗？ </t>
  </si>
  <si>
    <t>只需下载安装驱动，然后添加打印机和扫描仪就可以使用了。</t>
  </si>
  <si>
    <t xml:space="preserve">用电脑时头疼怎么办用电脑时时间久了会头疼，但又不得不用，怎么办 </t>
  </si>
  <si>
    <t>开窗通风，头疼有很大一部分原因是室内氧气不足，我有经验，如果能到户外走一走，呼吸新鲜空气最好，如果不能也要开创通风，封闭空间是比较麻烦的。</t>
  </si>
  <si>
    <t xml:space="preserve">皮肤病长在眼袋处的小点点是啥 </t>
  </si>
  <si>
    <t>是脂肪粒</t>
  </si>
  <si>
    <t xml:space="preserve">请问我注册会员成功了吗? </t>
  </si>
  <si>
    <t>成功了,你可以用你的名字去新浪IGAME玩任意的游戏,或者进论坛,等等,所有项目都可以用"coco"进入.</t>
  </si>
  <si>
    <t xml:space="preserve">外贸经理助理主要做些什么工作?明天我要去面试一个生产保温杯的公司 </t>
  </si>
  <si>
    <t>主要负责协助外贸经理的工作：安排生产任务；根据客户寻求，制作报价单；制作产品出口的相关箱单、发票等；安排发货；及其它工作。原来我就是做这个的。</t>
  </si>
  <si>
    <t xml:space="preserve">最近脸上的皮肤干痒。咋办咧？ </t>
  </si>
  <si>
    <t>建议你用玫瑰鲜花细胞液，超好用的，我的皮肤之前那么容易干燥，自从去年用了后，没出现过干燥问题，如果你想买，回私信，我告诉你一个靠谱的店，价格也相对较低，用的时间很长，而且，还可以口服，没有化学成分的，</t>
  </si>
  <si>
    <t xml:space="preserve">请问天堂2到底能不能修改密码告诉一下知道的大哥大姐告诉一下 </t>
  </si>
  <si>
    <t>可以的，你去官方网站上－帐号管理－进行修改。如果你的帐号是别人给你的，你需要提供密码保护问题的答案。如果是你自己注册的你不会忘记答案吧？PS：如果你忘记的话，可以点官网最下端的“客服FAX”发送客服传真，但是需要提供注册时的身份证复印件，以及相关资料。</t>
  </si>
  <si>
    <t xml:space="preserve">疥疮如何治疗有那位告诉我疥疮该如何治疗，那些药比较好点啊，治疗不 </t>
  </si>
  <si>
    <t>疥舒,全身涂抹,一般5天就可以好,对于严重的患者要求用到8天,疥疮结节治疗每天涂抹3-5次,连用10-14天就可以好.1,治疗期间患者的内衣,内裤是必须每天换洗,并且必须开水煮烫;2,床单,被罩如果被污染也需要煮烫或者太阳爆??3,个人的生活用品如:毛巾,浴巾,面盆等生活用品是必须每次用都需开水煮烫.</t>
  </si>
  <si>
    <t xml:space="preserve">为什么我打不动哪个五彩石啊?请问在做武将技熟练哪个任务的时候,哪 </t>
  </si>
  <si>
    <t>有炸药吗?买或用纸去换炸药.拿来炸石头很快的.</t>
  </si>
  <si>
    <t xml:space="preserve">我要往工商银行的一个帐号打钱,我本人没有帐号,我需要到对方的开户? </t>
  </si>
  <si>
    <t>可带上身份证拿现金到任一工商银行存进对方账号就行,是即时到账的.如果你有不是工行的卡或存折,也可在你的开户所汇过去,也就1--2天到账.但存款不可以不留名.</t>
  </si>
  <si>
    <t xml:space="preserve">我跟我老公一天都说不上两句话?（因为你跟他说话，他也是不会理你） </t>
  </si>
  <si>
    <t>一个家庭是需要交流的，你和他之间也需要交流，看看问题出在那里，而现在是他根本就不愿意交流，那么你得拿出话来，给他一点时间，让他想清楚，这样没有意义的家庭和夫妻还有什么意义？如果他确实不愿意改善，那么我的建议只有一个，各走各的路</t>
  </si>
  <si>
    <t xml:space="preserve">最近有设么好听的摇滚音乐？大家觉得有代表性的摇滚乐队有哪些？介绍? </t>
  </si>
  <si>
    <t>最具有代表性的乐队,非BEYOND莫属了</t>
  </si>
  <si>
    <t xml:space="preserve">爸爸45岁了,心血来潮要学习英语,英语基础只有初中水平,请问选用? </t>
  </si>
  <si>
    <t>傻瓜应急学英语____中央民族大学出版社,有磁带配套,注意发音!</t>
  </si>
  <si>
    <t xml:space="preserve">广州哪里有好的减肥中心？ </t>
  </si>
  <si>
    <t>广州减肥中心 华美整形美容医院,健康瘦身不反弹,安全有效,一步到位.360环形水动力吸.玛花纤体 听说是香港过来开的</t>
  </si>
  <si>
    <t xml:space="preserve">1月10号几点开呀1月10号几点开服 </t>
  </si>
  <si>
    <t>六圣群侠传ONLINE终于将在08年1月10日震撼内测 详细时间请您留意官网公告~</t>
  </si>
  <si>
    <t xml:space="preserve">怎样用一个地面卫星接收器连接二台电视我家安了个地面卫星接收器,但 </t>
  </si>
  <si>
    <t>加一个分线盒就成了,那些卖电视天线的专柜都有的卖</t>
  </si>
  <si>
    <t xml:space="preserve">致米拉中文版有没有人知道其中有个歌词是算了吧 </t>
  </si>
  <si>
    <t>Starl night above the roof tops 屋顶上繁星点点的夜晚, I sit and think, what words could show you how I feel? 我冥思苦想,用什么语言来表达我对你的感觉. Our happy times were they real? So I wonder 于是我想知道:我们共度的幸福时刻它们是真的存在么? Shooting star, falls as if to tell A happy end will come because you're by my side Always a smilebut all the while 闪烁的星光划过,似乎告诉我这幸福的结局将要来到,而幸福就是因为有你在我的身边时而不时的一个微笑. There's still one thing inside, that I cannot tell you 一直有一件在我内心深处不能向你诉说的事, Secret of my heart, when can I ever start? 我心底的秘密,何时才能把它道出? Never any doubt, knowinghow someday I'll say I love you我一直坚信着并知道有一天我将会对你说出我爱你. It will shine on through, my love will shine out true 我的爱将超越一切 Give a little time, I'm looking for a sign请给我一点时间,我正在寻找我的方向 You know I'm waiting for my chance 你要知道,我正在等待属于我的机会 So quiet now, windswhisper true to me 微风真切的对我耳语:安静些吧 I feel a need, to scream out loud these things I feel 我感觉到一种需要,要大声的吼出我所感觉到的这些事 Celebrate this loveI can't reveal I can't show you 庆祝这份爱,我不能揭示也不能展示给你 So here we are, together once again 那么就让我们再一次的在一起 You seem to walk this little distancefrom my side 在我的身边看似走出了一些距离 Your face it seems so sad 你的面容看似那么的忧伤 I wonder what you hide I wanna be close to you 我想知道你到底隐瞒了什么,我想要接近你 Secret of my heart can you understand those parts 你能否明白我心底的这些秘密 Hidden far away, in a place I run to, doesn't everyone 深深的隐瞒的地方,只有我去奔向 In my heart I know I must let our love grow 在我心里,我知道必须让我们的爱生长 I can't say why 我不能说为什么 I know that I must find a way to call out for my chance 我知道我必须找到呼唤出/(制造出)我的机会的方法 Can I tell the truth? No words come to my mind 我能否述出我的真实么?思想中一片空白 They escape from my lips to the clouds above 逃出我的嘴唇,躲进天空的云中 Feeling in my heart, I can't hide 我不能掩饰我心中的感受 I can't hide anymore, 'cause I love you 因为我爱你,我任何都不能掩饰 I will be with you (with you, with you) 我将与你同在 Wherever you are? (you are, you are 无论你在哪里? Can you feel my heart? 你能感到我的心么? Can't you see you're in my heart 你能否看见你在我的心中 But things may break apart 但事情也许会离散 Maybe one day也许有一天 It's difficult to say how long two heartscan beat as one 很难去说心心相印会有多久 But I know now all the same 但我知道两颗心现在是在一起的 No change will come unless I play the game 不变的真心将来到除非只把这份爱当作儿戏 I just wanna say, I think Imight be ready, baby 我只想说,我想我准备好了,baby (I just wanna say forever) 我只想说永远相爱/(在一起) Can't you see you're in my dreams 你能否看见,你在我的梦境里 I can't lose you, baby see? 我不能失去你,baby明白么? Every time we meet 每次我们相遇 Every time we're near boy gives all meaning to my life 每次相近你都给我所有的人生意义 Baby don't get down, someday I will come around baby不要离开,总有一天我将回来 Secret of my heart, our future is forever 我心底的秘密,我们的未来是永远 Secret of my heart 我心底的秘密　　[编辑本段]【日文版歌词】　　钢琴谱どんな 言叶に変えて 君に 伝えられるだろう あれから いくつもの季节が 通り过ぎたけれど いつも 傍で笑ってる 私にも言えないことが まだ ひとつだけある Secret of my heart 疑ってもないね いつだって少しの未来があれば 真実は 手に入れられるはず I can't say もう少しだけ I'm waiting for a chance こんな 穏やかな时间 もっと 繋がっていたい 全てを见せるのが 怖くて 少し离れて歩く 君の横颜がなぜか 壊れそうで 守りたい もっと近づきたいよ Secret of my heart 理解ってくれるよね 谁だって 逃げたい时もあるけど それだけじゃ 何も始まらない I'can't say きっと必ず I'm calling for a chance Can I tell the truth? その言叶言えず 空回りする唇に Feeling in my heart 隠せない これ以上 'Cause I love you I will be with you Wherever you are Can you fell my heart? Can't you see,you're my dream失いたくないよ 大切な 君と过ごすこの时间 あきらめる位なら 信じて I just wanna say もう迷わない Can't you see,you're my heart どんな作り物も 简単に壊れてしまう 日が来る だけどまだ いつまでも変わらない Secret of my heart Our future is forever　　[编辑本段]【日文版歌词 标注假名】　　どんな 言叶(こどば)に変(か)えて 君(きみ)に 伝(つた)えられるだろう あれから いくつもの季节(きせつ)が 通(とお)り过(す)ぎたけれど いつも 傍(そば)で笑(わら)ってる 私(わたし)にも言(い)えないことが まだ ひとつだけある Secret of my heart 疑(うたが)ってもないね いつだって少(すこ)しの未来(みらい)があれば 真実(しんじつ)は 手(て)に入(い)れられるはず I can't say もうすこしだけ I'm waiting for a chance こんな 穏(おだ)やかな时间(とき) もっと 系(つな)がっていたい すべてを见(み)せるのが 怖(こわ)くて 少(すこ)し离(はな)れて歩(ある)く 君(きみ)の横颜(よこがお)がなぜか 壊(こわ)れそうで 守(まも)りたい もっと近(ちか)づきたいよ Secret of my heart 理解(わか)ってくれるよね 谁(だれ)だって 逃(に)げたい时(とき)もあるけど それだけじゃ 何(なに)も始(はじ)まらない I can't say きっと必(かなら)ず I'm calling for a chance Can I tell the truth? その言叶(ことば)言(い)えず 空回(からまわ)りする唇(くちびる)に Feeling in my heart 隠(かく)せない これ以上(いじょう) 'Cause I love you I will be with you wherever you are Can you feel my heart? Can you feel my heart? Can't you see, you're my dream失(うしな)いたくないよ 大切(たいせつ)な 君(きみ)と过(す)ごすこの时间(じかん) あきらめる位(くらい)なら 信(しん)じて I just wanna say もう迷(まよ)わない Can't you see, you're my heart どんな作(つく)り物(もの)も 简単(かんたん)に壊(こわ)れてしまう 日(ひ)がくる だけどまだ いつまでも変(か)わらない Secret of my heart. Our future is forever. Secret of my heart.... Secret of my heart.... Secret of my heart....如果觉得对你有帮助，请给个好评。谢谢了动情况</t>
  </si>
  <si>
    <t xml:space="preserve">2016年上海小升初，如何进名校？ </t>
  </si>
  <si>
    <t>公办中学如何实施“就近入学”办法？由于受上海市人口出生高峰的影响，部分公办中小学校招生入学对口范围会有适当的调整。公办初中学校或公办寄宿制学校按照区县教育行政部门公布的招生范围与招生计划，采取小学划片对口，或片区内“电脑派位”等方式招收小学毕业生进入初中就读。越是名校，越是重视考试，越是重视自己的考试。现在的证书，其真实含金量越来越低，貌似只有亚太、中环等为数不多的证书才入得了牛校的法眼，而且要求连续长期获奖的。所以，证书只能起到敲门砖的作用，去争取一个考试的资格而已。如何获得进入名校的资格？首先是过硬的学习成绩以及各类学科特长的奖项和证书，这是叩开名校的敲门砖；其次就是一张简洁明了，内容充实的简历，这是打动老师的一张名片；最后就是面试，很多家长会误以为面试只是对孩子的考察，其实很多时候也是学校对家长的考察，学校这个时候往往会通过家长们的一些言行来判断家长对孩子教育的匹配度。</t>
  </si>
  <si>
    <t xml:space="preserve">在这里提出问题 </t>
  </si>
  <si>
    <t>...选我答案～帮我＋几分吧～</t>
  </si>
  <si>
    <t xml:space="preserve">杭州哪里可以换外汇的啊？请各位指点，谢谢！ </t>
  </si>
  <si>
    <t>我上次是在武林路的中国银行。有些注意事项：探亲、出境旅游、自费出境参加国际学术报告、被聘任教学者，去香港澳门地区可兑1000美元，去港澳以外国家地区（含台湾）可兑2000美元，办理时向银行提供护照、签证、出国讲学邀请、工作单位证明及出境文件。居民出境定居，可把境内的离退休金、离退职金、抚恤金全部兑换外汇；如果离职金不足兑换2000美元的、无工资收入的人，可一次兑换2000美元（未满14岁儿童减半）。办理时需提供居住证，出示护照、出境证明。从境外邮购药品、医疗用具等，可兑换1000美元以内。办理时出示医院证明、医生处方、工作单位证明.</t>
  </si>
  <si>
    <t xml:space="preserve">宝宝10个月不想吃牛奶，吐奶，怎么办？张医生，请问我家男BB现在 </t>
  </si>
  <si>
    <t xml:space="preserve">10个月的孩子20斤重是正常的，孩子是不喜欢配方奶还是不喜欢辅食？孩子一直吐奶肯定有不适的地方，但是没有检查孩子不好说。 </t>
  </si>
  <si>
    <t xml:space="preserve">小米2s手机好用吗？实体店买的售后服务怎么样？ </t>
  </si>
  <si>
    <t>小米是没有实体店的，只有在小米官方网站购买的才有保障，有小米之家（广州、深圳那些大城市才有），其他只有维修店。可以在官网上查询到</t>
  </si>
  <si>
    <t xml:space="preserve">为什么上不去网通，希望得到满意的答复本人是惊天的忠实玩家，在知道 </t>
  </si>
  <si>
    <t>我也等到现在还是上不去..不更新文件</t>
  </si>
  <si>
    <t xml:space="preserve">悬挂系统是什么东东？有什么用？ </t>
  </si>
  <si>
    <t>悬挂系统是指由车身与轮胎间的弹簧和避震器组成的整个支持系统。悬挂系统是汽车上的一个非常重要的系统。它不但影响汽车的乘坐舒适性（平顺性）、还对其他性能诸如通过性、稳定性以及附着性能都有重大影响</t>
  </si>
  <si>
    <t xml:space="preserve">与或非的计算方式和符号！ </t>
  </si>
  <si>
    <t>大概是这样的：与 ·（表示相乘的点）或 +非 ’（或者是在数字或符号的上方画一道短横线）1·0=0   1·1=1   0·0=01+1=1  1+0=1  0+0=01’=0  0’=1</t>
  </si>
  <si>
    <t xml:space="preserve">关于淘宝问题.专家来... </t>
  </si>
  <si>
    <t>　　如果是虚拟商品，应该及时的把游戏交易抓图下来。如果是实物，则有快递单就可以了。您可以通过这里投诉买家，淘宝是看完整证据的：我的淘宝－－左侧&lt;交易管理&gt;－－宝贝明细－－投诉买家！　　以上内容由问问购物特聘专家天涯客.福建原创高品质答案，祝您购物之旅愉快！</t>
  </si>
  <si>
    <t xml:space="preserve">人一般什么时候会停止生长？ </t>
  </si>
  <si>
    <t>人不会停止生长,因为要新陈代谢,总有新的细胞生长出来,来替代老化的细胞,至于人体的高度基本上在20岁定型,但以后仍有起伏,如老年时会矮一些.</t>
  </si>
  <si>
    <t xml:space="preserve">打印机设置我的打印机为什么不能设置黑白打印，只能打印彩色的啊？求 </t>
  </si>
  <si>
    <t>1. 在,效果 或者 颜色 里,找一下选项就可以了!2. 直接在处理文档上,下手.做成黑白的就可以了.</t>
  </si>
  <si>
    <t xml:space="preserve">卫生间过道如何装修呀！ </t>
  </si>
  <si>
    <t>首先，卫生间尽量别考虑钢化玻璃的淋浴房，简单点，可以考虑挡水条加大浴帘一样效果蛮好；钢化玻璃自爆万分之几的几率，对于家人来说可不是闹着玩的；其次，卫生间的下水管包的时候要充分考虑尺寸，最好管子包好后墙面尺寸能让瓷砖贴起来能是半个或者整个；这个你提醒你们家泥水工，他们都知道的；第三，注意做好防水，地面防水墙面最好也要做防水，反正防水涂料也没多少钱，泥水工不愿意涂，你自己涂涂，错不了！第四，卫生间内别做太多造型，太多勾勾角角，以后做卫生这些死角很难打扫；第五，卫生间一定要有排气措施，一般的商品房都有风井，自己买个好点的排气扇，这样每次洗好澡后卫生间潮气散得快；如果没有风井，让工人打个通往室外的洞后再接排气扇；（有些浴霸带有排气功能）；第六，提到浴霸，建议采用风暖式；以前的灯泡式取暖效果确实蛮好，但是考虑老人小孩直视会造成视力损伤，建议还是采用风暖的；第七，卫生间找坡要做好，验证方法：直接泼一盆水不积水就是好的；卫生间地漏要买好的，装上去很难更换，一劳永逸吧</t>
  </si>
  <si>
    <t xml:space="preserve">为什么新浪天堂2帐号管理和注册的页面总是打不开啊？我想知道一下是? </t>
  </si>
  <si>
    <t>这个和服务器还有你的网速有关。如果你的网速慢那就打开很慢的。还有就是官网最近很多人登陆去注册帐号和充值，所以服务器繁忙也是比较难开的不过天二的官网打开是很慢，就算平时也是慢的，不过我是能打开的，你可以等晚上在线人少的时候再试试，或者重装一下IE6。</t>
  </si>
  <si>
    <t xml:space="preserve">今晚北单谜语三个萝卜放在三个篮子里.一个放一个新手中的新手原创 </t>
  </si>
  <si>
    <t>今夜单场棍子当道</t>
  </si>
  <si>
    <t xml:space="preserve">请问清泉老师：广安爱众600979下午是否可以建仓，急请问清泉老 </t>
  </si>
  <si>
    <t>观望,不做建仓.</t>
  </si>
  <si>
    <t xml:space="preserve">HP500在苏州被买断了吗?我想在苏州买台HP500笔记本因为我 </t>
  </si>
  <si>
    <t>1.没有被买断.2.质量的话，属于HP系中中等位置，不过也得看你运气，现在的IT产品，残次率都是比较高的，碰到好的你可以用个3,4年，碰到不好的，用不到1年就要老是修修补补就是你背了。总的来说，这款产品由于价格低廉，出货量还是比较大，出的多，返修的就多了，但是返修率还是可以的。-----苏州国美 就有卖苏州豪亿 也有0512-65230981 五卅路19号</t>
  </si>
  <si>
    <t xml:space="preserve">全职猎人漫画都出了那么多怎么不出动画? </t>
  </si>
  <si>
    <t>还不是因为富坚老是交草稿，然后一直返工，于是与TV制作方产生矛盾所以……</t>
  </si>
  <si>
    <t xml:space="preserve">晚上小腿抽筋，怎么办？晚上小腿抽筋是怎么一回事？ </t>
  </si>
  <si>
    <t xml:space="preserve">  抽筋大多是因为缺钙引起的。补补钙就好了，我以前打完篮球之后也容易抽筋疼的难受，后来是我妈给我买了点钙片让我吃之后就再也没有抽筋了。现在我有孩子啦，不过还是一直在用钙之缘片补钙的呢，吸收好、效果好也不贵。大人小孩子都可以用，现在老妈年纪也大了，骨质方面差了很多，准备今年过年也给她带2个疗程回去。呵呵，之前是她帮我买，现在也轮到我孝顺她了。</t>
  </si>
  <si>
    <t xml:space="preserve">求一恋人牵手的签名图内容恋人手拉手风格不限可以是真实人物可以是剧? </t>
  </si>
  <si>
    <t>自己很喜欢的~~~~~~~~~~~</t>
  </si>
  <si>
    <t xml:space="preserve">医疗成功率问题上次，我3级医疗，给一个12级伐木工，医疗黄伤。。 </t>
  </si>
  <si>
    <t>道具的医疗、急救成功率最起码下降了3倍1级急救成功率应该是99%（时长服）道具为20%左右个人感觉不到25%因为我练的就是护士大概2级的半管魔能成功一次满魔2级急救大概能成功3次1级治疗，治疗白伤需要大概平均300点魔如果你是医生必须买神医手册才能去玩的要不根本无法治疗</t>
  </si>
  <si>
    <t xml:space="preserve">古代为什么管教师叫“先生”？ </t>
  </si>
  <si>
    <t xml:space="preserve">“先生”这个称呼由来已久。不过历史上各个时期，对“先生”这个称呼是针对不同对象的。《论语·为政》：“有酒食，先生馔。”注解说：“先生，父兄也。”意思是有酒肴，就孝敬了父兄。《孟子》：“先生何为出此言也。”这一“先生”是指长辈而有学问的人。 到了战国时代，《国策》：“先生坐，何至于此。”均是称呼有德行的长辈。 第一个用“先生”称呼老师的，始见于《曲礼》：“从于先生，不越礼而与人言。”注：“先生，老人教学者。”今称教师为“先生”。 </t>
  </si>
  <si>
    <t xml:space="preserve">你们要放暑假了在家里都做什么呢? </t>
  </si>
  <si>
    <t>暑假可以看课外书,看小说,看电视没事了</t>
  </si>
  <si>
    <t xml:space="preserve">各位请告诉我箱子怎么开吗?谢谢 </t>
  </si>
  <si>
    <t>到狄恩，在暗精灵工会后面找佣兵雷德普开（选择任务），每开1个箱子费用650元。</t>
  </si>
  <si>
    <t xml:space="preserve">独立团是什么单位，想打就打，不打就不打，是不是。不要请示上级之类 </t>
  </si>
  <si>
    <t>根据战时作战任务需要，某些部队特别是特种装备部队地一种比团大半级的编制－－独立团，相当于旅级单位，属于军或军区一级指挥机关直接指挥，一般是配属加强某一方面作战力量时才使用。过去地方部队较多，如省军区独立团等。</t>
  </si>
  <si>
    <t xml:space="preserve">色当31不行？不会吧？ </t>
  </si>
  <si>
    <t>1:2，买30的多点，</t>
  </si>
  <si>
    <t xml:space="preserve">观音叫什么？ </t>
  </si>
  <si>
    <t>观音的全称是“大慈大悲救苦救难广大灵感观世音菩萨”,简称为观世音菩萨,为极乐世界“西方三圣”之一。</t>
  </si>
  <si>
    <t xml:space="preserve">前头一直心不悬（河北地名二同销格）粗制几个简单谜语，大家猜猜乐乐 </t>
  </si>
  <si>
    <t>滦平 滦县</t>
  </si>
  <si>
    <t xml:space="preserve">中国有几个生产军用飞机的厂家? </t>
  </si>
  <si>
    <t xml:space="preserve">中国北京科源轻型飞机实业有限公司(1999)　Beijing Keyuan Light Aircraft Industrial Co.， Ltd.中国昌河飞机工业(集团)有限责任公司(2002)　Changhe Aircraft Industries Group Ltd. (CHAIC)中国昌河飞机工业公司(1999)　Changhe Aircraft Industries Corporation (CHAIC)中国常州飞机制造厂(1999)　Changzhou Aircraft Factory (CAF)中国常州飞机制造厂(2002)　Changzhou Aircraft Factory (CAF)中国成都飞机工业(集团)有限责任公司(2002)　Chengdu Aircraft Industrial (Group)Co.,Ltd.(CAC)中国成都飞机工业公司(1999)　Chengdu Aircraft Industrial Corporation (CAC)中国贵州龙岩飞机制造厂(1999)　Guizhou Longyan Aircraft Manufacturing Factory中国哈尔滨飞机制造公司(1999)　Harbin Aircraft Manufacturing Company (HAMC)中国哈尔滨飞机制造公司(2002)　Harbin Aircraft Manufacturing Company (HAMC)中国合肥皖安机械厂(1999)　Hefei Wanan Machinery Factory中国合肥皖安机械厂(2002)　Hefei Wanan Machinery Factory　首页 &gt; 中国 &gt; 飞机制造 &gt; 共找到39条(本页显示第13至24条)符合查询要求：中国飞机制造 中国宏图飞机制造厂(1999)　Hongtu Aircraft Manufacturing Factory中国洪都工业集团有限责任公司(1999)　中国荆门宏图飞机制造厂(2002)　Jingmen Hongtu Aircraft Manufacturing Co.中国陕西飞机制造公司(1999)　Shaanxi Aircraft Company中国陕西飞机制造公司(2002)　Shaanxi Aircraft Company中国陕西燎原航空机械制造公司(1999)　Shaanxi Liaoyuan AeroMech Corporation (LAMC)中国陕西燎原航空机械制造公司(2002)　Shaanxi Liaoyuan Aero-Mech Corporation (LAMC)中国上海飞机制造厂(1999)　Shanghai Aircraft Manufacturing Factory (SAMF)中国上海飞机制造厂(2002)　Shanghai Aircraft Manufacturing Factory (SAMF)中国上海航空工业(集团)公司(1999)　Shanghai Aviation Industrial (Group) Corporation (SAIC)中国上海航空工业(集团)公司(2002)　Shanghai Aviation Industrial (Group) Corporation (SAIC)中国沈阳飞机工业(集团)有限公司(1999)　Shenyang Aircraft Corporation (SAC)中国沈阳飞机工业(集团)有限公司(2002)　Shenyang Aircraft Corporation (SAC)中国石家庄飞机工业有限责任公司(2002)　Shijiazhuang Aircraft Industry Co.,Ltd. (SAMC)中国石家庄飞机制造公司(1999)　Shijiazhuang Aircraft Manufacturing Company中国双阳飞机制造厂(1999)　Shuang Yang Aircraft Manufactory中国天达航空工业总公司(1999)　Tianda Aero-Industry Corporation中国武汉直升机工业有限责任公司(1999)　Wuhan Helicopter Industry Co.，Ltd.中国武汉直升机工业有限责任公司(2002)　Wuhan Helicopter Industry Co.， Ltd.中国西安飞机工业(集团)有限责任公司(西飞公司)(1999)　Xi\'an Aircraft Industry (Group) Company Limited (XAC)中国西安飞机工业(集团)有限责任公司(西飞公司)(2002)　Xian Aircraft Industry (Group) Company Limited (XAC)中国湘陵机械厂(1999)　Xiangling Machinery Factory中国宣化三星飞机制造公司(1999)　Three-Star Aeroplane Manufacturing Corp. Xuanhua中国云马飞机制造厂(1999)　Yunma Aircraft Manufacturer </t>
  </si>
  <si>
    <t xml:space="preserve">橘子怎么吃败火女儿上幼儿园上火了，嗓子发炎，有点咳嗽，但是恰巧买 </t>
  </si>
  <si>
    <t>橘子偏温，越吃越上火，和它同类的橙子、柚子偏寒，上火时可吃。吃橘子只要连同橘子瓣上的丝一起吃就不会上火。</t>
  </si>
  <si>
    <t xml:space="preserve">55点点乐你们都开到了什么我买了69组.开了本罗杀,2本行军,1 </t>
  </si>
  <si>
    <t>比我好啊，我开了２０个最好的开了个８０攻击０强的炎帝弓．攻击还红通通的．有５个１０Ｓ的手套，其他就垃圾中的垃圾了</t>
  </si>
  <si>
    <t xml:space="preserve">怎么样才能让胸部变小啊胸部大了,穿衣服一点儿都不好看 </t>
  </si>
  <si>
    <t>可以买罩杯大一点的内衣，集中效果好一点的，这样胸部就会好看些，可每天做健胸操嘛，这样有利于减少脂肪。</t>
  </si>
  <si>
    <t xml:space="preserve">怎样才能观看魔兽决赛的录象我下载了WCG2004魔兽决赛的录象， </t>
  </si>
  <si>
    <t>把那个文件放到replay文件加里然后再打开魔兽这个游戏单人游戏-观看录像</t>
  </si>
  <si>
    <t xml:space="preserve">哪位哥哥有单机版的大包裹补丁啊我看有人的帖子上说现在有暗黑的大包 </t>
  </si>
  <si>
    <t>下载一个plugy 7.01b，你就可以拥有无限的箱子（适用于1.09--1.11） 暗软专区－－plugy</t>
  </si>
  <si>
    <t xml:space="preserve">显卡系列游戏配置要求显卡Radeon9系列.哪一种显卡是9系列. </t>
  </si>
  <si>
    <t>radeon7000就是7系列,只支持DX7。Radeon 9就是指的radeon 9xxx。包括R9000，R9100，R9200，R9500，R9600（R9550），R9700，R9800.这些至少支持DX8.1以上。R9500开始支持DX9。</t>
  </si>
  <si>
    <t xml:space="preserve">谁知道现在什么游戏好玩，可以告诉我吗？有的内侧游戏号就给我个把！ </t>
  </si>
  <si>
    <t>什么好玩别人说得不算 只有自己觉得好玩才算是好玩 全世界这么多人一个人一个说法 要是一个一个的玩到死也玩不完 而且一无是处 你来彩虹岛的里面当然几乎所有的人都说彩虹岛好玩 不如你到其他里边问问 还有其他的答案</t>
  </si>
  <si>
    <t xml:space="preserve">猜三章早沛秦川雨五夜长明书宣灯打二古人名 </t>
  </si>
  <si>
    <t xml:space="preserve">三章早沛秦川雨(刘邦); 五夜长明书室灯(刘向)。 </t>
  </si>
  <si>
    <t xml:space="preserve">公测几点开啊?????????????? </t>
  </si>
  <si>
    <t>28号中午12点左右吧！快的话11点30左右就会开！</t>
  </si>
  <si>
    <t xml:space="preserve">关于SOR的盾牌请问下这3个盾牌对于纯冰SOR有什么区别1.暴风 </t>
  </si>
  <si>
    <t>3个盾牌对于纯冰SOR区别1.暴风 统治者大盾 (物免30%的物免盾,比较安全)2.精神 统治者大盾 (全技能加2的技能盾,伤害大大升高一个级别)3.神符之语 压韵   (MF25%的抗冻MF盾,MF基本必备)纯冰SOR技能加点剩余3点技能:温暖加1点,寒冷盔甲加1点,颤栗盔甲加1点(温暖在富裕的情况下增加法力恢复,其他两点是提高防御级别)我也附送你个MF和佣兵资料:MF装备见下文(*号装备根据具体需要换,不一定用,仅仅参考),也可以用TLX套装,或光用TLX,腰带,盔甲三件套,这样可以保证较高的抗性.武器：阿里巴巴(幅手即可)盾:4S+4*IST或韵(幅手即可)头盔：军帽- 74%-75%*盔甲：IRE- 147-148%*要带：金色包袱- 30%手套：运气守护- 40%鞋：战场旅者- 50%戒指1：蓝色偶然之幸运的戒指 - 40%*项链: 蓝色偶然之幸运的 - 50%护身符：gheed - 40% 7%mfsc佣兵:建议雇佣噩梦防御型的,有冰冻怪物的作用,安全.如果你能让雇佣兵用DOOM,可以考虑噩梦进攻型的,双光环(DOOM带冰冻光环,佣兵有进攻光环),攻击力强而且安全.头盔:无形吸血鬼的凝视(看点:吸血+物免)/无形安达利尔的面容/无形的年纪衣服:无形斗士的祸根(85级用,减少毒持续和伤害,高防御,)/无形督瑞而的壳(85级以下用,看点:不被冰冻,加抗,加力量)/无形的刚毅(如果四防够可以考虑,毕竟增加很多的伤害)武器:DOOM(看点:伤害高,带冰冻光环)/或采用(对元素角色这是首选)</t>
  </si>
  <si>
    <t xml:space="preserve">初一数学题某项工作，甲单独做需4小时，乙单独做需6小时。甲先做3 </t>
  </si>
  <si>
    <t>依题意  甲每小时完成工作的1/4乙每小时完成工作的1/6设甲、乙还需x小时完成1/2*1/4+(1/4+1/6)x=1x=2.1所以还需2.1小时</t>
  </si>
  <si>
    <t xml:space="preserve">我检查有盆腔积液2.0双侧增粗，请问严重吗？会影响怀孕吗？如何治? </t>
  </si>
  <si>
    <t>大多数盆腔积液是由于炎症引起，即由慢性盆腔炎症渗出所致。如果盆腔积液小于10毫米,多属生理性的，一般发生在妇女排卵后或早孕期,多可自然消失,这类的少量盆腔积液不影响怀孕,也不影响胎儿.如果超过10毫米,多为病理性的盆腔积液.应根据具体情况采用不同方法治疗。中成药口服：如金刚藤糖浆,妇乐颗粒,妇科千金片,妇炎康等.还可采用各种理疗方法：激光穴位照射,药物离子导入,热水坐浴,针灸,中药灌肠等多种方法综合治疗。</t>
  </si>
  <si>
    <t xml:space="preserve">水果属性水果的属性是怎么分的?暖的有哪些,寒性的有哪些?谢啦! </t>
  </si>
  <si>
    <t>忌食水果过多：过量食用水果，会使人体缺铜，从而导致血液中胆固醇增高，引起冠心病，因此不宜在短时间内进食水果过多。还有吃水果的时间，早晨吃最好，其次是中午，最后是晚上酸性的水果不宜多吃酸性水果如杨梅、梅子、李子等，所含的酸性物质不易被氧化分解，容易导致体内偏酸，一般不宜多吃；酸性水果中含单宁酸，与海味同食会与蛋白质凝固，沉淀于肠道内，引起呕吐、腹痛腹泻和消化不良；而且水果中的酸味会同胃酸一起刺激胃黏膜，溃疡病患者也不宜吃酸性水果；同时便秘的人也应少吃酸性水果，以免加重便秘。龙眼、荔枝要适量龙眼、荔枝性温，食之过多则生热上火，因此身体热盛者、阴虚火旺者切勿多吃，多吃会导致牙龈肿痛出血、鼻衄。严重的会患上人们常见的所谓“荔枝病”。梨子、柚子不是人人能吃其性寒，食之过多则伤阳气，身体阳虚、畏寒肢冷者、腹胃虚弱者、立妇不宜多吃或者最好不吃。不能空腹吃水果西红柿、柿子、橘子、山楂、香蕉、杏等都不能空腹吃。因为西红柿中含果胶、杭胶酚、可容性收敛剂等，如果空腹吃，就会与胃酸相结合而使胃内压力升高引起胀痛；柿子所含鞣质与胃酸凝结则形成“柿石”，同时患有胆结石、肾结石的病人吃柿子也要慎重，以免导致病情恶化；橘子中含大量糖分和有机酸，空腹食之则易产生胃胀、呃酸；山楂味酸，空腹食之则产生胃中嘈杂如饥甚至疼痛；香蕉中的钾、镁含量较高，空腹吃香蕉，使血中镁量升高而对心血管产生抑制作用。杏子不能空腹吃，也不能在吃了肉类和淀粉食物后吃，这有可能引起胃肠功能紊乱。热性水果，比如荔枝、橘子、菠萝、桂圆、石榴等。食品中的葱、姜、蒜、辣椒、酒、辣椒、胡椒、花椒、熏蒸食品，四川的麻辣烫等都是容易上火的。资料：说到食物属性，有所谓“四气”，这是指食物进入体内，会产生“寒、热、温、冷”的作用，如果不温不热，不寒也不凉，则归属于“平”性，而每种水果，都有其属性，一般分为“温热”、“寒凉”、“甘平”三类。温热类水果所谓温热水果，指的是热量密度高、糖分高的水果。吃下去后，肝脏的葡萄糖磷酸化的反应加速、肝糖合成增加、胰岛素与升糠泪素比例上升、脂肪酸合成提高，三酸甘油脂合成也提高，肝脏充满了待送出的油脂和糖，就容易上火，身体能量增加，就比较“热”。温热类水果有：枣、栗、桃、杏、龙眼、荔枝、樱桃、石榴、菠萝等。体质燥热的人吃这类水果应适量。寒凉类水果体质虚寒的人对这类水果应慎用。寒凉类水果包括:柑、橘、菱、香蕉、雪梨、柿子、百合、西瓜等。甘平类水果甘平类水果有：葡萄、木瓜、橄榄、李子、梅、枇杷、山楂、苹果等。这种水果适宜于各种体质的人。任何一种水果吃太多，无论体质再好，身体都会受不了。例如苹果，虽然我们常说“每日一苹果，医生远离我”，但吃过量会伤脾胃。另外，荔枝吃多了会降低消化功能，影响食欲，产生恶心、呕吐、冒冷汗等现象; 杏过量食用会上火，诱发暗疮;瓜果类由于水分多，吃多了会冲淡胃液，引起消化不良、腹痛、腹泻；荔枝、龙眼吃多都容易上火、躁热。均衡饮食不仅要注意“质 ”，更重要的是在乎“量”，所以吃时记得用脑，仔细考虑是否适合自己。以下为你介绍各种常见水果所含的成分，有些不适宜多吃。柿子--含有大量的单宁、柿胶粉，单宁收敛力强，故便秘患者不宜多吃。另外，空腹吃柿子或吃蟹后食柿子，易生柿石。因此，胃炎、胃酸过多、脾胃虚寒等病人，及在空腹、劳累后最好不食或少食柿子。苹果-- 含有大量的糖类和钾盐，摄入过多不利于心、肾保健。患有冠心病、心肌梗塞、肾病、糖尿病的人，不宜多吃。香蕉-- 性寒，含钠盐多，患有慢性肾炎、高血压、水肿症者尤应慎吃。由于香蕉含糖量大，糖尿病人亦不宜多吃。西瓜-- 含水量多，是盛夏消暑佳果，但肉质寒凉，年迈体虚者多吃易发生腹痛或腹泻。心力衰竭者和水肿严重的病人也不宜多吃。柑橘-- 性凉，胃、肠、肾、肺功能虚寒的老人不可多吃，以免诱发腹痛、腰膝酸软等症状。橘子吃多了还容易上火，引起口角生疮、目赤肿毒，诱发痔疮。荔枝-- 连续大量地食用，会使人脸色苍白，产生头晕、心慌、冒冷汗、打呵欠、乏力等症状，这是由于荔枝引起外源性低血糖反应所致，医学上称之为“荔枝病”。榴莲--榴莲未必人人吃得起，由于它性质热而滞，相当燥火，固不适合燥火重的年青人吃;但其补益价值则是相当高，有滋养强身的功用，可治心腹冷痛、胃痛以及皮肤病，用它来炖鸡汤，又香又鲜甜，对体弱、寒底的老人家最滋补，一汤见效。牢记肾脏或心脏有疾病者少食榴莲为妙。吃水果最好在饭前在饭前30~40分钟吃水果或饮用1杯果汁，可使进餐时吸收的热量比平时要减少20%~40%左右。若每餐摄取的热量都按这个幅度下降，会有明显的减肥效果。吃水果要洗净和削皮为防害虫，果农都会喷洒农药，果皮很有机会积存农药残留物，若长期食用未清洗干净的水果，会使身体的有毒物质大量增加，轻则会出现呕吐、腹泻、厌食、胸闷、皮肤过敏等反应，重则会损伤胃肠，危及人体健康。因此，在吃苹果、梨等水果时，最好削皮食用。不宜与海味同吃海中的鱼、虾、藻类，都含有大量的蛋白质和丰富的钙、铁等矿物质，如果与含鞣酸量较多的水果(如石榴、山楂、柿子、青果、葡萄、酸柚、柠檬、杏、海棠、李子、酸梅等)同食，不仅会降低蛋白质的营养价值，而且还容易使海味中的钙、铁与鞣酸结合成一种新的不容易消化吸收的物质。这种物质能刺激肠胃，引起不适，严重者可发生恶心、呕吐、腹痛等现象。因此，这些水果不宜与海味同时食用，一般相隔2~3小时再食为宜。</t>
  </si>
  <si>
    <t xml:space="preserve">几个数学推理题：50，48，37，（B），18括号里面为答案1、 </t>
  </si>
  <si>
    <t>第一道：首先，先看数列的十位数字：       5，4，3，“2”，1构成公差为-1的等差数列。      再看数列个位数字：     0，8，7，“7”，8。   其中，0-8=2（0当作借位，即10）8-7=1；7-“7”=0“7”-8=-1。而2，1，0，-1构成公差为-1的等差数列！因此答案应该选B！ 27第二道 ： 59，33，18，8，5，（D）A0 B1 C2 D3差为26，15，10，3，2，为2,3,4,5,6的平方加1减1，隔项的规律26=5^2+115=4^2-110=3^2+13=2^2-12=2^2+1第三道：前三项和为2+10+6=18        后三项和为（？）+3+15=18        得？=0</t>
  </si>
  <si>
    <t xml:space="preserve">感觉尿路不舒服老是感觉小腹憋胀有尿感有一年多时间有时肛门处憋胀阴 </t>
  </si>
  <si>
    <t>您好还有其他的症状吗？以上所描述初步考虑是前列腺炎的可能建议应及早到医院进一步检查明确，检查后遵医嘱对症采取针对性的治疗即可！</t>
  </si>
  <si>
    <t xml:space="preserve">入宅大师，您好！，我出生年月日（阳历，下同）1975年7月22日 </t>
  </si>
  <si>
    <t>想阳历2009年1月19日（农历2008年12月24日）入住新宅，为天赦日、甲子日，有的人说甲子日入住后前几年较好，以后就不吉了。请问大师该日吉否？如果方便改其他日子入住新宅会比较好。“房子坐向是子午兼任丙”，是坐子兼壬还是坐午兼丙呢？如果是坐午兼丙，就等春节后再入住新宅为佳。以下日子以房子坐向是坐子兼壬，入住新宅的日子。夫：阳历1975（乙卯）年7月22日申时。妻：阳历1977（丁巳）年7月10日寅时。儿子：阳历2005（乙酉）年6月28日酉时。2008年农历十二月份你们搬家（入住）的最佳吉日：阳历2009年1月3日、1月15日、1月20日或1月25日。分析如下：1、阳历2009年1月3日，农历（阴历）十二月初八（戊申）日：戊申日是夫与儿子双方生肖的贵人；戊申日的禄是妻生肖；戊申日和妻生肖六合。“入宅仪式”时请生肖属虎的亲朋好友暂时避开。2、阳历2009年1月15日，农历（阴历）十二月二十（庚申）日：庚申日是夫与儿子双方生肖的贵人；庚申日和夫与儿子双方生肖五合；庚申日和妻生肖六合。“入宅仪式”时请生肖属虎的亲朋好友暂时避开。3、阳历2009年1月20日，农历（阴历）十二月二十五（乙丑）日：乙丑日的禄是夫生肖；乙丑日和妻与儿子双方生肖三合。“入宅仪式”时请生肖属羊的亲朋好友暂时避开。4、阳历2009年1月25日，农历（阴历）十二月三十（庚午）日：庚午日和夫与儿子双方生肖五合；庚午日是妻生肖的禄。“入宅仪式”时请生肖属鼠的亲朋好友暂时避开。2008年农历十二月份适宜你们可以搬家（入住），但对全家人助益不大（无助无害）的日子：阳历2008年12月30日、1月19日、1月21日、1月22日、1月23日或1月24日。1、阳历2008年12月30日，农历（阴历）十二月初四（甲辰）日。“入宅仪式”时请生肖属狗的亲朋好友暂时避开。2、阳历2009年1月19日，农历（阴历）十二月二十四（甲子）日。“入宅仪式”时请生肖属马的亲朋好友暂时避开。3、阳历2009年1月21日，农历（阴历）十二月二十六（丙寅）日。“入宅仪式”时请生肖属猴的亲朋好友暂时避开。4、阳历2009年1月22日，农历（阴历）十二月二十七（丁卯）日。“入宅仪式”时请生肖属鸡的亲朋好友暂时避开。5、阳历2009年1月23日，农历（阴历）十二月二十八（戊辰）日。“入宅仪式”时请生肖属狗的亲朋好友暂时避开。6、阳历2009年1月24日，农历（阴历）十二月二十九（己巳）日。“入宅仪式”时请生肖属猪的亲朋好友暂时避开。搬家的日子通常是指：举行“入宅仪式”的日子，最好在“入宅仪式”前把所有、家具就定位、床、书、衣服、等杂物（锅、碗…）整理好，封门（把门关好），等“入宅仪式”的吉日开门、上香祭祖、开火（点火）或放鞭炮…等，在当天入住。“入宅仪式”是吉日开门、上香祭祖、开火（点火）或放鞭炮…等。恭喜乔迁之喜，祝事事大吉。</t>
  </si>
  <si>
    <t xml:space="preserve">谁能帮助我啊我的游戏号暂时限制了着是怎么回师啊谁能帮帮我啊这是不 </t>
  </si>
  <si>
    <t>您可以通过飚车在线答疑，客服电话，客服邮箱提供的您会员帐号，游戏帐号，服务器，以便飚车工作人员为您查询的。封停帐号通过可能是因为手机欠费充值，盗号的帐号等等</t>
  </si>
  <si>
    <t xml:space="preserve">宠物进化宠物森林宠物如何进化 </t>
  </si>
  <si>
    <t>我们的宠物在满足一定要求之后，会进阶成为更加厉害的宠物，而我们宠物的进化一般要满足以下几个条件： 1、宠物成长度要求：每种宠物进化到下一个形态都有一个成长度的需求。 2、宠物进化道具要求：宠物进化的额外条件，有的宠物除了级别和成长度的需求之外，还有进化道具的需求。 3、融合宠物要求：有些宠物的进化需要另一个宠物参与才能进化。融合的宠物也有等级和成长度的需要。</t>
  </si>
  <si>
    <t xml:space="preserve">那款的睫毛生长液效果快 </t>
  </si>
  <si>
    <t>增长睫毛，就在每天睡觉前用小刷子在睫毛上涂满维生素E，又天然又便宜，而且效果不错，可以试试、 维生素E不要买太好的一般的就行</t>
  </si>
  <si>
    <t xml:space="preserve">下周大盘观点（7月3——7月8日）lgood58下周大盘观点（7 </t>
  </si>
  <si>
    <t>大师的分析，很精辟！个人非常赞同lgood58大师的观点。希望行情的发展能真得如大师所言。预测大势，其实是很有道理的。因为任何事物都有其发展规律，股市也不例外。庄家可以左右一支股票来骗线，但他要想操纵大盘，恐怕不是那么容易得手的。多数庄家会顺大势而为。因为曾经有很多逆市而为的庄家因资金链断裂而死得很惨。所以，预测大盘指数有其科学道理，高手往往能比较准确地预测大势。</t>
  </si>
  <si>
    <t xml:space="preserve">我想知道南京审计学院，南京财经大学，金陵科技学院的审计专业就业情? </t>
  </si>
  <si>
    <t>南京审计学院，南京财经大学，金陵科技学院的审计专业就业情况去年吧，我知道有去审计署的。</t>
  </si>
  <si>
    <t xml:space="preserve">请问武侠45级左右做什么任务可以得到武器？ </t>
  </si>
  <si>
    <t>都是些垃圾武器 不如直接买来的划算</t>
  </si>
  <si>
    <t xml:space="preserve">为什么电脑登陆新浪微博说加载不了电脑不能加载新浪微博 </t>
  </si>
  <si>
    <t>重新装flayer   下个驱动精灵   系统修复</t>
  </si>
  <si>
    <t xml:space="preserve">请问哪为大虾知道1。11注册器在哪下载啊！！！！ </t>
  </si>
  <si>
    <t xml:space="preserve">到这里去找找 </t>
  </si>
  <si>
    <t xml:space="preserve">水杨酸和浓硫酸反应?水杨酸和浓硫酸反应高温,是怎样的?写化学方程 </t>
  </si>
  <si>
    <t>并不是像楼上说的形成内酯（分子内脱水），因为如若那样只能形成四元环，非常不稳定。因此只能是分子间的酯化反应，事实上是缩聚反应，形成长链状的聚合物。</t>
  </si>
  <si>
    <t xml:space="preserve">电脑桌面上的InternetExplorer为什么打不开？电脑中 </t>
  </si>
  <si>
    <t xml:space="preserve">IE无法打开网页的常见原因及解决　　解决方法：一、设置的问题 　　这种原因比较多出现于需要手动指定IP、网关、DNS服务器联网方式下，及使用代理服务器上网的。仔细检查计算机的网络设置。 二、DNS服务器的问题 　　当IE无法浏览网页时，可先尝试用IP地址来访问，如果可以访问，那么应该是DNS的问题，造成DNS的问题可能是连网时获取DNS出错或DNS服务器本身问题，这时你可以手动指定DNS服务（地址可以是你当地ISP提供的DNS服务器地址，也可以用其它地方可正常使用DNS服务器地址。在网络的属性里进行（控制面板—网络和拔号连接—本地连接—右键属性—TCP/IP协议—属性—使用下面的DNS服务器地址）。不同的ISP有不同的DNS地址。有时候则是路由器或网卡的问题，无法与ISP的DNS服务连接，这种情况的话，可把路由器关一会再开，或者重新设置路由器。 　　还有一种可能，是本地DNS缓存出现了问题。为了提高网站访问速度，系统会自动将已经访问过并获取IP地址的网站存入本地的DNS缓存里，一旦再对这个网站进行访问，则不再通过DNS服务器而直接从本地DNS缓存取出该网站的IP地址进行访问。所以，如果本地DNS缓存出现了问题，会导致网站无法访问。可以在“运行”中执行ipconfig /flushdns来重建本地DNS缓存。 三、IE浏览器本身的问题 　　当IE浏览器本身出现故障时，自然会影响到浏览了；或者IE被恶意修改破坏也会导致无法浏览网页。这时可以尝试用“上网助手IE修复专家”来修复，或者重新IE（查看本站IE重装技巧） 四、网络防火墙的问题 　　如果网络防火墙设置不当，如安全等级过高、不小心把IE放进了阻止访问列表、错误的防火墙策略等，可尝试检查策略、降低防火墙安全等级或直接关掉试试是否恢复正常。 五、网络协议和网卡驱动的问题 　　IE无法浏览，有可能是网络协议（特别是TCP/IP协议）或网卡驱动损坏导致，可尝试重新网卡驱动和网络协议。 六、HOSTS文件的问题 　　HOSTS文件被修改，也会导致浏览的不正常，解决方法当然是清空HOSTS文件里的内容。 七、系统文件的问题 　　当与IE有关的系统文件被更换或损坏时，会影响到IE正常的使用，这时可使用SFC命令修复一下，WIN98系统可在“运行”中执行SFC，然后执行扫描；WIN2000/XP/2003则在“运行”中执行sfc /scannow尝试修复（可查询本站WINXP修复技巧）。 　　其中当只有IE无法浏览网页，而QQ可以上时，则往往由于winsock.dll、wsock32.dll或wsock.vxd（VXD只在WIN9X系统下存在）等文件损坏或丢失造成，Winsock是构成TCP/IP协议的重要组成部分，一般要重装TCP/IP协议。但xp开始集成TCP/IP协议，所以不能像98那样简单卸载后重装，可以使用 netsh 命令重置 TCP/IP协议，使其恢复到初次安装操作系统时的状态。具体操作如下： 　　点击“开始 运行”，在运行对话框中输入“CMD”命令，弹出命令提示符窗口，接着输入“netsh int ip reset c:\resetlog.txt”命令后会回车即可，其中“resetlog.txt”文件是用来记录命令执行结果的日志文件，该参数选项必须指定，这里指定的日志文件的完整路径是“c:\resetlog.txt”。执行此命令后的结果与删除并重新安装 TCP/IP 协议的效果相同。 　　小提示：netsh命令是一个基于命令行的脚本编写工具，你可以使用此命令配置和监视Windows 系统，此外它还提供了交互式网络外壳程序接口，netsh命令的使用格式请参看帮助文件（在令提示符窗口中输入“netsh/?”即可）。 　　第二个解决方法是修复以上文件，WIN9X使用SFC重新提取以上文件，WIN2000/XP/2003使用cmd /c sfc /scannow命令修复文件,当用cmd /c sfc /scannow无法修复时，可试试网上发布的专门针对这个问题的修复工具WinSockFix，可以在网上搜索下载。 八、杀毒软件的实时监控问题 　　这不是常见，但有时的确跟实时监控有关，因为现在杀毒软件的实时监控都添加了对网页内容的监控。但如果出现IE无法浏览网页时，也要注意检查一下杀毒软件。 九、Application Management服务的问题 　　出现只能上QQ不能开网页的情况，重新启动后就好了。不过就算重新启动，开7到8个网页后又不能开网页了，只能上QQ。有时电信往往会让你禁用Application Management服务，就能解决了。十、感染了病毒所致 　　这种情况往往表现在打开IE时，在IE界面的左下框里提示：正在打开网页，但老半天没响应。在任务管理器里查看进程，（进入方法，把鼠标放在任务栏上，按右键—任务管理器—进程）看看CPU的占用率如何，如果是100%，可以肯定，是感染了病毒，这时你想运行其他程序简直就是受罪。这就要查查是哪个进程贪婪地占用了CPU资源．找到后，最好把名称记录下来，然后点击结束，如果不能结束，则要启动到安全模式下把该东东删除，还要进入注册表里，（方法：开始—运行，输入regedit）在注册表对话框里，点编辑—查找，输入那个程序名，找到后，点鼠标右键删除，然后再进行几次的搜索，往往能彻底删除干净。 　　很多的病毒，杀毒软件无能为力时，唯一的方法就是手动删除。 十一、无法打开二级链接（或新窗口） 　　还有一种现象也需特别留意：就是能打开网站的首页，但不能打开二级链接，如果是这样，处理的方法:　　方法一、重新注册如下的DLL文件： 　　在开始—运行里输入： 　　regsvr32 Shdocvw.dll 　　regsvr32 Shell32.dll　（注意这个命令，先不用输） 　　regsvr32 Oleaut32.dll 　　regsvr32 Actxprxy.dll 　　regsvr32 Mshtml.dll 　　regsvr32 Urlmon.dll 　　regsvr32 Msjava.dll 　　regsvr32 Browseui.dll 　　注意：每输入一条，按回车。第二个命令可以先不用输，输完这些命令后重新启动windows，如果发现无效，再重新输入一遍，这次输入第二个命令。 　　方法二：COMCTL32.DLL文件产生的问题。 　　在升级IE或windows时这个文件可能被替换了，也许新版本的COMCTL32.DLL文件有BUG。找一张windows安装光盘，搜索它，找到一个名为COMCTL32.DL_的文件，把它拷贝出来，用winrar提取　这个文件为COMCTL32.DLL文件，并覆盖现有文件。（我不知道98光盘里有没有这个文件，我用的是2000光盘） 　　方法三：用方法一重新注册regsvr32 Oleaut32.dll时出错或重新注册后也无效。 　　在windows光盘里提取Oleaut32.dll文件，在MDAC_IE5.CAB文件包里，也是用winrar提取并覆盖现有。 　　方法四：DCOM属性设置错误。 　　详细参见：  　　1、点击“开始”。 　　2、输入“Dcomcnfg”。 　　3、弹出的提示框选“是”。 　　4、点“默认安全机制”标签。 　　5、在“默认访问权限”栏点“编辑默认值”。 　　6、看看“名称”下面的栏里有没有“SYSTEM”和“Interactive”项，如果没有，则添加。 　　7、点击OK，点击OK。 　　方法五：下载下面工具也许有助于解决问题. 　　  </t>
  </si>
  <si>
    <t xml:space="preserve">蚊子咬了两年还没好，该怎么办？我每年第一次被蚊子咬，都很严重，现 </t>
  </si>
  <si>
    <t>是不是被蚊子咬后感染了？或者说根本不是蚊子咬的，是某种皮肤病？</t>
  </si>
  <si>
    <t xml:space="preserve">歌曲《千里之外》的歌词是什么？ </t>
  </si>
  <si>
    <t>屋檐如悬崖风铃如沧海我等燕归来时间被安排演一场意外你悄然走开故事在城外浓雾散不开看不清对白你听不出来风声不存在是我在感慨梦醒来是谁在窗台把结局打开那薄如蝉翼的未来经不起谁来拆我送你离开千里之外你无声黑白沉默年代或许不该太遥远的我送你离开天涯之外你是否还在琴声何来生死难猜用一生去等待闻泪声入林寻梨花白只得一行青苔天在山之外雨落花台我两鬓斑白闻泪声入林寻梨花白只得一行青苔天在山之外雨落花台我等你来一身琉璃白透明着尘埃你无瑕的爱你从雨中来诗化了悲哀我淋湿现在芙蓉水面采船行影犹在你却不回来被岁月覆盖你说的花开过去成空白梦醒来是谁在窗台把结局打开那薄如蝉翼的未来经不起谁来拆我送你离开千里之外你无声黑白沉默年代或许不该太遥远的相爱我送你离开天涯之外你是否还在琴声何来生死难猜用一生去等待我送你离开千里之外你无声黑白沉默年代或许不该太遥远的相爱我送你离开天涯之外你是否还在琴声何来生死难猜用一生去等待</t>
  </si>
  <si>
    <t xml:space="preserve">想在国内找一个有经济实力且是知识分子类型的家庭来收养教育我儿.但? </t>
  </si>
  <si>
    <t>我可以为你抚养，我32没有孩子，上海高校（本科）计算机教师，爱人是医生本科，没有家庭负担，家境一般。如果是你说的收养，更是求之不得，我2人都比较喜欢孩子，但一直没有生育。可以给我发邮件联系，可以到我家来看看情况。</t>
  </si>
  <si>
    <t xml:space="preserve">二小姐,猜一个字 </t>
  </si>
  <si>
    <t xml:space="preserve">姿                        </t>
  </si>
  <si>
    <t xml:space="preserve">j蚊子蚊子喜叮哪种人 </t>
  </si>
  <si>
    <t>蚊子喜欢咬什么样的人？排卵期的女性是最爱 众所周知，蚊子是依靠辨别气味来寻觅猎物、求偶寻欢的。雌蚊身上发出的一种独特的外激素可将一公里之外的雄蚊吸引到身边来。然而，很少有人知道，处于排卵期的女性也对蚊子具有莫大的吸引力。 蚊子对排卵期女性的兴趣不在于她们的血液是否香甜，而在于她们血液中几近饱和的脂肪。除了对排卵期的女性情有独钟外，蚊子还会对那些血液中胆固醇含量较高的人(无分男女)表现出极大的兴趣。 蚊子喜欢在黄昏时分的沼泽地里猎食，因为这样的温度和湿度是它繁衍种族最理想的条件。据德国家研究证明，蚊子能够在一公里之外嗅到猎物的气味，尤其是处于排卵期的女性最受蚊子的“关照”。这说明，倍受蚊子钟爱的是饱含脂肪的血液，而不是人们以前一贯认为的“甜蜜”的血液(葡萄糖含量高的血液)。德国一家杂志刊登的美国昆虫学家杰利-巴特勒的研究结果还显示，血液中胆固醇含量较高的人也最招蚊子。但遗憾的是，科学家们目前尚不能解释蚊子是怎样嗅出人体内胆固醇含量的高低的。  此外，科学家们在研究过程中还发现，正是这类特能招蚊子的人还经常会对蚊子的咬伤产生过敏反应，也就是说他们身上被蚊子咬过的地方经常充血或发生奇痒。然而，科学家们目前在对抗蚊子的袭扰方面还没研究出一套新的有效的措施，所以他们的建议也就只能是劝你别裸露着身子以及服用一些驱蚊药物来预防这种纠缠不休的“吸血鬼”  法专家研究发现蚊子叮人有偏好  (巴黎讯)法国专家的最新研究显示，蚊子之所以爱叮某些人，可能是因为这些人体内所含物质被蚊子吸食后能改善蚊子的繁殖力。   据法国《科学与生活》杂志报道，只有雌性蚊子才会叮人。雌蚊子很需要血液中的一些含糖物质，而人体血液中含有一些蚊卵成熟所不可缺少的物质。因此在漫长的演化过程中，雌蚊子具备了一种特殊能力，就是善于筛选叮咬对象，知道哪些人或动物的血液中富含胆固醇和维生素B。   这种筛选是通过其触须上的化学探测器，即“化学感受器”来实现的。蒙比利埃发展研究中心的昆虫学家达里埃说，蚊子可以很好地分辨出人体细胞活动所产生的某些分子，如呼吸时产生的二氧化碳和剧烈运动时产生的乳酸，而有些人分泌的物质比别人要多。因此，那些分泌和呼吸旺盛的人，就更容易成为蚊子下嘴的目标。   此外，使用香水、香皂和花香型洗发用品的人也得特别小心才是。   蚊子的袭击目标还有另外两类人，在明亮环境中穿暗色服装的人和运动中的人。因为除了化学探测器之外，大约有2700种蚊子还具有相当灵敏的视觉感受器和热传感器。蚊子喜欢叮咬人体发热的部位，例如头部。达里埃说，许多信号都可能招惹蚊子，但研究人员目前还没有把这些信号完全搞清楚</t>
  </si>
  <si>
    <t xml:space="preserve">掰手指使手变粗怎么办 </t>
  </si>
  <si>
    <t>你好,根据你的描述，你的情况主要是由于不良的习惯造成了手指的增粗，一般来讲，经常掰手指，不仅容易造成局部肌腱、韧带的损伤，还容易导致关节软骨的磨损，或是继发关节滑膜炎的出现，从而引起手指增粗现象。建议您最好到医院骨科请医生帮您看一下，以便于排除其他疾患的可能。另外对于您的情况，杜绝这种不良的习惯是必须的，平时可以坚持做做热敷，尽量减少手指的劳作，应该会得以改善。</t>
  </si>
  <si>
    <t xml:space="preserve">有甲乙两捅油，如果从甲入乙15千克质量相等乙倒甲48kg甲为乙4? </t>
  </si>
  <si>
    <t>2*48代表乙比甲又少了48×2千克，从甲到入乙15千克质量相等，说明甲开始比乙多15×2=30千克乙倒入甲48kg，这样一进一出，则乙比甲又少了48×2千克，这样乙比甲共少了30+48×2千克，乙倒甲48kg后乙（30+48×2）÷（4-1）=42千克乙的质量42+48=90千克甲的质量90+30=120千克</t>
  </si>
  <si>
    <t xml:space="preserve">菜鸟问题半年没有玩传奇了请沙巴克藏宝阁在那呀如题 </t>
  </si>
  <si>
    <t>如果你没到45级就到土小贩那买个幻境凭证，然后进幻境。刚进的时候有个门吧~~进去，到了幻境2层北。（就是猪2地图） 照猪2到香石墓穴的地方有个老人（坐标忘了~~不好意思）点他和他对话。就能进去了。然后的地图就和僵尸洞一个样，在图的右下有下一层如口。进去就是祖码7-1地图 再进就是7-3地图（这有卖药的）最后相当于去教主之家的地方进去就到了~</t>
  </si>
  <si>
    <t xml:space="preserve">飙车世界无法运行飙车世界下载完成以后，运行程序，选择完大区以后首 </t>
  </si>
  <si>
    <t>这个框 是自动调整你电脑的分辨率的..不要管它...它弹出来后.你在等等 就进去了...............</t>
  </si>
  <si>
    <t xml:space="preserve">看看运气女，1966年11月29日未时(阴历）　　１９６７年１月 </t>
  </si>
  <si>
    <t>大师们都是不定期在线的，请单线联系。发邮箱等待。</t>
  </si>
  <si>
    <t xml:space="preserve">儿童头热有点烫怎么办？ </t>
  </si>
  <si>
    <t>先别用药，先查体温~~~</t>
  </si>
  <si>
    <t xml:space="preserve">输出端12v变压器可否代替6v变压器家里小型扬声器里的变压器电压 </t>
  </si>
  <si>
    <t>不可以但可以将两个扬声器串起来用还要注意变压器容量够不够</t>
  </si>
  <si>
    <t xml:space="preserve">委托代理出口退税公司想委托代理公司出口,公司是否要开增值税票给代 </t>
  </si>
  <si>
    <t xml:space="preserve">公司想委托代理公司出口,公司要开增值税票给代理公司,退税是代理公司办理的。账务处理视同商业会计处理。 </t>
  </si>
  <si>
    <t xml:space="preserve">有一道题1.()如猛虎下山2.有位同学即将布置书房,需要一副对联 </t>
  </si>
  <si>
    <t>1.（犹）如猛虎下山。2.上联：书山有路勤为径  下联：学海无涯苦作舟</t>
  </si>
  <si>
    <t xml:space="preserve">问个位老大一个问题我有一件黄金装备C类的大口径的能卖多少钱 </t>
  </si>
  <si>
    <t>电信2 一般是30W卖收是25左右熟人的话20就卖</t>
  </si>
  <si>
    <t xml:space="preserve">如何通过交叉线实现两台电脑之间传输数据？ </t>
  </si>
  <si>
    <t>首先将一条网线一头作a类一头作b类，连接两台电脑。其次，将两台电脑的IP地址设置为邻近的。最后，关掉防火墙，共享即可。</t>
  </si>
  <si>
    <t xml:space="preserve">抑郁症的治疗方法，那种最有效昨天去医院确诊了抑郁症，给开的西药， </t>
  </si>
  <si>
    <t>西药最好是少吃，，都知道 西药副作用大依赖性强，而且不能根除，长期服用对身体造成的损害甚至大于原病症。抑郁症治疗的最好的方法是中医中药治疗，配合心理辅导，能从神经根本处治疗抑郁症，西药最好是少吃为妙。中医其实很早就有治疗抑郁症的病例了东汉张仲景就曾采用清神八味方治疗名士孔融的抑郁症，直到这个方子跟随马王堆汉墓出土，才公诸于世。</t>
  </si>
  <si>
    <t xml:space="preserve">为什么劲舞团进不去了我刚刚进了3次都进不去,是不是在维修啊 </t>
  </si>
  <si>
    <t xml:space="preserve">不是哈   有时候是在维修   有时候和你的网速有关系的 </t>
  </si>
  <si>
    <t xml:space="preserve">急救啊!!请问各位学长.TL游乐场的道具怎么送人啊. </t>
  </si>
  <si>
    <t>登录天联游乐场页面，点击“我的道具仓库”，进入页面后就可以看见你所拥有的道具的图标，图表下面有2个选择“装配”和“交换”！点击“装配”，在弹出的对话框的右上角，是能力值的分配，右下角“接受人用户名”填入对方的帐号！“道具数量"、"留言"填好以后点击“确定”即可！</t>
  </si>
  <si>
    <t xml:space="preserve">我姓马,老婆姓王,女儿2006年8月27日22点05分出生,取什? </t>
  </si>
  <si>
    <t>现在好像国家不让取两个字的名字了，“马”这个姓总是给人力量、奔跑的感觉，而女孩子的名字又都希望比较温文尔雅一些。我认为——马月仪因为是晚上出生，有月亮的陪伴，一生都会受到月亮的眷顾，月仪，很温柔的名字，有比较有意义。希望你们能够喜欢。</t>
  </si>
  <si>
    <t xml:space="preserve">急求“电子商务对企业的影响及对策”！不少于6000字不少于六千字 </t>
  </si>
  <si>
    <t>给你本书看看有用没~  target='_blank'&gt;电子商务纵横谈.exe</t>
  </si>
  <si>
    <t xml:space="preserve">您好。我账号是用手机号注册的，我原来的手机号不用了。可以更换吗？ </t>
  </si>
  <si>
    <t>你到个人设置那里看看，不过手机不用也不影响啊可以的，你联系一下客服让他们帮你解除原来号码的绑定，然后你再用新号码绑定微博就可以了。</t>
  </si>
  <si>
    <t xml:space="preserve">LR问题LR抓宠能抓那西精英怪吗比如湿地的那条精英任务龙 </t>
  </si>
  <si>
    <t>捉精英是可以的！但要看捉那只了！湿地的精英龙是那条在山洞的那YY吗！如果是的话可以捉！不过不建以你捉那个！去捉拉风的吧！！！</t>
  </si>
  <si>
    <t xml:space="preserve">数学！一批化肥运出的比总数40%少30吨，剩下的刚好是总数3/4 </t>
  </si>
  <si>
    <t>运出的比总数40%少30吨,剩下的为60%多30吨，正好=3/4=75%.75%-60%=15%正好是30吨,30/15%=200吨总数200吨</t>
  </si>
  <si>
    <t xml:space="preserve">洪都拉斯世界杯估计赢一场都难了这么漂亮的环境，这么多的进球。熬夜 </t>
  </si>
  <si>
    <t>势力如此呀！让球迷们共同熬夜并快乐着吧！</t>
  </si>
  <si>
    <t xml:space="preserve">燕子老师后市怎样操作谢谢 </t>
  </si>
  <si>
    <t>000877还有调整空间，个人建议逢高减仓，002513短线有回抽20日线可能，明日盘中择机减仓</t>
  </si>
  <si>
    <t xml:space="preserve">骨折后为减少骨折端的移位应采取什么体位 </t>
  </si>
  <si>
    <t>不同部位具体要求不一样。常见的四肢的话需要避免重力带来的骨折移位，所以上肢需要三角巾悬臂固定，下肢需要制动。</t>
  </si>
  <si>
    <t xml:space="preserve">这是个什么车? </t>
  </si>
  <si>
    <t xml:space="preserve">中国Z551QJ轮式装甲抢救车WMZ551QJ轮式抢救车具有拖救、起吊、牵引、自救等功能。当轮式装甲车辆沉陷、掉沟或翻车时，可利用抢救车的拖救或牵引功能来实施抢救。此时，抢救车放下驻锄，这样就有足够的地面附着力。钢丝绳从车体尾甲板开口伸出，挂在被救装甲车的牵引钩上。此时发动机、取力器、油泵工作，利用液压绞盘收放钢丝绳。操作手在驾驶室内操纵控制阀手柄，或在车外直接操纵马达控制阀的手柄来收放钢绳。 抢救车与输送车有许多不同之处，车体局部变形，保留枪塔，取消围板，保留12.7毫米高射机枪，并将枪塔移到副驾驶的顶甲板上，将烟幕弹发射器装在两侧甲板上。 由于WMZ551B轮式装甲输送车的零部件（除车体外）大都在1.4吨以下，因此抢救车在顶甲板上装备了1.4吨吊车。该吊车类似于民用吊车，是由民品厂家生产的，但总装厂要对其配套件的生产合格证、试验鉴定报告等一系列相关证明进行检验，总装厂的军代表还要调查配套件厂家的生产能力。 在载员室内部装有10吨双摩擦滚筒式绞盘，绞盘钢丝绳从尾甲板正中间输出，液压绞盘的操纵面板位于顶甲板的右后侧。在载员舱的左右侧甲板上各开一个装防弹玻璃的通光孔。 在拖救时为防止车子后退，WMZ551QJ轮式抢救车在尾甲板上安装有两个轻型机械驻锄，通过钢丝绳收放，起到增加地面附着力的作用。驻锄为两副，每副重30千克，全放下后可承受13吨的牵引力。牵引钢丝绳直径为17.5毫米。 WMZ551QJ轮式抢救车内采用新型铝塑复合板进行装饰，增加了乘员乘坐环境的舒适性，并有隔音、隔热、降噪作用，同时减小了乘员的疲劳强度。大功率空调系统采用一拖二方式，即一个室外机和两个室内机。室外机在中桥位置的顶甲板上，一个室内机在副驾驶位置，一个室内机在动力舱隔板后面的载员室顶甲板上。 轮式抢救车底盘的传动、行走、水上推进、操纵、动力部分与都WMZ551B通用，因此WMZ551QJ具有与WMZ551B一样的机动性、防护性和水上性能。车载通信设备既可与轮式装甲车和技术保障指挥机构联网，又可同时完成拖救的通信联络。 WMZ551QJ轮式抢救车还能更换轮式装甲车辆损坏的炮塔、发动机及变速器等部件。此时利用车顶的1.4吨吊车来工作。它可以360°旋转，吊臂的伸长与缩短由液压缸完成。吊臂的回转半径从2.5米～5.5米，最大起吊重量为1.5吨。操作手立于载员舱内，头手伸出顶舱盖，操纵顶甲板右后面的控制面板来实现吊车的回转、变幅、起升和伸缩四种动作。  对于因战伤或技术故障而失去自行能力，又没有条件实施野战修理的轮式装甲车，WMZ551QJ轮式抢救车可根据不同的损坏情况，分别实施陆上或水上牵引。在陆上可采用柔性牵引形式，牵引钢丝绳拖挂被救车车体前面的牵引钩，将其拖救到维修站。在水上时，牵引钢丝绳拖挂被救车车体顶甲板后部的牵引钩，将其拖救到岸边。  当抢救车自己沉陷于淤泥或掉入小壕沟时，可以将钢丝绳绑在树上或坚固建筑物上，绞盘收挂钢丝绳，车就轻松的脱离了险境。钢丝绳最长可达46米，最大拖救力为10吨。 WMZ551QJ轮式装甲抢救车是工程兵部队一种必不可少的后勤保障车辆，它的出现为轮式装甲车族添砖加瓦。    </t>
  </si>
  <si>
    <t xml:space="preserve">电1骗子此人大家都知道的还是那把戏! </t>
  </si>
  <si>
    <t>这个不知道是搞什么鬼.这个ID簋簋鲲鲲是 电信1区的骗子跟他ID很接近</t>
  </si>
  <si>
    <t xml:space="preserve">WIN7安装后运行游戏提示缺少xinput1_3.dll，应该怎? </t>
  </si>
  <si>
    <t>安装极品飞车,鬼泣4，生化危机等大型游戏,安装后出现丢失xinput1_3.dll的问题，这是一个应用问题，其原因是某些游戏在运行时需要调用到xinput1_3.dll，而该文件是存在于Windows最新足见DirectX9.0中，在windows没有安装最新DirectX9.0时便会提示报错.你上网搜索xinput1_3.dll重新下载后放到系统盘SYSTEM32文件夹下面,然后在开始--运行中输入“REGSVR32 xinput1_3.dll”(注意中间有空格，双引号不用输入),确定即可</t>
  </si>
  <si>
    <t xml:space="preserve">早泄可以治愈吗？有没有效果特好的治疗早泄药物？ </t>
  </si>
  <si>
    <t>答案是肯定的，至于你说的圣斗士延时喷剂，我想肯定是你朋友推荐给你的吧。圣斗士延时喷剂我使用过。效果非常好。身边的很多人都再用。你使用肯定是没有问题的。</t>
  </si>
  <si>
    <t xml:space="preserve">宫颈糜烂有什么先期症状吗？ </t>
  </si>
  <si>
    <t>不会，但是会有白带增多，同房出血等等。</t>
  </si>
  <si>
    <t xml:space="preserve">男人恋爱开始后是不是就总是想亲热不想谈话了？在恋爱前，男人追女孩 </t>
  </si>
  <si>
    <t>应该是有那种意思的拉。以前学心理学的时候看过，人是有中本能的占有欲的。但是也不能全是那种人啊。要看你们的关系是怎么样的了，还有就是你自己的保护了，不是说自己的男朋友，自己就可以全无保留的给他了。还是要有自己的底线的哦。毕竟到最后是自己吃亏哦，男人有那种想法是很正常的，你不要太担心了，但是要注意哦；</t>
  </si>
  <si>
    <t xml:space="preserve">关于脂溢性皮炎，痤疮我初二时得了脂溢性皮炎，现在已经8年了，还没 </t>
  </si>
  <si>
    <t>首先皮肤病的特点是医生需要临床观察皮损情况才能确诊病情。如果象你所说的确是脂溢性皮炎，脂溢性皮炎主要还是需要通过正规中医中药的系统治疗才可以治愈。脂溢性皮炎的治疗目前没有什么捷径可走，只是注意日常生活起居达不到治疗疾病的作用。如果说平时生活中的注意事项，主要是平时多注意补充维生素A，尽量减少油脂摄入，少吃如辛辣等刺激性强的食物，这些对病情能起到一定的缓解作用。</t>
  </si>
  <si>
    <t xml:space="preserve">不是微博达人有积分吗？？？ </t>
  </si>
  <si>
    <t>不是达人的话是木有积分的</t>
  </si>
  <si>
    <t xml:space="preserve">10D水蓝82/116/33/43/32/105BP2/3/6/? </t>
  </si>
  <si>
    <t>招牌１０Ｗ　去学个散步可能比较好卖吧</t>
  </si>
  <si>
    <t xml:space="preserve">我现在有180。怎么才能更高。我的目标是185以上。我发育的比较? </t>
  </si>
  <si>
    <t xml:space="preserve">根据骨骼的生长发育规律，男性在25岁之前，仍然有长高的希望哦，不要失去信心啊！ 1.在饮食方面要做到保障膳食平衡： 总原则是做到粗细粮搭配，动物性蛋白质和植物性蛋白质搭配，根据季节选用不同的蔬菜和水果，保证每天获得足够的维生素和矿物质。★一般来说，在膳食中要考虑多增加含蛋白质高的肉类、蛋类食物。 2.养成良好饮食习惯，不要挑食和偏食。 3.养成良好作息习惯：13岁以上的孩子一般有8个小时的睡眠时间就够了。 ★良好的作息制度就是：该进食的时候就要进食，该学习的时候就要学习，该休息的时候就尽量放松，该睡眠的时候就要就寝，只有形成一套比较固定的作息制度，才有利于生长发育，从而长成高个子。 4. 多做运动：可加强机体新陈代谢过程，加速血液循环，促进生长激素分泌，加快骨组织生长，有益于人体长高。以下几种运动对增高有一定效果，不妨一试。 1）.悬垂摆动 利用单杠或门框，高度以身体悬垂在杠上，脚趾刚能离开地面为宜。两手握杠，间距稍大于肩宽，两脚并拢，随即身体前后摆动，幅度不要过大，时间不宜过久。练习最好安排在每天早晨，身体尽量松弛下垂，保持20秒钟，男青年应做10～15次，女青年应做2～6次。 2）.跳起摸高 跳起时用双手去摸预先设置的物体，可以是路边树枝、篮球筐或天花板。双脚跳跃，做30次。休息片刻，左右脚分别单脚跳跃，方法同上。 3）.球类活动 打篮球时积极争抢篮板球，跳起断球；打排球时尽量跳起，多做扣杀和拦网动作；在足球运动中多练跳起前额击球动作。 4）.跳跃性练习 可做行进间的单足跳、蛙跳、三级跳、多级跳和原地纵跳等。 ★ 运动本身能促进生长激素的分泌。它能使人熟睡，能促进生长激素的分泌。身体充分地运动后，食欲能够增加、晚上能够熟睡。到了早晨还能头脑清醒地自然起床，早餐吃香吃得饱饱之后以良好的姿态开始新的一天。 总的来说就是这些啦。另外，不要有太大的心理压力，放轻松点，只要坚持，一定会长高的！ </t>
  </si>
  <si>
    <t xml:space="preserve">请问女人穿高跟鞋是为了什么？穿着舒服吗？什么感觉呀？请详细描述一? </t>
  </si>
  <si>
    <t xml:space="preserve">    在审美上，高跟鞋所蕴涵的内容则更为深远与丰富。高跟鞋在女人心目中成了一个完美的隐喻。漂亮得甚至看不出磨损与折痕的外表，穿上它时微妙的痛感，走起路来骄傲的节奏，这些是女人体验里的一个细节，更是女人向生活回馈美丽的过程。　　高跟鞋除了增加高度，更重要的因素是可以增进诱惑。高跟鞋使女人步幅减小，因为重心后移，腿部就相应挺直，并造成臀部收缩、胸部前挺，袅娜的韵致应运而生。长期穿着高跟鞋，女人的小腿会逐渐变细，大腿的脂肪在长期的紧张中会转变成富有弹性的肌肉，至于腰肢，则向着性感的方向发展——这就是国外研究者们的成果。至于高跟鞋的副作用，有人指出，鞋跟与地面的硬接触，造成了脑震动，会引起女性智力的迟钝。　　高跟鞋对于女人的重要性在于：一个不修边幅的女人可能会穿旅游鞋、拖鞋，但穿高跟鞋的女人绝对精神。高跟鞋和丝袜使得美丽经历了本质的转换，穿高跟鞋对女人的重要性绝不亚于在脸上抹脂粉，以前需要从头做起的事现在从脚做起，意义是极其重大的。　　高跟鞋对于美的价值主要体现在：一个人要做什么光靠大脑想是不行的，得有行动。最好的强制措施就是发明一种东西，能让你自觉自愿地使用它，既符合大众的审美情趣，自己也觉得满意。高跟鞋就是这样的一种东西，它的发明基本上是男权社会的一个阴谋，除了使女人看上去更性感以外，它实际没有任何实用价值，而且使女人穿上它后不能跑，不能快步走，不能做保持平衡以外的一切事。这和中国以前的裹小脚没什么本质的区别，区别只在于东西方审美观的不同，也许多少还比裹小脚体现出一些人道。　　人类需要有固有的道德束缚，但几乎人类的每一项发明都存在使道德滑坡的危险，其实道德这个观念是对人类天性的一种强制性的压抑，现代社会的时尚不过就是用看起来比较人道和科学的方式来释放原始的天性，越是现代化越是如此，比如说高跟鞋。　　爱惜别人的优点是能够增加全社会的快乐的。女人都喜欢别人说自己漂亮，如果这个女人实在不漂亮，你也可以夸奖一下她的衣服、鞋子漂亮。这不失为一种权宜双方的万全之策。　　在近代中国妇女运动史上，有两个重要的实际推动者：一个是冯玉祥，他对河南女人小脚的解放，用心最苦；另一个是朱家骅，他对广东女人乳房的解放，功劳最大。朱家骅在民国十六年做广东省民政厅长，大力提倡“天乳运动”，惹得守旧的老广们大骂“丢你老妈唉”，埋怨这个“外江老”败坏广东地方的名教。但是朱家骅不管，还是要提倡，因为他深切了解束胸对国民健康的不良影响，他知道女人乳房的自由，是现代中国人所必须争取的自由之一。</t>
  </si>
  <si>
    <t xml:space="preserve">什么软件能任意分割视频文件？以前看到的软件都是有一定间隔的进行分 </t>
  </si>
  <si>
    <t>我用的是 Camtasia Studio 2.0 很好用,软件大概有23M,你 到网上找找看</t>
  </si>
  <si>
    <t xml:space="preserve">男生们帮忙！女，1.63米，多少体重比较好？男生们，请告诉我女， </t>
  </si>
  <si>
    <t>这得看你从哪方面看．如果从健康角度上看，有一种计算方法你可以自己试试看，体重（ＫＧ）除以身高（米）的平方小于２２一般就认为是标准的了．１．６３米的话大概是５８公斤以下．但从视觉效果上来看的话，一般在４５－５３公斤为好．再少的话就太瘦了，不过也得结合具体情况来看．呵呵．</t>
  </si>
  <si>
    <t xml:space="preserve">函数有零点表示什么？ </t>
  </si>
  <si>
    <t>满足f(x)=0的x值叫f(x)的零点。f(x)=lnx-x+2f'(x)=1/x-1=(1-x)/x当0&lt;x&lt;1时，f'(x)&gt;0，f(x)单调递增当x&gt;1时，f'(x)&lt;0，f(x)单调递减因为f(1)=1&gt;0，f(1/e³)=-1-1/e³&lt;0，f(e)=3-e&gt;0所以f(x)在(1/e³,1)和(1,e)上各有一个零点</t>
  </si>
  <si>
    <t xml:space="preserve">魔兽世界中用时最少最赚钱的是什么职业 </t>
  </si>
  <si>
    <t>猎人升级第一SOLO之王！可以轻松挑高自己5级的怪！特指兽王系的！赚钱主要是看你学的是什么专业了，所有职业都差不多，没什么区别！</t>
  </si>
  <si>
    <t xml:space="preserve">孩子又一次吃了肠虫清有副作用吗?我女儿10岁,半月前,她已服用两 </t>
  </si>
  <si>
    <t xml:space="preserve">    两岁以上的小孩至成人,都可以服用“肠虫清”，均只服二片（４００毫克）。因为“肠虫清”口服后只有百分之五被吸收，并且４８小时内被肝脏代谢后随尿排出体外，此药在人体内无积蓄，故相对安全。 小孩服用打虫药之前最好先做粪便检查，看有无虫卵；另肝、肾、心脏功能不齐者慎重使用；服药１周后还去化验一次。 　　祝宝宝健康！ </t>
  </si>
  <si>
    <t xml:space="preserve">冰箱不制冷怎么办？前年购买的华日电冰箱，前天清洁后，再使用时冰箱 </t>
  </si>
  <si>
    <t xml:space="preserve">冰箱氟漏是常见故障.一般要查出漏点补上就可以.换管是大手术了.到这地步多半很老旧的.冰箱时间放久了不用,较常见的故障是抱轴,电机因失油轴承卡死启动不了.如果通上电你能听到电机转动的声响就不是.如听不到而且有哒的一声那多半就是,[保护动作]解决办法可用木锤敲击压缩机或提升电压启动.再不行要开压缩机了.[不如换]只要一转混和在制冷剂里的油就会进入轴承.就好了.你的冰箱要是很老旧的还是换新好. 还两种可能： 1如果以前是好的，有可能搬家时碰坏了管子，漏氟．如果是这种情况，看看压缩机处，管子是否有油迹．有的话，找修理工，告诉他们情况，重新焊接管子，抽空冲氟，就可以了． 2还有可能就是放置时间长，有腐蚀，有可能是管子或蒸发器有漏点，单加氟也不会好用，得找漏点维修． 另外看看温控开关是否放置在制冷的位置 </t>
  </si>
  <si>
    <t xml:space="preserve">鱿鱼墨弄衣服上了洗鱿鱼的时候，不小心溅身上了，可能是眼里的东西吧 </t>
  </si>
  <si>
    <t>用洗衣粉先浸一段时间再洗，洗时再在沾上鱿鱼汁的地方撒些干的洗衣粉</t>
  </si>
  <si>
    <t xml:space="preserve">苏州哪家生产针灸针呢？ </t>
  </si>
  <si>
    <t>针灸针在苏州最大的厂家应该是吴江的云龙了吧，云龙规模很大，比较有实力的，而且云龙做了几十年了，信誉什么的都很好。他们家的针灸针是主打产品了，获得过国内国际各项质量认证，产品在国外都很吃香，他们家针灸针质量不错，做工很好，工艺也挺先进的，一直很受欢迎。</t>
  </si>
  <si>
    <t xml:space="preserve">小天位的套装都有什么属性一套只是＋血吗？？防御都一样是吗？？ </t>
  </si>
  <si>
    <t>套装只是加血  防御一样的 武器加攻击</t>
  </si>
  <si>
    <t xml:space="preserve">上海世博会80岁以上老人进世博会参观，是否有轮椅？是否可以不排队 </t>
  </si>
  <si>
    <t>2010-06-26 12:44 补充问题走特殊通道是否需要提前申请？不需要。如何申请？推着老人过去，有绿色通道就让你进去；只能由一个年轻人陪着；不过有的绿色通道也需排队。</t>
  </si>
  <si>
    <t xml:space="preserve">怎么把照片分享到qq空间啊？ </t>
  </si>
  <si>
    <t>打开QQ空间，选中相册，把照片上传到QQ空间，这样就可以让大家都可以看到了。如果觉得还不够的话，可以自己建立动漫相册，选择自己认为比较好的照片制作一个动感影集设置在首页，这样只要进入你空间的人都会看到了~</t>
  </si>
  <si>
    <t xml:space="preserve">谁有《抢来的新娘》清飞羽这个谁有VIP的章节，很喜欢看 </t>
  </si>
  <si>
    <t>这不是席绢的书么</t>
  </si>
  <si>
    <t xml:space="preserve">今天单场有没有心水推荐一下 </t>
  </si>
  <si>
    <t>等到晚上11点45分左右！</t>
  </si>
  <si>
    <t xml:space="preserve">为什么“可怜之人，必有可恨之处！”？ </t>
  </si>
  <si>
    <t>导致一个人可怜的原因是多方面的，除了客观的，还有自己主观造成的。比如说，不上进，不努力，或者看不到自己的问题。因此“可怜之人，必有可恨之处！”</t>
  </si>
  <si>
    <t xml:space="preserve">牟取与谋取谋取与牟取有什么区别? </t>
  </si>
  <si>
    <t>谋取：设法取得，如谋取利益。 牟取：谋取（名利），如牟取暴利。</t>
  </si>
  <si>
    <t xml:space="preserve">拔丝有哪些做法,如拔丝香蕉、拔丝山药等等怎么做？ </t>
  </si>
  <si>
    <t>1》拔丝香蕉(图)用料：     香蕉3根、蛋2个、面粉1碗、砂糖6匙、纯麦芽1匙、沙拉油6碗、黑芝麻2匙制作方法：     香蕉去皮，切成滚刀块；蛋打匀，与面粉拌合；砂糖、清水、纯麦芽在锅中煮，待砂糖溶化，用小火慢慢熬黄；糖快好时，另锅将沙拉油烧热，香蕉块沾里面糊投入油中，炸至金黄色时捞出，倒出糖汁中拌匀；稍撒黑芝麻。 特点：     色泽浅黄微亮，质地柔软鲜嫩，吃时蘸水拔丝，香甜可口沁心。2》拔丝香蕉脆软香甜的秘方 拔丝香蕉是具有北方菜特色的甜菜。制作的决窍如下：    1、 先把香蕉剥去外皮，切成小段或滚刀快，滚上一层面粉，放入用鸡蛋清加淀粉和成的稠糊中，把香蕉块段上浆拌匀，待用。把油锅烧热，油温不宜很高，烧至四五成热时，把拌好糊的香蕉块、段逐个放入油锅中炸，炸成金黄色时捞出。    2、 油锅内放入白糖（白糖与油的用量比例为：50克白糖用15克油），油温不要太高，用勺把溶化的糖慢慢搅动，熬至糖浆呈浅黄色、能抽出糖丝时，即把炸好的香蕉块、段放入糖浆中，离火，快速翻动，使糖浆均匀地裹于香蕉炸料上，便可装盘，放上红绿瓜丝食用。这样的拔丝香蕉，颜色金黄，脆软香甜。    3、 进食拔丝香蕉需随一碗冷开水上桌，把拔丝香蕉蘸一下冷开水，使糖浆温度降低，吃时可不粘牙，也更为香脆。3》拔丝香蕉用料：    香蕉600克，玉米粉60克，面粉12克，鸡蛋清60克，植物油800克(实耗约50克)，白糖160克，青、红丝6克。作法：    (1)将香蕉剥去皮，切成滚刀块，放在面粉上滚蘸一层。    (2)把鸡蛋清倒入玉米面中，搅和成糊。    (3)把植物油倒入炒勺内，在旺火上烧7～8成热，把裹好面粉的香蕉裹上一层蛋清糊，一个一个地放入油中浸炸。炸到浅黄色后，捞出控净油。    (4)炒勺留点底油，放入白糖炒到金黄色，大泡变小泡，最后颜色加深，可以拔丝时，倒入香蕉块、青、红丝，快速颠翻均匀，盛入预先擦好一层油的盘中，码摆整齐即成。特点：色泽浅黄微亮，质地柔软鲜嫩，吃时蘸水拔丝，香甜可口沁心。4》香蕉拔絲 材料：    蛋、麵粉、香蕉、冰?K、冰糖、果糖、?芽糖 烹調步驟：1.先?⑾憬度テで衅?2.?ⅫI粉加入一顆蛋及水一同??拌成麵糊3.把香蕉沾上麵糊後下油?炸酥至金黃色?破?溆?4.另起油?，?⒈羌狱c水煮至溶化，再加入一些果糖及?芽糖，煮至粘稠的感覺即可5.?⒄ê玫南憬墩垂蠛玫奶?{，可以直接吃或者放入冰?K中冰?後再吃1》北京菜-拔丝山药 配料: 淮山经500克、桂花卤2克、冰糖75克、熟白芝麻5克、熟花生油1000克     制作方法： 　　１、 山药刮去皮切滚刀块；冰糖碾碎成面儿；菜肋中涂上少许抽。 　　２、 勺内注入油烧至五成热，放入山药至金黄皮脆里熟，倒入漏勺内。勺内留油少许，放入冰糖面和和一调匙清水，加桂花卤熬糖，待糖汁表面的大气泡变小，糖以开始变微微有点浅红色时，马上将炸过的山药倒入勺中搅动，用糖汁将山药包均，倒入涂油的盘中，迅速上席即可。另上凉开水一小碗。 注意： 　　京人喜做俏活。冰糖葫芦手艺在于熬糖，糖脆而不粘牙，行家叫糖活。拔丝属于这熬糖的手艺。火小，不是拔不出丝来就是糖呈沙粒；火大，糊了，成糖色了，更甭提拔丝了。 风味特点： 　　清代宣统翰林学士薛宝辰在他所著《素食说略》中提到"拔丝山药"说：去皮，切拐刀块，以油灼之，加入调好水冰糖起锅，即有长丝。但以由糠炒之，则无丝也。京师庖人喜为之。 "拔丝山药"是北京传统名菜，少说也有百余历史。而今拔丝药又加上点儿桂花卤，撒上点熟白芝麻。吃得时候您得趁热，夹块山药一拉，常吃的主儿就这么一拉，这糠丝能拔一丈多远！入口之前一定要在凉开水碗里蘸一下，避免烫嘴。2》拔丝山药[原料]    山药100克、白糖35克、色拉油300克、淀粉30克(约耗50克) [制法]    1．山药洗净去皮，切成菱形块，入沸水中焯熟，拍上少许淀粉；剩下的淀粉放入碗中，加适量水，拌成薄糊，将山药块放入糊中。    2．炒锅倒入色拉油，上火烧至七成热，用筷子将挂糊的山药块放入锅内，炸至外皮结成硬壳，呈淡金黄色时，用漏勺捞出沥油。    3．炒锅留油少许，下白糖，加清水适量，转用小火熬至白糖全部溶化，发粘起丝时，将山药块倒入糖浆里翻炒拌匀，装入抹过油的盘中。  3》拔丝山药其制作方法是：取山药600克，鸡蛋一只，干面粉少许，干淀粉刷30克，糖150克，生油500克（实耗30克）。将山药削去外皮，切成滚刀块，拌上干面粉。淀粉用水调成糊状，加蛋清拌匀，放山药块下去拌匀。锅内放生油。烧热后将山药逐块放入，炸成金黄色，捞出滤油，热油倒出，留少许，加糖，用筷子迅速搅动，待糖溶解成透明流质时，用小火熬至金黄色，即将山药块倒入拌匀后装盆（盆内先涂上油，以免粘盆）。食用山药块先要在冷开水内蘸一下才脆。山药是一种药食同用的食品。山药味甘，性平，是中药草中的补气之药。《本草纲目》说它“益肾气，健脾胃，止泄痢化痰涎，润皮毛。”山药含皂甙，粘液质，胆碱，淀粉，糖蛋白，鞣质多种氨基酸，维生素C，多巴胺，山药碱等成份。现代医学认为，山药有诱生干扰素，增强机体的免疫功能，改善冠状动脉及微循的血液作用；有滋补强壮作用和镇咳、祛痰，平喘等作用。 4》鲁菜--拔丝山药 【特点】    糖丝甜脆香酥，山药软嫩香甜，并有健脾、除湿，益肺固肾，益精补气之功效。 【原料】      山药200克、青红丝刀克、白糖40克、花生油500克（实耗油75克）。 【制作过程】       1、山药洗净去皮，切滚刀块，用沸水烫后捞出汤水，放入五成热的油锅中，炸熟至金黄色捞出。    2、炒锅内放油烧至四成热（约100℃），用小火放入白糖溶化，炒至金黄色起泡时，迅速倒入山药，翻匀糖液，端离火眼顶翻，撒上青红丝盛入抹芝麻油的盘中即成。    3、上菜时外带一碗凉开水用筷子蘸水食用。 5》拔丝山药原料：    山药500克，白糖100克，芝麻25克。制作：    1、将山药洗净去皮，切成块．将铁锅放在火上，倒入植物油。    2、烧至五成热时，投人山药炸半分钟，改用文火烤透，倒入漏勺，沥去油    3、将铁锅用武火加热，投入白糖，不断搅炒，待白糖变成浅黄色时，放入炸好的山药块，不断翻炒推动，将糖均匀地挂在山药块上，同时取芝麻撒在山药块上，迅速装盘（盘底预先抹上熟油）。服法：    例一碗冷开水，筷子蘸水后夹山药块食用。功效：    功能补肾益精，固涩止遗。用治肾气亏耗，早泄，遗精，腰痛酸软，下肢痿弱，消渴尿频。此外，还可用于久病之后脾肺虚弱，倦怠乏力，食欲不振，久泄久痢，痰喘咳嗽，皮肤干燥 1》拔丝苹果(图)原料：    苹果500克，白糖150克，鸡蛋1个，湿淀粉50克；面粉25克，甜桂花酱3克，花生油1000克（约耗50克）。 做法：    1、将苹果去皮、去核，切成橘瓣块。鸡蛋清加湿淀粉混合搅匀成糊。将苹果块滚上一层薄薄的面粉，再放入糊内搅匀。    2、炒锅置旺火上，倒人花生油，烧至七成热，把苹果块一一放入，炸至呈金黄色时捞出。炒锅内留油15克，用微火烧至五成热，放人白糖，用手勺搅炒至呈金黄色、起泡时，迅速倒入炸好的苹果，加入桂花酱，随即把炒锅端离火眼，颠翻几下，使糖汁均匀地挂在苹果上，盛入盘内即成。特点: 色泽金黄，拔丝细长，外脆酥香，里嫩微酸，热吃鲜甜。关键: 苹果块要炸酥。要特别注意火候，炒糖汁时，油温掌握在五至七成热，火力过低糖不成丝，火力过高又容易粘锅发焦。所以操作时动作要十分敏捷，当糖汁搅炒成丝时，立即放入炸好的苹果，连续颠翻几下，使其粘上糖汁即可出锅。2》东北拔丝苹果(图)东北拔丝苹果基本调味料：糖150克 要领：    ① 面粉加少许水拌成面糊。     ② 煮糖时，要用锅铲不停的搅拌，才不会粘锅。作法：    ① 苹果削皮去籽后分切成八瓣，面粉拌成面糊备用。    ② 苹果沾裹面糊后，放入热油中炸至酥黄，捞起沥干油备用。    ③ 放2大匙油于锅中烧热后，放入糖及1/2杯水熬煮。     ④ 糖呈浓稠状即关火，拌入炸好的苹果即完成。3》湘菜－拔丝苹果(图)一、把苹果削皮，四面切，中间的核不要。然后把苹果切成小块。装盘二、半碗面粉，加水，成稠糊状（按苹果量而定）三、把苹果块放面粉糊里，让面粉糊全包住苹果块四、锅里放油，以盖住苹果块为好，用小火到三成热五、放入苹果块，两边煎成淡黄就行六、再把煎成淡黄的苹果块上再裹上一层面粉糊糊七、再放入油锅煎成黄色，然后装盘八、再在油裹里倒上白糖，用小火熬，直到桔黄色，成糊状九、倒出锅里的油，留着糖糊在锅里。把苹果块倒入锅，搅拌。（记住搅拌的时后，用中火，不然糖很容易变硬，就包不住苹果块了）十、装盘，吃4》拔丝苹果原料：    苹果3个（约300克），青红丝10克，芝麻仁10克，白糖150克，鸡蛋清1个，水淀粉40克，花生油1000克（约耗50克）。工艺：　　1.将苹果削去外皮，每个苹果一切两半，去核，再切成滚 刀块。然后将苹果块中放入蛋清。水淀粉拌匀挂一层薄糊。　　2.炒勺内放入花生油，烧至七成熟时，将苹果放入，用铁 筷子慢漫拨开，炸至微黄时捞出。　　3.炒勺内留油少许，放入白糖，用铁筷子搅炒，见糖炒至 金黄色时，迅速倒入炸好们苹果，撒上青红丝和芝麻仁，快速 颠翻炒勺，挂匀糖汁出勺即成。风味特点：　　色泽金黄，光亮香甜，金丝缕缕。5》拔丝苹果 1.各种材料洗干净并处理好备用。 2.苹果粘面粉，炸至呈酥黄。 3.起油锅，放入糖及1/2杯水熬煮。 4.糖水呈浓稠状拌入炸好的苹果即可。 基本调味料：糖150克 要领：    ① 面粉加少许水拌成面糊。     ② 煮糖时，要用锅铲不停的搅拌，才不会粘锅。作法：    ① 苹果削皮去籽后分切成八瓣，面粉拌成面糊备用。    ② 苹果沾裹面糊后，放入热油中炸至酥黄，捞起沥干油备用。    ③ 放2大匙油于锅中烧热后，放入糖及1/2杯水熬煮。     ④ 糖呈浓稠状即关火，拌入炸好的苹果即完成。</t>
  </si>
  <si>
    <t xml:space="preserve">关于房地产的“泡沫论”为什么有人一提出房价有泡沫，就有所谓的地产 </t>
  </si>
  <si>
    <t>房子当然有泡沫，但是是政府一手造成得，它就不会承认自己错了！！</t>
  </si>
  <si>
    <t xml:space="preserve">一道高考题3Andtherewillbeaspecialeye_ </t>
  </si>
  <si>
    <t>选D。第一空可以看这样一个例子：His eyes were kept on that painting.第二空的testing是用来表示用途的。如washing machine等等。</t>
  </si>
  <si>
    <t xml:space="preserve">怎样让他回心转意我们相处三年多了，前天他突然和我说分手，以前也有 </t>
  </si>
  <si>
    <t>我不知道你坚强否？不管结局如何，一你不能轻生，二你不能走极端。他是个很要面子的男人。如果你很爱他，就给他男人的尊严，但不能太迁就了。他错误的你得用正确的方式引导他。如果你不爱他。很简单。</t>
  </si>
  <si>
    <t xml:space="preserve">怎么就变成VIP了？我按照网站的意思充了值为什么变不成VIP？我 </t>
  </si>
  <si>
    <t>你的意思是不是说，你写的文章想变成VIP，但是充了值以后依然是免费的？如果是，那是你理解有误。VIP文章并不是充值来的，而是通过签约上架来的。至于点击率，不是编辑的问题，人家也没有那个必要控制你的点击，因为毫无意义。</t>
  </si>
  <si>
    <t xml:space="preserve">怎么抗衰老？什么方法比较好？ </t>
  </si>
  <si>
    <t>经常做运动，保持身体的健康；经常微笑，保持心情的愉悦；保持良好的生活习惯和睡眠习惯，让自己保持年轻的状态；使用好的抗衰老产品，像法国芙洛雅之类的，让自己一直处于皮肤的水润光滑年轻状态中，这样，应该能有效抗击衰老的。</t>
  </si>
  <si>
    <t xml:space="preserve">翻译一个句子thousandsofpeoplewalkedrig </t>
  </si>
  <si>
    <t>数千人径直走过大门."right" 直接地,径直地</t>
  </si>
  <si>
    <t xml:space="preserve">小米2S下载的东西存放在哪 </t>
  </si>
  <si>
    <t>是用应用下载的吗？应该是在应用的安装目录下的download文件夹里面。就像电脑的扣扣一样 ，接受的东西会在安装目录下相应的文件夹中</t>
  </si>
  <si>
    <t xml:space="preserve">您好，请问考申论时，能在原文上划线做标记吗？谢谢 </t>
  </si>
  <si>
    <t>那行政职业能力测试可以在试卷上写写画画嘛？</t>
  </si>
  <si>
    <t xml:space="preserve">荷兰VS西班牙，您认为谁会赢？你希望谁赢？ </t>
  </si>
  <si>
    <t>西班牙会赢，欧洲第一，同样世界第一</t>
  </si>
  <si>
    <t xml:space="preserve">胃不舒服这几天老是很恶心想吐，咽口水都不行，而且口水特别多，有时 </t>
  </si>
  <si>
    <t xml:space="preserve">你的现象应该是浅表性。临床症状，部分患者常有上腹部胀闷、嗳气、吐酸、食欲减退，或无规律上腹隐痛，食后加重等诸多表现。慢性浅表性胃炎经治疗多能痊愈；若失于治疗，则可进一步发展，固有腺体因炎症破坏而减少，可以转化为萎缩性胃炎。     慢性浅表性胃炎的临床表现缺乏特异性。不同的患者临床表现各有差异，有的患者可无症状和特征，多数患者可有上腹部隐痛、食后饱胀、食欲不振及嗳气等，且症状时轻时重，可反复发作或长期存在。兹将本病可能出现的临床表现作一归纳。     最常见症状是上腹疼痛，约占85%。慢性浅表性胃炎患者的上腹部疼痛多数无规律，与饮食无关(有的患者空腹舒适，饭后不舒)，一般为弥慢性上腹部灼痛、隐痛、胀痛等。常因进冷食、硬食、辛辣或其他刺激性食物而症状加重。    目前慢性浅表性胃炎尚无特异性药物治疗，一般主张无症状者勿需治疗，有症状者可根据有关病因、病理及临床症状给予合理用药。具体治疗方法如下： 1 病因治疗：祛除致病因素是治疗和预防慢性浅表性胃炎的上策。故应避免精神紧张，戒烟，适量限制饮酒，尽量不服用对胃有刺激的药物，积极治疗慢性扁桃体炎、副鼻窦炎、龋齿及咽喉部感染。 2 饮食疗法：慢性浅表性胃炎患者饮食宜清淡，无刺激性，含低纤维质，易于消化，具有足够营养的饮食。少食多餐，进餐时要放松，保持心情愉快。有规律、定时定量，避免过酸、过辣、生冷及粗糙食物。 </t>
  </si>
  <si>
    <t xml:space="preserve">想学武术今年30岁，我想学一套武术，目的是强身健体和防身，但不知 </t>
  </si>
  <si>
    <t>建议！ 找一个名师  好好学习一下太极拳！  原因： 健身  陶冶情操   磨练意志           太极拳乃拳术之最高境界！  十年太极不出门之说！ 有练头呀！     学好拉 受益无穷呀！   自己去体会吧！     小平同志说的好：  太极拳好！</t>
  </si>
  <si>
    <t xml:space="preserve">有一种虚实怎么出？我是PF~一般的虚实我会用~所谓一般的虚实就是 </t>
  </si>
  <si>
    <t>这种虚实叫"游戏机"~啊哈(因为就像打游戏机一样)是不是转出来2个或者3个人的样子,用这种方法,PF可以转3下,SF转两下(不懂的人还以为我在乱说,不是PF2下,SF只能1下吗??)具体方法就是,接队友SS然后不运球,在篮筐正底下(比较容易放)按住W,很快的按方向键"↑+左,右+↓或者右，左+↓"绝对可以,如果不相信,我可以在游戏中演示给你看"我是一区的,叫"葵葵拉"!补充一下,楼上的人说的确实是事实,这种虚实,被菜鸟反而容易盖,因为不需要按方向才能盖,一般会盖的就要按左,右才能盖一般的虚实,可这种正好相反...</t>
  </si>
  <si>
    <t xml:space="preserve">减肥1个星期不吃饭只吃水果和酸奶可以减去多少肉肉脸部会瘦吗 </t>
  </si>
  <si>
    <t xml:space="preserve">32招看你瘦不瘦 1.每天以 38-40 度的热水沐浴十五分钟。 2.戒吃零食和宵夜，应选食蛋白质丰富的食物，晚餐少吃淀粉及糖份高的食物。 3.进食前应先喝一杯暖水。 4.进餐时应细嚼慢咽。 5.进食大量蔬果保持肠胃畅通。 6.每天额外步行半小时及做Sit-up十次。 7.每餐只吃八成饱。 8.选吃白肉。 9.多吃蔬果。 10.避免甜食，只用代糖。 11.三餐定时定量。 12.用较小的碗装食物。 13.先慢慢用汤匙喝汤(浓汤除外)，再吃其它东西。 14.喝完汤再吃青菜。 15.肉和饭分开吃，而且要小口小口慢慢咀嚼，这样可增加满腹感。 16.只吃瘦肉，不吃皮。 17.沾粉油炸的食物，要先把外皮去掉。 18.宁愿吃水果而非果汁。 19.只在餐桌上吃东西。 20.不边看边聊天并同时吃东西。 21.不要把肚子看作剩余菜的垃圾桶。 22.饭后立刻刷牙。 23.把零食放在较高的位置或索性不储备。 24.肚子饿时，不去买东西。 25.如果忍不住想吃甜品，就以低脂的乳酪代替。 26.购物时列出购物清单，不要额外多买。 27.食物少油及避免进食加工食物。 28.每天做半小时轻量运动。 29.不可进食辛辣、油腻、太咸及加工的食物。 30.应大量进食蔬菜、多饮水，每天至少喝八杯，每天起床即饮两清水或脱脂奶。 31.每晚以一茶匙粗盐混和热水浸脚十五分钟及睡前单脚跳十次及掌心按摩小腹十次。 32.每星期做三次半小时有氧运动。 </t>
  </si>
  <si>
    <t xml:space="preserve">虫草罐罐鸡的作法和风味特点? </t>
  </si>
  <si>
    <t xml:space="preserve">虫草鸭/罐罐鸡。特色： 　　虫草鸭系以仔鸭和虫草为原料制成。将活鸭杀后放尽血，煺毛、剖腹、去内脏后把虫草10-20根用考究的刀工将其均匀地斜插在鸭背上，然后放入砂锅中文火炖熟，加盐、姜等。味极鲜美，为上等补品。  </t>
  </si>
  <si>
    <t xml:space="preserve">甩脂塑身机多少钱？真的那么管用么？ </t>
  </si>
  <si>
    <t>我前些天在华堂商场见过，那儿在做促销，好像是2980元，好多人都在做试验，我个人感觉应该管点事，不过时间长了胃应该受不了，总有一张下缀的感觉。</t>
  </si>
  <si>
    <t xml:space="preserve">求realtekhighdefinitionaudioalc86? </t>
  </si>
  <si>
    <t>1、到东芝网站上找；2、到realtek网站上找；3、写信给东芝客服要。</t>
  </si>
  <si>
    <t xml:space="preserve">古代制作许多“尊”有哪些用途？ </t>
  </si>
  <si>
    <t>尊 一般意义上是指盛酒器 在金文时期 尊（大共名）指所有的礼器 在东周文献 尊（小共名）指所有的酒器 宋以后就是专名了 其又分为有肩尊、无肩尊、鸟兽尊（譬如著名的四羊方尊</t>
  </si>
  <si>
    <t xml:space="preserve">是血管瘤吗？针尖大的红点，后来逐渐突起，形成了一个小血泡样的东西 </t>
  </si>
  <si>
    <t>　一．小儿血管瘤的几种类型 小儿血管瘤是小儿常见病，是先天性血管畸型，由残余胚胎血管形成的良性肿瘤。在临床上一般分为四种类型： 　　一）、鲜红斑痣，又称火焰色痣、毛细血管扩张痣及葡萄酒色痣等。它是因为先天性毛细血管壁薄弱，皮肤表面的毛细血管扩张所致。一般在出生时或生后不久出现，表现为-个或数个境界清楚的淡紫红色、淡紫色和红色的斑块；大小不等，不高出皮肤，压之易褪色，常哭闹、用力或洗澡遇热时颜色加深。好发生于前额、鼻梁、颈后、后枕部头皮和两眉之间等部位。多为单侧，偶可见双侧，有时可累及粘膜。发生于前额、鼻梁、眉间及后枕部的鲜红斑痣，多在2岁前几乎全部可自行消退，不留痕迹，不需要治疗；较大、较广泛的常终身持续存在。其表面粗糙，可呈疣状或结节状。鲜红斑痣虽多可消退，但并不都能自行消退。 　　二）、草莓状血管瘤，又称毛细血管瘤或单纯血管瘤。一般于生后1个月左右出现。随年龄增长而逐渐增大，1-2岁内长到最大限度而逐渐缓慢消退。消退开始时颜色变暗，中央出现大小不等色素减退和淡灰色斑点，逐渐扩大。损害逐渐变薄，变平，最终完全或大部分变成萎缩疤痕。皮肤损害以单发者多见，为圆形、半球形、分叶或不规则形状的、高出皮面的良性斑块。大小不一，可从米粒大小到草莓大小，少数甚至可覆盖一侧或整个肢体。其边界清楚，质地柔软，呈红色、紫红色，压之可退色。如损害广泛，损害的深部或毛细血管瘤底部，有时可合并海绵状血管瘤，这种血管瘤又称混合型血管瘤。 　　三）、海绵状血管瘤。生后或生后不久发生，也有于1岁后才发病的。损害一般较大，缓慢增长，好发于头皮和面部，常常累及口腔、咽颊粘膜处；呈圆形、扁平或不规则形状，为大小不等的、柔软的、高出皮面的隆起肿物，挤压后可缩小，有弹性。此型血管瘤可发生在内脏，如肝脏海绵状血管瘤。也可发生于肌肉间、骨间，为肌间海绵状血管瘤。巨大的海绵状血管瘤还可合并血小板减少症及紫癜。此型血管瘤以婴幼儿常见。年龄越小，出血越频繁，血小板越低，越容易出血。尤其是脑出血、呼吸困难、继发感染等，能危及生命。　　 四）、混合型血管瘤。即两种及两种以上血管瘤同时存在，以其中一种类型表现为主的血管瘤。 　　二．小儿血管瘤的治疗方法 　　小儿血管瘤的治疗应采取综合性治疗，不必急治。 大部分血管瘤的早期如鲜红斑痣、毛细血管瘤及海绵状血管瘤均可动态观察。即每隔3-6个月到由专职医生进行随诊，观察其大小、颜色、厚度的变化，以决定是否可等待自行消退。一般适用于2岁以内的小儿血管瘤。 激光治疗一般适用于鲜红斑痣。 90sr敷贴及P32注射，适用于单纯毛细血管瘤及较小、较薄的海绵状血管瘤。 冷冻，尤其棉棒冷冻治疗血管瘤，以2岁以内单纯毛细血管瘤患儿的疗效最好。 硬化剂注射，适用于较小的海棉状血管瘤。常选用5％鱼肝油酸钠溶液、废宁克通A、德宝松、平阳霉素、醋酸确炎舒松注射剂等。　　 对于生长快，有毁容之虞、或较大的血管瘤还可以用电化疗法、平阳霉素注射法及早期选择用手术切除治疗。如切除范围过大，可局部用皮肤扩张器或用铜丝结扎阻断交通支的手术方法。 合并血小板减少的巨大海绵状血管瘤，以口服强的松治疗效佳。 总之，小儿得了血管瘤，不必急、也不必愁，大部分可自愈，或经保守疗法治愈。不会出血不止，也不会恶变。</t>
  </si>
  <si>
    <t xml:space="preserve">100分问题，谁有real压缩快车2.5（或更高）及rm转换精灵? </t>
  </si>
  <si>
    <t>太平洋</t>
  </si>
  <si>
    <t xml:space="preserve">黑得心烦我是经营电脑买卖的.最近遇到一个怪事.就是我卖出去的一台 </t>
  </si>
  <si>
    <t>硬件问题 你可以更换希望你玩的开心</t>
  </si>
  <si>
    <t xml:space="preserve">手淫过度，背疼怎么办？我现在26岁，由于以前有手淫的毛病，现在有 </t>
  </si>
  <si>
    <t>歇息一段时间，找一个你自己爱的异性朋友，让他老安慰你的寂寞。</t>
  </si>
  <si>
    <t xml:space="preserve">我在5173买的帐号被找回去了我不想让他在骗别人怎么办知道的进来? </t>
  </si>
  <si>
    <t xml:space="preserve">尊敬的客户:    您好！5173客户服务002很高兴为您服务！    由于帐号交易的特殊性，只能保证帐号交易成功，无法确保交易成功后使用中出现的问题，我们可以为您提供一份交易。    如需帮助或投诉，请与我们客服中心联系，客服中心服务热线：0579-83225173。真诚感谢您一如既往地对我们工作的大力支持与帮助!                                                 </t>
  </si>
  <si>
    <t xml:space="preserve">请问套内面积74.42平米的房子使用面积一般是多少我新买了一套住 </t>
  </si>
  <si>
    <t>套内建筑面积是使用面积加上房屋内墙面积以及外墙面积的一半，所以你的面积差距不会太大了。老式住房的面积就是按照使用面积乘以系数得出的，其中多层楼房（6层）系数是1.333，高层是1.444。按这个标准，你的房子即使有误差，也不会太大。</t>
  </si>
  <si>
    <t xml:space="preserve">硬屏4K电视有什么好的啊？我听说硬屏4K电视不错，这款电视真的好 </t>
  </si>
  <si>
    <t>硬屏4K电视当然挺不错的哦，我前段时间在卖场看到过这硬屏4K电视，我顺便体验了一下这款电视，这款电视真的还算可以的，它是采用目前最先进的IPS硬屏技术和不闪式3D技术，画面特别的清晰，而且这款电视的画质很稳定的，是一款高级4K电视，感觉挺好的。</t>
  </si>
  <si>
    <t xml:space="preserve">喜欢稍大于自己的女人，是否正常呢喜欢稍大于自己的女人，是否算是不 </t>
  </si>
  <si>
    <t>喜欢成熟女性不是不正常。越是在大城市人们对这个问题越可以理解。现代人的压力都很大，男人的压力更大，越来越不愿花多的时间和精力去哄小女孩。有个大点的女友，她可以照顾你，在经济上也比较少压力给你，另外，在很多问题上，她的成熟又可以支持你，做你的参谋。只要你不在乎年龄，而你的女友又能保持年轻的心态，就没什么可以阻挡你们拥有幸福。当然，这样的关系毕竟会面临更多的压力和困难，你们是否可以相爱到足以使你们共同面对困难是最关键的问题。</t>
  </si>
  <si>
    <t xml:space="preserve">我很寂寞老公很忙，每天都是忙到凌晨才回来，如果碰上出差，远得三四 </t>
  </si>
  <si>
    <t>增加自己的吸引力才是关键。。。。。。。。</t>
  </si>
  <si>
    <t>博多格林特VS莫尔德</t>
  </si>
  <si>
    <t>太片面了。威廉希尔的平赔本来就低人一等。。。</t>
  </si>
  <si>
    <t xml:space="preserve">求救啊！！！！打了第一个龙精石到了那个咩阳接着点过啊? </t>
  </si>
  <si>
    <t>在一个民居边与一个小女孩交谈，得知她的母亲已经去世了，但是小女孩还在坚信母亲会从天上下来拿饼给她吃，景天心生怜悯，便去旁边的饼摊卖了一张饼，谎称是小女孩的母亲带给她的。小女孩也告诉景天霹雳堂的入口在客栈后面的井里，因为她跟哥哥到那里玩耍，哥哥便被霹雳堂的火器烧死了。在客栈后面果然可以找到一口井，</t>
  </si>
  <si>
    <t xml:space="preserve">鼻子上有黑头吃什么能治好？ </t>
  </si>
  <si>
    <t xml:space="preserve">黑头主要是由皮脂、细胞屑和细菌组成的一种“栓”样物，阻塞在毛囊开口处而形成的。加上空气中的尘埃、污垢和氧化作用，使其接触空气的一头逐渐变黑。建议在药店选购质量上乘的内服珍珠粉。取适量珍珠粉放入小碟中，加入适量清水，将珍珠粉调成膏状。好的珍珠粉均匀地涂在脸上。部按摩的手法在脸上按摩，直到脸上的珍珠粉变干，再用清水将脸洗净即可。 每周可用两次。能很好地去除老化的角质和黑头。 </t>
  </si>
  <si>
    <t xml:space="preserve">我用的是360浏览器，打开网页之后下面状态栏上有IE，点击他可以? </t>
  </si>
  <si>
    <t>今天发现的，装正式版没有IE打开，装测试版有IE打开。</t>
  </si>
  <si>
    <t xml:space="preserve">现在世界上有哪些战争 </t>
  </si>
  <si>
    <t xml:space="preserve">    帮你数数：1、阿富汗反恐2、伊拉克反恐战争3、索马里内战4、巴基斯坦北部反恐战争5、苏丹达尔富尔地区内战6、墨西哥南部反毒战争。这个大家不大熟悉，但从2006年开战至今，7万军警与近万贩毒集团的武装分子打得昏天黑地，死亡已将近2万人。7、印度的纳萨尔毛派左翼游击队起义。这个从1967年打到现在都没完没了，光去年就打死了上千人。    以上是年均死亡上千人规模的战争，其它的烈度稍小型的武装冲突大约还有20起左右。其中比较著名的有：    巴以冲突，几十年基本处于战乱状态，这两天还算太平的，但一旦冲突激化就直接是大规模战争。    哥伦比亚国内武装冲突。这个国家出了首都就无法无天了，除了政府军，有左派游击队（还分两支）、右派民团武装和贩毒集团，相互打作一团。    墨西哥的恰帕斯州的农民起义到现在还没了结。    也门政府军正忙着清剿反叛军队和新冒出来的基地组织分支。    印尼和菲律宾的国内武装冲突经常见诸于报端。    欧洲也不消停，我们不会忘了俄罗斯军队一直在外高加索忙着剿匪和平叛。    说实话，放在全世界范围和历史角度，这就算太平盛世了，珍惜吧！    非洲国家的部落冲突已经很难数得过来了。</t>
  </si>
  <si>
    <t xml:space="preserve">请详细解释一下word插入超链接中"文档中的位置"的用法. </t>
  </si>
  <si>
    <t>我是这样做的，先把你想链接的位置添加个书签（可以选着几个字或把光标放在那）然后选插入，书签（注意插入里有下拉箭头）。打好书签后，在你想要的文字选中后选着插入，超链接，本文档中的位置，书签。</t>
  </si>
  <si>
    <t xml:space="preserve">新中国男子足球第一次真正冲出亚洲走向世界标志性比赛是？ </t>
  </si>
  <si>
    <t>1987年10月26日,中国客场打日本,以2比0拿下,历史上第一次进军奥运会决赛圈。</t>
  </si>
  <si>
    <t xml:space="preserve">你喜欢看什么类型的书？如果看到喜欢的就会买吗？大家都来谈谈！ </t>
  </si>
  <si>
    <t>"书非借不能读也",呵呵!能借到的就借来看,如果感觉值得收藏再去买啦.</t>
  </si>
  <si>
    <t xml:space="preserve">怎样锻炼会影响长身高?? </t>
  </si>
  <si>
    <t>在发育期的时候，过分的练习力量运动就会影响身高，比如说举重</t>
  </si>
  <si>
    <t xml:space="preserve">求大家帮我想想这个小说的名字以前看了个小说男主角的名字叫黄柯本来 </t>
  </si>
  <si>
    <t>[现代重生]《杀杀人读读书》作者：娑娅拉人</t>
  </si>
  <si>
    <t xml:space="preserve">我真的纠结得不能自己本人现在一家小设计院工作，目前面临两个选择： </t>
  </si>
  <si>
    <t>虽然我不懂什么设计,但就觉得自己合伙开公司总比帮别人打工强!虽然你现在公司是丙级,这样应该很有挑战性!恰好锻炼自己的能力!</t>
  </si>
  <si>
    <t xml:space="preserve">请教食道癌的分期我从网上查，小于3厘米的是早期，可是检查结果2厘 </t>
  </si>
  <si>
    <t xml:space="preserve">病人在确诊为食道癌之后，医生要对患者的癌症进行分期。癌症的分期指的是确认癌症有无侵入附近的正常组织或转移到其他的器官。癌症的分期对于医生选择治疗的方案有着决定性的作用。 食道癌根据国际抗癌协会(UICC)分期法则共分为四期： 第一期：食道癌局限于食道壁的最表层，没有深入侵犯食道壁的肌肉层，也没有侵入淋巴系统。 第二期：食道癌侵入但没有穿透食道壁较深肌肉层，伴有附近的淋巴结侵犯；或者癌症侵入并穿透食道壁较深肌肉层，但没有淋巴结侵犯。身体其他部位也没有癌症转移。 第三期：食道癌穿透食道壁较深肌肉层并伴有淋巴结侵犯；或者癌症已经侵入附近的其他正常组织。 第四期：食道癌已经转移到身体的其他器官。癌症有可能转移到身体的任何一个器官，但较常见的器官包括肺，脑以及肝脏。 食道癌的分期與其存活有關，根?嗀JCC分期所做的存活率分析如下，第一期2年存活率80-90％，第二期2年存活率50％，第三期2年存活率40％，第四期＜10％。 </t>
  </si>
  <si>
    <t xml:space="preserve">用过诗薇奈护肤品的没追进来说说到底咋样呢？ </t>
  </si>
  <si>
    <t>还可以，主要是护肤品，产品温和不刺激，不添加硅油,不添加矿物油,不添加色素,不添加酒精.与肌肤同样的弱酸性. 价格亲民，（愿你给个好评,急需啊~%&gt;_&lt;%~祝你生活天天有好运）</t>
  </si>
  <si>
    <t xml:space="preserve">看看这图片就能知道，两个人为什么能打起来？ </t>
  </si>
  <si>
    <t>都挺"B "......就这号码真是难兄难弟……没有最牛，只有更牛……Niubility！都喜欢让别人 死，还不 死 在一块？动动我试试？试试就试试！00544----你你我死死---你我死44944----死死就死死---死就死.........原来都不怕死o(∩_∩)o</t>
  </si>
  <si>
    <t xml:space="preserve">购书我要买书请寄河南焦作武陟朝阳2街祥和巷北1排东2家 </t>
  </si>
  <si>
    <t>一般这种书每个省的内容是不一样的,而且现在都会发的,不用着急啊呵呵</t>
  </si>
  <si>
    <t xml:space="preserve">常常是跟恋人小吵小闹，马上又会和好的情况，是不是正常的，长久下去? </t>
  </si>
  <si>
    <t>当然正常的了，如果没有的话，倒是不正常的了！因为，只有在小吵小闹中，才能真正的相互了解，也只有在小吵小闹中，在能相互包容彼此的缺点！那么，在结婚后，你们才不会有一种结婚前后不一样的失落感！在小吵小闹中，你们会相处的有声有色，快乐无限的！</t>
  </si>
  <si>
    <t xml:space="preserve">汪涵为什么要留胡子？汪涵为什么要留胡子呢？是为了乐乐嘛？ </t>
  </si>
  <si>
    <t>是为了显示他更加成熟！！</t>
  </si>
  <si>
    <t xml:space="preserve">为何硬盘换个主板不能启动,操作系统完好.请各位大虾指教.硬盘再装 </t>
  </si>
  <si>
    <t>当然，不能互换，因为，每系统安装后，系统记录所检测到硬件，及为硬件配置适合的驱动，并且成为默认的，再以后一开机就会调用，而把硬盘放到别的机子上用其原有的系统，那系统根本无法驱动另外的配置。</t>
  </si>
  <si>
    <t xml:space="preserve">如何从网站上下载背景歌曲？我登陆了一个网站，一打开就有背景音乐， </t>
  </si>
  <si>
    <t>上此网站前先清空C:\Documents and Settings\用户名\Local Settings\Temporary Internet Files文件夹中的所有内容，再进入此网站，听到背景音乐后在Temporary Internet Files文件夹中寻找音乐文件，复制出来到他处。格式不是mp3的话只能自己转换了。</t>
  </si>
  <si>
    <t xml:space="preserve">WaterPad净水器怎样？现在家用净水市面上比较流行的wate </t>
  </si>
  <si>
    <t>WaterPad是全球首款超薄免安装的净水器，由北京碧水源净水科技公司专为时尚家庭设计打造，也是碧水源的一个大力之作！一直以来，净水器给人冷冰冰的感觉，但碧水源研发生产的WaterPad不仅质量过硬，而且很时尚，够“范儿”……它采用了超流线型设计，小巧可爱、外形时尚，厚度只有8cm，被称为水世界中的Ipad。Waterpad拥有四种颜色，（红、白、灰、蓝），哈哈，放置在厨房，会使你的厨房增添不少时尚氛围。另外，waterpad机身带有智能滤芯显示，时刻关注滤芯使用情况。滤芯更换就像换灯泡一样简单方便，从此以后你就不必纠结二次污染的问题了。</t>
  </si>
  <si>
    <t xml:space="preserve">请教调皮老师！！请问调皮老师：我买入的002086今天停牌一天。 </t>
  </si>
  <si>
    <t>002086 东方海洋中线股票耐心持有,暂缓介入补仓.601727 上海电气?菏钡髡蜒苑醋?适合先轻仓操作,耐心等待企稳反弹.</t>
  </si>
  <si>
    <t xml:space="preserve">副职业问题如果我75级的狂咒转了副职业，我还可以玩我的狂咒号吗？ </t>
  </si>
  <si>
    <t xml:space="preserve">副系统 当玩家达到75级以后，便可至象牙塔找NPC接下「米莫的青春之泉」这个任务，不过在接这个任务之前，玩家必须要先通过贰章时期60级的「傲慢的探索」以及75级的「命运的私语」两大任务，也就是要解完A级武器全程。之后玩家身上便会有一个「命运之星」任务道具，在贰章时没有用，但是在参章时必须拥有它才可接洽米莫的青春之泉，而当玩家完成这项任务后，便可选择1个副职业。 当第一个副职业的等级达到75级时，玩家就可以透过NPC选择想要的第2个副职业，一位玩家最多可以选择3个副职业（当然必须前两个副职业都要75级） 副职业并不是把两个职业合并，除了外观不变外，技能、能力值都会变成副职业40级的状态，也不能互相通用技能，例如一个剑斗士选则了席琳长老来当他的副职业，他在玩副职业时，HP、MP、攻击、防御、速度等各种数字都会变的跟席琳长老一样，也只能使用席琳长老可以使用的技能（辅助、补血），只有外观没有变化，仍然是人类战士而已。 玩家随时都可以在城镇中找NPC在本尊与副职业间作转换，转换的时间、次数都没有限制，并且不会收费，只是要注意转换时身上的辅助系统会被洗掉。 而玩家除了外观不变外，还有几个地方不会变，例如PK/PVP数值、血盟、封印竞赛所属阵营、背包物品、仓库物品也都不会变，因此玩家在转换时唯一要注意的地方就是「负重」，要小心转换后负重能力下降导致角色无法移动。 在选择副职业时有几项限制，第一就是敌对种族（精灵、黑暗精灵）不可互相选择对方的职业当作副职业，另外「战争工匠」、「霸主」这两个属于独一无二的领导型职业，无法选择来当作副职业。另外就是与本尊相似的职业也不可相互选择，以下列出七种相似的职业类型，每个类型内的职业均不能相互选择。 </t>
  </si>
  <si>
    <t xml:space="preserve">求一个结果电视剧《水月洞天》的结局是什么？？ </t>
  </si>
  <si>
    <t>第二十六集 　　豆豆因为深爱童博而无怨无悔的决定将真爱化为牺牲，成全泪痕和童博。谁知童博表示，既然他已经不是从前的童博，那属于从前的感情就只能放弃，他要以一颗真诚的爱心，请求泪痕原谅他想和豆豆厮守下半生的心愿。 　　两人赶回龙泽山庄去找泪痕，豆豆却因在谷底服食太多野菜野果而中了毒，经隐修诊治，判定豆豆的状况和泪痕相似，而泪痕中毒更深，已是无药可救的将死之人，善良心软的豆豆再一次让贤，决定让童博陪泪痕走完最后的人生旅途。 　　尹仲为了替岳父做出更多的镜子去卖个好价钱，不断妄动法力而使自己潜伏的魔性越来越不受控制，剑秋发现了尹仲的异状，强逼着独自忍受痛苦的尹仲，去找童氏兄弟帮助抑制邪恶之气，六大长老为尹仲会诊后认为，尹仲的魔性已深入骨髓，药石罔效，唯有靠自己的意志力才能战胜魔性。 　　第二十七集 　　魔性日益膨胀，尹仲自知即将失控，来到御剑山庄向自己的侄子尹天奇求助，天奇为他准备了坚固的静室，并派出武功高强的童心守护，助尹仲闭门自修，也预防他一旦魔性发作童心可以制住他。谁知赵云因为得不到天奇宠爱而愈发偏激，她要利用尹仲除掉眼中钉，她阴险的用真假参半的故事诱发了尹仲的魔性，将当年力抗魔头尹仲的童氏三兄弟和尹天雪，说成了迫害尹仲的人，尹仲果然心防失守，多日来的修炼功亏一篑。 　　童博整日为泪痕愈发虚弱的身体忧心着急，豆豆跟着难过，隐修情急之下向豆豆透露，泪痕绝非童博要找的那个穿嫁衣的女子，是童博张冠李戴了。但永远为别人着想的豆豆，为了能圆童战与天雪成亲的梦想，也为了了却泪痕希望在临死前能看到童战获得幸福的心愿，不愿旁生枝节，宁可让童博美丽的错误继续下去。 　　童战与天雪的婚礼在族人与好友的祝福下，如期举行了，但是在遮头盖脸的新娘服下，与童战行礼的，却是泪痕。 　　原来，化身“天雪”的月牙姑娘，虽然爱着童战，但她更关心的是，以“泪痕”做掩护的真天雪，应该要在生命终结前，完成与自己挚爱的童战成婚的梦，因为那是她强忍病躯重回人世间唯一的理由。 　　第二十八集 　　随天奇来参加童战婚礼的赵云故计重施，借故离席潜入童战房间搜寻幽冥剑，跟踪而来的隐修装鬼吓她，自以为害死了隐修的赵云几乎崩溃，始终暗恋着赵云的忠心手下司徒振赶来安慰，赵云惊魂甫定，许诺司徒振与他共治御剑山庄，这一切，全被隐身屋外的天奇看在眼里，心凉透了。 　　婚礼上不见泪痕，豆豆与童博四处寻找，却在黑水潭边找到了暗自饮泣的天雪，感情正脆弱的天雪，将真假天雪的由来尽情吐露，弄清了泪痕真实身份的童博，如释重负，他想起在地狱岩谷底洞穴中那个怪异的梦境，告诉真名“月牙”的假天雪，她其实就是尹仲的女儿尹凤，那个在冰棺中沉睡了许多年的女孩，她跟自己一样，都被剧毒红蛇咬过，有了免疫力，所以在谷底没有中毒。 　　泪痕遍寻不着天雪，回到新房等候，面对薄有酒意的童战，惊慌的不许他点灯，但天际闪电入窗，泪痕中毒受损的面容一闪而逝，童战终于明白了，他面前的，正是多年来魂牵梦萦的“天雪”。 　　第二十九集 　　在赵云指使下，飞天凤突然来到一心向善、正在痛苦煎熬中的尹仲面前，尹仲最后的防线崩溃，魔性破茧而出控制了尹仲，听从幽冥魔剑的呼唤，从龙泽山庄后山的黑水潭中，取出了幽冥剑。 　　在幽冥剑催化下魔性大发的尹仲，中了邪般的来找童氏兄弟寻仇，六大长老合力都挡不住他。尹仲又挟持了天雪回到“水月洞天”地狱岩顶，童博一路追踪，一心想唤回尹仲心底仍未泯灭的善良，不料魔高一丈，竟被尹仲推下地狱岩，豆豆赶来，趴在岩顶撕心裂肺的一声呼唤，使得心灰意冷的童博想起，他寻寻觅觅的女子却在灯火阑珊处，原来就是始终在他身边的豆豆。豆豆爱的呼唤，激起童博求生的本能，他自然的用家传龙神功挽救了自己的性命。 　　大器伤心的告诉剑秋，尹仲今日的变化应验了幽冥剑的咒诅，剑秋情急，拼命追赶，她没有听到解除咒诅的唯一法门——牺牲自己。 　　穷途末路的赵云孤注一掷，故意把飞天凤送给天奇做妾，想在宴席上用毒酒毒死天奇，没想到却被一心想做庄主夫人的飞天凤做了手脚，赵云死在自己的毒酒下，愤怒的天奇将飞天凤赶出了御剑山庄。 　　第三十集 　　假天雪逃出尹仲魔掌，回到地狱岩谷底石洞，泪痕早已回来等死，尹仲追来，泪痕为保护假天雪和灵镜被杀，弥留之际终于恢复了她天雪的身份与童战相认。 　　剑秋听说，只有尹仲至亲之人血溅幽冥剑才可以祛除剑上的魔性，在童氏三兄弟与尹仲缠斗时，剑秋自绝于幽冥剑下，魔性消逝，恢复清明的尹仲伤心欲绝，举剑自刎，但天雪一声亲情的呼唤让所有人再一次震惊，至此所有的人才明白，“假天雪”竟是尹仲以为早已化为尘土的爱女尹凤。 　　祛除魔性的幽冥剑不再是杀人利器，求死不成的尹仲，已他的不死之身，只能守在剑秋的坟前，无休无止的忍受比一死了之还要痛苦的煎熬。 　　乐天知命的大器在“水月洞天”开起了铸镜坊，童战和恢复本名的月牙幸福的在一起，但他宁愿叫她“天雪”。豆豆终于要和她这辈子唯一想嫁的童博成亲了，童心则入选了长老会。大家各有归依，灵镜也依旧静静守护着这支顺天应命、爱和平、不杀生的童氏族人。</t>
  </si>
  <si>
    <t xml:space="preserve">扬天一体机的性价比如何？如题，请高手介绍下 </t>
  </si>
  <si>
    <t>性价比挺高的就拿扬天E6001来说吧，CPU是英特尔® 酷睿™2双核处理器 E7500，操作系统 DOS无介质(for XP)，内存 2G DDRII，硬盘 320G SATA，光驱 SATA Slim Rambo，显示屏 19英寸宽屏液晶，网页促销价是5399元。当然，要说性价比还要根据自己的需要来说，不过扬天一体新推出有六种型号，性价比都算比较高的，可以到联想官网查查，在网淘详细比较一下。</t>
  </si>
  <si>
    <t xml:space="preserve">什么牌子的女装时尚？价格也更实惠 </t>
  </si>
  <si>
    <t>要说什么牌子的女装时尚，其实什么牌子的女装时尚还是因人而异的，普遍什么牌子的女装时尚，我知道的有ONLY、艾格、歌莉娅等等，都是不错的时尚女装品牌，不过都挺贵的。而我个人比较喜欢NEW LOOK这个品牌，还是在网上无意中看到的，NEW LOOK是伦敦的老牌子了，款式时尚新颖不说，价格也比较实惠，LZ有兴趣可以去他们官网看看。</t>
  </si>
  <si>
    <t xml:space="preserve">大侠！挂黄巾王哪最合适？小弟先谢谢了啊， </t>
  </si>
  <si>
    <t>有几个地方可以挂，襄阳青龙道，江夏西，黄巾山寨，统州(65级)以下可以进，徐州客栈门口附近靠左的那个武将进的，不过那里强制PVP的，建议你挂黄巾山寨，那1、2、3层都可以，还会有张角等王出现或统州，不过在那你要做好被人PK的准备~</t>
  </si>
  <si>
    <t xml:space="preserve">为什么我的QQ总是被盗？ </t>
  </si>
  <si>
    <t xml:space="preserve">盗号的一般是木马1.推荐你使用最好的木马专杀软件免费的、汉化的AVG Anti-Spyware  他的数据库中的特征码数量是879683在这里下载绿色版不需要注册码也不需要安装全中文的操作界面使用前首先升级将“扫描器”-“设置”中“如何操作”设置为“删除”然后执行“完整系统扫描”（扫描占用资源较大，应该单独执行）对扫描结果点“应用所有操作”即可全部删除如果木马在“System Volume Information”文件夹内点“控制面板”、“系统”、“系统还原”将“在所有驱动器上关闭系统还原”选中（打勾）则该文件夹可以删除2.更多木马专杀软件请看： 3.使用这些工具也可以查杀： </t>
  </si>
  <si>
    <t xml:space="preserve">朋友寄语领导经常外出招商约见朋友，并经常互送礼物，现计划购一能在 </t>
  </si>
  <si>
    <t>你的问题好奇怪。</t>
  </si>
  <si>
    <t xml:space="preserve">不想和公婆一起住我和公婆一起住，每天下班回家我和老公一起做饭，饭 </t>
  </si>
  <si>
    <t>其实你已经很不错了,本来可以考虑和老人分开住,但是现在老人身体不好,确实有些不方便,你不想让你老公为难吧,他和公公争辩,说明他意识到老人做的不妥,肯定了你为家里所有的付出,你要是硬要和老人分开住,这样你老公一定很为难,他不可能放弃不照顾他的父母,又不可能离你而去,一面是亲情,一面是爱情,舍去哪一方面,他都会心里不好受,别和老人计较,你的大度,将会使你的老公更爱你.另外,人在身体不好的时候,往往看什么都不顺眼,这是由于人心里比较烦,如果身体好了,这种情况就会改善.如果你有这样的体会,也就不会和老人记较,而最重要的一点,是他们的儿子爱你,理解你,你还有必要和他们计较吗?</t>
  </si>
  <si>
    <t xml:space="preserve">决战劲爆财富卡在哪买啊 </t>
  </si>
  <si>
    <t>财富卡是决战去年3月份换代理后做地区推广时候的活动物品，没有出售的~现在也早已经没有了~</t>
  </si>
  <si>
    <t xml:space="preserve">小狗吃猪腑好吗 </t>
  </si>
  <si>
    <t>那要看是什么狗了，小体型犬喂喂狗粮就可以了，大体型狗可以从小喂猪肺。</t>
  </si>
  <si>
    <t xml:space="preserve">女儿毕业了，想送个包包当礼物女儿大学毕业了，想买个名贵点包包送给 </t>
  </si>
  <si>
    <t xml:space="preserve">可以考虑下vantacey，属后起之秀，在国外比较受女孩子欢迎，既然是毕业，那就是即将踏入职场，可以选个比较职业化的。 </t>
  </si>
  <si>
    <t xml:space="preserve">我想问下一下夫妻财产问题？我和我老公是04年5月结的婚：同年我怀 </t>
  </si>
  <si>
    <t>分的房子的性质是什么？公房只有使用权，且一般不能继承；商品房的话，最好过户，作为夫妻共同财产，这样才能保障您的权利。</t>
  </si>
  <si>
    <t xml:space="preserve">足彩84期我的R9，百分之90会中，希望暴冷会赢的多点1波尔图V </t>
  </si>
  <si>
    <t>好单```````````````````</t>
  </si>
  <si>
    <t xml:space="preserve">理性反思散文的定义请教该定义的具体内容，十分感谢！~ </t>
  </si>
  <si>
    <t>这是一种组合用法，没有什么严格定义。只要把几个词组的意思叠加即可。</t>
  </si>
  <si>
    <t xml:space="preserve">我刚上网请各位高手告诉我如何下载我想要的东西(比如电影)? </t>
  </si>
  <si>
    <t>有BT软件先在百度等搜该电影的种子，然后下载，所需要时间根据种子多少决定。图片可以用网际快车或迅雷下载，如果没有在天空网站中下一个；鼠标右键选择图片另存为，有时图片下载不过来。如果喜欢足球，在我的共享里有一球成名的种子，不是我不想把一球成名放共享里，因为空间太小放不小。</t>
  </si>
  <si>
    <t xml:space="preserve">李阳是谁? </t>
  </si>
  <si>
    <t xml:space="preserve">李阳简介   李阳  　　一个从小自闭、怕说话、连电话都不敢接的人；  　　一个曾经不及格、从未受过英语训练的人；  　　后来通过自我锤炼成为著名的英语播音员、中英文双语主持人、一代英语口语名师、“万能翻译机”和“英语播种机”。  　　他被邀请到200多个城市传授英语，全国近2000万人听过他的精彩讲学，10年来，他的学生遍布大江南北。  　　他应邀前往日本、韩国、美国讲学，传授“疯狂英语”和“疯狂汉语”，成为全球近30个国家千余家媒体追踪采访的热点人物，缔造了世界著名的教育品牌———“疯狂英语”和“疯狂汉语”。  　　他最大的希望是：通过他的不断努力，让英语成为成千上万中国人有力的国际竞争武器！通过他的不断自我超越，为成千上万的在人生道路上拼搏的人树立一个榜样！  　　通过他的不断探索，为渴望成功的人们提供一个切实可行的成功方法！  　　  　　李阳并非生来就是英语天才。小时候，李阳只是一个普通的孩子，他害羞、内向，不敢见陌生人、不敢接电话、不敢去看电影，甚至做理疗时仪器漏电灼伤了脸也不敢出声。1986年李阳考进远在大西北的兰州大学工程力学系。进入大学后的李阳，生活没有出现亮色，第一学期期末考试中，李阳名列全年级倒数，英语连续两个学期考试不及格。  　　大学二年级上学期即将结束时，李阳已是13门功课不及格，他觉得很丢人，告诉自己必须从灰色的生活中突围出来！他选择了英语作为突破口，发誓要通过4个月后举行的国家英语四级考试。  　　这时的李阳，也像别人一样，开始大量做题。很偶然的一次，李阳发现，在大声朗读英语时，注意力会变得很集中，于是他就天天跑到校园的空旷处去大喊英语，直到把历届四级考试题脱口而出。十几天后，李阳来到英语角，别人很惊奇地说：“李阳，你的英语听上去好多了。”一语惊醒梦中人！李阳想：这样大喊大叫也许是学英语的一个好方法。为了防止自己半途而废，李阳约了他们班学习最刻苦的一个同学每天中午一起去喊英语。在兰州大学的烈士亭，李阳和他的同学顶着凛冽的寒风，从1987年冬一直喊到1988年春。4个月的时间里，李阳复述了10多本英文原版书，背熟了大量四级考题。每天，李阳的口袋里装满了抄着各种英语句子的纸条，一有空就掏出来念叨一番，从宿舍到教室，从教室到食堂，李阳的嘴总是在不断地运动着。4个月下来，李阳的舌头不再僵硬，耳朵不再失灵，反应不再迟钝。在当年的英语四级考试中，李阳只用50分钟，就答完了试卷，并且成绩高居全校第二名（第一名半年后参加了李阳亲自教授的口语培训班）。一个考试总不及格的李阳突然成为一个英语高手，这一消息轰动了兰州大学。  　　初尝成功的李阳，从此开始迈上奋发进取的人生之路。他发现，在大喊的时候，性格开始发生改变，内向、自卑、害羞等人性的弱点在大喊的过程中被击碎了，精力更加集中，记忆更加深刻，自信逐渐建立起来。他想，这种方法在他的身上已取得成功，那么何不把这套方法系统地总结，再传授给其他还在英语学习误区中苦苦挣扎的同学呢？内向的李阳作出一个惊人之举———开讲座。他让自己的同学贴海报宣传，有一个叫李阳的家伙，在学英语方面有点体会，希望与大家一起分享。演讲开始前的一两个小时，李阳还恐惧地想要放弃，在同学们的掌声中，他跌跌撞撞地被推上了讲台，开始了他人生的第一次演讲。1990年7月，李阳从兰州大学毕业后，被分配到西安的西北电子设备研究所，从宿舍到办公室，有一段黄土飞扬的马路，李阳每天从这条路经过，手里拿着卡片，嘴里念着英语，起初他是孤独的，人人都称他为“疯子”，慢慢地，他的身后多了1个人、2个人、3个人……同时，李阳坚持每天跑到单位的9楼楼顶上喊英语，躺着喊、跪着喊、跳着喊。冬天在雪花飞舞中大喊；夏天，光着膀子，穿着短裤，迎着日出大喊。就这样，坚持每天在太阳出来之前脱口而出40个句子，喊了一年半之后，李阳的人生道路又一次有了新的转折。1992年，李阳来到广州，在1000多人的竞争中脱颖而出，考到了广东人民广播电台英文台。很快，李阳成了一名英语新闻主持人，成为广州地区最受欢迎的英文播音员和中国翻译工作者协会最年轻的会员。随后的几年，李阳得了个外号“万能翻译机”，曾创下过1小时400美金的口译纪录和每分钟8000港元的广告配音纪录，超过香港同行，成为广州最贵的同声翻译人。想想全中国有3亿以上的人为“聋哑英语”而苦恼，为向更多的人推广自己学习英语的成功经验，李阳又开始向新的梦想进发。1994年，李阳毅然辞去了电台的工作，组建了“李阳·克立兹国际英语推广工作室”，开始了苦行僧般的“传道”生涯。10年来，他不断总结，不辞辛劳，跋山涉水，向全国100余个城市3000多万人送去疯狂英语快速突破法，通过报纸、电视、广播、杂志等渠道，有上亿人从中受到启发，无数人从此走上人生的成功之路！梦想从来是创新和超越的基石，疯狂的执著终使李阳梦想成真。李阳立誓要帮助3亿中国人说一口流利的英语，10年来，李阳带着他的“疯狂英语”，不分春夏秋冬，不顾严寒酷暑，在大江南北，传授着他的“疯狂英语”。他的讲学集爱国主义教育、理想教育、积极进取的人生观教育和英语学习于一体，他用富有传奇色彩的成功经历和极其深刻的人生感悟，鼓励和教育成千上万人走上科学和正确的英语学习之路。   </t>
  </si>
  <si>
    <t xml:space="preserve">什么叫十三香，是哪十三样东西？ </t>
  </si>
  <si>
    <t>调味佳品所谓“十三香”就是指13种各具特色香味的物，包括紫蔻、砂仁、肉蔻、肉桂、丁香、花椒、大料、小茴香、木香、白芷、三奈、良姜、干姜等。 　　“十三香”的配量比，一般应为：花椒、大料各5份，肉桂、三奈、陈皮、良姜、白芷各2份，其余各1份，然后把它们合在一起，就是“十三香”。分开使用也可，如茴香气味浓烈，用于制作素菜及豆制品最好；做牛、羊肉用白芷，可去除膻气增加鲜味，使肉质细嫩；熏肉、煮肠用肉桂，可使肉、肠香味浓郁，久食不腻；汆汤用陈皮和木香，可使气味淡雅而清香；做鱼用三奈和生姜，既能解除鱼腥，又可使鱼酥嫩相宜，香气横溢；熏制鸡、鸭、鹅肉，用肉蔻和丁香，可使熏味独特，嚼时鲜香盈口，满室芬芳。 　　制作“十三香”需要注意的事项，一是购进原料后，必须充分晒干或烘干，粉碎过筛，而且越细越好；二是每种原料应该单独粉碎，分别存放；三是存放时，最好将其装在无毒无异味的食用塑料袋内，以防香料“回潮”或走味儿。 　　这里还需要提醒的是，制作时并非使用香料越多越好，一定要掌握“适量”。须知，在烹调作料内，尤其像桂皮、五香、茴香、生姜以及胡椒等料，它们虽然属于天然调味品，但如用量过度，同样具有一定的副作用乃至毒性和诱变性。在无烹调经验的情况下使用它们，以“宁少勿多”为宜。</t>
  </si>
  <si>
    <t xml:space="preserve">请问哪里能买到治疗弱视的维视顿训练软件？是关于治疗弱视的，请问谁? </t>
  </si>
  <si>
    <t xml:space="preserve">他们公司是在杭州的，家庭版有5个版本的的：弱视训练软件、同时视训练软件、融合功能训练软件、立体视训练软件。治疗效果还是不错的，你可以跟他们联系：电话0571-88217715，魏先生；网站是： </t>
  </si>
  <si>
    <t xml:space="preserve">我想改个姓名我姓阳3月9号12点55 </t>
  </si>
  <si>
    <t>你是难的还是女的如果你是男的那么就叫阳帆（一帆风顺）女的吗？就叫阳光，或是阳瑛（瑛着美玉也），你认为阳光下的美玉如何，是不是更耀眼。</t>
  </si>
  <si>
    <t xml:space="preserve">长安之星水温表不准了怎么处理？ </t>
  </si>
  <si>
    <t>一定是温度感应器的问题，换一个就好了。</t>
  </si>
  <si>
    <t xml:space="preserve">外地户籍上海交生育保险金外地生产，产后能在上海社保中心领取生育金? </t>
  </si>
  <si>
    <t>只要你的社保在上海的就可以的，1．本人的身份证原件及复印件（第二代身份证正、反面复印件）；2．结婚证原件及复印件；3．双方户口簿(集体户口的，携带户籍所在地公安部门出具的户籍证明)或《独生子女证》或《独生子女光荣证》原件及复印件；4．医疗机构出具的《生育医学证明》原件及复印件；5．本人实名制银行结算账户卡（折）原件及复印件(可选择工商银行、农业银行、上海银行、建设银行、浦发银行、邮政储汇局其中之一)；6．根据个人的不同情况，还需分别携带下列材料： ①对于委托他人办理的，需携带委托书和被委托人身份证原件及复印件（第二代身份证正、反面复印件）； ②对于外省市户籍的生育妇女，需携带户籍所在地计生部门出具的同意生育的证明； ③对于在外省市生育的妇女，需携带县级以上医院出具的注明产妇生育情况（难产或顺产）的出院小结和小孩《出生医学证明》； ④对于男方为军人的，需携带《士兵证》或《军官证》原件及复印件； ⑤对于符合计划内生育第二个孩子，需携带经市或区人口计划生育行政部门批准的《再生育子女告知书》原件及复印件。◆申办表格本人需填写《生育保险待遇申领单》（申领6）。如果我的答案对你有用麻烦点击有用，谢谢！您是在上海叫了生育，并且有个人的社保账户就可以了，需要资料如下：1、本人的身份证原件及复印件（第二代身份证正、反面复印件）；　　2、结婚证原件及复印件；　　3、夫妻双方户口簿(集体户口的，携带户籍所在地公安部门出具的户籍证明)或《独生子女证》或《独生子女光荣证》原件及复印件；　　4、医疗机构出具的《生育医学证明》原件及复印件；　　5、本人实名制银行结算账户卡（折）原件及复印件(可选择工商银行、农业银行、上海银行、建设银行、浦发银行、邮政储汇局其中之一)；　　6、根据个人的不同情况，还需分别携带下列材料：　　①对于委托他人办理的，需携带委托书和被委托人身份证原件及复印件（第二代身份证正、反面复印件）；　　②对于外省市户籍的生育妇女，需携带户籍所在地计生部门出具的同意生育的证明；　　③对于在外省市生育的妇女，需携带县级以上医院出具的注明产妇生育情况（难产或顺产）的出院小结和小孩《出生医学证明》；　　④对于男方为军人的，需携带《士兵证》或《军官证》原件及复印件；　　⑤对于符合计划内生育第二个孩子，需携带经市或区人口计划生育行政部门批准的《再生育子女告知书》原件及复印件。</t>
  </si>
  <si>
    <t xml:space="preserve">零为偶数吗? </t>
  </si>
  <si>
    <t>是.偶数定义:能被2整除的整数叫偶数.注意:2,4,6,8,......是偶数,0是偶数,    -2,-4,-6,-8,......也偶数.奇数也有正,负.素数(质数)则只能是正整数(只能被1和自已整除,且不等于1的正整数)</t>
  </si>
  <si>
    <t xml:space="preserve">B型血和O型血会是同一父母生的吗弟弟是O型血我是B型血我们是同父 </t>
  </si>
  <si>
    <t>血型遗传对照表1双亲血型，2子女可能的血型，3子女不可能的血型1：O、0    2、O             3、A、AB、B1、O、A    2、A、O          3、AB、B1、O、B    2、B、O          3、A、AB1、O、AB   2、A、B          3、O、AB1、A、A    2、A、O          3、AB、B1、A、B    2、A、B、AB、O   3、无1、A、AB   2、AB、B、A      3、O1、B、B    2、B、O          3、A、AB1、B、AB   2、B、A、AB      3、O1、AB、AB  2、AB、A、B      3、O</t>
  </si>
  <si>
    <t xml:space="preserve">酒后昏迷怎么办啊！请问今天我的朋友喝了7两白酒，现在的情况是呕吐 </t>
  </si>
  <si>
    <t>纳洛酮可以用来治疗急性酒精中毒的昏迷,在上题已经说明,现介绍一些治疗醉酒的方法:1．轻者不需要特殊处理，可将其扶上床休息，睡醒一觉，常可自然缓解。2.过于兴奋者，可多喝一些浓茶。茶叶含有单宁酸，能分解酒精，减轻酒精中毒的程度。3.如果喝酒过量已醉者，应及早用手指或筷子刺激咽喉、舌根，促进呕吐，然后多喝浓茶。4．醉酒者如果呕吐不止时，可用热毛巾滴数滴花露水，敷在醉酒者的脸上，能醒酒止吐。5．当醉酒者不省人事时，可取两条毛巾，浸上冷水，分别敷在后脑和胸口上，并间断用冷开水灌入其口中，可使醉酒者逐渐醒过来。6．当醉酒者昏睡时，应屈身侧睡，将其头偏向一侧，避免呕吐物吸入肺内，以防止窒息。皮肤发红者，要注意适当保暖，以防着凉。7．当醉酒者出现抽搐时，应在口内塞入干净的毛巾，防止咬破舌头，并用指尖压掐人中穴2～3分钟。8．如发现醉酒者面色苍白、大汗不止、心律不齐、呼吸异常以及昏迷不醒时，应及时请医生出诊或送医院抢救。</t>
  </si>
  <si>
    <t xml:space="preserve">求今年主管中药师的题啊！！！哪有今年主管中药师的练习题和模拟题啊 </t>
  </si>
  <si>
    <t>主管药师的卷子我有，但是很不方便发给您，您自己就可以到，正保医学的教育网上下载，免费的。祝您考试成功！</t>
  </si>
  <si>
    <t xml:space="preserve">这个到底是手机还是MP4？前段时间，一朋友捡得一部“手机”，拿给 </t>
  </si>
  <si>
    <t>你好！从你的描述中很难知道这个是不是手机，其实是不是手机只要看看手机屏幕上面是否有显示中国移动或者是中国联通这样的字样。或者是打开手机的后盖取下电池，看看有没有SIM卡，如果有那么可以确定是手机。其实由于现在手机功能越来越多，包括那些mp3，mp4的功能，摄像的功能，拍照的功能，游戏的功能，手机都是可以具备的。</t>
  </si>
  <si>
    <t xml:space="preserve">翻译moneyearthly哪位可帮忙翻译一下moneyeart </t>
  </si>
  <si>
    <t>money ：钱，货币earthly：地球的，地上的 money earthly：金钱世界</t>
  </si>
  <si>
    <t xml:space="preserve">银行卡补办及挂失为什么要到开户银行呢？我觉得这个很不方便耶，就拿 </t>
  </si>
  <si>
    <t>挂失是一定要到开户银行去的，因为系统就是这样设置的，而且也便于管理，换卡只要到开户地去应该就可以了，不一定要到开户银行的。你可以把钱都取出来再开一个户存进去，不过要收手续费的，可能是1%旧卡不销也没关系的，反正也没钱了。</t>
  </si>
  <si>
    <t xml:space="preserve">我觉的人类在冰河期是会退化的.而且退化的速度快的惊人.可能只有一 </t>
  </si>
  <si>
    <t>你这些都是没有根据的“假想”。在人类进入新石器时代学会搭建窝棚以前，洞穴一直是人类的主要居住场所，与冰川期无关。北京猿人、山顶洞人、马坝人都住洞穴，他们的周围的生存环境是温带和亚热带，并不是冰天雪地。冰川期冰盖只覆盖了少部分陆地面积，中低纬度仍然适合人类生存。同时，寒冷地区的人类会向温暖地区迁徙，那时可没有国界的概念。事实上，这些迁徙的人类接触到不同的文化，他们的文化发展可能是最快的。位于三大洲路口上的中东地区最早发展起农耕，进入新石器时代，不是偶然的。爱斯基摩人并不是你说的极地洞穴人的后裔，他们原是亚洲黄种人，末次冰期以后才进入北极地区的。他们原有语言词汇量少，这其实是所有原始部落的共同特点，欧洲白人的祖先在5000年前也是一样的。人类在进入文明时代后，才根据需要创造出大量新词汇。落后的民族往往从先进民族那里引进词汇。欧洲的日耳曼、斯拉夫蛮族，都曾大量地从罗马人的拉丁语引进词汇。越语中源自汉语的词汇超过70%。韩语、日语情况类似。</t>
  </si>
  <si>
    <t xml:space="preserve">博客的定义？ </t>
  </si>
  <si>
    <t xml:space="preserve">blog的全名应该是Web log，中文意思是“日志”，后来缩写为Blog，而博客(Blogger)就是写Blog的人。从理解上讲，博客是“一种表达个人思想、网络链接、内容，按照时间顺序排列，并且不断更新的出版方式”。简单的说博客是一类人，这类人习惯于在网上写日记。 Blog是继Email、BBS、ICQ之后出现的第四种网络交流方式，是网络时代的个人“读者文摘”，是以超级链接为武器的网络日记，是代表着新的生活方式和新的工作方式，更代表着新的学习方式。具体说来，博客(Blogger)这个概念解释为使用特定的软件，在网络上出版、发表和张贴个人文章的人。 一个Blog其实就是一个网页，它通常是由简短且经常更新的帖子所构成，这些张贴的文章都按照年份和日期倒序排列。Blog的内容和目的有很大的不同，从对其他网站的超级链接和评论，有关公司、个人构想到日记、照片、诗歌、散文，甚至科幻小说的发表或张贴都有。许多Blogs是个人心中所想之事情的发表，其它Blogs则是一群人基于某个特定主题或共同利益领域的集体创作。 随着Blogging快速扩张，它的目的与最初的浏览网页心得已相去甚远。目前网络上数以千计的 Bloggers发表和张贴Blog的目的有很大的差异。不过，由于沟通方式比电子邮件、讨论群组更简单和容易，Blog已成为家庭、公司、部门和团队之间越来越盛行的沟通工具，因为它也逐渐被应用在企业内部网络(Intranet)中。 博客的历史 最早，是由Jorn Barger在1997年12月提出博客这个名称。但是在1998年，互联网上的博客网站却屈指可数。那时，Infosift的编辑Jesse J.Garrett想列举一个博客类似站点的名单，便在互联网上开始了艰难的搜索。 终于在1998年的12月，他的搜集好了部分网站的名单。他把这份名单发给了Cameron Barrett，Cameron觉得这份名单非常有用，就将它在Camworld网站上公布于众。其它的博客站点维护者发现此举后，也纷纷把自己的网址和网站名称、主要特色都发了过来，这个名单也就日渐丰富。到了1999年初，Jesse的“完全博客站点”名单所列的站点已达23个。 由于Cameron与Jesse共同维护的博客站点列表既有趣又易于阅读，吸引了很多人的眼球。在这种情况下，Peter Merholz宣称：“这个新鲜事物必将引起大多数人的注意。作为未来的一个常用词语，web-blog将不可避免地被简称为blog，而那些编写网络日志的人，也就顺理成章地成为blogger——博客”。这代表着博客被正式命名。 随着博客数量的增多，每个博客网站上编写的网络日志的内容也混杂起来，以至把每一个新出的站点主要内容和特色都不可能搞清楚。Cameron后来就只在网站上登载熟悉的博客站点了。时隔不久，Brigitte Eaton也搜集出了一个名叫“Eaton网络门户”的博客站点名单，并且提出应该以日期为基础组织内容。这也建立了blog分类排列的一大标准。 1999年7月，一个专门制作博客站点的“Pitas”免费工具软件发布了，这对于博客站点的快速搭建起着很关键的作用。随后，上百个同类工具也如雨后春笋般制作出来。这种工具对于加速建立博客站点的数量，是意义重大的。同年的8月份，Pyra发布了Blogger网站，Groksoup也投入运营，使用这些企业所提供的简单的基于互联网的工具，博客站点的数量终于出现了一种爆炸性增长。1999年末，软件研发商Dave Winer向大家推荐Edit This Page网站，Jeff A. Campbell发布了Velocinews网站。所有的这些服务都是免费的，他们的目的也很明确：让更多的人成为博客，来网上发表意见和见解。 博客带来了什么 现在，全世界每天传播的媒体内容，有一半是由6大媒体巨头所控制。其利益驱动、意识形态以及传统的审查制度，使得这些经过严重加工处理的内容已经越来越不适应人们的需求。媒体的工业化，内容出口的工厂化，都在严重影响其发展。 比如，以美联社为例，有近4000人专业记者，每天“制造并出厂”2000万字的内容，每天发布在8500多种报纸、杂志和广播中，把读者当作“信息动物”一样。这种大教堂式的模式主导了整个媒体世界。这时，以个人为中心的博客潮流却开始有力冲击传统媒体，尤其是对新闻界多年形成的传统观念和道德规范。 博客是一种满足“五零”条件(零编辑、零技术、零体制、零成本、零形式)而实现的“零进入壁垒”的网上个人出版方式，从媒体价值链最重要的三个环节：作者、内容和读者三大层次，实现了“源代码的开放”。并同时在道德规范、运作机制和经济规律等层次，将逐步完成体制层面的真正开放，使未来媒体世界完成从大教堂模式到集市模式的根本转变。 博客的出现集中体现了互联网时代媒体界所体现的商业化垄断与非商业化自由，大众化传播与个性化(分众化，小众化)表达，单向传播与双向传播3个基本矛盾、方向和互动。这几个矛盾因为博客引发的开放源代码运动，至少在技术层面上得到了根本的解决。 博客的崛起 这几年，对于所有新闻媒体来说，都品尝到了技术变革的滋味。如今，再没有任何人会否认互联网对媒体带来的革命，但是，好像也没有多少人感知到互联网的神奇：颠覆性的力量似乎并没有来到人间。 所有的核心在于时间。对于性急的人来说，时间如同缓慢的河流，对于从容的人来说，时间又是急流。互联网的力量的确还没有充分施展，因为互联网的商业化起始，到今天仅仅才10年；互联网作为一种新的媒体方式，从尝试到今天，也刚刚跨过10年。 对于一种全新的媒体形式来说，10年实在过于短暂。但是，10年也足以让人们感受到势不可挡的力量，以及依然静静潜伏着的冲击力。而今，随着博客的崭露头角，网络媒体异常的力量开始展现了，声势逐渐发大。虽然，博客依然在大多数人的视野之外，但是，他们改变历史的征程已经启动。 1998年，个人博客网站“德拉吉报道”率先捅出克林顿莱温斯基绯闻案； 2001年，911事件使得博客成为重要的新闻之源，而步入主流； 2002年12月，多数党领袖洛特的不慎之言被博客网站盯住，而丢掉了乌纱帽； 2003年，围绕新闻报道的传统媒体和互联网上的伊拉克战争也同时开打，美国传统媒体公信力遭遇空前质疑，博客大获全胜； 2003年6月，《纽约时报》执行主编和总编辑也被“博客”揭开的真相而下台，引爆了新闻媒体史上最大的丑闻之一； 2004年4月，轰动一时的Gmail测试者大部分从bloggers中产生； …… 这一系列发源于博客世界的颠覆性力量，不但塑造着博客自身全新的形象，而且，也在深刻地改变着媒体的传统和未来走向。 博客今后的发展预测 博客秉承了个人网站的自由精神，但是综合了激发创造的新模式，使其更具开放和建设性。要在网络世界体现个人的存在，张扬个人的社会价值，拓展个人的知识视野，建立属于自己的交流沟通的群体。从这个意义上说，博客将会变得越来越普及，越来越为更多的人接受。2002年8月“博客中国”网站的开通，标志着“博客”(Blog)现象在中国互联网界的显露；11月18日，新闻传播学术网站“紫金网”在改版之际，推出“博客擂台”新栏目。从信息传播的角度看，博客网站、频道的出现对于博客个体而言，意味着将信息采集与发布的通道最大程度的简单化与快捷化。也许你现在还不相信，但是想一想，为什么在互联网的最低潮时期，在个人网站大萧条时刻，在商业网站最凄惨之际，没有一分投资，没有大公司炒作，博客却开始如火如荼？“当然，一切还都需要时间。博客刚刚开始发展，尤其是中国，目前仅仅是博客概念普及和萌芽阶段。不能完全依据现在的状况判断未来，而要看1～2年后，3～5年后的发展步伐。当然，第一步，你自己应该首先去实践一下。” 博客作为一种新表达的方式，它的传播不仅情绪，包括大量的智慧、意见和思想。某种意义上说，它也是一种新的文化现象，博客的出现和繁荣，真正凸现网络的知识价值，标志着互联网发展开始步入更高的阶段 </t>
  </si>
  <si>
    <t xml:space="preserve">关于成人大学`成人大学到底是一个什么样的定义啊`成人大学和高考考 </t>
  </si>
  <si>
    <t>成人大学就是成人高等院校一般分为两类一类是普通高校举办的继续教育学院,远程教育学院等.一类是独立举办的职工大学,业余大学,电大等.我把去年北京地区的招生章程放在附件里,你可以参考.</t>
  </si>
  <si>
    <t xml:space="preserve">关公的故事 </t>
  </si>
  <si>
    <t>转自 桃园三结义 讨伐黄巾军 温酒斩华雄 三英战吕布 土山约三事 过五关斩六将 收关平 古城会 义释曹操 战长沙 单刀赴会 攻襄阳 水淹七军 刮骨疗毒 走麦城</t>
  </si>
  <si>
    <t xml:space="preserve">怎么学好物理?孩子初三物理不好,有没有好的方法或补习学校,谢谢大 </t>
  </si>
  <si>
    <t>学会“入静”，提高“悟性”  一般地讲，物理成绩差的，多数人浮躁好动，马虎有余，踏实不足，头脑杂念多，心理障碍多，这些同学不能也不会“入静”；而学习成绩优良的学生多数表现为：心平气和，能够入静，充满自信，坐得住、学得进，有较强的自我控制能力和良好的心理素质。提高“悟性”是学好物理和的另一个重要因素。悟性低的学生，一般讲听课抓不住重点，迷迷糊糊，似懂非懂，表现为一听就会，一做就错，死记硬背，不会知识迁移；悟性高的学生，心有灵犀一点通，会听讲，能触类旁通，举一反三，融会贯通，有好的学习方法，成绩自然好。  （2）课堂听讲是关键  课堂教学是学生掌握知识的主要途径，听课要抓住以下环节：①知识是怎样引出的。②知识内容是什么。③所学知识概念怎样理解。④所学知识在生活、生产中有什么应用。  （3）读好物理和化学书  我们所学知识基本上都来自课本，所以通过读书才能对知识的来龙去脉有全面的了解。读书的过程就是对物理知识加深理解的过程。在读书时还应对重点知识、概念、规律、定义、公式在理解的基础上强化记忆。  （4）建立知识体系  在读书基础上打破章节界限，按知识条块归类，并建立相关的知识体系，将各知识点之间的内在联系弄清楚，由点到面形成知识网络。建立知识体系的过程也就是提高综合能力的过程，也是使物理和化学复习质量升华的过程。  （5）重视做题训练  做题训练是考查知识是否掌握的重要环节。要有足够量的习题训练。多做题，熟能生巧，在做题中明思路、找方法、寻规律，力争做到举一反三，触类旁通。  只要掌握好以上几点，相信一定能学好物理。</t>
  </si>
  <si>
    <t xml:space="preserve">南桥芯片控制连接的设备或接口有哪些？ </t>
  </si>
  <si>
    <t>南桥主要是负责IO 北桥芯片负责与CPU的联系并控制内存、AGP数据在北桥内部传输，提供对CPU的类型和主频、系统的前端总线频率、内存的类型（SDRAM，DDR SDRAM以及RDRAM等等）和最大容量、AGP插槽、ECC纠错等支持，整合型芯片组的北桥芯片还集成了显示核心大哥~!!!!每块主板都有南桥北桥好吗！！！！</t>
  </si>
  <si>
    <t xml:space="preserve">旅游季，今年去那里呢？求推荐ing </t>
  </si>
  <si>
    <t>我觉得去桂林不错的，桂林的地方很多 我给您介绍一些好玩的景点，希望您满意：桂林市内：来桂林，推荐您去桂林的城徽---象山游玩一下，要不的话，感觉就是没来过桂林。还有就是桂林的两江四湖，那里的夜景不错，晚上您可以漫步去那里，欣赏一下那里的美景。具有630多历史的靖江王府，也是值得一去的。 阳朔：您可以乘船从桂林市内到阳朔，欣赏漓江的百里画廊。（桂林山水甲天下，阳朔山水甲桂林。阳朔那里的百里画廊，可是漓江的精华段哦，很值得一看的），还有，去阳朔，当然得去阳朔的西街去看看。如果可以的话，我也推荐您去看看张艺谋导演的以山水为背景的大型舞台剧---印象刘三姐。去到阳朔，您也可以租自行车去闲逛阳朔县城，欣赏阳朔的十里画廊。您还可以去陶渊明笔下的世外桃源去看看，欣赏那里的田园风光龙胜：龙胜的龙脊梯田景区是很值得一去的，特别是国庆前后，龙脊梯田上的稻谷已经成熟了，您去到那里，可以看到满山都是金灿灿的一片的，很好看的。在龙脊梯田景区，您除了可以看到这些之外，还可以看到千层梯田的美景，那里的日出、日落也是很美的。 我给您安排一条线路，希望您满意：第一天：早上您们可以搭车前往龙脊梯田景区，欣赏千层梯田的美景，国庆左右，龙脊梯田景区上的稻谷已经成熟了，漫山遍野都是金灿灿的一片，很美的。晚上返回桂林市内，可漫步两江四湖，欣赏两江四湖的美景。第二天：早上可去游玩桂林的城徽--象山。下午去游玩桂林最大的综合性公园---七星公园。晚上可去闲逛桂林的夜市、小香港、正阳步行街。晚上住宿桂林市内。 第三天：早上可搭快吧前往阳朔。到达阳朔后，可去龙颈河玩漂流。（龙颈河的漂流很刺激，蛮值得一玩的）晚上可漫步西街，欣赏西街美景。第四天：早上可去兴坪渔村欣赏兴坪的漓江的美景。那里的百里画廊很美，是漓江的精华段，很值得一看的，你们可以租竹筏去游玩漓江，欣赏漓江的美景。下午可租自行车去闲逛阳朔，欣赏阳朔的十里画廊美景。</t>
  </si>
  <si>
    <t xml:space="preserve">木糖醇是什么？有什么用？ </t>
  </si>
  <si>
    <t>木糖醇是一种从玉米芯、甘蔗渣等物质中提取的、纯天然的新型甜味剂和高级疗用食品。其味甜，外观呈白色结晶粉末状，甜度相当于蔗糖。木糖醇是人体糖类代谢的中间体，在自然界中也广泛存在，尤其在蔬菜、水果、天然蘑菇等食用菌中含量丰富。在人体缺少胰岛素影响糖代谢的情况下，木糖醇也能透过细胞膜被组织吸收利用，并能促进肝糖元合成，同时不被口腔中产生龋齿的细菌所利用，能防止龋齿；广泛用于食品、医药、轻工等领域。但是木糖醇和葡萄糖一样都是由碳、氢、氧元素组成的碳水化合物，木糖醇在代谢初始，可能不需要胰岛素参加，但在代谢后期，就需要胰岛素的促进。因此，木糖醇不能替代葡萄糖纠正代谢紊乱，也不能降低血糖、尿糖、改善临床症状。临床实践表明木糖醇并不能治疗糖尿病，而且木糖醇吃得过多，血中甘油三酯升高，引起冠状动脉粥样硬化，因此，糖尿病人不宜多食木糖醇。 木糖醇和普通的砂糖相比，具有热量低的优势，但过度的食用也有可能带来腹泻等副作用，这一点也不可忽视。</t>
  </si>
  <si>
    <t xml:space="preserve">太平洋的中间的什么？ </t>
  </si>
  <si>
    <t xml:space="preserve">“平”字 </t>
  </si>
  <si>
    <t xml:space="preserve">我国国防建立的思想基础是什么？ </t>
  </si>
  <si>
    <t xml:space="preserve">21世纪中国国防指导原则及战略思想的思考 3 市委办管理员  2004-8-5        人类进入新世纪至今不过三年半的时间，却已经历了两场具有重大世界影响的区域战争――阿富汗战争及伊拉克战争。而不论其战争形式及开战理由如何，这两场战争的实质都是一个主权国家对另一个主权国家的侵略和占领；此外，各种形式的恐怖袭击频繁地发生在世界各地，给各国人民造成了难以估量的财产和生命损失以及巨大的精神创伤；中东地区的以巴冲突持续不断并日益加剧，亦对中东地区的安全稳定以及世界和平造成了严重的冲击。  　　在中国的周边地区，由于美国政府或明或暗的怂恿及支持，日本政府废置“和平宪法”，大力扩充军备，并以“维和”名义打破了向海外派兵的禁忌；越南、菲律宾等国完全无视《南海各方行为守则》，正加紧蚕食侵犯我南海地区的海洋领土权益及各项资源；随着美日政治军事势力的全面介入，台湾岛上的台独势力更是日益猖獗，大购美国军备妄图“决战境外”，实行“以武拒统”。 　　鉴此，当前的国际形势及周边局势告诉我们，“世界和平”还是一个可望而不可及的梦想，中国的国家安全更是遭受日益严重的挑战及危害。我们有必要对中国现行的国防政策及军事战略作出检讨和反思，进而重新确立能够切实保障中国国家安全的国防指导原则及军事战略思想。 　　一、现行国防政策及观念的检讨和反思 　　关于中国的现行国防政策，在中国政府发表的《2002年中国的国防》白皮书“国防政策”一章里是这样阐述的，“建立巩固的国防是中国现代化建设的战略任务，是维护国家安全统一和全面建设小康社会的重要保障。中国始终奉行防御性的国防政策。 　　中国制定国防政策的根本依据，是中国的国家利益。它主要包括：维护国家主权、统一、领土完整和安全；坚持以经济建设为中心，不断提高综合国力；坚持和完善社会主义制度；保持和促进社会的安定团结；争取一个长期和平的国际环境和良好的周边环境。中国采取一切必要手段维护国家利益，同时也尊重别国的利益，主张通过协商和平解决国与国之间的纠纷和争端。 　　中国国防的目标和任务，主要有以下内容： 　　――巩固国防，防备和抵抗侵略。中国的领陆、内水、领海、领空神圣不可侵犯。···一旦国家遭受侵略，中国将依照宪法和法律，坚决进行抵抗。 　　 　　――制止分裂，实现祖国完全统一。···中国政府按照"和平统一、一国两制"的基本方针和现阶段发展两岸关系、推进祖国和平统一进程的八项主张，以最大的诚意、尽最大的努力争取和平统一的前景，但决不承诺放弃使用武力。中国坚决反对任何国家向台湾出售武器或与台湾进行任何形式的军事结盟。中国武装力量坚决捍卫国家主权和统一，有决心、有能力制止任何分裂行径。 　　 　　――制止武装颠覆，维护社会稳定。中国宪法和法律禁止任何组织或个人组织、策划、实施武装叛乱或武装暴乱，颠覆国家政权，推翻社会主义制度。中国坚决反对一切形式的恐怖主义、分裂主义和极端主义。中国武装力量把依法维护社会秩序和社会稳定作为重要职责，严厉打击各种恐怖活动，打击敌对势力的渗透和破坏活动，打击危害社会稳定的各种犯罪活动，促进社会的安定团结。 　　 　　――加强国防建设，实现国防和军队现代化。中国坚持国防建设与经济建设协调发展的方针，坚持走一条经费投入比较少而效益比较高的道路，在经济发展的基础上推进国防和军队现代化。中国军队坚持以毛泽东军事思想、邓小平新时期军队建设思想为指导，全面贯彻"三个代表"重要思想，坚定不移地走中国特色的精兵之路，积极推进各项改革，适应世界军事变革的趋势，努力完成机械化和信息化建设的双重历史任务，实现军队现代化的跨越式发展。 　　――维护世界和平，反对侵略扩张。中国不称霸，不参加军事集团，不谋求势力范围，反对战争政策、侵略政策和扩张政策，反对军备竞赛。 　　 　　中国实行积极防御军事战略，在战略上坚持防御、自卫和后发制人的原则。为适应世界军事领域的深刻变革和国家发展战略的要求，中国制定了新时期积极防御的军事战略方针。 　　 　　这一方针立足于打赢现代技术特别是高技术条件下的局部战争。中国综合考虑威胁国家安全的各种因素，着眼于最困难、最复杂的情况做好防卫作战准备。人民解放军实施科技强军战略，加快国防科研和武器装备发展，培养高素质新型军事人才，建立科学的体制编制，发展具有中国特色的作战理论，增强联合作战、机动作战和执行多种任务的能力。 　　 　　这一方针注重遏制战争的爆发。根据国家发展战略的需要，人民解放军灵活运用各种军事手段，同政治、经济、外交等斗争密切配合，改善中国的战略环境，减少不安全、不稳定因素，努力遏制局部战争和武装冲突的爆发，使国家建设免遭战争的冲击。中国始终奉行不首先使用核武器政策，对发展核武器采取极为克制的态度。中国从不参加核军备竞赛，也从不在国外部署核武器。中国保持有限的核反击力量，是为了遏制他国对中国可能的核攻击。 　　这一方针坚持和发展人民战争思想。面对现代战争的新变化，中国坚持依*人民群众加强国防建设，增强全民国防观念，实行精干的常备军与强大的后备力量相结合的武装力量体制；坚持平战结合、军民结合、寓兵于民的方针，完善动员体制和机制，拓宽动员领域和范围，建立适应现代战争要求的国防动员体系；坚持灵活机动的战略战术，创造现代条件下适合人民群众参战的新战法，发挥人民战争的整体威力”。 　　在2002年度的这本国防白皮书里，中国政府首次将“中国的国家利益”明确列为“制定国防政策的根本依据”，这是一个具有历史里程碑意义的举措，我们对此深表赞同和全力支持。但在“国防政策”的各项细则中，却有多个细节值得商榷。 　　其一、“一旦国家遭受侵略，中国将依照宪法和法律，坚决进行抵抗”，此语实在过于简略和笼统，甚至予人一种软弱无力的感觉，并且明显与“中？的？？、？水、？海、？空神？不可侵犯”的表述存在较大的差距。我们应该作出如下表述：“对于一切侵略中国领土的企图和行为，中国政府及其武装力量坚决予以毁灭性的打击，并追究其违反国际法的一切责任及保留索讨战争赔偿的一切权利”。 　　其二、关于“台湾问题”，2002年度的有关表述出现了明显的倒退。在《2000年中国的国防》白皮书里是如此表述的，“如果出现台湾被以任何名义从中国分割出去的重大事变，如果外国侵占台湾，如果台湾当局无限期地拒绝通过谈判和平解决两岸统一问题，中国政府只能被迫采取一切可能的断然措施，包括使用武力，来维护中国的主权和领土完整，实现国家的统一大业。"台湾独立"就意味着重新挑起战争，制造分裂就意味着不要两岸和平。中国人民解放军坚定不移地以国家意志为最高意志，以民族利益为最高利益，完全有决心、有信心、有能力、有办法捍卫国家主权和领土完整，决不容忍、决不姑息、决不坐视任何分裂祖国的图谋得逞”。两相对照，我们不难看出其中的差别。 　　其三、“中国始终奉行不首先使用核武器政策，对发展核武器采取极为克制的态度”；“中国保持有限的核反击力量，是为了遏制他国对中国可能的核攻击”。此一表述说明中国政府对于核武力量的巨大战略意义认识严重不足。我们认为，在当代世界历史上，能够最有效地遏制霸权国家发动侵略战争以及最有力地维护国家安全的军事力量不是“机械化和信息化”的常规武装，而是具有根本性决定作用的核武器。拥有完备的同时具有实战能力的核武力量不仅能“遏制他？？中？可能的核攻？”，更能从根本上遏制以及消解一切国家（包括全部有核或无核国家）针对中国的侵略图谋。质言之，中国21世纪的国家安全必须坚定地建立在强大而完整的核武力量基础之上。 　　其四、关于“坚持和发展人民战争思想”，我们认为，经过二十多年的经济建设，加上中国科技实力的长足进步，中国政府及人民完全能够而且必须确立“御敌于国门之外”的国防思想和坚强信心。现代条件下的“人民战争思想”，应作如下调整：于政治层面，将“人民战争”提升至国家战略的高度，在对外的经贸活动及文化交流之中进行广泛实践，其实质意义在于培植全方位、多层次的“国家软实力”，以求获得更大的国家利益；于军事方面，则将“人民战争”降低至基本战术以及国防动员的层面，同时注意不应过分强调及追求“寓兵于民”，以免造成资源浪费和影响经济建设。 　　二、重新确立新世纪的国防指导原则 　　由于中国政府判断“和平与发展仍是当今时代的主题···新的世界大战在可预见的时期内打不起来。维护和平，促进发展，是各国人民的共同愿望。”（引自《2002年国防白皮书》“安全形势”一章）。因此，中国的现行国防指导原则就是“始终奉行防御性的国防政策”，以及“打赢现代技术特别是高技术条件下的局部战争”。于此一原则基础上，近年以来，中国人民解放军正在进行着如火如荼的常规武装建设。然而，自从苏联解体及冷战结束后，中国的国家安全形势反而日益恶劣，美国伙同中国的周边各国一边呼应“和平发展”，另一边却加紧蚕食侵犯我国领土领海及资源，加紧在中国周边地区部署大量战略进攻军力；台独势力的气焰和行为也更加嚣张和猖狂，并公开发表了台独“时间表”。面对这一切已经发生及正在发生的严峻事实，人们不禁要问，原因何在？ 　　（1）常规军力无法全面保障国家安全 　　我们认为，问题的答案除了国际政治大格局的演变之外，中国政府由于自身的“和平麻痹观念”而放缓以至停止研发部署新型核武器，并执行自我设限的最低核反击战略正是至关重要的原因。与美俄等核武大国相比，中国的核武库规模本来就是最小的，可中国政府的核战略更是建立在数量有限、同时又不首先使用核武器这双重主动自我限制的基础上，进而将自身的核威慑局限在有限核报复能力的范围之内。质言之，中国现有的核武力量（大部分为陆基，海基及空基因射程或航程太短不具实际威慑）不足以保证完全摧毁其他核大国本土的所有目标（亦即未能做到所谓“确保互相毁灭”），并且还只能被打后才可还击（天知道遭受美国核打击后中国还能剩下多少核武反击力量？）。     参考: </t>
  </si>
  <si>
    <t xml:space="preserve">我的他生气了，我还有机会吗？原因很简单，我不让他看我在这里发的贴 </t>
  </si>
  <si>
    <t>?]有人能真正了解自己！人??都有自己的空間和秘密，即使是朝夕相?的?廴?只是他不是這?拥目捶????人在一起要懂得相互體?相互珍惜！既然他喜?g你?λ拱祝銧?何不?λ拱?我不是要說什麽都坦白，至少是他要求坦白的?|西，你就坦白給他看其他的秘密就留在自己心中吧在我看?恚怯悬c孩子?獾?找??相?鄣娜瞬蝗菀祝?鄣降滓膊蝗菀?你??做到了前者，後者就需要?r間了，很多人都?]能??現後者，就是因?他??不懂得包容和珍惜！</t>
  </si>
  <si>
    <t xml:space="preserve">郑州治疗雀斑去哪家医院好? </t>
  </si>
  <si>
    <t>对雀斑的治疗，不能笼统的说那种治疗方法好，关键是要根据患者的具体病情做出诊断，结合具体的病情做出最适当的治疗。一般比较好的治疗方法是：内外结合，标本兼治。即内调，从源头上减小雀斑生成；外疗，是祛除雀斑的关键。脸上长的雀斑是由于日常生活中受紫外线的照射、生活压力过大、劣质护肤品的长时间使用以及遗传因素造成的。雀斑的出现严重影响患者的外部形象，出现这种情况后化妆品尽量要少用或者不用。雀斑一般的发生无外乎两种原因：一是原发性的即遗传；一是继发性的即外部环境的激发。对雀斑的治疗就是要抓住疾病的发病原因，俗话说：“治病，抓住病根是关键。”</t>
  </si>
  <si>
    <t xml:space="preserve">现在最流行的网络游戏是什么 </t>
  </si>
  <si>
    <t>挑战  完美世界  25日的树世界 4D的</t>
  </si>
  <si>
    <t xml:space="preserve">登陆问题这是什么问题，大家是不是也这样？ </t>
  </si>
  <si>
    <t>因为你更新了那个最新的15M补丁，所以WOW.EXE被修改了，但是360还没更新，认为你修改了是有木马。</t>
  </si>
  <si>
    <t xml:space="preserve">宝宝肩膀一耸一耸立怎么回事宝宝七个多月,发现她有时突然肩膀一耸一 </t>
  </si>
  <si>
    <t>有可能是宝宝哪里痒吧。只要不是持续性的动作就应该没事的。</t>
  </si>
  <si>
    <t xml:space="preserve">长红小疙瘩！！我宝宝今天才24天，额头上和眉毛下方都长了红色的小 </t>
  </si>
  <si>
    <t>家长你好!孩子出现这种症状，首先应明确是患了湿疹还是痱子。婴儿湿疹也就是常说的奶癣，是由于小儿对某些物质如乳类、鸡蛋、鱼虾等敏感性比正常的婴儿高，有时吸入粉尘、花粉，吃番茄、橘子也会过敏。母乳喂养的孩子如果母亲进食这些容易过敏的食物，通过乳汁诱发患儿得湿疹。在出生后几周内，孩子的面颊部、前额、眉弓、耳后出现丘疹、皮疹或疱疹，伴有渗出液，干燥后形成灰色或黄色结痂。由于阵发性瘙痒，孩子会哭闹不安，搔抓摩擦而引起感染。出生后的婴儿要注意内衣不要穿羊毛织物，选择宽大松软的棉织品，小儿得了湿疹母亲避免进食引起过敏的食物，患儿局部皮肤可涂些外用药如皮康霜或蛇脂软膏等。注意保持皮肤干燥，避免刺激，洗澡时不要用碱性肥皂，不要涂品或香水。发病期间尽量不用水洗，少晒太阳，以防感染扩散，不要进行预防接种.　　痱子是由于出汗多，汗液排出不畅潴留于皮内引起的汗腺周围发炎。炎热夏季当较胖的孩子大哭大闹、或较长时间抱着孩子时，很容易生痱子。长在面部、颈部、躯干、大腿内侧、肘窝处等部位的白痱子、红痱子、脓痱子，可继发感染成疖肿。防痱子最主要的是要保持皮肤清洁卫生，勤洗澡，较热的天气，一天可洗1—2次，可在水中放入适量杀菌消炎止痒的中药。洗完擦干后，在孩子的前胸、后背、额头、颈下擦些痱子粉或花露水，切记洗澡或出汗后不要立即进入开着空调的房间，更不要直接吹电风扇。平时注意室内要通风，在阴凉的地方玩耍；孩子的床上要铺纯棉床单，不要让孩子的皮肤直接接触凉席，以免汗液刺激皮肤；衣服不要穿得过多，不穿化纤衣物；睡着后要定时给孩子翻身、擦背。根据你所说的症状,宝宝应该是湿疹，婴幼儿湿疹是比较顽固的疾病，目前也没有特别有效的治疗方法，但值得庆幸的是随着宝宝年龄的增长，湿疹会慢慢好转。请你注意保持宝宝皮肤洁净，不要抠抓，不要捂得太多，不要用奶或是皂给宝宝清洗。时间长了慢慢会好的。 祝你的宝宝早日康复!!</t>
  </si>
  <si>
    <t xml:space="preserve">为什么要知其荣守其辱？出自道德经 </t>
  </si>
  <si>
    <t>知其荣守其辱,才能树立新风。总之，当荣辱，是一面镜子，有了它们我们才懂的什么是好什么是坏。然后才懂得去维持、去追求、去改正。</t>
  </si>
  <si>
    <t xml:space="preserve">宝宝喝金装多美滋奶粉3段后变的不爱喝水了怎么办?我宝宝以前挺爱喝 </t>
  </si>
  <si>
    <t>宝宝都很聪明的，白开水没有味道肯定是不喜欢喝的，建议你可以在水你兑果汁给宝宝喝，或者就是买冲水系列的钙粉给宝宝喝，这样他就肯喝了。或者就是在宝宝粥或者面里面加点麻油，也是有助于通畅大便的。</t>
  </si>
  <si>
    <t xml:space="preserve">关于局域网组建1．某企业大约有200台计算机，分散于五个楼层，若 </t>
  </si>
  <si>
    <t xml:space="preserve">如果有200台计算机,一、二层各需要2台48口交换机，三层需要一台48口的交换机，五层需要一台24口交换机，四层需要一台三层交换机（多少口都行，带路由的），剩下的口又来扩容，各层之间采用星型结构进行连接。 线路用双绞线连接就可以，都接在四层的交换机上。 </t>
  </si>
  <si>
    <t xml:space="preserve">C:\DocumentsandSettings\Administ? </t>
  </si>
  <si>
    <t>开机弹出文件夹(以下方法不是说都用你可以选择使用)1、开始/所有程序/“启动”中如果有这个文件夹的快捷方式删除（如果第1项已经解决下面就可不做了）。2、下载超级兔子，选打造自己的系统/启动程序，有启动项选项，可以取消或可以在加上或彻底删除。下载网址：  3、全能助手启动项管理专家 1.07在他的启动项中有程序的图标，你可以很方便的将不需要开机启动的程序删除，如果需要这个程序开机启动时，软件还有备份可以恢复，即方便又安全试试吧。下载网址： 4、点击"开始"/运行/输入msconfig后回车/点击"启动"/只保留"ctfmon/杀毒软件/防火墙,"其它前面的勾都去掉./然后点击"应用"/按"确定"（如果查找到某一选项的名和路径单独关闭更好），重启电脑，启动到桌面时会出现一个对话框，在对话框中添加对勾，确定即可。5、去掉自启动项开始/运行输入regedit回车打开注册表编辑器，依次展开 [HKEY_LOCAL_MACHINE\SOFTWARE\Microsoft\Windows\CurrentVersion\Run]在右侧，[HKEY_CURRENT_USER\Software\Microsoft\Windows\CurrentVersion\Run]在右侧， 看看有没有你要找的选项，如果有删除，重启电脑即可。6、用杀毒软件和恶意软件和木马强杀工具Windows清理助手（下载网址： ），在安全模式中查杀病毒和木马。7、如果故障依旧，请你用系统自带的系统还原，还原到你没有出现这次故障的时候修复（如果正常模式恢复失败，请开机按F8进入到安全模式中使用系统还原）。</t>
  </si>
  <si>
    <t xml:space="preserve">一岁的宝宝怎样做虾给吃？我的现在宝宝一岁了，5个月就开始吃饭，都 </t>
  </si>
  <si>
    <t>剥掉虾皮用虾仁加蛋,菜炒着吃,剁成小粒加在蛋液中蒸蛋羹</t>
  </si>
  <si>
    <t xml:space="preserve">请教各位大哥大姐，戴玉有什么好处啊知道的麻烦跟我说下！小女子第一 </t>
  </si>
  <si>
    <t>古人讲佩玉为美，黄金有价玉无价。玉埋藏地下几千年货是上亿年，玉中含有大量矿物元素，所以人们常说人养玉玉养人，如果人的身体好长期佩玉可以滋润玉，玉的水头也就是折光度会越来越好，越来越亮。如果人的身体不好长期佩玉，玉中的矿物元素会慢慢让人体吸收达到保健作用，譬如女士戴玉的手镯通常带左手，因为对心脏有好处。玉为枕而脑聪，古代皇帝就喜欢用玉做枕头，向中国古代长寿的皇帝都久用玉枕。而且像《本草纲目》也有对玉保健作用的介绍。 我国自古以来就有“玉石之国”的美名，古人视玉如宝，作为珍饰佩用。古医书称“玉乃石之美者，味甘性平无毒”，并称玉是人体蓄养元气最充沛的物质。认为吮含玉石，借助唾液与其协同作用，“生津止渴，除胃中之热， 平烦懑之所，滋心肺，润声喉，养毛发。”因而玉石不仅作为、摆饰、装饰之用，还用于养生健体。自古各朝各代帝王嫔妃养生不离玉，而宋徽宗嗜玉成癖，杨贵妃含玉镇暑。 玉的养生机理已经被现代科学所证实。据化学分析，玉石含有多种对人体有益的微量元素，如锌、镁、铁、铜、硒、铬、锰、钴等，佩带玉石可使微量元素被人体皮肤吸收，活化细胞组织，提高人体的免疫功能。故有中医所说“有的病吃药不能医好，经常佩带玉器却治好病”，道理就在于此。倘佩带玉手镯长期的良性按摩，不仅能被动除视力模糊之疾，而且可以蓄元气，养精神。 专家认为： [白玉] 有镇静，安神之功。 [青玉] 避邪恶，使人精力旺盛。 [岫岩玉] 对男性阳痿患者很有效，能提高人的生育能力。 [翡翠] 能缓解呼吸道系统的病痛，能帮助人克服抑郁。 [独玉] 润心肺，清胃火，明目养颜。 [玛瑙] 清热明目。 [老玉] 解毒，清黄水，解鼠疮，滋阴乌须，治痰迷惊，疳疮。 玉石不但能美化人们的生活，陶冶性情，而且祛病保平安。其产品直接用于健身保健的有：玉枕、玉垫、健身球、按摩器、手杖、玉梳，对人体具有养颜、镇静、安神之疗效，长期使用，会使你精神焕发，延年益寿。 玉器真假辨别法 玉器价格昂贵，挑选技术要求很高，绝大多数消费者都难以辨别其优劣、真假，稍有不慎就容易购买到劣质品或假货，蒙受重大的经济损失。市场上销售的玉器店家很多，玉器一般分为软玉和硬玉两大类。硬玉又叫翡翠。从化学业成分来说，软玉是含钙、镁和铁的硅酸盐；硬玉是含钠和铝的硅酸盐。 下面介绍玉器的优劣、真假辨别方法： 水鉴别法→ 将一滴水滴在玉上，如成露珠状久不散开者真玉；水滴很快消失的是伪劣货。 手触摸法→ 若是真玉用手摸一摸，有冰凉润滑之感。 视察法→ 将玉器朝向光明处，如阳光、灯光处，如果颜色剔透、绿色均匀分布就是真玉。 舌舐法→ 舌尖舐真玉有涩的感觉；而假玉则无涩的感觉。 放大镜观看法→ 将选购的玉器放在放大镜下观看，主要是有无裂痕，无裂痕者为上乘优质玉，有裂痕者为次之。即使是真玉，有裂痕的其价值亦大减，裂痕越多越明显的，价值也就越低。</t>
  </si>
  <si>
    <t xml:space="preserve">什么能提高电脑的运行速度 </t>
  </si>
  <si>
    <t>清除不必要的插件，开机启动项目尽量减少，下载运行的软件不要放在C盘里，会降低运行速度</t>
  </si>
  <si>
    <t xml:space="preserve">请问职称计算机考试的内容有哪些?能上传一下考试大纲吗? </t>
  </si>
  <si>
    <t xml:space="preserve">一,这是山东省的职称计算机关于2005年全国专业技术人员计算机应用能力考试有关问题的通知各市人事局，省直各部门（单位），各大企业，各高等院校： 根据人事部《关于全国专业技术人员计算机应用能力考试的通知》（人发[2001]124号）和省人事厅《关于专业技术人员计算机应用能力考试有关问题的通知》（鲁人发[2002]9号）要求，为做好2005年全国专业技术人员计算机应用能力考试工作，现将有关问题通知如下： 一、 报考范围 参加全国专业技术人员计算机应用能力考试的报考范围及有关考试科目（模块）的数量，仍按鲁人发[2002]9号文件的规定执行。 二、 考试科目及方式 2005年全国专业技术人员计算机应用能力考试科目（模块）仍为人事部统一设计的13类科目（模块），采用上机操作的方式进行，每一科目（模块）单独考试。 全省需要评聘中、高级专业技术职务的人员，须统一参加以下科目（模块）考试并取得合格证。 1、评聘中级专业技术职务者，须在“中文Windows98、Word97中文字处理、Excel97中文电子表格、计算机网络应用基础和WPS Office办公组合中文字处理”5类科目（模块）中任选3类参加考试并取得合格证。 2、评聘高级专业技术职务者，须在“中文Windows98操作系统、Word97中文字处理、Excel97中文电子表格、计算机网络应用基础和WPS Office办公组合中文字处理”5类科目（模块）中任选3类，另外还应根据各自岗位和从事专业工作的特点，在其他8类科目（模块）中任选1类参加考试并取得合格证。 按照鲁人发[2002]9号文件规定，符合暂不参加考试或只考部分科目（模块）的人员，须由设区的市人事局或省直主管部门、高等院校人事处出具暂不参加考试或免考部分科目（模块）的证明。申报职称时须将暂不参加考试或免考部分科目（模块）证明、考试科目（模块）的合格证同时上报。 三、 组织报名 2005年全国专业技术人员计算机应用能力考试省直驻济单位及中央驻济单位的考试的报名时间定于2月21日至3月7日。凡报考人员均由所在单位统一组织，按属地原则到当地人事考试中心指定的报名点办理报名手续。 省直驻济单位及中央驻济单位集中到山东省人事信息中心（地址：济南市燕子山路2号，山东省转业军官培训中心；联系电话：8932041-2323）报名。报名时，各单位要按照省人事考试中心提供的报名数据库格式（见附件2）形成报名信息库，连同考生报名表（见附件1）一并交报名点验收汇总。 省直部门及有关单位接到文件后，要抓紧到报名点办理交费及有关手续，按要求组织好本单位的报名工作。 四、 考试时间 根据人事部要求，我省2005年专业技术人员计算机应用能力考试分两批实施。具体时间定于4月上旬和6月上旬。6月中旬各市上传考试信息，6月下旬下载合格信息并发放合格证。报名结束后，根据实际的报名人数申请科目（模块）。各市要根据统一安排，认真做好考前的各项准备，在规定时间内完成考试任务。 五、 考试费用 考试收费标准按照鲁价费发[2002]180号文件执行，即报名费每人10元，考务费每人每个模块60元，其中各市上缴省人事考试中心每人每个科目（模块）20元（包括代人事部人事考试中心收取的试题费10元）。各市在申请科目（模块）时，办理交费事宜。 六、 具体要求 （一）认真做好各项准备。各市要对计算机应用能力考试组织实施安全情况进行一次检查。各考点的环境条件、设备配置和安全保密措施要完全符合考试要求。要依照《全国专业技术人员计算机应用能力考试管理系统（1.25）使用手册》中的配置，重新对各考点进行检查、验收，并于2005年2月21日前将考区、考点及报名点的设备配置及考试管理人员情况报省人事考试中心。 （二）严格落实考培分开的原则。根据《行政许可法》和上级有关精神，各地在组织实施时，要坚持考培分开的原则，负责考试的机构不得参与和组织培训，参与考试辅导与培训的人员不得从事考试的组织和服务工作。各市要加大对考试组织、监督、管理力度，严肃考风考纪，防止违纪现象的发生，确保考试的客观公正。 （三）严格工作程序。鉴于全国专业技术人员计算机应用能力考试考点管理系统（V1.25）已具备模拟考试功能，各市不得再使用实际考试场次及考试数据进行模拟考试。特殊情况必须报经省人事考试中心批准。3月23日上报考场设置及考试时间安排表，全省汇总上报人事部人事考试中心同意后，各市才能开始考试。2月21日前全省将完成全国专业技术人员计算机应用能力考试管理系统（V1.25）的升级工作。届时，原来的题库将不能使用，需要更换新的题库，各市于2005年2月21日前上报考点设置情况（包括考区名称、考点编码、名称、地址、联系人、联系电话），并交回旧的题库。全省汇总后，集中到人事部更换新的题库。 （四）切实加强领导。各市要切实重视并加强对全国专业技术人员计算机应用能力考试工作的领导，广泛进行安全、保密意识教育，加强考试题库、考试用服务器和考试信息的安全管理工作。要严格按照省里的部署和要求，统一组织实施，及时上报各类数据及报表。根据实际情况，制定有关应对考试突发事件的预案，一旦遇有情况，及时报告，迅速处置，确保考试工作的顺利进行。 此文将在《山东省人事考试信息网》上发布，网址： WWW.RSKS.SDRS.GOV.CN。 附件：1.全国专业技术人员计算机应用能力考试报名表 2.报名数据库结构 3.报名库模板 二,关于职称计算机考试内容题型的说明   Ⅰ 计算机职称考试系统环境 随着计算机软硬件发展和版本的更新，考虑到计算机职称考试所用教材及环境既要符合当前使用的现状与发展，又要相对稳定一定时间再更新。经专家论证并报教育厅领导批准，考试环境定为： Windows XP 及 Office 2003 包含的应用程序和 FrontPage 2003 。 Ⅱ 计算机职称考试试题类型说明 第一类： 1 ．选择题 40 分。 2 ．操作题 60 分（包括 Word 排版、 Excel 操作与使用、 PowerPoint 操作与使用）。 第二类： 1 ．选择题 40 分。 2 ．操作题 60 分（包括 Excel 操作与使用、 PowerPoint 操作与使用、网页制作、 Access 基本操作 [ 目前考试暂不要求，纳入考试内容将另行通知 ] ）。 第三类： 要求同第一类。 Ⅲ 计算机职称考试大纲 一、计算机系统基础知识 要求掌握计算机系统基本知识，了解计算机基本组成及基本工作原理，掌握基本外部设备的使用，为进一步开发计算机在本职工作领域的应用奠定基础。 1 ．计算机基本知识 计算机的产生、分类与发展；计算机的特点及应用。 2 ．计算机的硬件基本结构及各组成部件的功能 计算机硬件基本结构、各组成部件的功能、 CPU 的概念；存储器的分类、计量单位；移动存储设备、输入输出设备的使用；总线的概念和计算机的基本工作原理。 3 ．计算机软件 计算机软件分类（系统软件、应用软件）；操作系统分类及功能；程序设计语言的分类；常用的应用软件；软件工程的概念；计算机的主要性能指标。 ４．计算机中数据的表示 进制的概念及其相互转换；二进制的算术运算和逻辑运算（ AND 、 OR 、 NOT ）。 ５．计算机中字符和多媒体信息的编码 计算机中西文字符编码 (ASC Ⅱ码 ) ；汉字在计算机中的编码表示；多媒体信息在计算机中的表示。 ６．计算机系统安全与计算机病毒防治 关于计算机系统安全的概念；我国计算机保护法规；关于计算机病毒的特征、危害及防治。 二、 Windows 操作系统基础知识和操作使用能力 掌握计算机操作系统的基本概念，了解 WindowsXP 的特点，熟悉 Windows 操作，为使用以 Windows 为平台的各应用程序奠定基础。 1 ． Windows 基本操作 Windows 的启动和退出； Windows 的桌面、窗口的组成元素及操作；“我的电脑”中常见操作； Windows “帮助”功能的使用。 2 ．文件及文件夹操作 Windows 有关文件操作：文件命名规则、文件类型与文件属性、新建文件及文件夹；文件及文件夹的选取与查找、复制与移动、删除与恢复、重命名；应用程序的运行。 3 ． Windows 资源管理器 资源管理器启动和关闭、窗口组成及各项菜单命令的使用；利用资源管理器查看系统资源、设置文件属性。 4 ． Windows 控制面板 控制面板的概念、功能及有关操作，如：输入法的安装、设置鼠标属性、设置日期 / 时间；添加新硬件、添加 / 删除程序、安装网络等。 5 ． Windows 附件 Windows 常用附件的功能及使用。 （ 1 ）剪贴板的概念、功能及操作；剪贴板查看程序。 （ 2 ）画图的启动、画图中文件的类型、绘图的基本步骤及图形的编辑操作、文字说明的嵌入、将绘制的图形设置成桌面。 （ 3 ）系统工具：掌握常用系统工具的使用。如：备份、磁盘空间管理、磁盘扫描程序、磁盘清理程序、磁盘碎片整理程序。 三、网络基础知识及应用 考查网络基础知识，以及通过网络进行交互信息的能力。 1 ．网络基础知识 计算机网络的分类、构成、应用；网络协议概念及功能。 2 ．国际互联网（ Internet 、因特网）知识及应用 Internet 的组成、功能； Internet 的地址和域名。 3 ． Internet 的应用 信息的浏览与保存、信息的查询、信息的下载与提交。 4 ．电子邮件的应用 电子邮件的接收、发送、管理；免费电子邮箱的申请四、文字处理软件 Word 的使用能力 掌握 Word 的基本操作，考查 Word 的文字录入、编辑、排版、表格制作等功能。 1 ． Word 的基础知识 Word 的特点、版本演变；启动与退出； Word 窗口的组成， Word 帮助功能的使用。 2 ． Word 文档的创建与编辑操作 Word 文档的创建、输入、查看模式、保存、打开、关闭；文本对象的选定、文本对象的编辑、查找与替换。 3 ． Word 文档的排版 文档的页面设置、格式编排、修饰、分栏；分页及插入页码、设置页眉、页脚、边框、底纹、背景、项目编号的操作。 4 ． Word 中的表格制作 表格创建、对象选定、编辑与修饰、表格的有关计算、排序；文本与表格的相互转换。 5 ． Word 文档的图文混排 文档中图片对象（图形、艺术字、文本框、绘制图形）的插入与编辑及图片格式设置；图表和公式的插入与编辑；“批注”、“脚注和尾注”的使用；文档的格式和样式设置。 6 ． Word 文档的打印 打印参数设置、“打印预览”功能的使用。 五、电子表格软件 Excel 的使用能力 1 ． Excel 基础知识 了解 Excel 的特点、启动与退出； Excel 用户界面组成元素及功能。 2 ． Excel 工作表的有关操作 掌握工作表的建立、数据的输入方法、工作区的选择；格式化工作表及单元格内容的有关操作。 3 ．工作簿的管理 工作表的选定、编辑、移动、复制；工作表的保存与保护、打印；多工作簿的管理。 4 ．函数、公式的输入方法与使用、单元格地址的引用。 5 ．图表的应用 图表的建立、图表的组成元素、图表元素的选定、编辑；数据表的添加；图表的移动、复制等有关操作。 6 ．数据清单的管理 数据清单的建立、编辑；数据的排序、筛选、分类汇总、合并计算；数据透视表的建立、编辑、使用；图表中趋势线和误差线的使用。 六、制作课件及演示报告的能力 掌握 PowerPoint 基本操作，利用 PowerPoint 制作课件及演示报告。 1 ． PowerPoint 的基本操作 PowerPoint 的启动、退出；不同视图模式的使用；演示文稿的创建、打开、保存；幻灯片的选择、插入、删除、复制和移动。 2 ．向幻灯片添加多媒体对象 在幻灯片中插入表格、文字、艺术字、图片、声音、文本框、日期时间、幻灯片编号等；在幻灯片中插入其他应用程序的内容。 3 ．演示文稿格式设计与修饰 幻灯片版式的设置、幻灯片母版的使用、幻灯片应用设计模板、幻灯片配色方案的使用、幻灯片的背景及填充效果、幻灯片页眉 / 页脚的设置。 4 ．设置幻灯片的动画效果和创建超链接 设置幻灯片的动画效果、自定义动画、设置幻灯片的切换效果、创建超链接和动作按钮。 5 ．演示文稿的放映 幻灯片播放方式的设置；演示文稿的排练计时。 6 ．演示文稿的打印 打印演示文稿的选定；页面设置、设置打印选项。 7 ．演示文稿打包处理 演示文稿打包成 CD ；打包演示文稿的展开。 七、网页基本知识及网页制作 目前，制作网页已有许多优秀的软件，考虑到软件环境统一，采用 FrontPage 制作网页。 1 ．网页基础知识 网页概念、网页设计的语法基础（超文本标记语言 HTML ）； FrontPage 的基本操作。 2 ．基本站点操作 创建、打开站点；导入、删除、重命名站点；设计站点主题。 3 ．网页的基本编辑操作 为已有站点添加新网页、网页的基本操作、在网页中添加对象、图形、剪贴画；设置网页中的动态效果；建立超级链接。 4 ．框架式网页的设计 框架网页的创建、填充；调整框架、拆分框架、保存框架式网页；网页中表格的使用。 5 ．在网页中插入 Word 文档、 Excel 工作表、幻灯片，以及插入表单和表单集 八、利用 Access 进行数据处理的能力（目前暂不作为考试内容，如果纳入考试范围将另行通知） 掌握有关数据库及信息管理的基本概念，利用 Access 进行数据库设计，并能实现数据库的基本操作。 1.Access 数据库基本操作 数据库基本概念及分类、 Access 的功能及特点、 Access 的启动与关闭、 Access 工作界面及组成元素。2 .Access 数据库基本操作 Access 基本组件 ( 表格、查询、窗体、报表… ) 、 Access 的数据类型、数据库表格的创建及操作、查询设计及操作、数据库表中的数据操作、窗体的创建及操作、报表的创建及操作。 样题及界面见：     </t>
  </si>
  <si>
    <t xml:space="preserve">谁能告诉我合欢怎么样加点啊大家好！谁可以告诉我下合欢怎么加点更厉 </t>
  </si>
  <si>
    <t>你给的连接 根本打不开 !没玩过不要乱教人 +错了 是要浪费张全洗符的 88元!如果是没全洗的区 那这号就是废了!!!</t>
  </si>
  <si>
    <t xml:space="preserve">福州到贵安有公交车？？？ </t>
  </si>
  <si>
    <t>五一广场——贵安新天地专线，发车时间8:00,9:00,11:00,12:00,14:00,15:00  票价8元 ，停靠站点： 五一广场(海底支路) - 蒙古营 - 五四路口 - 古三座 - 树兜 - 省中心 - 桂湖(暂不启用) - 贵安收费站口 - 贵安新天地售楼中心(贵安水世界) - 贵安世纪金源大饭店 - 贵安新天地中小学 - 贵安新天地 旅游集散中心——贵安新天地专线，发车时间7:20,7:50,9:40,11:30,13:40,16:20，票价8元，停靠站点： 旅游集散中心 - 万象城 - 黎明 - 总院 - 山海观 - 铜盘路(北禅寺) - 长冠城 - 灰炉头 - 湖前 - 浮村 - 新店 - 小康佳园 -桂湖(暂不启用) - 贵安收费站口 - 贵安新天地售楼中心(贵安水世界) - 贵安世纪金源大饭店 - 贵安新天地中小学 - 贵安新天地 (18站)华威城乡客运站——贵安新天地专线，发车时间7:30, 8:30, 10:30, 12:00, 13:30, 15:30 ，票价8元， 停靠站点： 华威城乡客运站 - 金晖新村 - 福新东路 - 保利香槟国际 - 铁道医院 - 斗门(北环中路) - 电建二公司 - 琴亭高架桥(东浦路) - 浮村 - 新店 - 小康佳园 - 桂湖(暂不启用) - 贵安收费站口 - 贵安新天地售楼中心(贵安水世界) - 贵安世纪金源大饭店 - 贵安新天地中小学 - 贵安新天地 (17站)</t>
  </si>
  <si>
    <t xml:space="preserve">徽章问题我用了A车类车队战徽章双+40%捷豹龙头双+30%可是我 </t>
  </si>
  <si>
    <t>徽章只是在原有掉宝几率基础上增加15%，25%，30%，40%不等。不带还有得掉呢，所以掉宝是要看运气的哦！~不知道LZ所说的好和不好的标准是什么呢，车队徽章掉宝+40%。黄金牛头掉宝+25%，如果没运气掉宝就都只不过是装饰而已，懂？</t>
  </si>
  <si>
    <t xml:space="preserve">是否过了封闭期个人投资者认购终止日后就不能够买该基金了啊封闭期个 </t>
  </si>
  <si>
    <t>是的。新基金成立一般封闭期3个月，之后才能买卖（申购赎回）。</t>
  </si>
  <si>
    <t xml:space="preserve">美因茨0，不莱梅3，巴斯蒂亚1.有木有? </t>
  </si>
  <si>
    <t>很有希望</t>
  </si>
  <si>
    <t xml:space="preserve">《水浒传》里的宋江归顺朝廷是对还是错？请网友发表自己的看法！同上 </t>
  </si>
  <si>
    <t>宋江背叛了晁天王和梁山泊众英雄。梁山的存在应该是农民起义的性质绝对不会是为了昏庸的皇帝和黑暗即将覆没的朝廷像狗一样的让咬谁就咬谁，打完辽国和方腊还剩几个完好的梁山好汉？死的死残的残。问问林冲吧，他会为有高俅那样的奸臣存在的朝廷效力？</t>
  </si>
  <si>
    <t xml:space="preserve">波兰vs英格兰延期了北京时间周三凌晨3:00，按照原计划，英格兰 </t>
  </si>
  <si>
    <t>呵呵，这是天灾没有办法的，只能等FIFA官方定时间了。</t>
  </si>
  <si>
    <t xml:space="preserve">我的血影刀法怎么不起作用啊？一会能使出来一会不能？？请教高手！ </t>
  </si>
  <si>
    <t>这是系统自己设的,没办法改.</t>
  </si>
  <si>
    <t xml:space="preserve">找位好心的大哥大姐带我免费升级~哪个区的都行，最好是网通的大哥大 </t>
  </si>
  <si>
    <t xml:space="preserve">网二漫天 呵呵 我150合欢 暂时不想飞升 可以带你 能到75  喜欢的话90也带的动 但是和青云速度自然没法比 我们区说实话 很平衡的区  </t>
  </si>
  <si>
    <t xml:space="preserve">西藏的旅店没有拖鞋和洗漱用品吗 </t>
  </si>
  <si>
    <t>有的，只是好像太浪费没有拖鞋  洗漱用品有的宾馆有 有的宾馆没有  还是带着自己的洗漱用品是的基本都不配的啊</t>
  </si>
  <si>
    <t xml:space="preserve">“相约2号线”有人知道伐？我上海的，那个“相约2号线”有人晓得伐 </t>
  </si>
  <si>
    <t>"您好，感谢您对我们的大力支持！我网是中国第一家幸福婚恋网站。“免费谈恋爱”“免费学恋爱”“免费奖恋爱”是网站的三个核心主题。我们会定期举办小型、中型、大型的聚会交友、沙龙学校、自驾出游等一系列的线下活动。详情请查询官方网站。期待您的莅临！"</t>
  </si>
  <si>
    <t xml:space="preserve">易方达积极成长9月有分红吗 </t>
  </si>
  <si>
    <t xml:space="preserve">易方达积极成长证券投资分红公告     日期：2007-09-06     易方达积极成长证券投资基金（代码：110005，以下简称“本基金” ）自2004年9月9日合同生效以来取得了较好的经营业绩，截止2007年9月4日，本基金可分配收益为5,270,023,651.15元。根据《易方达积极成长证券投资基金基金合同》的有关规定，经基金管理人计算并由基金托管人中国银行股份有限公司(以下简称“中国银行”)复核，本公司决定以截止2007年9月4日的可分配收益为基准，再次向本基金份额持有人进行收益分配。现将收益分配的具体事宜公告如下：一、收益分配方案每10份基金份额派发红利0.50元。二、收益分配时间：1、  权益登记日、除息日：2007年9月10日 2、红利发放日：2007年 9月11日3、选择红利再投资的投资者其现金红利转换为基金份额的基金份额净值（NAV）确定日：2007年9月10日 4、红利再投资的基金份额可赎回起始日：2007年9月12日三、收益分配对象：权益登记日在易方达基金管理有限公司登记在册的本基金全体持有人。四、收益发放办法：1、选择现金红利方式的投资者的红利款将于2007年9月11日自基金托管账户划出。2、选择红利再投资方式的投资者所转换的基金份额将以2007年 9月 10日的基金份额净值为计算基准确定再投资份额，本公司对红利再投资所转换的基金份额进行确认并通知各销售机构。2007年9 月12日起投资者可以查询、赎回。3、权益登记日之前（不含权益登记日）办理了转托管转出尚未办理转托管转入的基金份额，其分红方式按照红利再投资处理。4、冻结基金份额的红利发放按照《易方达基金管理有限公司开放式基金业务规则》的相关规定处理。 五、有关税收和费用的说明1、根据财政部、国家税务总局的财税字[2002]128号《财政部、国家税务总局关于开放式证券投资基金有关税收问题的通知》，基金向投资者分配的基金收益，暂免征收所得税。2、本基金本次分红免收分红手续费。3、选择红利再投资方式的投资者其红利所转换的基金份额免收申购费用。六、提示1、权益登记日申请申购或转入的基金份额不享有本次分红权益，权益登记日申请赎回或转出的基金份额享有本次分红权益。2、投资者可以在基金开放日的交易时间内到销售网点修改分红方式，本次分红确认的方式将按照投资者在权益登记日之前（不含权益登记日）最后一次选择成功的分红方式为准。希望修改分红方式的，请务必在权益登记日之前（不含权益登记日）到销售网点办理变更手续。3、由于支付现金分红款时将发生一定的银行转帐等手续费用，为保护投资者的利益，根据基金合同的有关规定，当基金份额持有人的现金红利小于5元时，基金注册登记机构将该持有人的现金红利自动转为基金份额。4、由于部分投资者在开户时填写的地址不够准确完整，为确保投资者能够及时准确地收到对帐单，本公司特此提示：请各位投资者核对开户信息，如发现错误请到开户网点办理地址更正手续。七、咨询办法1、中国银行、中国工商银行、中国建设银行、交通银行、深圳发展银行、上海银行、上海浦东发展银行、广发证券、银河证券、华泰证券、中信建投证券、国泰君安证券、兴业证券、湘财证券、申银万国证券、海通证券、国信证券、招商证券、中信金通证券、山西证券、光大证券、东吴证券、东方证券、长江证券、联合证券、财通证券、长城证券、华安证券、财富证券、平安证券、天同证券、广东证券、东莞证券、世纪证券、中银国际证券、金元证券、西部证券、国联证券、国都证券、东北证券、国海证券、广州证券、第一创业证券、中原证券、南京证券、万联证券、华西证券、渤海证券、东海证券等机构的代销网点。2、易方达基金管理有限公司客户服务热线：40088-18088（免长途话费）或020-83918088。3、易方达基金管理有限公司网站  。特此公告                   易方达基金管理有限公司2007年9月6日     </t>
  </si>
  <si>
    <t xml:space="preserve">请教个问题家里想买窗帘墙纸之类的装修用品能否动用公积金？如果可以? </t>
  </si>
  <si>
    <t>不用动用公积金的。动用公积金只有大修才可以。</t>
  </si>
  <si>
    <t xml:space="preserve">工作一天你还好吗？很累了吧，休息会，别累着，高兴点，这样会很轻松? </t>
  </si>
  <si>
    <t>晓得呀 看到你就很轻松啦～</t>
  </si>
  <si>
    <t xml:space="preserve">高级天音指点下,如何快速冲级 </t>
  </si>
  <si>
    <t>最快的方法就是花钱找高级青云带~！其次的方法是和青云组队刷任务！再其次的方法是自己刷任务。最后的方法是24小时挂月华</t>
  </si>
  <si>
    <t xml:space="preserve">留学请蓝蓝建议女儿想去美国上大学，学金融（本科）。sat1和托福 </t>
  </si>
  <si>
    <t>其实我对现在美国学校的排名不是很清楚，如果是50名以后的学校， 相差几十位毕业时都没有什么差别了。个人认为专业比学校重要多了， 而且离大城市越近的学校越好， 以后找工作方便。当然如果是打算毕业以后回国或者要 当教授， 那排名比较重要。其实美国人对学校排名根本没有中国人这么在乎。 全美前20名的学校可能大家都清楚， 排在后的就没有人太关心了。</t>
  </si>
  <si>
    <t xml:space="preserve">甩掉中介算不算不讲信誉中介素质低可以作为甩掉中介的借口吗？ </t>
  </si>
  <si>
    <t>中介如何做了工作，就需要给报酬。如果甩掉，就是违约或者欺诈，个人信用有污点（你自己清楚的）。所以，不要甩。中介费没多少钱，看事情要看长远。这一笔中介费省了，是一时快乐。你一生都会被这件事情困扰，是一世的问题。 哪个轻，哪个重，非常容易判断。</t>
  </si>
  <si>
    <t xml:space="preserve">一侧大腿皮肤表层麻木是怎么回事?左大腿前面一侧麻木,阴天下雨之前 </t>
  </si>
  <si>
    <t>应尽快就医,相信从医生处可以得到更详细且科学的诊断.</t>
  </si>
  <si>
    <t xml:space="preserve">常用的网络营销方法有哪些？常用全面的方法 </t>
  </si>
  <si>
    <t>常用的营销方法有哪些字体大小：大 中 小　　2010-02-11 10:51:16　　来源：一比多　　　　成功的网络营销也不在于营销方法数量使用之多，而在于你更熟悉更擅长于哪一种。选择你最善长的营销方法，你才有可能获得最佳的营销效果。每一种营销方法，都有其成功案例可以列举，如果你想获得成功，就得对下面的营销方法进行深入地研究并且善于运用它们。　　搜索竞价　　这是目前广泛使用的推广方法，极受中小企业青睐。通过把词义与目标客户群的距离拉得更近，搜索引擎服务商常爱向广告主吹嘘，他们是做精准营销的，但到底精确与否，最后还得靠自己去判断。　　值得一提的是，搜索竞价营销方法，初期的推广费用不是很高，大多企业都能够买得起帐，而且具有有一定的精准程度可言。这也是为什么Google、百度等搜索引擎服务商能大把赚到钞票的原因。　　网站广告　　在网站上做Banner、Flash广告推广，是一种传统的网络推广方式。此类广告，宣传目标人群面比较广，不像搜索竞价那样能锁定潜在目标客户群。目前，网站广告是国内新浪、搜狐、网易等门户网站主要的赢利方式之一。　　此类广告，因为价格昂贵，一般的中小企业常玩不起。同时，又因为为中小企业带来的经济效益回报，效果难以评估。因此，较大的门户网站，一般不会去找中小企业来买广告帐。　　软文宣传　　一篇优质软文，不仅可以让你的网站获得大量的流量，还可以树立你公司在顾客或竞争对手心目中的形象。但前提是，软文必须要有“杀伤力”，才能够不断地吸引他人来阅读。因为“优质”，还常会被其他网站编辑转载，这样起到的效果就更佳了。　　对大多数公司来说，首先面临的一个问题就是，软文如何来撰写，是否有对行业或市场了然于心的文笔高手，能写出像模像样的软文来。　　值提醒一点的就是，如软文写得不好，则会被读者所遗笑，所以在发表软文之前，要仔细修订，确认它们能起到较好效果才好。　　网站SEO　　网站SEO是必不可少的，原因是目前网站大部分的流量，主要还是来自搜索引擎。如果没有SEO，显然是难以获得探索引擎的免费流量的。值得提醒的一点是，不要把SEO当成网站运营的主要工作来做，否则会掉入SEO陷阱不可自拔。　　我原了解过一家网络公司，经常开会讨论做SEO，结果影响了其产品和市场业务的发展，SEO也未能获得明显的改善。所以，很想提醒一下那些刚入行的互联网公司，不要成天SEO，别忘了重要的事情是什么?是产品，是市场，是业绩。　　网络视频广告　　以往大家都是通过文字、图片等来传达信息，网络视频传达方式则更直接、更形象、更容易为大家所接受。目前，视频网站的迅速崛起，让视频广告这种营销方法，在未来变得更有想象空间。　　个人认为，视频广告在将来将会发展越来越好。目前在网络上比较知名的视频网站有土豆网、我乐网、酷6网等。因为视频网站各自的定位人群不尽相同，所以选择做视频网站广告推广时，要根据自己的实际情况来进行推广。　　事件营销　　最近的事情营销案例：可乐与QQ在线上开展的奥运火炬传递活动，王老吉捐一亿后推出的“封杀王老吉”营销事情等，皆是非常成功的事情营销案例。　　事情营销，注重创意，有好的创意，就不怕没有效果。倘若有强大的资源作为后台支撑，营销效果则可能就会更棒。　　博客宣传　　如今，企业开博来宣传公司文化、理念和产品，已经不是什么新鲜事。博客这种新型的推广方式，已经得到非常多企业的认可和使用。有些企业博客网站，做起专门为企业开博的事情来，比如中国企业博客网等。　开博客进行网络宣传，相对来说，还是一种小范围的宣传。实际的效果，除了能看得到流量数，其它的效果就很难评估了。然而，企业博客毕竟也算是一种宣传方法，效果或多或少还是有一些。　　论坛推广　　以BBS为主的网络社区或论坛，目前国内星罗棋布、多如牛毛。要在BBS这种社区上取得较好的营销效果，其难度可想而知。但这些大大小小社区或论坛，如果统一整合起来，之后，再进行营销活动，可能效果会大不一样。　　有些人，常爱去一些较为热门的论坛发贴做推广，但这种宣传广告性的帖子一般没过多久就会被社区管理员删除，效果也不见得好。　　B2B平台　　B2B平台是目前广受中小企业欢迎的宣传推广平台。中小企业，常面临资金不足等难题，希望所付出的任何一点推广宣传费用，都能力求获得定单，否则就容易被视为没有效果。　　B2B平台，目前有阿里巴巴、一比多、慧聪网等网络营销平台。　　软件推广　　软件推广也是互联网上比较普见一种推广方式。成功的案例非常之多，较为典型的案例有， Window捆绑IE、QQ软件捆绑音乐软件等。进行软件推广的首要前提是，借力的软件要对用户有使用价值，用户愿意接受才行。　　提醒一点，应用此推广方法，得注重自身形象，不要太过流氓，否则不仅得不到好的推广效果，还有可能会惹来骂声一片。弄不好，可能还会遭到反流氓软件协会的控告，让你赔了夫人又折兵。　　Email营销　　一种古老的营销方式之一，几乎所有的互联网企业都在使用。互联网企业认为，获得了用户的邮件，如同获得了可以向用户宣传的“通道”。使用邮件营销最为厉害的要数国内一些著名的网络巨头，每天都给你发来邮件，让你烦不甚烦。　　大公司尚且如此，小公司自然也就不在话下了。有了邮件地址，发出去便是，至于效果嘛!容以后再说。反正有邮件不发出去感觉实在是浪费，发了还可能获得一线商机。　　Email营销方式值得注意的是，给用户发送的界面和内容要极富创意，容易吸引邮件用户进一步的兴趣，才会达到较佳的效果。　　口碑宣传　　好酒不怕巷子深。的确如此，好的产品，对顾客有用有价值的产品，自然也会得到用户的口口相传。与其说它是一种营销方法，还不如说它是一种“效果见证”。　　要想达到此种效果，则需要开发出来的产品对用户非常有价值才行，且让用户使用一次之后，再也离不开。进而能介绍他们的朋友也来使用。不知不觉地中，产品就被推广出去了。　　友情链接　　交换友情链接，要与大型网站、知名网站做友情链接，才会获得到更多的关注，赢得更多的点击数量。　　此外，友情链接还应当找Google-PR值较高的网站做。PR值高的网站，较容易受得到搜索引擎的青睐，更容易让网站的各个页面被搜索引擎所收录。收录多了，从搜索引擎过来的流量也才会变得更多。　　其它方法　　此外，还有即时聊天工具宣传、病毒木马传播、空间互动营销等。　　备注：如果你想到有其它的网络营销方法，不妨一起提出来吧!本文将继续添加其它网络营销方法，以供所有网络营销专业人士参考使用。</t>
  </si>
  <si>
    <t xml:space="preserve">牡丹鹦鹉爱扯自己身上的毛是什么原因为什么扯身上的毛? </t>
  </si>
  <si>
    <t>1、可能有羽虱等寄生虫。专用药物杀虫。2、鸟儿可能由于缺少某种营养物质，而出现的一种啄羽现象。可在笼中放入墨鱼骨 试试。3、啄羽症。鸟的一种坏毛病，你可以在笼中用绳子系住一截羽毛，任其啄。</t>
  </si>
  <si>
    <t xml:space="preserve">乙肝阳性有什么临床表现?是否应该经常进行体检? </t>
  </si>
  <si>
    <t>厌食 无力 皮肤发黄 肝区不适应 头晕只有 甲型肝炎可以彻底治愈！ 乙 丙 丁 型都无法根治 ！我也是肝病患者 我就把我多年的经验告诉你， 目前还没有彻底根治肝炎病毒的方法，如果感染了病毒，那么在免疫耐受期间（就是无症状期间） 无须治疗，治疗不但没有作用 而且会损伤正常肝细胞，而且长期服用 药物会产生 耐药性。到了病情加重 病毒复制加快时 遇到无药 可用的尴尬局面。只要注意饮食 休息 不疲劳 不发怒 适量 保持 好的心情可控制 病毒发展。 定时做 检查 肝功能 B超 DNA 如果肝功能有损伤 就进行保肝治疗，如果病毒超出正常值 过高 并且损伤肝细胞 就要进行 抗病毒治疗 （目前主要是 用 干扰素 和拉美夫定 系列药物 抗病毒 ）但这些药物本身副作用较大。所以是不能轻易使用！ 人体出现不适应时期也是肝炎病毒对人体伤害较大时期 叫做 免疫清除期， 这是 就要进行相对的治疗 控制病毒复制 保护肝功能 阻断病情的发展， 肝病主要是靠自己平时的 条理 注意好了 有的一辈子都 没有 大碍！ 不要轻信广告 目前没有根治 病毒的 药物！ 肝病就像很多 疾病 如 高血压 糖尿病 只能控制 无法根治！ 朋友 乐观面对 不要因此感到灰心 它不是那么的可怕！</t>
  </si>
  <si>
    <t xml:space="preserve">股权登记日登记后,把股票卖掉,还有没有权利配股. </t>
  </si>
  <si>
    <t>只要在股权登记日登记后,就有权利.</t>
  </si>
  <si>
    <t xml:space="preserve">去拔牙大夫把我好牙拔了怎么处理？ </t>
  </si>
  <si>
    <t>去法院告他</t>
  </si>
  <si>
    <t xml:space="preserve">在同一个小区内以贷款的方式买两套房子，可以吗？我是河北省张家口市 </t>
  </si>
  <si>
    <t>你好！     完全可以！</t>
  </si>
  <si>
    <t xml:space="preserve">盗号问题我登陆诛仙后连续出现输密保卡错误。可我输的都对的，封停后 </t>
  </si>
  <si>
    <t>这是系统的错误 ，会给你的。我曾经也遇到过，我是所有的 装备都没了，后来有有了！放心没事的</t>
  </si>
  <si>
    <t xml:space="preserve">关于外貌的形容词请告诉我一些形容外貌的词，越多越好！！ </t>
  </si>
  <si>
    <t>一表人才、风度翩翩，大腹便便，膀大腰园、披头散发、虎背熊腰、衣冠楚楚、相貌堂堂 沉落雁，貌美如花，倾国倾城眉清目秀 容光焕发 美如冠玉 出水芙蓉 冰肌玉骨 冰清玉洁 明眸皓齿 靡颜腻理 闭月羞花 沉鱼落雁 道貌岸然 秀色可餐 国色天香 粉白黛黑 傅粉施朱 婀娜多姿 衣冠楚楚 亭亭玉立 雾鬓风鬟 鹤发童颜 鹤发鸡皮 短小精悍 面黄肌瘦 面如土色 面红耳赤 面有菜色 蓬头垢面 蓬头历齿 鸠形鹄面 铜筋铁骨 肠肥脑满 瘦骨如柴 大腹便便 仪表堂堂 玉树临风 鹤发童颜 闭月羞花 冰肌玉骨 才子佳人 沉鱼落雁 城北徐公 齿白唇红 愁眉啼妆 出水芙蓉 绰约多姿 淡妆浓抹 二八佳人 傅粉何郎 姑射神人 国色天香 国色天姿 花容月貌 环肥燕瘦 娇小玲珑 绝代佳人 梨花带雨 林下风气 眉目如画 眉清目秀 美如冠玉 靡颜腻理 明眸皓齿 千娇百媚 倾城倾国 螓首蛾眉 如花似玉 双瞳剪水 亭亭玉立 我见犹怜 仙姿佚貌 小家碧玉 秀外惠中 夭桃?李 一表非凡 一表人才 一笑千金 仪态万方 月里嫦娥 稚齿??s 掷果潘安 朱唇皓齿 肠肥脑满 丑态百出 怪模怪样 尖嘴猴腮 面目可憎 蓬头历齿 漆身吞炭 其貌不扬 穷形尽相 三分像人，七分像鬼 头童齿豁 獐头鼠目 鸱目虎吻 蜂目豺声 凶相毕露 张牙舞爪眉清目秀、仪表堂堂、风度翩翩、面如土色、神情黯淡 可能会有些重复</t>
  </si>
  <si>
    <t xml:space="preserve">为什么华南1进去获取不了人物列表`全部人都是这样 </t>
  </si>
  <si>
    <t>服务器还在维护，暂时还是不能登陆的</t>
  </si>
  <si>
    <t xml:space="preserve">脂肪酸在人体的主要功能有那些 </t>
  </si>
  <si>
    <t xml:space="preserve">在大部分含油脂丰富的食物中，有一半左右的热量是由脂肪和油类提供的。天然的脂肪和油类通常是由一种以上的脂肪酸与甘油形成的各种酯的混合物。这些脂肪酸的功能有三种：（1）当脂肪酸在人体内被氧化生成二氧化碳和水，并放出一定的热量时，脂肪酸是一种能源。（2）脂肪酸贮存在脂肪细胞中，以备人体不时之需。（3）作为合成人体所需要的其他化合物的原料。当脂肪燃烧时，它所能够提供的热量大约为37620千焦／克。因此，在我们的饮食中，脂肪是最集中的食物能源。脂肪酸平衡有利男性健康  现代社会竞争日益激烈，常使承受家庭与工作压力的男性健康透支。近年来，男性中肥胖症、高血压、高血脂等疾病患病率逐年上升。“如何让男性拥有一个健康体魄，提高家庭的质量”已成为大众关注的焦点。很多健康问题都与不均衡的膳食有密切联系，营养学家用“金字塔形膳食结构”以及“中国居民膳食指南”，向大家提出营养平衡才能有健康生活的原则。而在营养平衡中脂肪酸平衡又是一个重要话题。　　脂肪是人体的三大供能营养素之一，对人体有许多重要的生理作用。脂肪的成分中大于90%是脂肪酸，而脂肪酸可分为饱和脂肪酸、单不饱和脂肪酸和多不饱和脂肪酸，其中多不饱和脂肪酸中n-6系和n-3系含有人体的必需脂肪酸，也就是人体无法合成而必须从食物中获取的脂肪酸。　　专家指出，食物脂肪酸有几十种，它们有的参与形成人体的组织结构，有的参与代谢过程，有的可以调节人体的生理生化反应，都对人体有一定作用。简单地用“好”和“坏”来评价它们是不科学的。不同食物脂肪酸组成不同，没有一种食物能满足人体的全部脂肪酸的需要，因此获得脂肪酸的平衡需要合理的膳食搭配。　　对于男性朋友来说，脂肪酸平衡的重要性可以体现在以下几方面。首先，在脂肪酸平衡的基础上保持脂肪摄入，才能精力充沛。脂肪的主要功能是作为能源物质，在体内代谢后可释放大量能量供给人体使用，它能满足成人每日能量需要的20%~50%。另外，脂肪由于能帮助脂溶性维生素的消化吸收，同时，脂肪酸参与构成脑组织和身体细胞膜，保证身体各个细胞的功能正常发挥。　　膳食脂肪来源很广，有来自烹调油的可见脂肪和包含在动物性食品及坚果中的不可见脂肪，提醒各位朋友，只有在膳食脂肪数量适宜（每人每日25克食用油），脂肪酸平衡、必需脂肪酸齐全以及各营养素比例均衡的条件下，才有助于人体处于健康状态。 </t>
  </si>
  <si>
    <t xml:space="preserve">安利纽崔莱的营养食品怎么样？吃过的进来说说 </t>
  </si>
  <si>
    <t>我也吃了二年了，效果很好！以前把它认作传销，好久都没接受。一个偶然的机会，调好了我一个朋友的高血压，我也接着试，才发现真的是不错的产品。至于要不要补充，要看情况，如果处于亚健康状态，就需要。借用营养学的一句话送你：健康重在保养，疾病重在预防。</t>
  </si>
  <si>
    <t xml:space="preserve">为什么说“古代衙门口朝南开，有理没钱别进来”？只要有钱，黑都可以 </t>
  </si>
  <si>
    <t>古时衙门又叫做“正堂”，正，从方位上说是朝南，如民宅的“正房”即为朝向为南的房屋。全文是讽刺封建社会官府在“公正”表象下隐藏的行贿受贿行为。</t>
  </si>
  <si>
    <t xml:space="preserve">陕西文科一本院校有哪些 </t>
  </si>
  <si>
    <t>陕西师范大学、西北工业大学，西北政法大学，</t>
  </si>
  <si>
    <t xml:space="preserve">我想做点小本生意，几千块能做什么？因为没有太多的钱，开实体店不现 </t>
  </si>
  <si>
    <t>卖点小首饰，韩版的！小女生的最爱</t>
  </si>
  <si>
    <t xml:space="preserve">为什么3D电视看着不太舒服？我觉得现在的3D电视还是挺不错的，那 </t>
  </si>
  <si>
    <t>据了解现在的3D电视大部分都是快门式技术的，这种快门式3D电视画面闪烁，还有抖动现象，而且技术低端，会有很多的缺陷，楼主看的一定也是这种的我推荐楼主等等那个不闪式技术出来再购买。</t>
  </si>
  <si>
    <t xml:space="preserve">寻最初《夜深沉》主题曲的原唱非田震版的，她没那个戏剧功底，唱的味 </t>
  </si>
  <si>
    <t xml:space="preserve">答：这首歌的原唱是李娜未了情 - 李娜 - 夜深沉主题曲 未了情演唱：李娜都说那有情人皆成眷属为什么银河岸隔断双星虽有灵犀一点通却落得劳燕分飞各西东劳燕分飞各西东早知春梦终成空莫如当初不相逢恨重重怨重重人间最苦是情种一步步追不回那离人影一声声诉不尽未了情 视听/下载地址： </t>
  </si>
  <si>
    <t xml:space="preserve">关于怎么关闭１４３４端口问题我用下面的步奏怎么关闭不了１４３４端 </t>
  </si>
  <si>
    <t>管理工具→本地安全策略→IP安全策略→创建IP安全策略..然后根据提示..设置各种端口的关闭与打开.</t>
  </si>
  <si>
    <t xml:space="preserve">手机生气了不愿意说话?这回手机生气了,连续几天吭都不吭一声~ </t>
  </si>
  <si>
    <t>哎，俺好羡慕你啊你跟他是小俩口的关系，俺跟他是爷俩的关系生气不说话可以哄他嘛，要不就揍他，给他打针，象俺的手机就没治了，老年痴呆啊。咋哄都不待理俺的，还不敢摔他老人家。</t>
  </si>
  <si>
    <t xml:space="preserve">什么车子既不能载人，也不能拉货？ </t>
  </si>
  <si>
    <t>风车,回车,倒车,垃圾车.</t>
  </si>
  <si>
    <t xml:space="preserve">一张dvd光盘能压存80部电影?我的朋友的朋友说自己买了一张光盘 </t>
  </si>
  <si>
    <t>完全有可能。DVD的容量4.5G，如果存RM/MPEG4或者压缩比更高的电影的话，存个48小时的视频是完全没有问题的。一张CD就能存三四部电影</t>
  </si>
  <si>
    <t xml:space="preserve">请大家指教你的魔力宝贝程序遭到不明程序的入侵。为了您的游戏安全， </t>
  </si>
  <si>
    <t>我也是这个问题啊,,,谁能帮忙解决啊!!!</t>
  </si>
  <si>
    <t xml:space="preserve">关于强直性脊椎炎强直性脊椎炎会痊愈吗?目前能彻底治好吗?平时要注 </t>
  </si>
  <si>
    <t xml:space="preserve"> 什么是强直性脊椎炎? 强直性脊椎炎的含义是什么? 　　强直性脊椎炎(AS)是一种从中轴骨骼和周围大关节炎症为特征的异质性全身风湿性疾病. 　　　　强直性脊椎炎与赖特尔综合征(性病和菌痢后),银屑病关节炎,反应性关节炎,溃疡性结肠炎及克罗恩病都属于血清阴性(指类风湿因子阴性)脊柱关节病. 　　　　本病男性发病率比女性高3倍,多发于20~40岁人群.患者有家属聚集性.病人的第一级亲戚发生AS的机会比一般人群高出10~20倍.人白细胞抗原(HLA)B27阳性率很高也支持本病有遗传基础,虽然环境因素似乎也起作用.HLA-B27阳性者发生脊椎炎的危险性约为20%. 　　症状和体征 　　　　最常见的症状是背痛,但非典型者也可以从周围关节炎开始,多见于妇女和儿童,极少数甚至以急性虹膜炎(前部眼色素层炎)起病.其他的早期症状和体征是胸部扩张减弱(由于肋骨和脊椎广泛受累所致),发热,疲劳,厌食,体重减轻和贫血.不论最初起病方式如何,最终的症状都是常在夜间反复发作不同程度的背痛,以及早晨感到关节僵硬,其特点是通过活动能使之减轻.患者自动地采取屈曲或弯身的姿势以减轻背痛和脊柱周围肌肉的痉挛.所以,在未经治疗的患者中,常见某种程度的脊柱后凸. 　　　　全身表现包括反复发作的急性虹膜炎,发生于1/3的患者,但一般可自行缓解(仅很少数患者多次发生长期虹膜炎并且严重到足以损害视力).神经病学征候来自压迫性脊神经炎或坐骨神经痛,椎骨骨折或不全脱位以及马尾综合征,后者引起阳痿,夜间尿失禁,膀胱和直肠感觉迟钝,踝反射消失.心血管方面的表现包括心绞痛,心包炎,心电图传导异常,极少数患者有主动脉闭锁不全.一种少见的肺部病变是肺上叶纤维化,有时伴有空洞形成而被认为结核,也可因并发曲霉菌感染而使病情加剧. 　　　　本病以急性脊椎炎的轻度或中度发作与近乎或完全静止期交替进行为特征.因此,若治疗适当,可不致残疾或致残程度很低,患者正常不受影响.个别病例,病情严重而且是进行性的,患者最终成为残疾.有难治性虹膜炎和继发性淀粉样变性的患者预后也不佳. 　　　　诊断 　　　　在多数活动性AS患者,血沉和其他急性期反应物(如C反应蛋白和血清Ig水平)可以轻度升高.IgM类风湿因子和抗核抗体试验阴性.HLA-B27通常阳性,但无特异性(阴性有助于排除AS,而阳性不足以诊断AS).对于典型患者可以不检测. 　　　　确诊必须经过X线检查.早期改变(由于软骨下侵蚀和硬化或关节间隙假性增宽或以后变窄)多发生在骶髂关节.脊柱的早期变化为脊椎广泛地变方形和矿物质丢失,以及斑点状韧带钙化.典型的竹节样脊柱伴韧带钙化对早期诊断没有帮助.这些晚期病变只发生于少数患者,平均在发病10年后才出现. 　　　　鉴别诊断 　　　椎间盘突出限于脊柱,没有疲劳,厌食或体重减轻等全身性表现,所有实验室检查包括血沉均正常.如有必要,可进行脊髓造影术或CT或MRI以明确诊断.单侧骶髂关节病变应考虑感染的可能,结核性脊柱炎在第157节骨关节结核中讨论. 　　　　弥漫性特发性骨肥厚(DISH)综合征较难鉴别.发病者多为50岁以上男性,并且与强直性脊椎炎临床表现和X线所见非常相似.患者也有脊椎痛,僵硬感以及逐渐加重的脊柱运动受限.X线所见有韧带钙化,常累及颈椎和低位胸椎,然而骶髂和脊椎骨突关节无侵蚀,晨起僵硬感未加重,血沉正常,HLA-B27与此病无关. 　　　　治疗　　　　首先用抗风湿药减轻患者的关节不适,然后开始长期计划---预防,推迟或矫正畸形.长期计划还应包括患者的社会心理和康复的需要.为了保持适宜姿势和促进关节运动,每日锻炼和其他支持措施(如姿势训练或治疗性锻炼)是非常重要的.目的是强化与潜在畸形方向相反的肌群,即加强伸肌群而不要加强屈肌群.如俯卧位阅读可拉伸颈部,有助于保持背部弹性. 　　　　非类固醇类抗炎药(NSAID)通过抑制关节炎症,疼痛和痉挛,从而便于进行锻炼和其他支持措施.绝大多数NSAID药物已证明对本病有效.应按患者对药物能否耐受或药物的潜在毒性危险,而不是按疗效的差别来选择药物.应注意观察患者,并告诫他们潜在的有害反应.每日NSAID的剂量应尽可能低,但在疾病活动期,则仍需要大剂量消炎止痛药.只有在该病活动期的所有全身症状和关节症状已被控制数月后,才能逐渐地完全撤药.一些新的NSAID,因为抑制环氧化物酶-2而被称为COX-2类药物,具有与抑制COX-1的药物相同的作用,而胃粘膜及肾脏的副作用发生机率相对较小. 　　　　肾上腺皮质激素的治疗价值有限,并且长期使用时有很多严重的副作用,包括强直脊柱的骨质疏松.对于急性虹膜炎,通常局部使用肾上腺皮质激素(和扩瞳药)即可；很少数需要口服肾上腺皮质激素.关节内注射肾上腺皮质激素可能是有益的,尤其是在1或2个外周关节比其他关节炎症更严重而影响锻炼和康复时. 　　　　多数用于类风湿性关节炎的慢作用药物(缓解药)如金制剂肌内注射,对本病无效或尚待研究.柳氮磺胺吡啶可能有效,尤其是周围关节受累时.开始剂量500mg/d,以后隔周增加500mg/d直到每日2g,分2次服,维持治疗.主要副作用为中枢性恶心,但肠溶片较易耐受,减少剂量可减轻副作用 　　　　由于麻醉剂,止痛剂和肌肉松弛剂无抗炎作用,所以只能短期使用以控制严重的背痛和痉挛. 　　　　脊柱放射治疗虽然是一种有效的方法,但只能作为最后手段,因为放射治疗后使产生急性髓细胞性白血病的危险增加十倍. 　　治强直性脊柱炎有哪些药膳 (1)桂浆粥：肉桂2～3g，粳米50～100g，红糖适量。将肉桂煎取浓汁去渣，再用粳米煮粥，待粥煮沸后，调入肉桂汁及红糖，同煮为粥，或用肉桂末1～2g调入粥内同煮服食。适用于强直性脊柱炎属寒湿阻络者。 　　(2)薏苡粥：薏苡仁150g，薄荷15g，荆芥15g，葱白15g，豆豉50g。将薄荷、荆芥、葱白、豆豉用清水1500ml，烧开后文火煎10分钟，滤取原汁盛于碗内，倒去药渣，将锅洗净，将薏苡仁洗净后倒入锅内，注入药汁，置火上煮至薏苡仁开裂酥烂即可食用。适用于强直性脊柱炎属肝肾阴虚兼风湿阻络者。 　　(3)雪凤鹿筋汤：干鹿筋200g，雪莲花3g，蘑菇片50g，鸡脚200g，火腿25g，味精5g，绍酒1 0g，生姜、葱白、食盐、顶汤各适量。 　　制作：①将鹿筋加入开水浸泡2天后，切成指条块下锅，加入姜、葱、绍酒和水，将鹿筋煨透取出。②鸡脚用开水烫透，脱去黄衣，斩去爪尖，拆去大骨，放入罐内；将雪莲花洗净后用纱布袋松装放入罐子内，上面再放鹿筋、火腿片、蘑菇片，加入顶汤、绍酒、生姜、葱白，上笼蒸至鹿筋熟软时取出(约2小时)，滤出原汤，汤中加入味精、食盐，搅匀后倒入罐子内再蒸半小时，取出即可食用。适用于肝肾亏虚、寒湿阻络型强直性脊柱炎。 　　(4)雪花鸡汤：党参150g，雪莲花30g，峨参15g，苡仁1000g，光鸡10kg，生姜50g，葱白50g 。 　　制作：①把鸡宰杀后，去毛及内脏，洗净掺入清水40kg。②将党参、雪莲花洗净切成4cm 长的段，峨参切成0 1cm厚的片，用纱布包好，放入锅中。薏苡仁洗净用纱布另包亦放入锅中，同时加入生姜、葱白，先用旺火将汤煮沸，改用文火炖2～3小时左右即可。③捞出鸡肉砍成2～3cm见方的块，按定量放入碗中，再把煮熟的薏苡仁捞出，解开抖散，分撒入碗中，加入药汤，用食盐略调味即可食用。适用于脾肾虚寒，风湿阻络型强直性脊柱炎。  </t>
  </si>
  <si>
    <t xml:space="preserve">如何制作上一页。下一页的链接在做作业遇到了问题我制作了个框架为上 </t>
  </si>
  <si>
    <t>首先你已经可以用1 2 3 4 5 6形式链接，那么说明你在上框架显示是可以判断下框架点击的链接数字是几。现在需要做是把上一页下一页的点击转化为数字的点击。实现方法：定义一个变量page，默认打开页面是1，所以page默认等于1。点击下一页，如果page&lt;6,那么page=page+1,否则page=6点击上一页，如果page&gt;1,那么page=page-1,否则page=1至于上框架显示原来读取数字的地方，你直接改成读page就可以。另外你说明都是静态页面，但你完全可以利用javascript来完成以上工作（javascript无论动态还静态页面都可以是用）。</t>
  </si>
  <si>
    <t xml:space="preserve">申请完号怎么申请密码保护啊 </t>
  </si>
  <si>
    <t>在UC客户端里的 主菜单－&gt;UC服务器中心－&gt;申请密码保护</t>
  </si>
  <si>
    <t xml:space="preserve">24f一张500点卡能卖多少钱呀？ </t>
  </si>
  <si>
    <t>不要信他的24区老区500点的 最少能卖到1200到1500万...........哪个白痴想让你吃亏.........我们34区150点的卡就可以卖到400到500万拉..........自己去24区QY问下.就知道小心上当500-600</t>
  </si>
  <si>
    <t xml:space="preserve">货卖了350元为什么只进帐305元？我的游戏帐号卖了350已经交 </t>
  </si>
  <si>
    <t xml:space="preserve">尊敬的客户:    您好！客户服务060很高兴为您服务！    出售游戏账号是需要收取10%+5的手续费，不满100的按照100收取，出售350的是按照400收取，是收取45元的手续费是正确的，取回的押金是需要48小时以后才可以申请提现。    如需帮助或投诉请与我们客服中心联系，客服中心服务热线：0579-83225173.感谢您对5173的支持！！愿您一年365天快快乐乐，平平安安!愿您度过温馨浪漫的每一天！                                            </t>
  </si>
  <si>
    <t xml:space="preserve">化学问题金属性最强和非金属性最强的两种元素的单质相互化合形成的化 </t>
  </si>
  <si>
    <t>你是指CsF?金属原子趋向于失电子,而非金属原子趋向与得电子,像Cs极易失去最外层1电子,F极易得1电子,所以Cs原子与F原子化合时先得失电子,然后阴阳离子间发生作用,是典型的离子键.值得注意的是,即使是CsF,也是92%的离子键(考虑极化变形),100%的离子键是不存在的.</t>
  </si>
  <si>
    <t xml:space="preserve">高考补填志愿要不要本人到场补填？高考没录取，要补填志愿，而本人在 </t>
  </si>
  <si>
    <t>河北的补报是远程填报的。在任何一个可以上网的地方都可以自己打开页面，进行填报。</t>
  </si>
  <si>
    <t xml:space="preserve">测试怎么挤不进去啊?挤了半天了...有什么办法么,别说半夜爬起来 </t>
  </si>
  <si>
    <t>这才是魔力的感觉这就叫当年的爆服务器◎＃￥可惜以前是10线全红现在充其量就2个</t>
  </si>
  <si>
    <t xml:space="preserve">IE被隐蔽篡改!!我的主页是163,但我上线后却经常自动弹出一个 </t>
  </si>
  <si>
    <t xml:space="preserve">建议用360安全卫士清除  </t>
  </si>
  <si>
    <t xml:space="preserve">未至黄昏梦不成…也打一字… </t>
  </si>
  <si>
    <t>未至黄昏梦不成…也打一字林</t>
  </si>
  <si>
    <t xml:space="preserve">对于男性来说问个不礼貌的问题：是戴绿帽子严重还是结婚时非处女伤害? </t>
  </si>
  <si>
    <t>戴绿帽子严重吧。非处有很多是“安于室”的，婚姻也会很稳定，而给老公戴绿帽子，她肯定是“不安于室”的，婚姻也危险。</t>
  </si>
  <si>
    <t xml:space="preserve">我样的观赏虾怎么放在一起就互相咬啊，是不是必须分开养啊，还有他们? </t>
  </si>
  <si>
    <t>互相残杀是虾的习性</t>
  </si>
  <si>
    <t xml:space="preserve">请问深圳关内哪家宾馆比较便宜阿?200以下或左右的,请大家指点条 </t>
  </si>
  <si>
    <t>名都酒店、好来登酒店、鸿图酒店、远东酒店都很便宜不过相比之下前面两间便宜一点，名都最便宜</t>
  </si>
  <si>
    <t xml:space="preserve">有没有叶璇的亲笔签名,我很想模仿她的签名请大家帮忙,在此多谢 </t>
  </si>
  <si>
    <t>看看这个</t>
  </si>
  <si>
    <t xml:space="preserve">多发痣是否脂溢性角化？是否需要检查内脏以防恶性肿瘤？您好，大约两 </t>
  </si>
  <si>
    <t>根据你的描述和照片，首先考虑脂溢性角化，但要完全确诊，需要活检病理。尽管昨溢性角化老年人高发，但年轻人并不少见，特别是躯干多发的。因为是两年逐渐增多，不是短期内暴发，而且你年龄轻，不考虑与癌有关。</t>
  </si>
  <si>
    <t xml:space="preserve">求助：急！我的电脑中D盘和E盘不见了我安装了还原精灵后我的D盘和 </t>
  </si>
  <si>
    <t xml:space="preserve">用分区软件，下载地址如下 </t>
  </si>
  <si>
    <t xml:space="preserve">暗精10级任务中一个叫委托打倒祭坛附近的突伦族山贼,这个突伦族山? </t>
  </si>
  <si>
    <t>突伦族山贼就在祭坛的旁边,就是快到祭坛的时候，有些插着小旗的地方，两边是小坡，你往右面看，当然是你面对着祭坛的方向是右边啦　，走上去，那里有蜘蛛、石头怪还有就是你要的任务怪了，任务的东西是怪异匕首，市值20000-25000吧谢谢，麻烦采纳我的回答　</t>
  </si>
  <si>
    <t xml:space="preserve">问歌的名字我知道歌词你说过我比较像你的好朋友只是不小心拥抱着 </t>
  </si>
  <si>
    <t xml:space="preserve">歌曲：好朋友歌手：罗志祥 专辑：speshow </t>
  </si>
  <si>
    <t xml:space="preserve">冥王跑秒仪怎么改好开！！有一套CUC可以吗 </t>
  </si>
  <si>
    <t>CUC套加-105车身 0.22 加点卡轮壳+商店驾驶件就OK了  如果你技术好可以进7秒 (⊙_⊙) 祝LZ跑个好成绩车来！！！</t>
  </si>
  <si>
    <t xml:space="preserve">有关水果皮我经常把吃水果的时候削的皮贴脸，不知道这样会有效果吗？ </t>
  </si>
  <si>
    <t>3.  葡萄。葡萄喊有丰富的营养哦，特别是葡萄皮是抗氧化效果最好的，吃完的葡萄皮，不要仍，直接把皮涂抹在脸上，干了之后在接着抹，直到你把葡萄都吃完，干了之后洗干净就好。这个是很多推荐的美肤方法，只是刚抹的时候会感觉很粘，没关系的，一会就会变干，你就不会感觉不好了，呵呵。葡萄最好是水分很多，果实大一点的。这样的比较好。B.  黄瓜面膜。我夏天的时候经常是每天都把新鲜的黄瓜切成小片，很薄的小片，要很薄，然后均匀的帖在脸上，直接睡觉，过夜，第二天直接洗下去，你会觉得脸滑滑的，而且超级滋润，美白的效果呢，不如第一个，但是我帖了一个夏天，还是感觉肌肤有改善，白了很多不敢说，但是毕竟比我之前的皮肤白了，皮肤也紧致了。姐妹们现在如果想做的话，就去买超市里没有污染的那种包装的黄瓜，比较新鲜。呵呵，这可是最最天然的养白方法。1.  绿茶水爽肤。绿茶含丰富的VC和抗氧化的物质，所以很多时尚的女性选择只喝绿茶，其实你完全可以把它运用到你的脸上。把一杯泡好的绿茶晾凉。在你彻底清洗完脸之后，可以一点一点的把绿茶水都拍在脸上，就象你平时排爽肤水一样，只是会比较累。就是等你拍的绿茶干的时候，在继续的拍上去，直到你感觉脸很滋润就可以了。不用洗掉你可以直接睡觉了。这个方法我用了之后很不错的，但是要积住泡的第一杯绿茶不要用，倒掉，用第二杯。这是关键哦。。。一个星期2次就可以。</t>
  </si>
  <si>
    <t xml:space="preserve">将棱长为a的正四棱锥的一个面与正三棱锥的一个面重合所得的多面体是? </t>
  </si>
  <si>
    <t>设棱长为a=2的正四棱锥A-BCDE与正三棱锥A-CDF,取AC中点G,连BG,DG,FG.易知AC⊥BG,AC⊥DG,AC⊥FG,∴∠BGD、∠DGF分别是二面角B-AC-D、D-AC-F的平面角。BG=DG=FG=√3.BD=2√ sBGD=(BG^2+DG^2-BD^2)/(2BG*DG)=-1/3,cosDGF=(DG^2+FG^2-DF^2)/(2DG*FG)=1/3.∴∠BGD+∠DGF=180°,∴A,B,C,F四点共面;同理,A,E,D,F四点共面。∴多面体ABCDEF是五面体。</t>
  </si>
  <si>
    <t xml:space="preserve">有硬盘中删除的内容，为何还能找到？看电视和网上说，有的犯罪份子， </t>
  </si>
  <si>
    <t>首先要了解删除文件的原理，删除文件只是把磁盘分配表里面该文件的信息删除（其实是删掉文件名的第一个字母），硬盘磁道里存放的文件内容（0和1的二进制信息）并没有清零，所以只要硬盘内的这些信息未被破坏（覆盖或清零或物理损坏），删除文件后是有办法恢复文件或文件的部分信息的。</t>
  </si>
  <si>
    <t xml:space="preserve">为什么九五步枪的弹匣我们自己用的是铝的，而出口的九七却是钢的？ </t>
  </si>
  <si>
    <t>我觉得这应该是由客户的需求决定的吧，喜欢、习惯使用铝的就定制铝弹夹，喜欢钢的就用钢弹夹。我想如果有要求，搞一个像G36那样的透明塑料弹夹也未尝不可。以下是一位海外枪友试用97式的一段话，对弹夹的质地问题算是一个比较好的回答：装子弹的时候，我看到原枪配的是北约规格的30发弹匣(国内95式采用聚合物弹匣，可惜外贸版本上看不到)，但令我惊奇的是：弹匣不是铝合金的，而是全钢材料制造，拿在手里有沉甸甸的感觉。钢的弹匣虽然比铝合金的更牢固，但存在重量重和会生锈的问题，因此美国的弹匣制造厂商到现在还是采用铝合金为主。美军M-16弹匣的设计本意是用一次就抛弃，所以弹匣的结构并没有太重视耐用性。但是这种浪费的观念在我国估计不会被人接受。</t>
  </si>
  <si>
    <t xml:space="preserve">我的脑袋起豆豆？我的右半脑的后脑勺老是有一棵小豆豆，有的时候会发 </t>
  </si>
  <si>
    <t xml:space="preserve">治疗青春痘：饮食三多两少 中医有许多治疗青春痘的方法，可随不同人的体质而变化。但对于不愿煎服中药的人来说，最简单的，就是从日常饮食中的“三多两少”做起。 一多锌：锌可增加抵抗力，促进伤口愈合，含锌的食品很多，如玉米、扁豆、黄豆、萝卜、蘑菇、坚果、肝脏、扇贝等。 二多维他命：维他命A对肌肤有再生作用。含维他命A的食物包括红萝卜、菠菜、生菜、杏子、芒果、动物肝藏、鱼肝油等。绿叶蔬菜、鱼类含有的维他命B2及B6，则可参与代谢蛋白质，以及促进脂肪代谢，平复暗疮。维他命C能有效修复被暗疮损伤的组织，吃新鲜蔬果就可吸收到。维他命E的美容作用更不用说了。 三多粗纤维：它促进肠胃蠕动，加快代谢，使多余的油脂排出体外。此类食品有全麦面包、大豆、笋等。 一少肥甘厚味：如动物油、芝麻、花生、蛋黄等油脂丰富食物。 二少辛辣腥臊：辛辣食物易刺激神经和血管，容易引起暗疮复发。而腥臊则容易起过敏反应，令患暗疮的皮肤恶化。参考资料： </t>
  </si>
  <si>
    <t xml:space="preserve">冠心病胸闷前心后背痛，全身无力，解放军105医院就诊，造影，心脏 </t>
  </si>
  <si>
    <t>您好！请问有没有其他检查结果？血压高吗？血糖血脂如何？心电图、超声心动图有没有问题？肝肾功能、BNP结果怎样？如果有这些结果麻烦发给我看一下。按经验看，应该是冠心病可能性较大，目前的用药是可以的，可以考虑停麝香保心丸，加用一天一颗阿司匹林，半粒立普妥，待看了其他检查结果再行调整用药。</t>
  </si>
  <si>
    <t xml:space="preserve">我家的鼠标有些莫名其妙，单击的时候电脑的反应和双击的一样。怎么办? </t>
  </si>
  <si>
    <t xml:space="preserve">鼠标内部的微动开关弹簧片失效了，单击时该发出一个脉冲变成了两个，所以就成双击了。换一个鼠标吧，20元的就可以了。 如果自己有兴趣而且有动手能力，打开鼠标，打开微动开关，把里面的弹簧片修整一下再安装回去，也可以再使用一段时间。 </t>
  </si>
  <si>
    <t xml:space="preserve">请问电脑桌面不显示图标,只显示桌面背景,键盘也不能用,鼠标也不能? </t>
  </si>
  <si>
    <t>解决办法：一．开机后，进入到你看不到桌面图标和无任务栏的界面，按组合键ctrl+alt+del调出任务管理器，点击文件-新建-explorer.exe 应该就可以看到桌面以及任务栏了。这可能是你的关键进程explorer出了问题，你可以从别人的中拷一个explorer.exe到你的电脑上，覆盖掉就可以了，explorer.exe的位置在c盘的windows里面。二．开始—运行输入REGEDIT依次打开HKEY_LOCAL_MACHINE\SOFTWARE\Microsoft\Windows NT\CurrentVersion\Winlogon，然后查看该分支下的Shell值是否为“Explorer.exe”。如果不是，手动修改为“Explorer.exe”。 如果问题得不到解决，可能是由于中毒引起，应该采用以下办法:1、首先用杀毒软件在安全模式中查杀病毒。2、若不行，用系统自带的系统还原修复（在安全模式中使用系统还原）。3、若不行，使用系统盘修复，打开命令提示符输入SFC /SCANNOW 回车（SFC和/之间有一个空格），插入原系统盘修复系统，让系统会自动对其修复。4、仍不行，那就只有重新安装操作系统了。</t>
  </si>
  <si>
    <t xml:space="preserve">湿热体质是什么？它的表现是什么？湿热体质是什么以及它症状的表现？ </t>
  </si>
  <si>
    <t>湿热体质可能导致湿疹，诱发湿疹的原因较多，食物、药物等都可能成为湿疹的致敏源，所以湿疹的治疗需要结合自身特点，也就是中医常说的辨证论治。确定自己是不是患上湿疹最好的方法就是看症状，湿疹的主要特点是：（1）瘙痒性：其特点是持续性瘙痒，依靠分散注意力也无法解决，安静下来时，瘙痒会加剧，形成阵发性加剧、持续性瘙痒的状态。（2）多形性：湿疹表现出的皮疹是多形态的，可分为原发疹与继发疹。原发疹中有丘疹、水泡等，继发疹中有糜烂、渗出等。    湿疹的主要病因是湿热血毒，所以在治疗应偏于清湿热、血毒。皮肤科常用的中成药同仁堂的皮肤病血毒丸，来源京城四大名医施今墨的经验方，用药多，作用范围广，有清热、解毒、凉血、祛风、除湿、止痒的作用，很适合湿疹的治疗。  一些人是典型的湿热体质，容易得湿疹，湿热体质的表现主要有：面垢油光、多有痤疮粉刺、常感口干口苦、眼睛红赤、心烦懈怠、大便燥结或黏滞。这些人是湿疹的高危人群需要特别注意。所以也可以拔罐效果更佳哦</t>
  </si>
  <si>
    <t xml:space="preserve">梦幻诛仙《天书》中第一句话是什么？ </t>
  </si>
  <si>
    <t>天地不仁，以万物为刍狗</t>
  </si>
  <si>
    <t xml:space="preserve">“扬州八怪”是谁？究竟“怪”在哪里？ </t>
  </si>
  <si>
    <t xml:space="preserve">州八怪”究竟指哪些画家，说法不尽一致。有人说是八个，有人说不止八个；有人说这八个，有人说另外八个。据各种著述记载，计有十五人之多。因李玉芬《瓯钵罗室书画过目考》是记载“八怪”较早而又最全的，所以一般人还是以清末李玉芬所提出的八人为准。即：汪士慎、郑燮、高翔、金农、李鳝、黄慎、李方膺、罗聘 “扬州八怪”怪在哪里？ “扬州八怪”究竟“怪”在哪里，说法也不一。有人认为他们为人怪，从实际看，并不如此。八怪本身，经历坎坷，他们有着不平之气，有无限激愤，对贫民阶层深表同情。他们凭着知识分子的敏锐洞察力和善良的同情心，对丑恶的事物和人，加以抨击，或著于诗文，或表诸书画。这类事在中国历史上虽不少见，但也不是多见，人们以“怪”来看待，也就很自然的了。但他们的日常行为，都没有超出当时礼教的范围，并没有晋代文人那样放纵--装痴作怪、哭笑无常。他们和官员名士交流，参加诗文酒会，表现都是一些正常人的人。所以，从他们行为中来认定他们的“怪”是没有道理的。现在只有到他们的作品中，来加以研究。 “八怪”不愿走别人已开创的道路，而是要另辟蹊径。他们要创造出“掀天揭地之文，震惊雷雨之字，呵神骂鬼之谈，无古无今之画”，来自立门户，就是要不同于古人，不追随时俗，风格独创。他们的作品有违人们欣赏习惯，人们觉得新奇，也就感到有些“怪”了。正如郑燮自己所说：“下笔别自成一家，书画不愿常人夸。颓唐偃仰各有态，常人笑我板桥怪。”当时人们对他们褒贬不一，其中最主要的一点，就是偏离了“正宗”，这就说明了它所以被称之为“怪”的主要原由。扬州八怪画家突破了“正宗”的束缚，在继承传统的基础上，重在自己创造与发挥，穷其一生，为创造新的画风而努力。 “扬州八怪”知识广博，长于诗文。在生活上大都历经坎坷，最后走上了以卖画为生的道路。他们虽然卖画，却是以画寄情，在书画艺术上有更高的追求，不愿流入一般画工的行列。他们的学识、经历、艺术修养、深厚功力和立意创新的艺术追求，已不同于一般画工，达到了立意新、构图新、技法新的境界，开创了一代新画风，为中国绘画的发展立下了不朽的功业。 中国绘画历史悠久，源远流长，其中文人画自唐宋兴盛起来，逐步丰富发展，形成一套完整的理论体系，留下大量的作品，这是中国绘画的骄傲。明清以来，中国各地出现了众多的画派，各具特色，争雄于画坛。影响最大的莫过于以“四王”为首的虞山、娄东画派，而在扬州，则形成了以金农、郑燮为首的“扬州八怪”画风。这些画家都继承和发扬了我国的绘画传统，但他们对于继承传统和创作方法有着不同的见解。虞山、娄东等画派，讲求临摹学习古人，以遵守古法为原则，以力振古法为己任，并以“正宗”自命。他们的创作方法，如“正宗”画家王珲所说，作画要“以元人笔直墨，运宋人丘壑，而泽以唐人气韵，乃为大成”。他们跟在古人后面，亦步亦趋，作品多为仿古代名家之作( 当然在仿古中也有创造)，形成一种僵化的局面，束缚了画家的手脚。 “扬州八怪”诸家也尊重传统，但他们与“正宗”不同。他们继承了石涛、徐渭、朱耷等人的创作方法，“师其意不在迹象间”，不死守临摹古法。如郑板桥推崇石涛，他向石涛学习，也“撇一半，学一半未尝全学”。 石涛对“扬州八怪”艺术风格的形成有重要影响。他提出“师造化”、“用我法”，反对“泥古不化”，要求画家到大自然中去吸收创作素材，强调作品要有强烈的个性。他认为“古人须眉，不能生我之面目；古人肺腑，不能入我之腹肠。我自发我之肺腑，揭我之须眉”。石涛的绘画思想，为“扬州八怪”的出现，奠定了理论基础，并为“扬州八怪”在实践中加以运用。“扬州八怪”从大自然中去发掘灵感，从生活中去寻找题材，下笔自成一家，不愿与人相同，在当时是使人耳目一新的。人们常常把自己少见的东西，视为怪异，因而对“八怪”那种抒发自己心灵、纵横驰骋的作品，感到新奇，称之为怪。也有一些习惯于传统的画家，认为“八怪”的画超出了法度，就对八怪加以贬抑，说他们是偏师，属于旁门左道，说他们“示崭新于一时，只盛行于百里”。赞赏者则夸他们的作品用笔奔放，挥洒自如，不受成法和古法的束缚，打破当时僵化局面，给中国绘画带来新的生机，影响和哺孕了后来像赵之谦、吴昌硕、齐白石等艺术大师。 </t>
  </si>
  <si>
    <t xml:space="preserve">怎样让IE禁用网页我的电脑有病毒，浏览网页时老是跳到黄色站点。我 </t>
  </si>
  <si>
    <t>一。必须先杀毒。推荐俄罗斯“卡巴斯基”，杀毒能力世界第一。Kaspersky Antivirus  3 nct Beta cand2  注意看安装说明。 二。安装防IE浏览器被恶意病毒网站劫持。卡卡上网安全助手功能：智能广告拦截 智能拦截Flash、弹出窗口及浮动广告，构筑宁静轻松的上网环境。插件管理及免疫 更好地管理插件加载项，快速删除恶意程序；并且彻底免疫插件的自动下载。系统扫描及管理 一键扫描整个系统，并帮助分析系统中的恶意项目；有效管理系统中的各进程。系统一键修复 快速修复由于病毒或某些恶意程序、网站造成的系统故障。  病毒、钓鱼网站拦截 可拦截病毒网站、浏览器劫持网站、网络钓鱼网站等各类不良网站。系统清理 快速清理上网痕迹和垃圾文件，保护您的隐私安全，提高系统运行速度。 三。系统优化软件完美卸载V2006 23.00 完全免费版系统维护的瑞士军刀，物美价廉的超级体验!主要功能:1. 安装监视: 监视软件一举一动,生成准确卸载记录。2. 智能卸载: 彻底干净的卸载各类顽固软件。3. 卸载维护: 维护安装软件清单，2种方式快速卸载软件。4. 垃圾清理: 清除90多种垃圾文件及90多种常用软件垃圾。5. 闪电清理: 瞬间清理常见垃圾，嵌入IE清除上网痕迹。6. 快捷清除: 清除隐匿的快捷方式及桌面与开始菜单垃圾。7. 高级清理: 对注册表的重要数据进行维护和清理。8. DLL 清理: 清除冗余DLL链接库，节省磁盘大量空间。9. 系统修复: 快速安全系统错误修复,修复插件在线升级。10.优化大师: 数百条优化规，智能向导式优化，更适于菜鸟。11.文件加密: 虚拟磁盘保险箱及文件(夹)加密确保私人文件安全。12.磁盘修复: 扫描并修复磁盘表、文件分配情及目录错误。13.驱动管理: 制作驱动安装包，重装系统一次性智能恢复。14.黄金内存: 极品的内存优化工具，可同时优化服务,开机启动。15.漏洞扫描: 电脑的安全体检，找出各类漏洞并予以修复。16.病毒查杀: 查杀流行木马|病毒|蠕虫|间谍|广告,真正木马克星,可查变形木马。17.系统保护: 安全防毒墙，领先的未知病毒警报及内核监控技术。18.网络安全: 专业的天盾网络防火墙，防黑的一流助手。19.信息检测: 计算机硬件检测工具,全面了解系统信息。20.文件伪装: 文件夹魔术般的伪装,隐藏,锁定,保护个人隐私。21.系统体检: Hijackthis未知木马清除工具,帮您对电脑体检。22.收藏清理: 全面干净的清理您的过期收藏夹,保持清洁。23.定时专家: 准确定时关机和执行各种计划任务,界面人性化。24.插件卸载: 干净卸载国内外流行的几十种常见插件和程序。25.火速拷贝: 快速拷贝DVD等各类大文件,缩短节省75%的时间。附属精品软件：定时专家、系统减肥、广告过滤、IE安全助手等诸多超值工具。插件卸载: 我们共可以清除总计180种软件,包括流氓软件,间谍软件,IE插件,及其他一些比较难卸载的软件. 好运</t>
  </si>
  <si>
    <t xml:space="preserve">修改而不重启,那么修改生效么? </t>
  </si>
  <si>
    <t xml:space="preserve">要看什么情况，如果提示要重启后生效，是肯定要重启的。卸载软件、修改设置、安装程序完毕等多种情况，都是重新启动电脑后才生效。虽说只是一次简单的重启，你的爱机可没闲着。我们看看重启电脑后，它在后面干了些什么，你就会明白了――重启后系统要做3件事：1.修改注册表；2.建立动态链接；3.删除临时文件。其所以系统能做这3件事是因为内存中还保留着修改或安装信息。 </t>
  </si>
  <si>
    <t xml:space="preserve">想买一款佳能d50单反相机，请指点买新相机时如何检验相机？ </t>
  </si>
  <si>
    <t>注意是否新品即可，真有问题，你一时半会也是看不出来的。</t>
  </si>
  <si>
    <t xml:space="preserve">服务器怎么进不去了？服务器怎么进不去了啊？ </t>
  </si>
  <si>
    <t>因为服务器维护了~</t>
  </si>
  <si>
    <t xml:space="preserve">跪求我一直暗恋的一个女生有男朋友，我想和她告白但又不知道选什么歌 </t>
  </si>
  <si>
    <t>跟我走吧。。。</t>
  </si>
  <si>
    <t xml:space="preserve">看图猜机刚才没事浏览GE的时候偶然又学了手，看看是什么型号？ </t>
  </si>
  <si>
    <t>世界上只有三种四发并在垂尾两侧每边一对的飞机，一是前苏联的伊尔62，二是英国的VC-10, 三就是图上的这种：洛克希德喷气之星（JetStar)该机有一对与众不同的油箱，在机翼的中部，不仔细看还以为是六发呢。喷气之星是作为一种商用机设计的，而现在的主要任务是运载包括总统在内的重要人物。性能数据如下：机组人员：2 人乘客：12 人长：18.42 米 翼展: 16.60 米机高：6.23 米 机翼面积: 50.4 平米 空重：8,370 公斤  最大起飞重量: 17,660公斤 动力: 4台 普拉特惠特尼 JT12A6 或 A8 涡扇发动机, 单台推力14.7千牛 最大平飞速度: 920 公里/小时 航程: 4,585公里</t>
  </si>
  <si>
    <t xml:space="preserve">windowsxp怎么换掉电脑的字体 </t>
  </si>
  <si>
    <t>1首先我们要下载我们需要的字体（如果你想要还原成原来的字体，可以下载默认字体库，如果你想要更换成为新的字体，就下载对应的新字体即可，切记下载字体的时候要上大网站下载，以免中毒）2找到我们操作系统字体的存放位置，方法有两种，一是可以通过控制面板找到字体选项，这里就是我们操作系统字体存放位置；还可以打开C盘，找到windows文件夹，打开fonts文件夹，这里就是我们系统字体所在。3把刚才下载的字体解压缩后拷贝过来，在替换这里的字体之前，我们需要对现有的字体进行备份，如果替换之后出现问题，我们还可以还原成原来的样子，做好备份之后我们便可以执行添加或者替换的操作了。4添加或者替换之后，我们鼠标右击桌面空白处，点击属性，选择外观选项卡，点击高级选项，选择我们需要更改的项目，有些项目没有字体，有些项目有字体选项，我们可以选择自己喜欢的字体和对应的大小颜色，选项框上面有预览，可以预览选择后的状态，选择完成后点击确定使之生效。5​还有一种更换字体的方法是更改注册表，具体的实现方法小编不再阐述，因为更改注册表是一件很危险的事情，很多对电脑不是很熟悉的人最好不要操作，以免造成不可挽回的后果。即便有很详细的操作过程，也可能出现操作失误，不推荐使用。END注意事项 下载字体的时候一定要注意对应操作系统，否则替换后可能出现字体乱码的现象。下载字体的时候一定要选择一些大网站，不要在一些小网站上下载，以免中毒。替换字体之前一定要对原有字体进行备份，出现问题可以及时还原平时看着好看的字体并不适合系统字体，所以选择的时候要谨慎修改注册表更改字体的方法不推荐使用​，除非你对注册表十分熟悉</t>
  </si>
  <si>
    <t xml:space="preserve">涂脂抹粉－－－－工业名词一 </t>
  </si>
  <si>
    <t>表面处理</t>
  </si>
  <si>
    <t xml:space="preserve">新浪网财经频道网站大联盟如何申请？ </t>
  </si>
  <si>
    <t>　　频道里面有编辑的邮箱，您可以给编辑发信申请即可。</t>
  </si>
  <si>
    <t xml:space="preserve">关于精算师?我的专业是理论物理(师范)1,我是撞车在此专业的,, </t>
  </si>
  <si>
    <t>你好！没有明白你的意思！既然已经学了，就好好的学下去吧。祝你好运~~~~~~</t>
  </si>
  <si>
    <t xml:space="preserve">为什么我一喝饮料就会想小便我17岁、以前也是这样、比如说最近上课 </t>
  </si>
  <si>
    <t>水多了当然需要排出了，正常现象嘛。过度尿频才是不正常的。</t>
  </si>
  <si>
    <t xml:space="preserve">尊敬的若楚老师请进下帮忙看下我叫毛进垒,女友叫李秋霞,我1992 </t>
  </si>
  <si>
    <t>你不要去相信那些迷信的鬼话，夫妻的感情是靠双方的努力建成的，只有双方从思想上来解决，不是在出生日期的问题，如果你越这样想就会越产生误会，越合不来。所以建议您要在日常生活中出现那些问题，按实事求是来解决问题。要针对问题才能解决。</t>
  </si>
  <si>
    <t xml:space="preserve">三角证明题已知　Ａ，Ｂ，Ｃ为三角形ＡＢＣ三个内角，求证：（１）c </t>
  </si>
  <si>
    <t>证：1）A,B,C是△ABC的内角，所以A+B+C=pi所以2A+B+C=(A+B+C)+A=pi+A因此cos(2A+B+C)=cos(pi+A)=-cosA. （诱导公式）2）A+B+C=pi---&gt;A+B=pi-C---&gt;(A+B)/4=(p-C)/4.所以tan[(A+B)/4]   =tan[(pi-C)/4)]    =-tan[-(pi-C)/4]   正切函数的周期是pi   =-tan[pi+(C-pi)/4]    =-tan[(3pi+C)/4].</t>
  </si>
  <si>
    <t xml:space="preserve">ABCD柱是怎???分的 </t>
  </si>
  <si>
    <t>A就是镶住挡风玻璃的两个柱子；B就是前门门锁的柱子；C后门门锁。就这。                               米克尔</t>
  </si>
  <si>
    <t xml:space="preserve">乙肝五项结果对照表怎么看，乙肝五项结果对照表的意义是什么 </t>
  </si>
  <si>
    <t>本文介绍来自北京京科肝泰：乙肝五项检查主要有五项：①乙肝表面抗原(HBsAg)、②乙肝表面抗体( 抗-HBs)、③乙肝e抗原(HBeAg)、④乙肝e抗体(抗-HBe)、⑤乙肝核心抗体(抗-HBc)。北京京科肝泰医院徐凤欣专家指出，临床上常用乙肝五项的不同组合来判断机体感染乙肝的现状和转归。乙肝五项检查对照表内容如下：乙肝五项结果对照表--乙肝五项检查的意义：其中，HBsAg（+）是表示乙肝表面抗原阳性：代表被乙肝病毒感染；抗HBs（-）乙肝表面抗体阳性：代表机体对乙肝病毒没有抵抗力，不能够杀灭乙肝病毒；HBeAg（+）乙肝e抗原阳性：代表乙肝病毒复制活跃，传染性强。抗HBe（-）乙肝e抗体阴性：代表病毒复制增加，传染性强。抗HBc（+）乙肝核心抗体阳性：代表感染了乙肝病毒或曾经感染过乙肝病毒已经痊愈。乙肝五项结果对照表：1、第一,三,五项阳性,其余两项阴性.俗称“大三阳”,这种情况说明是急,慢性乙型肝炎;2、第一,四,五项阳性,其余两项阴性.俗称“小三阳”,说明是急,慢性乙型肝炎;3、第一,五项阳性,其余三项阴性.说明是急,慢性乙型肝炎;4、第一,三项阳性,其余三项阴性.说明是急性乙型肝炎的早期;5、第四,五项阳性,其余三项阴性.说明是急性乙型肝炎病毒感染的恢复期,或曾经感染过乙肝病毒;6、第二,四,五项阳性,其余两项阴性说明是乙型肝炎的恢复期,已有免疫力;</t>
  </si>
  <si>
    <t>已知函数y=f</t>
  </si>
  <si>
    <t>反函数y=f~(x)过点（1，0）就是x=1，y=0，于是原函数y=f(x)过点（0，1），就是x=0时y=1.所以y=f(x/2-1)中x/2-1=0---&gt;x=2时y=1.所以其反函数中x=1,y=2,就是过点（1，2）。</t>
  </si>
  <si>
    <t xml:space="preserve">红字发票我2月开了张红字增值税发票,那2月份把销售冲红的同时,是 </t>
  </si>
  <si>
    <t>1、我2月开了张红字增值税发票,那2月份把销售冲红的同时,是不是也要把相应的成本也冲红?是的。结转成本的凭证也要做红字冲销凭证。2、当时做进多少成本就冲回多少成本吗?对的。3、还有库存商品也应该相应增加,作了冲销结转成本凭证，实际上库存商品就增加了。</t>
  </si>
  <si>
    <t>求不定积分∫[ln(1</t>
  </si>
  <si>
    <t>过程说明，见附件！！</t>
  </si>
  <si>
    <t xml:space="preserve">一道心理问题我先在已是高4的学生了，但还是在这方面有大的问题在影 </t>
  </si>
  <si>
    <t>如果你继续在意这个问题,你会不会迎来高5的生活???!这还是个机会,经过失败应该懂得什么放下什么拿起,更应该明白一些生活的道理.    沉迷于失败的困惑与痛苦,那你就再也迈不开前进的步伐.你自己是明白的,只是你在生活中的情绪过于烦躁导致你对这个问题的过分在意.请想想,你真正需要在意的是什么?!!!学习是没有成功与失败之分的,认为高考决定成败未免太庸俗了些,难道高考失利你的所学就全是虚无与白费吗?你要相信自己学的永远是有用的,不要过分在意高考,它是个门槛,迈进去证明了自己的实力,可是没迈进去的人并不是乞丐,他只是过于留恋风景而耽误了时间,那个门你始终要进去的.首先总要相信自己吧!加油!祝你成功!</t>
  </si>
  <si>
    <t xml:space="preserve">狗狗为什么不喝水我家狗狗以前都好好的，每天也会喝一些水。可这段时 </t>
  </si>
  <si>
    <t>它的饭里 盐含量 高~它的尿就会发黄~有可能是上火了`多给他吃点水果就可以了有的狗狗不吃~多喝点水就好了他的鼻子不干就行~鼻子干了 就容易得病~</t>
  </si>
  <si>
    <t xml:space="preserve">600150能否介入？ </t>
  </si>
  <si>
    <t xml:space="preserve">600150目前股价已经反映行业低谷预期，个人认为造船业有望逐步走出低谷，并且该股作为军工概念股，还有航母概念，中线个人认为可以逢低逐步建仓。 </t>
  </si>
  <si>
    <t xml:space="preserve">美国的运动员是怎样练成的?从小上体校,从市队省队一直练到国家队, </t>
  </si>
  <si>
    <t>国家体制不同，经济实力不同，在运动员选材和培养上方法也就不同了。美国等发达国家，运动员多是出于兴趣和爱好而练习某个运动项目。经济不发达的国家很多运动员都是为了摆脱贫困。出发点是不一样的。</t>
  </si>
  <si>
    <t xml:space="preserve">游戏视频问题怎么把我游戏的过程记录下来，做成视频？ </t>
  </si>
  <si>
    <t xml:space="preserve">如果你想制作自己的视频的话，那么请看以下步骤：一：下载游戏录像机，推荐“fraps”。二：开启游戏，进入并录制画面。三：关闭游戏，把录好的游戏视频文件放到剪辑软件里面剪辑和配乐。四：输出电影。五：上传到网络上和其他人一起分享你的作品。按着以上的顺序， 你需要软件，需要教程， 需要帮助，OK，都没有问题。首先，请你到：  这里下载网游视频制作电子书。 电子书里面有各种软件的下载地址和使用教程。 以及常见问题的答疑。更多教程，请访问不断更新的 通过大家的帮助和自己的努力，属于自己的作品就诞生了吧。 OK， 现在上传吧。  这是上传通道的介绍。 </t>
  </si>
  <si>
    <t xml:space="preserve">好多家庭都喝桶装水，桶装水真的干净么？ </t>
  </si>
  <si>
    <t xml:space="preserve">  不安全。桶装水水桶的搁置周期比较长，一旦消毒环节一马虎，水桶不干净，细菌滋生就会产生异味。有的桶装水厂，在忙的时候压根就不消毒，这样被随意放置了几个月的桶直接进入消费者家庭，危害健康。 不卫生 。喝桶装水真的安全么？枣庄净水器加盟哪家好？桶装水制作工艺简单，有的桶装水就是自来水，或者地沟水，有安全隐患。耀通科技净水器自产自用，相当于把一个净水厂搬进家庭，水源放心、过滤工艺放心。其五、不新鲜。桶装水一旦处于滞销期，被搁置半个月个把月很常见，这样，消费者表面是在喝新鲜水，实际上还不如喝家里的自来水。  每桶自来水成本高，便宜的也需要5元一桶——大于18升左右，耀通科技净水器过滤的水一顿才5毛-1元的成本，比桶装水便宜百倍。</t>
  </si>
  <si>
    <t xml:space="preserve">约尔克圣石有什么用？？？？？开箱子开到的有什么用？？ </t>
  </si>
  <si>
    <t xml:space="preserve">作为族长的人用50个约克圣石+1000G可以领取家族宠物.攻略链接: </t>
  </si>
  <si>
    <t xml:space="preserve">刚认识一个月的男友要我买IPHONE给他，到底买不买?刚认识一个 </t>
  </si>
  <si>
    <t>不送。首先他暗示喜欢你送礼物给他就是不对，一个男人怎么如此没骨气，他收入不比你高也就罢了，还要花女人的钱？其次，你不愿意，说明他在你心中还没那么重要，可能是他对你不够好，或者别的什么。如果你愿意送，这事就不必一开始就那么计较了。总之，我觉得，还是不要送，赔了钱又折了感情就不划算了。你这次买了，要是他下次问你要更多更贵的东西呢？你不愿意，即使真的仅仅是你觉得太贵，钱不够什么的，他也会有抱怨的吧？然后还不是影响感情</t>
  </si>
  <si>
    <t xml:space="preserve">本本cpu性能哪个好奔腾双核T2130与酷睿2双核T5250哪个 </t>
  </si>
  <si>
    <t>酷睿2双核 T5250   强不是一星半点</t>
  </si>
  <si>
    <t xml:space="preserve">法师还怎么玩``一般不管什么游戏都是法师先有群攻`现在好`颠倒了? </t>
  </si>
  <si>
    <t>可以买到群书，只是你自己买错了，可以到老墨香去看技能，附带图片．就不会买错了．免费游戏，不正钱，怎么维护？维护就要钱，所以游戏免费玩，不代表就不收取其他费用，群攻技能书可以打怪出，不过最少１０级的群攻书你要到３０级才能打到呵呵，也许你运气好早早就能打到　，高级头目掉！首领好象也掉！</t>
  </si>
  <si>
    <t xml:space="preserve">手指插入阴道真的不卫生吗？可是我男友都是先用手指的。。这样会有细 </t>
  </si>
  <si>
    <t>是的  如果真的想那样  让他套上安全套  指甲有细菌而且容易弄伤阴道的</t>
  </si>
  <si>
    <t xml:space="preserve">张杰什么歌最好听？ </t>
  </si>
  <si>
    <t>杰的其实真的都很好听，要我说我一定会说一大堆，不如就给您两首杰的主打歌吧^ ^最近的两张专辑：《这就是爱》主打歌：同名歌曲&lt;这就是爱&gt;词: 易家扬 　　曲: 曲世聪 文一丁 　　可能回忆掉进了大海 　　可能有些往事回不来 　　可能岁月会偷走等待 　　爱了 很久 也许会 分开 　　我们一同喜欢着现在 　　我们曾经被别人取代 　　我们都有类似的遗憾 　　所以 一起 漂流在 人海 　　挥不去的阴霾 　　让我为你掩埋 　　哭了一晚的你的样子 　　从此都种在我的脑海 　　月亮下的对白 　　单纯的像小孩 　　你有好几次问我 那是什么 　　这就是爱 这就是爱 　　这就是爱 这就是爱 　　这就是爱 　　以为得到时间的青睐 　　以为旅途没有了意外 　　以为每天都会说晚安 　　但是 有你 就没有 不安 　　因为想念比谁都厉害 　　因为寂寞会趁虚而来 　　因为爱的晴天和阴天 　　都在 心里 同时的 存在 　　挥不去的阴霾 　　让我为你掩埋 　　哭了一晚的你的样子 　　从此都种在我的脑海 　　月亮下的对白 　　单纯的像小孩 　　你有好几次问我 那是什么 　　这就是爱 这就是爱 　　这就是爱 这就是爱 　　这就是爱 这就是爱 　　这就是爱 这就是爱 　　这就是爱《最接近天堂的地方》主打歌：同名歌曲&lt;最接近天堂的地方（原名：STAND UP)&gt;你看星光 默默燃烧自己发亮 　　无名的花 依然芳香 　　贝多芬 也听不见鼓掌 　　天使未必在场 　　看太阳 给人温暖不必谁仰望 　　把原谅都还给时光 　　不要投降 　　STAND UP 我摸到星光 　　STAND UP 你让我勇敢 　　希望 点亮了希望 　　我站在最接近天堂的地方 　　STAND UP 我摸到星光 　　STAND UP 梦不是幻想 　　渴望 灌溉下一个渴望 　　你就是那一点星光 　　在我胸膛 发烫 　　记在心上 不必太过张扬 　　像涨潮 润泽海岸 　　将情感 交给岁月慢慢的酝酿 　　不管谣言怎么猖狂 彼此雪亮 　　STAND UP 我摸到星光 　　STAND UP 你让我勇敢 　　希望 点亮了希望 　　我站在最接近天堂的地方 　　STAND UP 我摸到星光 　　STAND UP 梦不是幻想 　　渴望 灌溉下一个渴望 发烫 　　也许受过伤 才会试着学习体谅 　　                                                     在挑剔之中成长 谁都一样 　　别问奖赏 信仰之所以为信仰纵然逆光 　　嘿 ~ 　　STAND UP 我摸到星光 　　STAND UP 你让我勇敢 　　希望 点亮了希望 　　我站在最接近天堂的地方 　　STAND UP 我摸到星光 　　STAND UP 梦不是幻想 　　渴望 灌溉下一个渴望 　　你就是那一点星光 　　在我胸膛 泪光一样 发烫 祝您听歌愉快^ ^  张杰用心歌唱，星星守护梦想  诚心为你解答，给个好评吧亲，谢谢了</t>
  </si>
  <si>
    <t xml:space="preserve">数学题。1+1等于多少 </t>
  </si>
  <si>
    <t xml:space="preserve">怎样通过局域网里的一台可以上网的电脑来上网？本人的单位因控制上网? </t>
  </si>
  <si>
    <t>1、将一台能上网的机器作为代理服务器；2、在这台机器上再装一片网卡，并安装代理服务器软件；3、其他机器可通过交换机一齐连到这台机器上；4、原来机器上网的方式不变，只要它在网，其他机器就可以上网了。</t>
  </si>
  <si>
    <t xml:space="preserve">请教胃癌的口服化疗药听说最近胃癌化疗有口服药了，不用住院，请问有 </t>
  </si>
  <si>
    <t>确实，随着医学的发展，现在出现了胃肠癌的口服化疗药，有人总觉得静滴药比起口服药效果更好，但其实不是这样，口服化疗药的作用机制往往比较新颖，像有的本身毒性极轻，只通过某些酶的作用才转化为细胞毒性物质，而这些酶在肿瘤里的浓度远远高于正常组织里的浓度，因此这类口服药在肿瘤里才发挥杀伤作用，而对正常组织影响很小。换句话说，它们可以巧妙地分清“敌我”，有的放矢地对肿瘤进行杀伤，因此疗效显著，并且安全性也好。</t>
  </si>
  <si>
    <t xml:space="preserve">现在华夏2图标几级才点亮 </t>
  </si>
  <si>
    <t>华夏2新图标点亮规则如下：        首次点亮：QQ客户端版本在“QQ2008”以上，QQ帐号下其中一个角色达到25级，且等待24小时后，QQ华夏图标可自动点亮。        自动熄灭：如已点亮QQ华夏图标的QQ帐号，该QQ帐号或网域通行证帐号在连续的一个月内（自图标点亮后30天为一个月）未登陆过华夏2的用户，图标会自动熄灭。        恢复点亮：曾经点亮过华夏Ⅱ图标的QQ帐号在图标熄灭后，至少通过QQ帐号或网域通行证帐号登陆华夏Ⅱ一次，且在线时长累计达到1小时，图标会在24小时后恢复点亮。若图标再次熄灭则需按照此步骤再次进行恢复点亮。</t>
  </si>
  <si>
    <t xml:space="preserve">mediaplayer１０总是提示安装不正确，怎么解决？我都弄了 </t>
  </si>
  <si>
    <t>首先保证下载的wmp10的安装程序是完整的 建议到天极或华军下载安装之前 建议用优化大师或超级兔子把注册表清理一下 保证注册表里面没有错误信息  然后正常安装   装好后重启系统就行了good luck</t>
  </si>
  <si>
    <t xml:space="preserve">被石灰水溅入眼睛，当时并没有什么感觉，请问对眼睛会不会有问题？ </t>
  </si>
  <si>
    <t>如果是少量的石灰水溅入眼睛,只要立即用水冲洗(最好是纯净水或蒸馏水)就可以了,之后适当地使用一些滴眼液(比如诺氟沙星滴眼液和珍视明滴眼液)进行消炎和保养即可,当时没有什么感觉的话,那就说明情况"不严重",没有什么问题的.</t>
  </si>
  <si>
    <t xml:space="preserve">世界最古老的企业是哪家? </t>
  </si>
  <si>
    <t xml:space="preserve">据可靠的资料分析确定，世界上维持最久的企业仍然是家族企业。在考察的历史最久远的家族企业中，时间最久的是日本的Kongo Gumi，创建于公元578年，相当于中国隋朝建立的前三年。 该企业从事建筑业，最早是兴修佛寺、神道圣堂和城堡。而其它生存下来的古老企业多数是一些传统的制造业（比如酿酒业）、农业以及医疗保险业。所以，相对这些传统的行业而言，建筑企业独领风骚似乎有些出人意料，而且，它居然还生存在日本。 在经过分析研究后，社会学家们发现，这些家族企业能够生存下来的主要原因包括以下要素： 在每一代行将结束的时候，家族公司必须拥有足够的信任、自豪感和金钱财富，以便下一代可以继承公司的发展势头和家族精神。 另外，还有两方面做得比较好：一是遵循一套不变的原则，二是把他们所干的任何事情与“他们是谁”分开。 还有一条说起来可能不太人道，就是说：一个行事古怪的垂危老人，如果将本来要留给子孙的财富都浪费在吃那些长生不老药上，那么，这个家族可能就此走向衰败了…… </t>
  </si>
  <si>
    <t xml:space="preserve">如何和身边有心理障碍的人相处？我们宿舍有一个人他不爱说话，也不爱 </t>
  </si>
  <si>
    <t>良好的沟通是解决一切问题的最好方法！不要觉得他可怕，他有刀恰恰反映出他没安全感的，他不想被人欺负！首先，不要故意疏远他，大家一个寝室的，该帮忙的时候要帮忙，该关心的要关心，生活中的点点滴滴会增进彼此间的感情；其次，有什么事可以和他谈谈的，像电脑的事，就可以直接说：“电脑可以随便用，不要把里面搞乱了就行！”是谁弄乱的不要紧，只要你说了之后，电脑不再乱了就好，你把密码改了，他们会有不好的感觉，感情会变淡的；最后，多创造大家一起活动的机会，例如：一起打球、一起吃饭、过节或谁过生日一起聚会什么的，在一起的机会多了，沟通就容易了，了解就多了，感情也会增进不少，误会也会消除很多。把他当作自己的朋友来相处，试试看！如果在你了解他真的是很危险的人物，建议及时向老师反映才好！</t>
  </si>
  <si>
    <t xml:space="preserve">地下城怎么开启深渊模式啊？ </t>
  </si>
  <si>
    <t xml:space="preserve">要办个任务，歌兰蒂斯那接，要收集天空城所有领主的灵魂球，然后接下一步，收集燃烧恶魔的邀请函，2步需要16个邀请函，之后就可以开启深渊了。（最好刷王者级的，爆的几率高） </t>
  </si>
  <si>
    <t xml:space="preserve">除了华夏上证50ETF,还有什么比较好的指数基金?据我所知最好的 </t>
  </si>
  <si>
    <t xml:space="preserve">如果想买指数基金,可参考今年下半年的数据(截止到昨天)基金名称 ※※※累计净值增长率% 华夏上证50ETF※※※52.01 易方达50※※※※※47.96 广发卡网上直销0.3%华安180ETF※※※※47.11 博时裕富※※※※※41.96 大成沪深300※※※ 41.16 长城久泰300※※※ 40.72 万家180 ※※※※ 38.53 易方达深证100※※ 37.15 华安中国A股 ※※※ 36.12 嘉实沪深300※※※ 33.38 融通巨潮100※※※ 28.28 融通深证100 ※※※23.27 银华88 ※※※※※※21.57 </t>
  </si>
  <si>
    <t xml:space="preserve">一道物理题某人骑自行车前进时，地面对后轮的摩擦力为A，对前轮的为 </t>
  </si>
  <si>
    <t>后轮为主动轮,瞬间有向后移动的趋势,故将受向前的摩擦力,车轮前进,导致前轮将有向前移动的趋势,将受向后的摩擦力.</t>
  </si>
  <si>
    <t xml:space="preserve">暴光灯问题那暴光灯有时候不能暴光，灯管里没有灯丝，它是什么原理啊 </t>
  </si>
  <si>
    <t xml:space="preserve">电路由四部分组成：振荡升压部分、整流充电部分、电压指示部分和脉冲触发闪光部分。灯管里是氖气没有灯丝当电源接通后，利用晶体管V1的开关特性，形成一个间歇振荡，使初级获得一个交变电压,经升压,使其次级获得大于300V的交变电压。交变电压经二极管半波整流后变成直流电压，对主电容和触发电容充电储能。当电压充至额定电压的70%左右时，指示电路中的氖灯（Ne）起辉，指示闪光灯处于正常闪光等 待状态。当按下按钮，触发电路产生脉冲电压，在次级感应出瞬间高压（约10kV）脉冲，通过闪光管的触发极使闪光管内氖气电离并导通，电容上储存的电能瞬间通过闪光灯管放电转化为光能，完成一次闪光。 </t>
  </si>
  <si>
    <t xml:space="preserve">2角人民币正面图案是什么民族 </t>
  </si>
  <si>
    <t>1980年版贰角人民币上有两位可爱的少数民族姑娘，有人认为那是画家的“杜撰”作品。实际上，两位姑娘都是地道的湖南省土家族姑娘，其中一位叫黄其萍。1981年，《中国各民族》画册出版了，其中有黄其萍的照片。此后在1980年版的贰角人民币上又采用了黄其萍的头像。</t>
  </si>
  <si>
    <t xml:space="preserve">如果申购/赎回基金，怎知当天的净值？ </t>
  </si>
  <si>
    <t>基金交易采用未知价格法,而交易日基金净值要到19:00左右才予以公布,因此要申购或赎回股票型基金,利弊权衡的参考依据只能是当天的股市行情和重仓股(可能得到的话)并借鉴基金净值走势作出决定.</t>
  </si>
  <si>
    <t xml:space="preserve">GREENCOLOUR,COLOURGREENGREENCOLO </t>
  </si>
  <si>
    <t>Colour green 指把……给涂成绿色,及物动词如：Colour the trees and the grass green.把树木和草地涂成绿色。一般很少说GREEN COLOUR,直接说GREEM就可以了,或者说GREEN IN COLOUR:如:And why most leaves are green in colour?为什么叶子几乎都是绿色的呢？</t>
  </si>
  <si>
    <t xml:space="preserve">exo除showtime以为还参加过哪些综艺节目？ </t>
  </si>
  <si>
    <t>2012年04月10日   新浪《新浪汇》   EXO-M全体  　　2012年04月11日   搜狐《明星在线》   EXO-M全体  　　2012年04月11日   音乐风云榜特别节目《音乐大来宾》   EXO-M全体  　　2012年04月12日   优酷《优酷名人坊》   EXO-M全体  　　2012年04月12日   搜狐《大鹏嘚吧嘚》   EXO-M全体  　　2012年04月13日   网易《超级面对面》   EXO-M全体  　　2012年04月13日   音悦台《音悦大来宾》   EXO-M全体  　　2012年04月14日   土豆网《音乐耍大牌》   EXO-M全体  　　2012年04月17日   MBC《Show Champion》   EXO-K全体  　　2012年04月22日   CCTV-3 《星光大道》   EXO-M全体  　　2012年04月24日   MBC《Show Champion》   EXO-K全体  　　2012年05月15日   MBC《Show Champion》   EXO全体  　　2012年05月20日   SBS《人气歌谣》   EXO全体  　　2012年05月22日   MBC《Show Champion》   EXO-M全体  　　2012年05月24日   Mnet《M!countdown》   EXO全体  　　2012年05月31日   《凤凰网访谈》   EXO-M全体  　　2012年06月06日   央视《明星来了》   EXO-M全体  　　2012年06月07日   CNTV《明星访谈》   EXO-M全体  　　2012年06月09日   湖南卫视《快乐大本营》   EXO-M全体  　　2012年06月13日   《爱疯音乐家》   EXO-M全体  　　2012年06月28日   CCTV《星光大道》   EXO-M全体  　　2012年06月28日   《鲜辣麦克疯》   EXO-M全体  　　2012年07月06日   《音乐HIGH客》   EXO-M全体  　　2012年07月07日   《挑战金钟》   EXO-K全体  　　2012年07月13日   江苏综艺频道《非常不一班》(上)   EXO-M全体  　　2012年07月16日   《快乐向前冲之全力以赴》   EXO-M全体  　　2012年07月20日   江苏综艺频道《非常不一班》(下)   EXO-M全体  　　2012年07月21日   湖南卫视《快乐大本营》15周年庆   EXO全体  　　2012年07月29日   四川卫视《中国爱·大歌会》Part 1   EXO-M全体  　　2012年07月29日   《TRUE AF9》   EXO-K全体  　　2012年08月02日   CH9《Fantastic Thursday》   EXO全体  　　2012年08月05日   四川卫视《中国爱·大歌会》Part 2   EXO-M全体  　　2012年08月09日   channel V《Asian Hero》   EXO-K全体  　　2012年08月12日   《Sunshine Day》   EXO-M全体  　　2012年09月18日   八大《娱乐百分百》   EXO-M全体  　　2012年09月18日   《 网易访谈》   EXO-K全体  　　2012年09月18日   新浪《新浪访谈》   EXO-K全体  　　2012年09月21日   三立《完全娱乐》   EXO-M全体  　　2012年09月26日   MTV《日韩音乐疯》   EXO-M全体  　　2012年10月01日   FOX娱乐台《就是爱JK》   EXO-M全体  　　2012年10月05日   GTV《音乐大来宾》   EXO-K全体  　　2013年02月11日   MBC《偶像运动会》   Se Hun、Lu Han、Baek Hyun、Chan Yeol、Tao、Su Ho  　　2013年06月04日   湖南卫视《快乐大本营》录制 EXO全体　　（7月6日 狼族少年EXO帅气归来 ）　　2013年08月18日   四川卫视《中国爱·大歌会》Part 3   EXO全体　　2013年08月15日    EXO参加《我的中国星》　　130820 《夏日夜晚的咆哮》EXO　　130826 《披头士密码》Su Ho、Xiu Min、Baek Hyun、Se hun、D.O、Lay　　130830 《The star》鹿晗、Kris、Kai、灿烈、Tao、Chen　　130831 《无限挑战》exo　　130831  《食神之路》 Tao 、Xiu Min　　130901 《不朽的名曲》Xiu Min、Baek Hyun、Se hun、D.O、Chen、Kai、Lay　　130901 《妈妈咪呀》灿烈　　130901   仁川韩流演唱会　　130903   录制偶像田径运动会　　130904   wolf剧情版2公开　　130910《WIDE娱乐新闻》　　130913   明星跳水秀 Tao　　130913  录制《不朽的名曲》　　130914  《不朽的名曲》Xiu Min、Baek Hyun、Lay、Se hun、D.O、LuHan、Chen、Kai　　130919/20偶像运动会（上/下）KRIS、LUHAN、TAO、XIUMIN、KAI、SUHO、SEHUN、BAEK HYUN　　130920  SBS  Star Face-off  中秋音乐特辑   D.O、Chen、 Lay、Chan yeol　　130921 《不朽的名曲》 XIUMIN、KAI、BAEK HYUN、Chen、 Lay　　130928 舞蹈节目《Dancing 9》特别合作舞台 LAY、KAI　　130928 《改变世界的回答》SUHO、BAEK HYUN　　130928 蔚山签售会　　130928 昌源签售会　　131001 上海西安音乐节　　131004 釜山国际电影节蓝地毯/祝贺公演　　131004 音乐中心+特别MC灿烈　　131006 SBS人气歌谣特别MC伯贤　　131013 万圣节特别公演　　131014 国民TALK SHOW 《HELLO》KAI LAY　　131019 SMTOME LIVE IN BEIJING　　131026 SMTOME LIVE IN TOKYO　　131101南京心系天下群星演唱会EXO-M　　131102WAPOP SHOW K-POP LIVE 公演　　131102&lt;改变世界的问答&gt;　　131117KBS《KISS THE RADIO》特别MC　　131107 MBC&lt;深深打破&gt;特别MC　　131109 《偶像本色》KRIS Lay　　131110 《Running man》　　131116 《偶像本色》KRIS Lay　　131117《Running man》　　131122《MAMA颁奖礼》　　131128《EXO'S SHOWTIME 1》　　131130《我们结婚吧》KAI SUHO　　131205《EXO'S SHOWTIME  2》　　131212《EXO'S SHOWTIME  3》　　131219《EXO'S SHOWTIME  4》　　131226《EXO'S SHOWTIME  5》　　140102《EXO'S SHOWTIME  6》　　140109《EXO'S SHOWTIME  7》　　140116《EXO'S SHOWTIME  8》　　140123《EXO'S SHOWTIME  9》　　140130《EXO'S SHOWTIME  10》　　140206《EXO'S SHOWTIME  11》　　140213《EXO'S SHOWTIME  12》</t>
  </si>
  <si>
    <t xml:space="preserve">买电脑时应该怎么做呢？我朋友想买电脑但是她一点都不知道，不知道买 </t>
  </si>
  <si>
    <t>要在多少钱范围内的 一般 主板华硕865 cpu2.8的 在来个512的内存就可以了 硬盘还事三星的80GB就可以了 其他的就依个人所喜好了 一般价格在2500-3200左右就可以了 网卡好像865的就有</t>
  </si>
  <si>
    <t xml:space="preserve">星形和三角形接法的电机怎么检测好坏？ </t>
  </si>
  <si>
    <t>用万用表或摇表检测。  主要检测绕组是否平衡，有无闸间短路现象   还要对绕组对地电阻的测试不应小于0.5兆欧</t>
  </si>
  <si>
    <t xml:space="preserve">请教曼城为什么平，高手解释下。。。 </t>
  </si>
  <si>
    <t>说被操纵是不对的，还人情可以肯定，曼城夺冠本赛季的确自己早就知道无望，上个赛季也不是那么实力拿的冠军的都知道，本场平局完全是曼城本赛季的心态显露，为了保前4为了欧冠之旅，送三分自己担心前途黑暗，而女王也已经是扶不起的阿斗了，三分也浪费，再说平局也是女王给主场球迷的一个兴奋，否则想想主场都没人去看球了，多灰暗啊！本轮英超纽卡那场单0定死的话就等于三场球赛的结果都出来了，雷丁不败，威刚不胜。</t>
  </si>
  <si>
    <t xml:space="preserve">注射botox去鱼尾纹效果好吗 </t>
  </si>
  <si>
    <t>　　注射BOTOX除皱是一种非常有效的去除鱼尾纹的方法，它能有效抚平皱纹，使肌肤重返光滑紧致的状态。注射BOTOX去鱼尾纹还有很多优点，如无创无痛、见效快、效果自然无痕等。而且由于它采用的是注射的方法，对于眼周皮肤无创伤，同时术后护理起来也非常简单，无需特殊护理，不会影响正常的工作和生活。 　　注射BOTOX去鱼尾纹效果是很好的，不过，也要对症下药的，并不是每一种鱼尾纹都适合利用该术式就可以达到效果最佳的，注射BOTOX去鱼尾纹主要是针对动态性的皱纹，如果鱼尾纹已经变成静态皱纹了，那注射BOTOX就达不到去除鱼尾纹的目的。这种情况下，就需要通过注射玻尿酸或是胶原蛋白来解决，效果同样立竿见影。注射Botox是通过生物制剂的注射阻断皱纹肌肤神经与肌肉间的神经信号传递，从而使眼部过度收缩的肌肉松弛，进而使动态性皱纹消失，达到平皱的目的。注射Botox去鱼尾纹治疗后的眼部肌肉可保持平整光滑且不会形成皱纹，因此不会影响正常的眼部表情。Botox是一种简单安全的非手术注射法，也是去鱼尾纹的好方法之一，可使肌肤更加光滑、鲜嫩。所以注射Botox去鱼尾纹的效果怎么样是不须担心的。鱼尾纹是可以通过botox去除的，这种方法是通过生物制剂的注射阻断皱纹肌肤神经与肌肉间的神经信号传递，从而使眼部过度收缩的肌肉松弛，进而使动态性皱纹消失，达到平皱的目的。对于botox注射去鱼尾纹的效果，它是一种简单安全的非手术注射法，使肌肤更加光滑、鲜嫩。通过botox去除鱼尾纹还可以有效减轻偏头痛、盗汗以及颈部与眼睛周围的肌肉痉挛等症状。缓解抬头纹、皱眉纹、笑纹、鱼尾纹和鼻唇沟。</t>
  </si>
  <si>
    <t xml:space="preserve">如果合成啊？在游戏里我看到别人都有裤子+7或+8防达到25，请问 </t>
  </si>
  <si>
    <t>找铁匠，用祝福油砸，咂到+7+8就不好砸了，要冒着咂白的危险，哥们加油吧</t>
  </si>
  <si>
    <t xml:space="preserve">请问你会相信一辈子只爱一个人吗？我有过2次惊天动地的爱，第一个男 </t>
  </si>
  <si>
    <t xml:space="preserve">                     我从没有信过...人都很容易变..更何况心呢?/</t>
  </si>
  <si>
    <t xml:space="preserve">如此汇票,应该向谁主张权利?为什么?一汇票出票人为甲，收款人为乙 </t>
  </si>
  <si>
    <t xml:space="preserve">一汇票出票人为甲，收款人为乙，承兑人为丙银行，经过若干次背书，现持票人为丁。丁向丙银行提示付款时丙银行发现面额原为50万元，现变为350万元，从而拒绝付款。关于此事，说法正确的是【 A 、D】A．票据金额被篡改，票据无效B．丙银行只须承担支付50万元的票据责任C．如果丁系善意取得，且支付了相应对价，丁对丙和一切前手有权主张350万元D．丁只能向直接前手主张票据权利 </t>
  </si>
  <si>
    <t xml:space="preserve">怎样对待爱挑毛病的婆婆我和我婆婆从来没好过，虽没打过架，但是总闹 </t>
  </si>
  <si>
    <t>天下的婆婆大概都是这样子，就不理她，她说什么都随但应和一声就完了，就当是音乐里的燥音罢了，别往心里去，自然心里就平和了，婆婆再怎么招人讨厌她毕竟是你先生的母亲，(我每次被婆婆呼来唤去时，心里都想她毕竟是老公的母亲，和老公对我的爱和体贴来说，受婆婆这点闲气也就不算什么了)想想她给你生了个这么好的老公心里也就不气了，对不对?心胸宽广点，尽量不要和公婆发生冲突，把忍受公婆的闲气就当是爱老公的另一种方式好了，要不会气伤自己的身体了，老人和孩子一样，喜欢被重视、被关心被宠爱，就当婆婆是个顽皮淘气孩子好了多哄哄她，也就没事了。祝天下所有贤妻万岁！</t>
  </si>
  <si>
    <t xml:space="preserve">抗战的时候真有例云龙这个人吗？电视剧《亮剑》里的李云龙这个人是真 </t>
  </si>
  <si>
    <t>很遗憾 没这人其原形可能是刘邓二野的疯子——王近山将军 呵呵 当年 王疯子可是出了名的疯当时别的部队要后备队 总部还要考虑下 王疯子不到当家底的地步是不叫后援的1978年5月7日，中央军委训练部主任宋时轮到南京时对军区领导同志传达了邓小平对王近山的评价：“二野在解放战争中谁的功劳大？是王近山同志，在许多艰苦战斗中最后是王近山同志去完成的。” 大家去这看下  会发现两者有相同的经历</t>
  </si>
  <si>
    <t xml:space="preserve">还是二战游戏的问题。我前面提过了，大家也来捧过场了，可是我想要的 </t>
  </si>
  <si>
    <t>我最喜欢&lt;突袭&gt;系列!最近一直在玩该系列的&lt;突袭II隐蔽行动II&gt;,这是&lt;突袭II&gt;的资料片的资料片,属于补完版本.特点就是武器多!甚至一款车辆连不同版本都设计了出来,比如"象"式就分为没机枪的"菲迪南"和有机枪的"象"!"虎王"也分为亨舍尔型炮塔和波尔舍型炮塔的两种.一些试验性武器也添加进来了,比如小日本的IV式坦克,还有德国的"鼠"式,美国的T-95等等.另外,还有一些超远射程的压制武器,比如苏联的BR-18型305mm炮,用"甘古特"级战列舰305mm主炮改成的TM-2-12型305mm列车炮,苏联还有TM-1-180型180mm列车炮以及该型的海岸炮型,这些炮的最大射程与最小射程都远的惊人!最小射程甚至比一些口径较小的压制火炮的最大射程还远,而最大射程更是吓人.........德国人甚至还有600mm"卡尔"!小日本也有款300mm自行臼炮和一款305mm炮(北京民兵博物馆里的那尊)不过我说这些炮不实用,弹丸重但射速慢,射界转移比较缓慢,难以形成压制,只能射击大型地面固定堡垒.........感觉该比较真实,不象一般战争游戏的不严谨,一些重量级的坦克,小一些口径的火炮拿它们没辙,打在上面"当当"作响,但坦克没事.游戏还引入了命中率的概念,光看弹着点打在坦克上,但坦克没事,因为没打中要害,即使这种炮其实一炮就能端掉对方坦克,但打的不是地方,坦克不会爆.非常建议楼主玩玩这款游戏!</t>
  </si>
  <si>
    <t xml:space="preserve">为什么不能招商银行信用卡支付5173怎么把招商银行信用卡支付系统 </t>
  </si>
  <si>
    <t xml:space="preserve">尊敬的客户:     您好！5173客户服务036很高兴为您服务！ 非常抱歉，招行信用卡是招商银行停止对我们支付的，5173是不会不接生意的，关于招行不开放对5173支付的问题您可以联系您的开户银行。感谢您对5173的支持!!!                                                                                                                                              </t>
  </si>
  <si>
    <t xml:space="preserve">恶魔的英语杂说恶魔用英语杂说 </t>
  </si>
  <si>
    <t>devil,恶魔,恶棍，恶人</t>
  </si>
  <si>
    <t xml:space="preserve">手的上臂和小腿的皮肤出现几小块红色的皮肤溃烂，不用涂药，过一个多? </t>
  </si>
  <si>
    <t xml:space="preserve">   这很可能是皮肤轻微损伤后感染了金黄色葡萄球菌而引起的。</t>
  </si>
  <si>
    <t xml:space="preserve">怎样克制心里发虚做事的时候往往有点心虚，即使是心里有底。 </t>
  </si>
  <si>
    <t>学李大嘴在心里说 ：“我行，我不是一般人儿！” 呵呵~</t>
  </si>
  <si>
    <t xml:space="preserve">若一次函数y=kx（2k1）是正比例函数，则k的值为？ </t>
  </si>
  <si>
    <t>正比例函数可得： -（2k+1)k=0 且k不等于0 （两个条件同量满足） 即（2k+1)*k=0 所以k=0或2k+1=0 所以k=-1/2或k=0（舍去）</t>
  </si>
  <si>
    <t xml:space="preserve">纸条箱请问怎么发纸条给对方呢？ </t>
  </si>
  <si>
    <t>现在，每个人的用户名前面有一个像名片一样的小方框用鼠标点那个小方框，然后会出现一系列的图标以及最新更新的文章在右下角有一个“发纸条”，按那个进入，写纸条给对方就可以了</t>
  </si>
  <si>
    <t xml:space="preserve">常上通宵夜班怎样安排合理的饮食一般上夜班都在12小时以上,白天几 </t>
  </si>
  <si>
    <t xml:space="preserve"> 夜班人员由于体内生物钟（昼夜周期）的改变，他们除了在上夜班时有轻重不同的不适反应外，白天在家亦难以安睡。吃不好，浑身无力，精神委靡，不过通过合理安排营养饮食和自我调节，头昏体乏、精神不振等不适表现就会有缓解。同时在膳食安排上动番脑筋，改善饮食质量，也能起到保证夜班人员健康的作用，为此营养学家建议： （１）进食总量要足够。营养学家认为，营养合理首要的一条是摄入的总热量须满足需要量，因此除了早、中、晚餐外，还需吃一顿夜餐。（２）注意调配饮食品种和花样。由于夜间胃消化差，食欲不好，故应多食富含蛋白质、维生素的食物及一些清淡、美味可口的食物，不宜吃油腻食物。（３）多供给富含维生素Ａ的食物。夜班易使人的眼睛疲劳，而维生素Ａ参与调节视网膜感光物质——视紫质的合成，能提高人体对昏暗光线的适应能力。（４）增加优质蛋白质。最好是动物蛋白能占一半，因动物蛋白中有人体必需的８种氨基酸。</t>
  </si>
  <si>
    <t xml:space="preserve">红米手机不联网能GPS导航吗 </t>
  </si>
  <si>
    <t>红米手机不联网能GPS导航</t>
  </si>
  <si>
    <t xml:space="preserve">经常容易感冒，平均一月一次！我经常感冒，平均一个月得有一次，而且 </t>
  </si>
  <si>
    <t>每年定期(在8至10月)去医院打一针流感育苗,你便不会再感冒了.</t>
  </si>
  <si>
    <t xml:space="preserve">问候博主！问候博主祝你快乐！ </t>
  </si>
  <si>
    <t>谢谢，祝你安好！</t>
  </si>
  <si>
    <t xml:space="preserve">为什么女子为好？好字有来。。。。。。 </t>
  </si>
  <si>
    <t>好，是会意字，由女、子两个象形符号组成。女是女性，子是孩子。上古先民看来，能够生育孩子使氏族人口兴旺，使母系血缘代代相传的女性，乃是“优秀、美好”之女。王权父系制确立之后，好的词义发生转移，转指美色。---摘自“汉字密码”</t>
  </si>
  <si>
    <t xml:space="preserve">送什么生日礼物给女朋友比较合适?和她恋爱快3周年了,她生日和我们 </t>
  </si>
  <si>
    <t>个人认为，对于你在乎的人，最好的生日礼物是你的一颗真诚而充满爱意的心灵。无论遇到任何人生境遇，能保持对这份情感的珍惜与信任。当然，在平常的日子或者生日那天，一份神秘的小礼物能表达出你对她/他的一份在乎与关怀。特别是女生，很容易为此感动好一阵子。 用心在各大时尚论坛找了一些女生比较喜欢的生日礼物，不要迟疑了，现在就给心爱的她送出一份意想不到的惊喜吧！ 一、GUCCI小提包。小提包是女生外行时的最佳点缀，GUCCI各式精致的小提包总能配上爱人那些清凉装衣服，让这个夏天充满靓丽点点。 二、惟有爱。07年创意十足，剔透着温馨、浪漫气息的的符合你要求的惊喜礼物：“惟有爱”梦幻抱枕。最先我是在香港时尚论坛惊喜发现的，搜索后才知道是国内品牌首创，很有想象力的礼物（可以“惟有爱 生日礼物”）。温馨的品牌内涵，绝对新颖的产品，我身边的很多MM一看到都惊喜得很，说感觉很特别和温馨。目前市面上还没有见到，算是独一无二的神秘惊喜礼物了。 不错的惊喜效果参考：  图片：  三、现在的2008奥运福娃很可爱的，送她一套她一定会喜欢的，要送最大的毛绒玩具那种，比较贵哦，可以送单个的。中国人费很多心力做出来的，肯定有意义的。 四、睡衣。睡衣是万能的礼物哦。因为不用考虑号码大小，差不多就可以穿，不象外边穿的衣服可能号码款式比较挑剔。而且，睡衣是贴身穿的，让你的爱人在睡觉的时候都想你哦。 五、一条漂亮的手链，最好是银白的细细两根纠缠在一起的那种。以后可以天天戴着，看到美丽的手链，就想到甜蜜的爱人。我觉得这个方法，送她的时候可以眼前一亮，而且喜悦会很持久哦。当然，首饰女生应该有不少的。 ” 能看到自己心爱女生脸上那惊喜、感动的神情，那你也应该甜蜜到心底了。</t>
  </si>
  <si>
    <t xml:space="preserve">微型真空泵的使用寿命如何? </t>
  </si>
  <si>
    <t>FAA4002-12V寿命高达3000小时(微型真空泵抽打气两用)可以吗？</t>
  </si>
  <si>
    <t xml:space="preserve">小狼如何混我是20万声望的小狼，有1万吨的部队，该如何发展，周围 </t>
  </si>
  <si>
    <t>大狼不打你,你那点部队根本不够一哆嗦的...还有啊,你应该尽快发展军事,只要是确定了当狼,就要尽快发展军事,你部队的规模稍微小了一点,尽快发展到1万5上下,就可以用很少的损失,分兵去刷NPC了.....多刷点钱,把所有的钱都用来发展军事,刷NPC只要勤奋,一天保证6小时,你经验嗷嗷的张...不用担心做狼,就要坚决坚定自己的信念,玩命整,一直一个方向...你周围没有羊,你不会打狼啊?~</t>
  </si>
  <si>
    <t xml:space="preserve">我在大学对自己的专业不喜欢该怎么办啊.我真的很无助啊,谁能帮我自? </t>
  </si>
  <si>
    <t>几点小想法:1. 树立更高的目标,把握一下考研这次再选择的机会;2. 在学校期间,利用学校这个大课堂的概念,看看你喜欢的专业开什么课呀,安排出时间去听听看呀~3. 可以把你喜欢的专业设置为第二学位.4. 大学就是一个大课堂,充分利用在学校的机会,汲取知识!5. 干一行,爱一行!6. 等你真的踏踏实实学习你的本专业时,你会发现乐趣无穷的!祝你在学习中找到鲜活的自己!</t>
  </si>
  <si>
    <t xml:space="preserve">怎样进入DOS用DEL删除文件? </t>
  </si>
  <si>
    <t>你说的找不到文件,是装系统时把C盘的文件系统改为NTFS了,而DOS是F16或F32系统,不认NTFS系统,自然就找不到了.除非把C盘改成F32,才能在DOS下看到C盘,</t>
  </si>
  <si>
    <t xml:space="preserve">各位兄弟姐妹，金精铁玉那里能得到，听说炼器100%的成功，各位谢? </t>
  </si>
  <si>
    <t>天帝宝库里有卖的  5元宝一个加5 和加5之前的100%成功！！加6用3个金精铁玉合一个上加6100%成功  3个6的铁玉合个7的100%成功 3个7的合一个8的100%成功哈</t>
  </si>
  <si>
    <t xml:space="preserve">为什么我没办法双开？下载补丁覆盖后没办法更新了进步去游戏 </t>
  </si>
  <si>
    <t>- - 由于自己是两台电脑开所以对双开不太了解…如果有答错的地方请见谅首先建议卸载游戏，再安装一次，更新完毕以后覆盖尝试一下行不行如果再不行，应该可以确认你的补丁版本不适合最新的Mabi去寻找适合新版本的新补丁用，然后就可以了</t>
  </si>
  <si>
    <t xml:space="preserve">喜欢看H片是道德素质问题吗?各方面表现都不错 </t>
  </si>
  <si>
    <t>身为一个有正常生理需要的人来说，获得快感有很多途径,其中一种就是看H片,这并没有什么难为情的,只要不是很过分(比如看得走火入魔了而随时想在大街上找个MM试试~~)也许很多人认为性是可耻的,但这种观点是错误的,造成这种观点主要原因是我国的社会体制.从2000多年的封建社会发展过来,很多封建观念束缚了人们的思想,其中最严重的就是对性的认识.我想随着社会的发展,人们会逐渐改变对性的看法的.所以你不用担心什么,想看的时候就看,只要有数就行~</t>
  </si>
  <si>
    <t xml:space="preserve">我腿上有很多毛毛怎么办？我腿上的毛毛又长又粗，跟男人的似的，丑死 </t>
  </si>
  <si>
    <t>不要用什么光子去毛,不安全.现在你们女士用的去毛类药膏效果很好,只要买正规厂家的货,就很安全.</t>
  </si>
  <si>
    <t xml:space="preserve">关于FLASH按钮事件问题我想请问,如何能实现对同一个按钮,加上 </t>
  </si>
  <si>
    <t>第一种方法（简单的把两个事件叠加在一起)应该可以的吧。我想问了，你的("场景 2",2);上有按钮动作么？？？？就是说on (release) {getURL(" ");}这一段代码的作用范围能控制到("场景 2",2)？但愿你能实现。</t>
  </si>
  <si>
    <t xml:space="preserve">P3隆重推荐今日直选745十倍。 </t>
  </si>
  <si>
    <t>跟一注，希望中奖明天买足彩</t>
  </si>
  <si>
    <t xml:space="preserve">竞彩推荐1场冷门自己分析的，希望大家指教下下~周六003阿森纳V </t>
  </si>
  <si>
    <t>阿森纳这场球,平负双选较为稳当;布莱克这场，默契出平局这种可能性相当大；中国，胜科威特，可能性很小，５％的概率！！！</t>
  </si>
  <si>
    <t xml:space="preserve">她是喜欢我的吗？紧急求助！~~~~~~~~~我和她是初中同学！~ </t>
  </si>
  <si>
    <t xml:space="preserve">喜欢不是一定要说出来的，她虽然没有向你认真正式的表示过，但我想她是喜欢你的。  注意！ 我想你是想知道你们是不是相爱了吧，她是不是爱你 对吧？ 也许她没有表示是因为你没有告白或是因为她喜欢这种心照不宣的感觉吧有你的关心与呵护还有你的倾诉。也或许她是不想让这份美好因为加上自古以来恋人都要的名字情侣而变得受束缚吧。有些事往往不要给它下个定义，很明确了它是什么抑或想把它规定成什么，这样只能让自己失去美好的东西。也许她把你当成的不仅仅是心仪的对象，也是贴心的朋友，一个家人，一分牵挂，一份寄托......只要她开心就！好不是吗？ </t>
  </si>
  <si>
    <t xml:space="preserve">e路航导航仪PL950更新问题请问哪位高手告诉我e路航导航仪地图 </t>
  </si>
  <si>
    <t>只要你的GPS是正规渠道购买的，都有这个导航仪的出厂编号和用户ID，这些都是唯一的，你在e路航导航仪的网站上就凭提供这些数据后下载地图的更新和安装。</t>
  </si>
  <si>
    <t xml:space="preserve">灵游进8去啊?他老出来什么exit_3或exit_2,怎么回事啊 </t>
  </si>
  <si>
    <t>西西...这个问题好解决你这样做:1.先下载个新浪游戏大厅安装(如果安装好就下一步)2.打开这个网址(新浪的..别怕)  3.在左上输入你的帐号和密码4.点击服务器列表中的任何1个(目的是让它自动跳转连接)5.OK了..你可以进入游戏了(提醒,今天星期三上午游戏维护)6.下次你按原来的方式都可以进入了(已经跳转过了)</t>
  </si>
  <si>
    <t xml:space="preserve">QQ号丢了原始密码还有密保我忘了怎么办啊 </t>
  </si>
  <si>
    <t xml:space="preserve">   请您一定要耐心仔细进行取回密码各步骤的操作。注意：密码有别于个人帐户密码，所以取回时要选择好是哪种密码哦：）  当发现自己心爱的QQ号码被盗以后，很多朋友都感觉不知道该如何操作找回QQ，首先大家需要冷静心情，然后按照以下步骤进行操作： 一、若您的号码申请过密码保护，并且仍可以回忆起密码保护提示问题的答案和邮箱，您可以登录 二、不过有可能部分朋友当时注册的安全邮箱已经失效或者因为其他网络原因暂时无法打开或接收重设密码的确认邮件，这时若您仍能回忆起当时注册的证件号码，那么您可以在 注意：　 　请不要填写丢失的QQ号码对应的QQ邮箱，并且若该QQ邮箱未激活，请您先登录 ，注册QQ邮箱别名后即可激活。三、若您的号码未申请密码保护或密码保护遗忘，请您登录 注意：　　1、号码申诉表中“现用安全信箱”一栏中请不要填写丢失的QQ号码对应的QQ邮箱，并且若该QQ邮箱未激活，请您先登录 ，注册QQ邮箱别名后即可激活。　　2、号码申诉表中“联系用的安全QQ号码”一栏需要认真填写，不过请不要填写丢失的QQ号码，因为我们的申诉结果将会以两种方式反馈给您，一种是邮箱接收，另一种是QQ客户端系统消息的方式反馈（需使用官方下载的QQ软件： 登录查看，让用户注意察看，不要随意关闭。四、若您的号码是手机、小灵通支付的 (/网通)即可立即取回QQ密码。若您丢失的号码是手机支付的QQ行号码，可以通过支付的手机发送短信“MM#丢失的QQ行号码” 到1700(移动)/9777(联通)，即可立即取回QQ密码。Good Luck!!!</t>
  </si>
  <si>
    <t xml:space="preserve">女人的话有多少可以相信我一直在想着这样的一个问题,女人的话到底有 </t>
  </si>
  <si>
    <t>这是很无聊的问题，我觉得是没什么好想的，因为同样的问题女的也会想，她们也不相信我们的话，觉得宁愿相信母猪会上数，也不能相信男人那张嘴！不过总的来说，女的比较感性的，缺乏理性，女的是需要关怀的，她们的世界里只容的下一份爱，当她真的爱你时会一心一意，但是当她不爱你时也会铁石心肠！她们的爱并不是禁得起考验的，这么说并不是为女的有什么偏见，而是见惯了身边的一些现象，男的在现实中有了外遇，多数会顾及家庭，但是女的则相反，她们会冲破一切束缚，不去管伦理道德的限制，这就是女所谓爱的对爱的坚持，但是她们的这种爱往往只是一时的冲动</t>
  </si>
  <si>
    <t xml:space="preserve">上海治疗肾结石哪家医院最好？？？急啊！！！请问上海市区治疗肾结石 </t>
  </si>
  <si>
    <t>哦,还是上海华仁肾病医院吧,好像这是上海地区唯一的一家肾病专科医院,那里肾病专家很多,你可以到网上去查一查,先了解了解再说...</t>
  </si>
  <si>
    <t xml:space="preserve">集合A属于集合B与集合A含于集合B有什么区别 </t>
  </si>
  <si>
    <t>前者 A中全部元素都属于b后者是交叉关系 不是全部属于</t>
  </si>
  <si>
    <t xml:space="preserve">那部动漫是以利威尔兵长为主角的？ </t>
  </si>
  <si>
    <t>《进击的巨人 外传 无悔的选择》9月开载，摘要:以利维尔兵长为主人公的外传漫画《进击的巨人 外传 无悔的选择（進撃の巨人 外伝 悔いなき選択）》将在女性向月刊漫画杂志《ARIA》上开始连载。9月28日开始揭载序篇。详情请看：http://www.517japan.com/viewnews-68569.html</t>
  </si>
  <si>
    <t xml:space="preserve">我如何才能成为网络作家？本人热爱写作！梦想成为网络的写手！不知应 </t>
  </si>
  <si>
    <t>首先，你要确定自己喜欢写怎么样的作品。然后，你就开始定计划写作。等你有了一、两万字数时，你就可以去搜索各大文学论坛和文学网站了。我建议你两者都发为好。文学论坛建议你发到新浪、搜狐等名网站的上面。文学网站，建议你发到起点中文网、幻剑书盟等网站上。现在网络文学主流就是幻想文学，如果你想写的话，可以以这个为目标，我建议你多看看人家是怎么写的。成为任何一个类型的作家的前提，就是多积累，等你积累到一定量时，你写出来的东西自然会有人接受。如果你在写作时遇上问题，可以到这些文学站里找人救助，保证可以得到答案。其实，想成为网络写手很简单，只要你不断努力的去写就可以了。</t>
  </si>
  <si>
    <t xml:space="preserve">黑上钥匙问题第二步让我去控制龙我已经拿到了铸造好的晋升印章任务也 </t>
  </si>
  <si>
    <t>再带个原始晋升印章身上</t>
  </si>
  <si>
    <t xml:space="preserve">年龄一样大真的不可以结婚吗？我家人和亲朋都劝我一定要找一个比自己 </t>
  </si>
  <si>
    <t>我可不相信这些说法！～我不觉得年龄大就会照顾人！～只能说明他们成熟点，在考虑问题上面可能会有些见解些！～但是性格是怎么样决定着一切，有的人本身就很会照顾人！～而有的人性格就像个小孩子，需要人去照顾！～我爸比我妈大４岁，也是不懂得怎么照顾人的啦！～～～～～～～所以这不是年龄大小的问题！～只要合适自己，自己喜欢的都可以的啦！～</t>
  </si>
  <si>
    <t xml:space="preserve">脐疗有副作用么？ </t>
  </si>
  <si>
    <t>放心是没有的</t>
  </si>
  <si>
    <t xml:space="preserve">请问什么牌子的燕麦片质量最好，要那种纯正的，不添加任何东西。 </t>
  </si>
  <si>
    <t>一般西麦不错。家乐福超市自产麦片也不错。不过我认为应该或多或少都有些添加。</t>
  </si>
  <si>
    <t xml:space="preserve">浩方作弊问题现在浩方QQ平台有很多人作弊，开全图，我只要一MF， </t>
  </si>
  <si>
    <t>这个啊你可以自己开主机，这样对方作弊的可能性就相对比较小了不过啊，只是被抓了几次MF，是不能判定为对方作弊的。只要能正确地分析对方的心理状态，抓MF并不是很难。如果好几次都是4人图上对方不探路直接英雄就去你家了，那么这样基本可以判定为作弊。如果你对自己水平有信心，可以到VS平台去，那里反作弊的力度大一些。HF上作弊的，用MH还是客气的，我从前跟我同学在HF打2V2，每次都能看到改图的。</t>
  </si>
  <si>
    <t xml:space="preserve">谁知道有首哥是关于Manchester很激动同上 </t>
  </si>
  <si>
    <t>Glory,Glory,Glory Man United, and Red go matching on!</t>
  </si>
  <si>
    <t xml:space="preserve">圣元奶粉其它批次是否有问题？（最好是厂家和权威人事回答）我家的宝 </t>
  </si>
  <si>
    <t>和销售商申请退货。现在超市一般都接待退货，但是私人代理商就有点问题。我还有4罐，也是这样的。和私人代理询问了，他说不能退，但是可以换其他奶粉。12315的工作人员是不会协助你呢，只要不属于批次的货物都，是不会为你担保。或者你确定你的奶粉有问题，找相关质检部门拿检测结果也可以退。不过费用要自己要自己承担。</t>
  </si>
  <si>
    <t xml:space="preserve">写出藏族、蒙古族、维吾尔族具有代表性的节日（包括节日名称、时间以? </t>
  </si>
  <si>
    <t>藏族：1、藏历年（洛萨尔）：藏历正月初一（拉萨）或十一月初一（昌都），过年前夕，有吃团圆饭、食土粑、喝青稞酒、吃煎炸果子、手抓羊肉等风俗，初一早晨有背吉祥水、相互拜年、互献哈达、逛“林卡”（公园）和跳锅庄舞、赛马、角力、射箭、赛牦牛、拔河、唱山歌等活动。2、传召：藏历正月上半月。喇嘛云集拉萨，团体诵经，人们到寺庙去“放布施”。3、雪顿节（藏戏节）：藏历七月初一连续四五天。各地藏剧团聚集到拉萨的罗布林卡，举行盛大演出会，民间有吃酸奶子的习俗。4、沐浴节：藏历七月上旬，一周时间。到江湖下水、游泳、沐浴和野外进餐等活动。蒙古族：1、马奶节：农历八月末，节期1天，骑马乘车，带马奶酒聚会，杀羊宰牛，备奶食，煮手扒肉，宴饮；赛马、歌舞、献诗等活动。2、那达慕大会：多在夏、秋季节祭祀“敖包”时举行，一般一年一次。有祭祀敖包和摔跤、赛马、射箭、棋艺、歌舞以及贸易等活动。维吾尔族：1、圣纪节：伊斯兰教历三月十二日。清真寺举行诵经、赞圣和讲述穆罕默德的生平佚事、家家杀牛宰羊，炸油香、馓子招待客人，亲友拜节祝贺。2、开斋节：伊斯兰教历十月一日。节前打扫庭院，粉刷房屋，准备食品。期间人们沐浴更衣，清真寺或出荒举行会礼。有拜节、赠送节日食品、游坟扫墓、唱歌跳舞等活动。3、古尔邦节：伊斯兰教历十二月十日。人们沐浴等，到清真寺举行会礼，观看宰牧仪式，并互相拜节，举行歌舞集会，叼羊、赛马、摔跤和姑娘追等娱乐活动。</t>
  </si>
  <si>
    <t xml:space="preserve">奇瑞QQ能开多快0.8和1.1的最高车速分别是多少？谢谢 </t>
  </si>
  <si>
    <t>说明书上面是130KM/小时，实际也差不多，0.8的碰到高速路下坡的话，能悠到140KM/小时，但一上一点坡就又不行了,1.1的功率稍微大些，但实际行驶效果差不多，一般情况，150KM/小时就是极限了，再上就很难很难了。顺便说一下，1.1排量的QQ在绝对速度上和0.8的比,没有太大优势,1.1的优势在于4缸发动机震动比较小,扭矩比较大,在市区行驶比较轻松,起步也比较有力.最后,网上流传一QQ跑到170KM/小时,遭到很多网友质疑,我也怀疑,因为我试过,很难.不知道你信不信?</t>
  </si>
  <si>
    <t xml:space="preserve">郁闷问题,大家回答啊我为什么输入完帐号以后点确定等一会以后游戏就 </t>
  </si>
  <si>
    <t>那是游戏的一种安全模式。</t>
  </si>
  <si>
    <t xml:space="preserve">强生旗下有多少品牌呢 </t>
  </si>
  <si>
    <t>强生视力保健中国美国强生集团西安杨森制药上海泰诺制药强生（中国）医疗器材婴儿健康护理品系列（强生婴儿沐浴露、爽身粉等系列产品）妇女卫生用品系列（娇爽卫生巾/卫生护垫和 ob卫生棉条等系列产品）成人护肤品系列（可伶可俐和 Neutrogena露得清等系列产品）创伤护理品系列（邦?f创可贴等系列产品）</t>
  </si>
  <si>
    <t xml:space="preserve">谁可以告诉我53级到60级在那升啊~~~~~~~~~~~~~~~? </t>
  </si>
  <si>
    <t>你是什么职业啊?我是个毛毛 我53的时候 是去的万节成 的上空杀蛇杀到57级的然后去朝缔岛杀到60的!中间还去59FB的门口做平魔的任务啊!</t>
  </si>
  <si>
    <t xml:space="preserve">不稳定....玩龙与地下城的时候刚进一个城市的时候会卡一会进新副 </t>
  </si>
  <si>
    <t xml:space="preserve">我的情况跟你也差不多呀  请高手顺便告诉我下低端配置该如何优化电脑才能更好的玩呀 还有问下  游戏里最大帧频  和引擎速度有什么用啊  能调到最低吗  </t>
  </si>
  <si>
    <t>解不等式：|x</t>
  </si>
  <si>
    <t xml:space="preserve">    可先画一条数轴x，标出3/2、4，在这两个数时，两个绝对值等于零，所以      1、x≥4时          有x-4-(2x-3)≤1          解得x≥-2，综合x≥4的前提条件有          x≥4；      2、3/2≤x≤4时，去绝对值符号有         4-x-2x+3≤1         解得x≥2         所以此时，2≤x≤4      3、x＜3/2时         4-x-3+2x≤1         解得x≤0      所以，综上1、2、3，有不等式的解为             x≤0或x≥2</t>
  </si>
  <si>
    <t xml:space="preserve">怎样让自己爱的人不欺骗自己? </t>
  </si>
  <si>
    <t>我付出了真心，没见他怎么地，反而给他养成了我事事要主动的坏习惯！要是真的懂得珍惜……那就好了……</t>
  </si>
  <si>
    <t xml:space="preserve">步枪的枪管稍微折弯后还能正常射击吗? </t>
  </si>
  <si>
    <t>要看是什么步枪了如果是二战时期纳粹德国的“转弯枪”就可以而一般的步枪枪管弯折的话发射时只会有一种情况就是炸膛</t>
  </si>
  <si>
    <t xml:space="preserve">专做后勤,做什么最好呢好多后勤技能，如果做专职后勤做哪些最好呢 </t>
  </si>
  <si>
    <t>现在当渔夫是最好的了,深海寒铁和沉香木都是目前最值钱的材料,不过只有到了捕鱼技能61以后才能捞到,在这之前如果你没有别的经济来源就很难生存,所以专业后勤开始还是练采木\挖矿\和种植比较容易上手,种植很容易练,过了31级能种咖啡就不发愁销路,会有很多人收的.注意公聊频道的玩家求购信息,相对而言航海里的后勤是比较容易生存的.</t>
  </si>
  <si>
    <t xml:space="preserve">怎样能更快地获得积分，让微博达人升级 </t>
  </si>
  <si>
    <t xml:space="preserve">每天登录固定给你5个积分，但现在不会自动给你积分，需要你签到才给你分。每天的签到积分跟你连着签到的天数有关，你连着签到几天就给你几个积分。比如说你连着2天签到，那么第二天的签到积分就是2；连着三天签到，第三天的签到积分就是3，但是到你连着签到五天之后，以后每天的签到积分就固定为5了。5分封顶的。中间如果你有一天没有签到，那么下一次的签到积分就要重新开始算，又得从1分开始算起了。 登录知识人和资料首页后，你会看到签到按钮，不要犹豫，按下去！第一次签到可得1分，连续签到两次可得2分…以此类推，连续签到5次即可得到5分啦！5分封顶，积分可以换奖品，升级你的级别。做所有问题的第一个回答者，都会增加3分的积分，第二个以及以后的回答还是按照原来的积分规则，增加1分 积分上升的方式 上升值 注册成为爱问知识人用户 20分 成功激活邮箱 20分 每天登陆爱问知识人 5分 每天5分封顶 成功提交提问或者回答 1分 采纳回答时，填写感谢语和答案星级 1分 回答被提问人采纳 10分+问题悬赏分 成功提交投票或者评论一次 1分，每天10分封顶 问题被设置为推荐问题 10分 注册成为爱问共享资料用户 20分 成功激活邮箱 20分 每天登录爱问共享资料 5分，每天5分封顶 资料被人下载 每次获得设定的分数。 每条资料30分封顶( 加入团队，积分轻松翻倍！ 以个人名义，成功提交回答时，积分+ 3 而以团队名义，成功提交回答时，积分+再+ 3 </t>
  </si>
  <si>
    <t xml:space="preserve">几道新的公务员数字推理题请给出解题说明，谢谢~~~18,45,5 </t>
  </si>
  <si>
    <t>2、1x4-1=3;3x4-2=10;10x4-3=37;37x4-4=144.</t>
  </si>
  <si>
    <t xml:space="preserve">混合性皮肤都适合用什么洗面奶和护肤品呢是女孩子用的 </t>
  </si>
  <si>
    <t xml:space="preserve">试试用羽西，用露的，一定不能用霜 建议你试用欧莱亚的柔肤水。会让你感觉清爽。最好不要擦霜。 是混合皮肤,用的VICHY,很好用的 </t>
  </si>
  <si>
    <t xml:space="preserve">近亲结婚我可以和我外婆的姐姐的外孙女结婚吗很恩爱的 </t>
  </si>
  <si>
    <t>三代以内是不可以结婚的。（正好3代）近亲”是指三代以内有共同祖先的血缘关系。血缘关系的远近是根据相同的遗传基因的概率来判断的。根据概率可以分为： 一级亲属父母和子女之间以及同胞之间，其基因相同的可能性为二分之一。 二级亲属一个人和他的叔、伯、姑。舅、姨、祖父母、外祖父母之间，基因相同的可能性为四分之一。 三级亲属表兄妹或堂兄妹之间。基因相同的可能性为八分之一。 近亲结婚，由于双方有共同的祖先，相同的基因(包括正常的和异常的)很多，而且亲缘越近，相同的基因越多，他们相互间婚配，子代成为纯合子的机会就大大增加。如表l—2所示，表兄妹为皿级亲，相同基因有1／8，子代成为纯合子的机会为l/16；同胞兄妹为I级亲，子代成为纯合子的机会为1／4。我们每个人平均带有6一10个有害基因，这些基因多为隐性，在杂合(一对等位基因，一个是正常的，另一个是隐性致病基因，称为杂合)状态下，一般危害不大。一旦与带有相同有害基因的人婚配，双方就有可能将相同有害基因同时传递给子女，使子女成为隐性有害基因的纯合子而呈现疾病。在非近亲婚配夫妇中，相同的基因少，带有相同的隐性基因的机会更少，即使一方携带有隐性致病基因，而另一方相应的基因正常，子女也不会成为该致病基因的纯合子，因此子女患隐性遗传病的机会也就很少了。近亲结婚的夫妇中，带有相同隐性致病基因的机会大大增加，其子女成为该致病基因纯合子的机会也明显增高，这是近亲结婚子女患隐性遗传达病的机会比非近亲结婚子女高得多的原因。例如白化病，在非近亲婚配的子女中，发病率为1/40 000，表兄妹婚配者为1/3000，后者为前者的13.5倍，黑蒙性疾呆的这一比率为35.7倍，先天性鱼鳞病为63.5病。近亲结婚不仅使隐性遗传病发病率增多，而且也使多基因遗传病发病率稍增高，例如高血压病、先天性心脏病、精神分裂症、哮喘、无脑儿、脊柱裂、唇腭裂等。因此禁止近亲婚配是降低遗传病及先天性畸形儿出生的一项行之有效的措施。]] 近 亲 结 婚 亲缘相近的个体间的通婚。一对夫妇，如在曾祖父以下世代有共同祖先，就算是近亲结婚。表兄妹结婚，就是较常见的近亲结婚。大多数国家都不鼓励近亲结婚，甚至禁止近亲结婚。近亲结婚，后代的死亡率高，并常出现痴呆、畸形儿和遗传病患者。这是由于近亲结婚的夫妇，从共同祖先获得了较多的相同基因，容易使对生存不利的隐性有害基因在后代中相遇（即纯合），因而容易出生素质低劣的孩子。据世界卫生组织估计，人群中每个人约携带 5 ～ 6 种隐性遗传病的致病基因。在随机婚配（非近亲婚配）时，由于夫妇两人无血缘关系，相同的基因很少，他们所携带的隐性致病基因不同，因而不易形成隐性致病基因的纯合体（患者）。而在近亲结婚时，夫妇两人携带相同的隐性致病基因的可能性很大，容易在子代相遇，而使后代遗传病的发病率升高。下表列举了几种隐性遗传病，表明近亲结婚后代的发病率是非近亲婚配后代发病率的数倍。 此外，高血压、精神分裂症、先天性心脏病、无脑儿、癫痫等多基因遗传病，在近亲结婚所生子女的发病率也明显高于非近亲结婚。为此，许多国家通过禁止近亲结婚。中国婚姻法第六条规定： “ 直系血亲和三代以内的旁系血亲禁止结婚。 ” 直系血亲指父母与子女，祖父母与孙子女，外祖父母与外孙子女之间的关系。三代以内的旁系血亲包括同胞、叔（伯、姑）与侄（女）、舅（姨）与外甥（女）之间，表兄弟（妹）、堂兄弟（妹）之间的关系。据调查，近亲结婚率，城市约为 0.7% ，农村 1.2% ，有的高达 2.8% ，某些山区农村、海岛由于交通不发达，近亲婚配更高，因而遗传性疾病就较多。因此禁止近亲结婚是降低以至消除隐性遗传病发病率，提高人口素质的有效措施，是优生的主要内容之一。</t>
  </si>
  <si>
    <t xml:space="preserve">现在魔兽人少很多吗??好久没玩了,以前一开组队频道下FB卖东西的 </t>
  </si>
  <si>
    <t>少是相对于从前，毕竟wow已经这么多年了。资料片再强大也不如当年号称的500万+。但和很多游戏比起来，人还是很多的。持续时间长，一个服务器开5年仍然有1千多人在线，能媲美的游戏罕见。（对战平台除外………………）</t>
  </si>
  <si>
    <t xml:space="preserve">king.if未之病毒老是删不掉king.if未之病毒，安装了瑞 </t>
  </si>
  <si>
    <t>您好：以下软件就可以查杀，推荐使用Ewido V4.0汉化绿色特别版（杀木马最好的工具） 木马杀客2007 简体中文绿色特别版 木马克星5.5完美去广告绿色特别版 以上软件都是绿色软件的，解压后可以免费使用，下载后更新在软件啊。是我自己的爱问共享保证没有病毒，可以放心使用。有什么问题可以用爱问发信息给我，我帮你解决。</t>
  </si>
  <si>
    <t xml:space="preserve">婚礼时为什么要喝交杯酒男人干吗得单膝跪地求婚 </t>
  </si>
  <si>
    <t xml:space="preserve">    交杯酒是我国婚礼程序中的一个传统仪节，在古代又称为“合卺” (卺的意思本来是一个瓠分成两个瓢)，古语有“合卺而醑”，孔颖达解释道“以一瓠分为二瓢谓之卺，婿之与妇各执一片以醑（即以酒嗽口），合卺又引申为结婚的意思。在唐代即有交杯酒这一名称，到了宋代，在礼仪上，盛行用彩丝将两只酒杯相联，并绾成同心结之类的彩结，夫妻互饮一盏，或夫妻传饮。这种风俗在我国非常普遍，如在绍兴地区喝交杯酒时，由男方亲属中，儿女双全，福气好的中年妇女主持，喝交杯酒前，先要给坐在床上的新郎新娘喂几颗小汤圆，然后， 斟上两盅花雕酒，分别给新婚夫妇各饮一口，再把这两盅酒混合，又分为两盅，取 “我中有你，你中有我”之意，让新郎新娘喝完后，并向门外撒大把的喜糖，让外面围观的人群争抢。     至于单膝求婚，大概是从古代沿承下来的，表达诚恳的意愿。　　</t>
  </si>
  <si>
    <t xml:space="preserve">如果娶不到老婆,怎么继续?娶不到老婆后会不会没有办法继续游戏.( </t>
  </si>
  <si>
    <t>取不到老婆也可以继续游戏,这没有必然结果.</t>
  </si>
  <si>
    <t xml:space="preserve">河北移动手机发不了短信，原因？短信息中心设置号被改了忘了，有知道? </t>
  </si>
  <si>
    <t>你是河北哪里的呢？比如说，你是河北石家庄的，那么你的短信中心设置号就是：+8613800311500如果你不是石家庄的，那么就看一下你手机卡所在的城市的区号是多少，然后再改一下就可以了，修改格式为：+861380****500，其中“*”就是填你手机卡对应的区号。希望对你有帮助。</t>
  </si>
  <si>
    <t xml:space="preserve">世界上最伟大的球员是谁? </t>
  </si>
  <si>
    <t>贝利是爱慕权势，喜爱张大嘴瞎评论球王马拉多纳是不畏强权，私生活糜烂的天才球王克鲁依夫是桀骜不逊，我行我素的球王普拉蒂尼是优雅球王，贝肯鲍尔是严谨球王，罗那尔多是好色球王，齐达内是平民球王，李毅是搞笑球王，安琦是ktv球王。</t>
  </si>
  <si>
    <t xml:space="preserve">从上午曾经的跌停到下午曾经的涨停，请问谁能解释一下今天的6003? </t>
  </si>
  <si>
    <t>加星的ST,可不能乱碰,到三板就完了哦...震荡加大,有主力或庄家跑路~~`</t>
  </si>
  <si>
    <t xml:space="preserve">一个月一千块钱的工资应该买什么样的电脑 </t>
  </si>
  <si>
    <t>不应该说工资多少应该说每个月剩多少！</t>
  </si>
  <si>
    <t xml:space="preserve">泌乳素值1032.57正常吗 </t>
  </si>
  <si>
    <t>你好，由于泌乳素升高以后会抑制促性腺激素的分泌，从而造成卵泡不发育，无排卵及黄体功能不足而导致不孕。泌乳素分泌不稳定，可因不同身体状况的影响而发生变化，如睡眠、情绪、抑郁、紧张、运动、性交、饥饿以及进食后等均可能影响其分泌状态，而使泌乳素的分泌出现一过性升高。为排除以上影响因素，测定血中泌乳素一般以上午9～10点钟空腹抽血为宜。正常育龄妇女泌乳素应为5～25ngl，如泌乳素＞35ngl则为泌乳素升高，不孕妇女中首次测定发现泌乳素水平上升，应进行第二次检查，不可轻易诊断高泌乳素血症而滥用药物治疗。对已确诊的高泌乳素血症，应检测甲状腺功能和促甲状腺素以排除甲状腺功能低下。据有关资料介绍，prl＞50ngl时20%为垂体瘤，prl值达100ngl时约50%有垂体瘤，而如prl＞200ngl，常表明存在垂体瘤无疑。因此，当prl＞50ngl时即应进行核磁共振检查，以排除垂体瘤。</t>
  </si>
  <si>
    <t xml:space="preserve">打开首页为什么显示不出文章打开自己的博客首页，没有文章一片空白只 </t>
  </si>
  <si>
    <t xml:space="preserve">你好：不要着急！上午很多朋友的首页上都是“尚无内容”。。。点下一页也没用，据工作人员讲这种情况使服务器读取数据失败造成的，会自己恢复。 请拨打新浪博客客服电话：95105670 提示音后按2键*2键（免长途费，按当地市话标准计费）进行留言咨询，将情况说明，告知你的博客地址，新浪工作人员会为你提供帮助，工作人员在收到留言后，会提请工程师在后台帮助您解决。 拨打客服电话大约需要等待10多分钟（上午拨打过，现在可能时间要更长）。 不过我的博客现在已经恢复正常了。 祝您的博客早日恢复正常！工作顺利！ </t>
  </si>
  <si>
    <t xml:space="preserve">生物制剂治疗强制性脊柱炎究竟有没有效 </t>
  </si>
  <si>
    <t>恩，生物制剂比传统免疫抑制治疗更具特异性，从理论上讲，有可能从根本上控制疾病的进展，而不对正常的抗感染免疫产生影响。肯定是有效的。</t>
  </si>
  <si>
    <t xml:space="preserve">东莞结婚拍婚纱照好一点的店有哪家？打算在10月份摆酒的不知道哪里 </t>
  </si>
  <si>
    <t>看你在东莞哪里要是在东莞伊丝帝娜在虎门的话就金夫人咯</t>
  </si>
  <si>
    <t xml:space="preserve">我朋友患了肺结核平时应该注意什么呢?她现在是自疗期间 </t>
  </si>
  <si>
    <t>病情分析：你好，根据你所描述的情况，这个主要是要抗结核治疗的。指导意见：你好，根据你所描述的情况，平时注意休息，加强营养，多吃高蛋白的食物，忌烟酒。</t>
  </si>
  <si>
    <t xml:space="preserve">这个软件叫什么高手解答~ </t>
  </si>
  <si>
    <t>可能是手机上的美图秀秀</t>
  </si>
  <si>
    <t xml:space="preserve">怎么设置所有人禁止评论呀 </t>
  </si>
  <si>
    <t>你可以在账号设置中的消息设置中进行设置试试个人用户无法设置的。如果对您有帮助，给我的答案一个好评哦，亲，谢谢（请进入应用“微问”里查看自己提出的问题并给出好评）</t>
  </si>
  <si>
    <t xml:space="preserve">羽绒服被火星烧出小洞怎么补？就是化纤布料的那种，大红色的，吃烧烤 </t>
  </si>
  <si>
    <t>补是很麻烦的，搞不好还会弄巧成拙，试着用一些装饰去遮盖，也许会成为又一道亮点。因为补不好会很难看，或者去找一些专业的补衣工问问，希望你能早日解决问题！</t>
  </si>
  <si>
    <t xml:space="preserve">想买个祛斑产品，Olay淡斑小滴管怎么样？ </t>
  </si>
  <si>
    <t>祛斑是很重要的，这些色斑都是比较顽固和长期积累下来的，我们不能只做表面功夫，而是要从肌底消灭色斑的源头。我问过朋友Olay淡斑小滴管怎么样，她用过也很推荐我去试试，说这个小滴管就是Olay水感透白净瑕精华露，是明星产品，其中的抑黑专利成分能很好地减少黑色素的形成，促进胶原蛋白生成。你可以试试哦，这样你也像我一样做一个通透白净的女纸。</t>
  </si>
  <si>
    <t xml:space="preserve">我们来说说发动机吧请所有懂车爱车的朋友一起来探讨吧很想就这个问题 </t>
  </si>
  <si>
    <t>谁说中国没有自己的发动机啊！！！   奇瑞的A520的ACTECO就是</t>
  </si>
  <si>
    <t xml:space="preserve">请问有谁知道广州市区内哪里有针灸减肥的地方？最好是在荔湾区附近， </t>
  </si>
  <si>
    <t>海珠区我就知道 ，因我刚做完江南西，100元体验四次，900元20次（全部用一次性针）</t>
  </si>
  <si>
    <t xml:space="preserve">针灸减肥一个月能减多少? </t>
  </si>
  <si>
    <t xml:space="preserve">    我正在进行针灸减肥，已经扎了四次，隔一天扎一次，现在减了四斤。感觉明显腰部瘦了。以前用其他方法也减过四斤以上，但瘦腰效果没有这么好。   我的朋友也在这个中心减过，她说一个疗程（扎18次）最少减9斤。我估计我可能能减12到15斤。</t>
  </si>
  <si>
    <t xml:space="preserve">4个月喂辅食怎么喂我家宝宝4个月了（我们宝宝吃的是奶粉，4小时吃 </t>
  </si>
  <si>
    <t>我家也是人工喂养，4个月时添加了蛋黄和，其实辅食随便什么时间喂，不过有的孩子不喜欢吃，你就要在他有点饿的时侯给他吃，慢慢他就接受了，这个时侯喂辅食孩子还是比较容易接受的，我女儿现在一点都不挑食，有人说孩子到8一9个月再添就不太爱吃，不过那也太迟了点，我给你我家的时间安排吧，我家4个月时是早晨6点吃奶，在8一9点给孩子吃蛋黄，把蛋黄碾碎，放在米粉里，这样不容易呛着孩子，一开始要少，我家也试过直接给孩子吃蛋黄，但是孩子小，不太会用勺，还试过放在奶里和果汁里，但是孩子喝了几口就会呛着，最后我就把米粉调的很稀，放在奶瓶里，再把蛋黄放进去，孩子吃了就不再呛了，不过你要买十字孔的奶嘴，而且一开始蛋黄和米粉都不要多，等孩子适应了，你再慢慢加量，我家有的时侯是早晨6点吃奶，10点再吃奶，12点一1点喂孩子吃辅食，这个随便你自己的，我们家孩子现在8个月了，蛋黄早就吃一整个了，现在还炖全蛋给她吃，而且米粉已经放在碗里调的很稠，用勺子喂了，你的问题，担心孩子吃不饱，开始是在你喂奶的4个小时间隔中喂的辅食啊，这样孩子还比原来多吃了呢，对吧。我们家孩子现在大了，辅食量也大了，所以就可以替代一顿奶粉了。</t>
  </si>
  <si>
    <t xml:space="preserve">羊癫疯的症状是什么样的，发作时候有什么特点 </t>
  </si>
  <si>
    <t>癫痫以突发意识丧失和全身强直和抽搐为特征，典型的发作过程可分为强直期、阵挛期和发作后期。一次发作持续时间一般小于5分钟，常伴有舌咬伤、尿失禁等，并容易造成窒息等伤害。强直-阵挛性发作可见于任何类型的癫痫和癫痫综合征中。典型失神表现为突然发生，动作中止，凝视，叫之不应，可有眨眼，但基本不伴有或伴有轻微的运动症状，结束也突然。通常持续5-20秒，罕见超过1 分钟者。主要见于儿童失神癫痫。</t>
  </si>
  <si>
    <t xml:space="preserve">请问在哪里可以学到“船帆操作”技能？我曾经在一个港口看见过，就是? </t>
  </si>
  <si>
    <t>转成冒险中的渔夫，渔夫的优待技能中有操帆，这样就可以直接学了，其他的冒险由于操帆不是优待技能，所以必须要冒15的时候才能在转职成冒险的情况下在冒险工会里学到，除此之外，好像没有其它的方法了呵呵，我们冒险家唯一让众多商人及战士红眼的技能是不那么容易学的</t>
  </si>
  <si>
    <t xml:space="preserve">我的网吧会员卡的钱全没了,但我上次上网下机结帐时余额还有9.5元 </t>
  </si>
  <si>
    <t>首先，你觉得你上网哪个网吧的信用可靠不？如果可靠，那还另论，有可能是系统的数据错误，让他们查查你卡的消费记录。如果不可靠，有可能是网管私吞了你的上网费。在我们这这种事见多了！</t>
  </si>
  <si>
    <t xml:space="preserve">怎样快速提高语文成绩呀要快的 </t>
  </si>
  <si>
    <t>1.你得背，这是必过鬼门关。其实，要是把背东西看成负担的话，那你大概也学不好的了，我背东西的时候，都是字字看，字字推，觉得它好，就拍案叫好！然后就记住了。那次看“本人性僻耽佳句，语不惊人死不休”，一看就喜欢得出奇，就“过目不忘”。也不是说这有什么了不起，只是想提醒各位想提高语文成绩的人，体验语习的过程，这一点很重要。怎么背的问题，网上一大堆方法，你“择其善者而从之”吧。我就不详讲了。 　　2.基础部分对于一个正常的中国人来说，做到不丢分是很容易的。至少我就很少丢分，几乎不丢分。如果想考好，从搞定基础部分开始。所以，每次复习的时候，我都会先看课后生字词。而病句就靠语感和方法，仿句靠积累。至于一些拓展性的东西，强背下来你也用不了，所以，建议你每天看看课外书，这是一个很重要的习惯。我从没有很集中地学习语文，但是我的语文成绩在年级数一数二，垄断第一。（不是炫耀）如果问有什么方法的话，那我只能说是每天只读十五分钟的习惯。信不信由你，试试吧，我就是试验品。 　　3.其实阅读对于能力的提高作用是很大的。我总是“怨”自己的答案跟老师的答案或者说是标准答案相似程度太高了，连我自己都不知道怎么做到的。其实，我觉很有可能就是阅读，不断地读书给我带来的好书。你得明白，语文绝不是《语文》，这二者不等同。语文是一个大世界！所以，享受其中。 　　4.作文应该是很多的头痛的问题吧。其实我觉得写好一篇高分作文并不难！你要明白，考场作文不是文学作品，讲究没那么多，也没有人会愿意花那么多时间来看。而阅卷老师朱笔一批，那就是决定前程的分数呀。（那么有志于走文学道路的人除外）有人会怕，没有必要。要写好考场作文：　　a.买本满分作文，把它当成你的最爱来读。这样潜移默化地学习到那些精髓。 　　b.学着写，如果有必要，你可以背下来，但千千万不要套作！否则你的能力是得不到提高的，信我一句，我有切身体验。对于中学生来说，仿好就不错了！你记住这句话，等你能力进步之后，再尝试独树一帜。 　　c.对于新文体之类的满分作分，我个人不太认可。因为我觉得那就是倒不出货来，那就是无话可说。就好像哗然取宠。不过，你把握一个原则：写作文恨与战友同。哈哈～我就是这样，从不写别人有一样的思路的作文。 　　其它的细节，你自己在学习的过程中积累，相信你可以做到的。 　　补充一点：想要快速提高，那最好的途径就是培养兴趣。我个人是这样认为的，你可以试着去夸奖语文，甚至于去夸奖你的语文老师。我觉得会有所帮助的，因为想要持续进步，你就得给自己一个持续的动力。 　　以上就是框架，具体做法就得看你了。</t>
  </si>
  <si>
    <t xml:space="preserve">吃过的口香糖有什么用？ </t>
  </si>
  <si>
    <t>可以用来清除垃圾，比如将吃过的口香糖粘在污渍的表面，过一会儿在撕下来，口香糖就会把物体表面的脏东西一起带下来。</t>
  </si>
  <si>
    <t xml:space="preserve">家庭暴力问题怎样去判断男朋友在结婚之后会不会有家庭暴力行为？怎么 </t>
  </si>
  <si>
    <t>你可以在他处理任何事情上是不是内向,内向的男人家庭暴力的趋向很大</t>
  </si>
  <si>
    <t xml:space="preserve">卵巢囊肿应该看什么科'应该注意什么 </t>
  </si>
  <si>
    <t>你好，1、发现卵巢肿瘤生长速度较快者，为手术指征。　　2、突然下腹部阵发性绞痛，妇检或B超提示卵巢肿瘤扭转者，也应及时手术或保守治疗。　　3、发现恶性卵巢肿瘤者，应先予手术，术后予以中西药综合治疗。　　4、患者化疗期间身体较虚弱，容易感冒或受细菌感染，因此中医治疗至关重要。　　5、饮食宜清淡，饮食应富含足够的营养，纠正偏食及不正常的饮食习惯，不宜常食刺激性、海产品等。　　6、适宜食物：牛奶、菠菜、山药、白菜、油菜、香菇、瘦肉、鸡蛋、鲫鱼、苹果、鸭梨、大枣、花生、黑米等。　　7、禁忌食品：蟹、带鱼、青鱼、鹅肉、狗肉、辣椒、生葱、生蒜、桂圆、橘子、白酒等。</t>
  </si>
  <si>
    <t xml:space="preserve">宠物高手来帮忙看看1、黄TL93级1625/1516/829/3 </t>
  </si>
  <si>
    <t>1。3档：2敏1魔  150W2。5档：混加蜜蜂 70W左右最多，卖个等级钱3。数值或者等级给错了吧，算不出来</t>
  </si>
  <si>
    <t xml:space="preserve">一个号，两台机子能同时上吗？我又一次出差，在外地上了法师的号，结 </t>
  </si>
  <si>
    <t>这种可能信也不是没有~应为你俩用的不是一样的通信,所以呢这样会有一段时间的差距,但是到后来还是会踢出去一个人的~~,可能你老婆在家完的时候被你踢了 由于网络的问题 他的机器还是能继续完的,但是实际上她已经被踢了.</t>
  </si>
  <si>
    <t xml:space="preserve">这里的分数能不能转啊？这里的分数能不能转啊？ </t>
  </si>
  <si>
    <t xml:space="preserve">能啊   一问一答  不过会被F的哦  小心拉 </t>
  </si>
  <si>
    <t xml:space="preserve">复制怎么解决几天了官方没有一次书面说明处理意见，公告论坛都没有看 </t>
  </si>
  <si>
    <t>您好~~复制的相关装备都会被回收删除的。</t>
  </si>
  <si>
    <t xml:space="preserve">刚购买了一台本田汽油发电机.该用几号汽油.90能否用. </t>
  </si>
  <si>
    <t>首先要看发电机的随机使用手册，即要看其中的发动机压缩比为多少，若压缩比值在8.0至9.3之间，即可用90号油，但推荐用93号油为好。</t>
  </si>
  <si>
    <t xml:space="preserve">我想养个小浣熊••••可是哪有卖的啊••••• </t>
  </si>
  <si>
    <t>宠物市场都要有的福州熊猫世界有浣熊，如果你手续齐备，而且对方愿意出售的话，你就可以圆梦了！</t>
  </si>
  <si>
    <t xml:space="preserve">力量的证明！！怎么做？？？ </t>
  </si>
  <si>
    <t>参加周末的夺宝奇兵活动！</t>
  </si>
  <si>
    <t xml:space="preserve">去超市都喜欢买啥零嘴吃？我喜欢买“串”一类的或者豆腐干一类的东西? </t>
  </si>
  <si>
    <t>水果 火腿  饼干  雪碧</t>
  </si>
  <si>
    <t xml:space="preserve">为什么说没有期货交易的商品在进口上会吃亏? </t>
  </si>
  <si>
    <t xml:space="preserve">期货交易是在现货交易基础上发展起来的、通过在期货交易所内成交标准化期货合约的一种新型交易方式。期货合约对商品质量、规格、交货的时间、地点等都做了统一的规定，唯一的变量是商品的价格。买卖者交纳一定的保证金后，按一定的规则就可以通过商品期货交易所公开地竞价买卖。在实际的生产经营过程中，为避免商品价格的千变万化导致成本上升或利润下降，可利用期货交易进行套期保值，即在期货市场上买进或卖出与现货市场上数量相等但交易方向相反的期货合约，使期货市场交易的损益相互抵补。锁定了企业的生产成本或商品销售价格，保住了既定利润回避了价格风险 </t>
  </si>
  <si>
    <t xml:space="preserve">在线等，急急急急急急急急急急请问在哪线有人叫去风穴的(一区射手的 </t>
  </si>
  <si>
    <t xml:space="preserve">带纯水属性(没的话买一个,风里魔石又大又多很快赚回来的),放蛋蛋,宠尽量用有强冰的魔宠,血最多的单位防,那的怪喜欢集中攻击血多的,射手在6线新城,7线表去,很多都是外挂风穴位置会依照时间有所不同，入口为BOSS：愤怒使者，进入时每人需付费用1000G，不想付费则战斗胜利后可以进入。如果组队进入，则按照队伍人数由带队者统一付钱（不想付钱就先解散队伍吧），洞内怪物为75到79级的铁狮（野兽系）与火蜥蜴（龙系），大部分只会攻击队伍中血最多的对象，火蜥蜴会使用强力火焰魔法。风穴位置：凌晨－（192.108） 白天－（200.34） 黄昏－（166.65） 晚上－（200.156） </t>
  </si>
  <si>
    <t xml:space="preserve">我是不是一个开不起玩笑的人？我最近在学车，觉得很是郁闷，我觉得教 </t>
  </si>
  <si>
    <t>你不是开不起玩笑的人，你是一个不怎么会保护自己的初出茅庐的小姑娘，你的教练不过是一个吃惯了豆腐的小痞子，而你居然被这样的人影响了自己的价值观，相信他那一套什么大方不大方的胡言乱语，跑到这里找答案！他不过是在暗示你应该给他好处。了不起驾照考试不过，得罪一个教练有什么了不起的？再说你是客户，你应该投诉他。总之，你气场不够强大，容易被人影响，才给了别人得寸进尺的机会。好好练练，要不然以后吃亏的机会多了去了。</t>
  </si>
  <si>
    <t xml:space="preserve">忽视抗金是什么意思？80首饰里的忽视抗金是什么意思?? </t>
  </si>
  <si>
    <t>就是无视目标抗金系攻击的属性,例如目标抗金10,你手忽视抗金10,那它就等于对金没抗一样,处于正常的抗性.</t>
  </si>
  <si>
    <t xml:space="preserve">朋友的老公爱上我该怎么办?要命的是我难以抗拒!我们认识几年了,他 </t>
  </si>
  <si>
    <t>想到婚姻的墙外看看这种心理在夫妻产生矛盾的时候或者婚姻进入乏味期的时候一般人都会有的心理但是看归看别有实质的行为有些事情发生了就无可往回了报复一个人往往也要牺牲自己的一些东西感情这东西也不要轻易的当成报复的工具还有不要给自己创造机会受诱惑</t>
  </si>
  <si>
    <t xml:space="preserve">清泉老师600674、600059、600820如何操作那个可以 </t>
  </si>
  <si>
    <t>600674、600059 5日均线先做部分减仓.</t>
  </si>
  <si>
    <t xml:space="preserve">我国为什么会出现“啃老族”？ </t>
  </si>
  <si>
    <t>家长对孩子的过份关爱.造成了孩子过份依赖性,成年了还是如此.就可怜了现在的父母们</t>
  </si>
  <si>
    <t xml:space="preserve">珠海有几个区，其中哪个区最好？市政府在哪个区域？ </t>
  </si>
  <si>
    <t>珠海有三个区:香洲区，斗门区和金湾区，香洲区是珠海市中心。市政府在香洲区.</t>
  </si>
  <si>
    <t xml:space="preserve">怎么换!可以换几个!昨天我在沙四,打组马教主爆了个怒斩,可以换1 </t>
  </si>
  <si>
    <t>自打沙四开张以来!亲眼看过其祖玛教主暴过二把龙牙!其它没见过!自已打最好的就是龙纹了!还见过沙四黄泉暴了技巧链...........我没那个命啊...</t>
  </si>
  <si>
    <t xml:space="preserve">上海看阳痿早泄哪里比较好，要多少治疗费 </t>
  </si>
  <si>
    <t>阳痿、早泄是比较常见的男性疾病，治疗阳痿、早泄的关键就在于找准病因，对症下药，治疗效果是患者们最应该关注的话题。阳痿、早泄的治疗费用要根据患者自身的情况来决定，并不是每个患者都能采用同一种治疗方法，对于不同病因引起的阳痿、早泄，要采用不同的治疗方法，方法不一样，治疗费用也不会相同，此外，由于每个患者的身体状况以及病情不一样，费用也要因人而异。阳痿早泄的费用介绍需根据患者的个体情况而定，因为每个患者的患阳痿的原因、阳痿的轻重程度不同，所以治疗方法和费用也有相对的差异阳痿早泄治疗需要多少钱是根据患者的具体情况而定,由于在明确病因、病情之后才能有针对的开展治疗,治疗措施不一样用度也不一样。</t>
  </si>
  <si>
    <t xml:space="preserve">请问这是什么病毒啊???它会有些什么危害啊?? </t>
  </si>
  <si>
    <t>“USB间谍变种a”(Worm.UsbSpy.a)病毒特征:该病毒为Windows平台下利用USB盘、移动硬盘、mp3机等移动设备进行传播的蠕虫病毒。...</t>
  </si>
  <si>
    <t xml:space="preserve">丝路传说今后的发展会怎样？？？？？丝路今后的发展会怎样？？？？？ </t>
  </si>
  <si>
    <t>已经出３　４年拉　没几个太多人玩　但是这游戏还不错的　问题出在官方代理商　世模太穷　花不起宣传的钱　游戏里也是拐弯抹角榨取玩家的血汗钱　要是这游戏代理好好弄　会很受欢迎的　</t>
  </si>
  <si>
    <t xml:space="preserve">进口不锈钢锅具的情况如德国双立人、安利等不锈钢炒锅等。 </t>
  </si>
  <si>
    <t xml:space="preserve">   德国双立人产品的日用饭锅，当然是目前饭锅市场上的品牌代表和高端象征，呵呵，性能绝对不错的，其几百元的高价饭锅，令人难以想像。但是，其高端直销回报非常好，而且，几乎没有竞争者可以模仿，无法达到其技术领先的程度。而且它还迅速建立了一支直销队伍，开展大客户销售、重点客户销售，提升对客户的服务，从而维持了目前的高价，我们用户出高价都是很乐意的：）   对于像双立人，安利的高档不锈钢炒锅，性能上绝对有很多它们的特点，比如拿双立人来说吧，1，德国进口10/18优质精工不锈钢制造，不生锈、防腐蚀、防氧化（手术刀的材料）。容易清洗，历久如新。一辈子可以享用的锅。2，造型优美、坚固耐用，冷冻、高温不变形，无毛细孔，不藏油垢无异味。3，锅底有吸热加储能的包底设计，煮食只用中火至小火，达到节能50%。（约省200元/年）使用口诀：见蒸气转小火，产生蒸气锁从不用大火。4，不粘的功能，不需一层化学涂料，不象别的不粘锅，涂有化学涂料，而再好的涂层时间久了也要损耗，掉下来的渣子小的看不见，都被您混在食物里吃进肚子啦！现在讲究健康饮食，这东西你吃了难道不害怕吗？危害健康啊。不锈钢锅就不同了，环保、不怕刮花，适合“粗鲁一族”。5，一高三低营养煮食法可做到：炒青菜不用翻炒、不开盖，不会黄，无油烟。煮红烧肉：不放水，不放油，原汁原味，烧鱼：不用煎、不放水，有鲜味、无腥味！褒鱼汤，鱼不散。6，清洗超级容易，把盐，糖，酱油等一起下锅烧到焦，普通的锅可能要用钢丝球才能擦干净，锅都刮坏了不说，特别费劲，可是这个神奇的产品只要放一点热水晃几下，连洗碗布都不用就被水冲掉了，干干净净了。不是吹的，用过了您就知道了。7，中国人烧菜以爆、炒、煎、炸为主，烹调时产生的油烟中存在引起基因突变、DNA损伤、染色体损伤的物质，具有潜在的致癌性。最新调查研究显示：油烟中芳香族化合物更是女性肥胖的根源！使用本不锈钢锅，煎、炸、焖、炒、蒸、?h、爆、煨、炖、灼等，均不起油烟，把油放在锅里面，不论怎么烧，都不会有油烟。可以省了油烟机了希望对你有所帮助：）</t>
  </si>
  <si>
    <t xml:space="preserve">妻子和母亲？有人问我：“你的母亲和妻子同时掉进急流的水里，都危在 </t>
  </si>
  <si>
    <t>晕，那我问你，是蛋生鸡呢还是鸡生蛋…</t>
  </si>
  <si>
    <t xml:space="preserve">食管癌已出现偶尔吐白痰症状，能否治疗 </t>
  </si>
  <si>
    <t>你好，有痰咳嗽先吃些止咳化痰的药，同时积极有效抗肿瘤治疗是关键，有疼痛的话，会影响疾病的治疗和恢复。意见建议：建议先止痛治疗，可以应用延香镇痛胶囊，中药强效止痛药，针对癌痛患者的，同时配合抗肿瘤药物共同治疗，抑瘤消瘤，从根本上减轻患者痛苦，控制病情，延缓生命。你好，食道癌主要以食管狭窄，吞咽困难症状为主，吐白痰考虑肺有感染，可以对症治疗吃消炎药即可你好，你说的情况最好采用有效的传统中药保守治疗，许多患者康复后能够长期存活中医中药长期临床实践积累了许多非常有效的治疗方法。意见建议：食管癌建议你用补骨脂、独活、石菖蒲、仙鹤草、大蓟、山奈、枸杞子、薏苡仁、地榆、白前、丹皮、射干、当归、土鳖虫、青黛、肉桂、苦参、金精粉、葫芦巴、白癣皮、赤芍、山豆根、远志、泽泻、金银花、乌术粉、制鳖甲、连翘、紫草、桃仁、三七等配合治疗，见效快，疗效确切，这些药物配合使用能在短期内缩小肿块、控制转移扩散、减轻痛苦、稳定病情、延长生存期，提高生存质量，甚至达到临床治愈，有康复的可能。这些传统中药配合使用可以有效控制癌细胞转移扩散，能够增强机体免疫功能以达到抑制癌细胞生长，增强机体免疫力，最终有可能达到战胜癌症的目的，并可以防止残存癌细胞卷土重来，防止复发转移。</t>
  </si>
  <si>
    <t xml:space="preserve">求教压镖问题和材料问题更新以后我发现能挖出很多新的东西而且价值都 </t>
  </si>
  <si>
    <t>现在飞膘已封，那些材料后面制造东西必用</t>
  </si>
  <si>
    <t xml:space="preserve">看到别人有钱心理不平衡身边的朋友不是做生意发财就是当官发财，自己 </t>
  </si>
  <si>
    <t>时也运也命也.老子说小富靠勤大富靠命.你不必看别人发财心理不平衡,那样于你丝毫没有帮助,绝对的公平是没有的.想法子让自己对物质上尽可能看的淡点,对钱的需求减少些,个人欲望降低点,精神层面多提升些,这时你反而会感到快乐多起来了.在现实中能够维持正常生活后,并不是钱越多越快乐.不要横向比(与别人比),只要纵向比(与自己的过去比),知足则常乐.</t>
  </si>
  <si>
    <t xml:space="preserve">经历了多次感情创伤的男人是否更渴望婚姻？女友的男朋友以前经历过一 </t>
  </si>
  <si>
    <t>有可能！但是主要是你的朋友对这个男生是否爱到要结婚的地步了我们可不能为了要成全他人牺牲自己啊？如果两人很相爱了这个男生也对她好那倒是可以考虑！我知道女生在经历感情创伤后会很需要有人关怀有一个伴侣会很好地生活希望男生也是这样子！</t>
  </si>
  <si>
    <t xml:space="preserve">短突这么改多帅啊！ </t>
  </si>
  <si>
    <t>不会是普拉巴卡兰那只吧,改这么短光用着么简易的枪口装置行吗？别管有多短关键是枪口上的鸟笼型消焰器，95短突是比它短但95的枪口消焰器要高效，这个消焰器太简易了枪口焰小不了</t>
  </si>
  <si>
    <t xml:space="preserve">厦门火车站同安售票处的地址在哪啊?从同安一中坐几路公交可以到达?? </t>
  </si>
  <si>
    <t>厦门火车站同安代售点设在同安区城南路232号,就是同安长途汽车站对面,联系电话是7559123</t>
  </si>
  <si>
    <t xml:space="preserve">000708短线如何操作?谢谢 </t>
  </si>
  <si>
    <t>这只股票，风险大于收益，短线操作实属不易，别碰为好。</t>
  </si>
  <si>
    <t xml:space="preserve">我博这次6。5皇马　－基辅　　半31全3本菲卡－曼联　　半31全 </t>
  </si>
  <si>
    <t>皇马　－基辅　 　半1 全3本菲卡－曼联　　 半10 全10阿森纳－波尔图　 半3 全31莫陆军－汉堡　　 半31 全31里尔　－AC米兰　 半31 全1雅典　－安德莱　 半1 全10</t>
  </si>
  <si>
    <t xml:space="preserve">关于flashflashmx2004和flash8有什么区别，哪 </t>
  </si>
  <si>
    <t xml:space="preserve">MX2004功能齐全，而且视图简单 </t>
  </si>
  <si>
    <t xml:space="preserve">请问调皮捣蛋师傅000151，002407最近该如何操作？今天0 </t>
  </si>
  <si>
    <t>000151、002407下周都会反弹，建议暂时持有。</t>
  </si>
  <si>
    <t xml:space="preserve">有关新浪邮票内容问题发生时间：现在详细描述：上一期集邮票（圣诞节 </t>
  </si>
  <si>
    <t xml:space="preserve">您好，非常抱歉，因为需要统计出所有集齐圣诞邮票的用户名单，然后统一加分，所以暂时还不能加。但是请放心，如果您已经集齐这期的4张邮票，31号前一定给您加上1225分的。十分感谢您对本活动的参与与支持。如有更多问题， 请咨询新浪客服中心。全国统一客服热线：  咨询邮箱：webcn@ </t>
  </si>
  <si>
    <t xml:space="preserve">梦想世界本人练的是法师，道家，武器选的是笔```发现招式居然要点 </t>
  </si>
  <si>
    <t>我也是道家 选笔的。既然你选了法师 笔基本上就是没用了 好看而已，一般不会用笔去打。笔是物理的。我上来先把基础技能点高，加血的 加防御的等等。就象造房子打地基一样。我现在83级 笔法技能只有50级 我把道升的很高 点技能很贵的 不是想点多少就点多少的。做工艺或者家具 我觉得选一样就可以了 经验不够点 经验还是多点点战斗技能吧 要做工艺或者家具 点金石什么的我都让小号学。</t>
  </si>
  <si>
    <t xml:space="preserve">上厕所用不用关门？男女分开答！！ </t>
  </si>
  <si>
    <t>不管男女都会关门的</t>
  </si>
  <si>
    <t xml:space="preserve">我下决心了！为了减少上网时间，让自己好好学习。我果断把凤姐的照片 </t>
  </si>
  <si>
    <t>还是这个吧！再上网就挨大爹砍。</t>
  </si>
  <si>
    <t xml:space="preserve">蛀牙是什么原因？蛀牙了怎么办？长蛀牙的原因是什么？昨天医院一开门 </t>
  </si>
  <si>
    <t>您好！产生蛀牙的原因是口腔环境长期偏酸，对牙釉质形成过度侵蚀而导致。造成口腔环境过酸的原因有3方面：1、口腔清洁不良习惯。不能保持早晚刷牙及餐后漱口，或者是刷牙方法不正确；2、饮食不良习惯。喜欢吃甜食或刺激性食品，对口腔环境不利；3、天生口腔环境过酸。如果前两条都比较注意，仍然很容易出现蛀牙，就是第3条原因导致的——天生口腔环境过酸，这也成为许多蛀牙患者的苦恼——为什么每天早晚刷牙非常注意保护，仍会有蛀牙呢？专家组发现，天生口腔环境过酸，通常是由于唾液分泌异常所致，针对这种情况，不妨考虑用生物疗法，或许能帮到您。免责声明：以上回复参考自“我爱牙齿网”在线提问，</t>
  </si>
  <si>
    <t xml:space="preserve">如何清楚IE地址栏中的搜索地址?每次在IE地址栏中输入网址的时候 </t>
  </si>
  <si>
    <t>用3721是方法之一，但完全可以不借助软件完成清除：1.Internet选项-清楚历史记录2.右键任务栏-属性-开始菜单-自定义-清除</t>
  </si>
  <si>
    <t xml:space="preserve">为什么网站有时候打不开？为什么8度网站刚还打的开在打不开啊? </t>
  </si>
  <si>
    <t>使用不同的宽带，访问效果不同，有的宽带可能访问不了比如你的网站空间是电信的，那么如果你朋友使用...</t>
  </si>
  <si>
    <t xml:space="preserve">才认识她,天天发信息问候算无聊吗?还上坚持,多久就可以了? </t>
  </si>
  <si>
    <t>适当的时候打电话,听到彼此的声音更有助于交往.只发短信说明你底气不足,总是在试探,开始的阶段女孩子更需要知道那个男孩子是不是对她真有感觉,别让她失望.即使不是这样,也让她觉得你是个敢表达自己性格开朗的人.努力吧,真爱属于勇敢者.祝你成功.</t>
  </si>
  <si>
    <t xml:space="preserve">今日必胜客美因茨VS纽伦堡必胜客：美因茨！！！！各位，慎用！ </t>
  </si>
  <si>
    <t>我是看好3的</t>
  </si>
  <si>
    <t xml:space="preserve">妈咪爱是给孩子吃的益生菌制品，谁用过啊?益生菌制品对宝宝的肠道有 </t>
  </si>
  <si>
    <t>益 生 菌 制 品 主 要 就 是 为 了 婴 幼 儿 研 制 的 。 可 以 补 充 婴 幼 儿 体 内 缺 少 的 有 益 菌 。 并 对 一 些 异 常 的 肠 道 情 况 进 行 调 理 。 从 而 改 善 肠 道 健 康 ， 是 的 , 妈 咪 爱 是 益 生 菌 的 , 对 治 疗 宝 宝 拉 肚 子 ， 便 秘 有 一 定 的 效 果 的 。 他 能 调 理 肠 道 菌 群 。</t>
  </si>
  <si>
    <t xml:space="preserve">请问离武汉天河机场最近的火车站在哪，怎么从机场去火车站 </t>
  </si>
  <si>
    <t>汉口火车站最近，一两个坐机场大巴，每人15元到民航下转共汽三四个人最好打的，到火车站只要四十几元（当然要谈价）</t>
  </si>
  <si>
    <t xml:space="preserve">年底要车什么时候订车最好 </t>
  </si>
  <si>
    <t>九、十月车展活动多，此时订车，年底拿车基本不成问题</t>
  </si>
  <si>
    <t xml:space="preserve">完美何时再出聚宝盆龙鳞在那得到完美曾经出过聚宝盆现在明显减少了请 </t>
  </si>
  <si>
    <t>做战场的时候有可能遇到一个人，他那里龙鳞1金一个……当然，遇上他的几率相当渺茫，相当于你被流星砸一次，几率小于等于俺们中福彩一等奖……当然，看到你就买吧~~外面很好卖的……聚宝盆，那会接力任务随机会给两个。现在没了。</t>
  </si>
  <si>
    <t xml:space="preserve">提提你对对酒店预定网站有什么看法和建议？最近一直在找酒店预定的网 </t>
  </si>
  <si>
    <t>你说的那个网站可以的，我试过。</t>
  </si>
  <si>
    <t xml:space="preserve">刚买回来的一单想改也改不了了........01曼　联(02)1 </t>
  </si>
  <si>
    <t xml:space="preserve">01 曼　联(02) 11-04 02:45 莫陆军(05)----- 1 ------好02 贝西克(04) 11-04 02:45 沃尔夫(07)----- 0 -----303 拜　仁(05) 11-04 02:45 波尔多(01)----- 3 04 马卡比(01) 11-04 02:45 尤　文(02)----- 10 05 米 兰(05) 11-04 02:45 皇　马(02)----- 3 ------006 马　赛(05) 11-04 02:45 苏黎世(05)-----10 ------3107 希腊竞(03) 11-04 02:45 波尔图(03)----- 10 08 马竞技(17) 11-04 02:45 切尔西(01)----- 0 ------309 佛罗伦(08) 11-05 02:45 德布雷(06)----- 3 </t>
  </si>
  <si>
    <t xml:space="preserve">考试不抄行吗???高考也抄,考研也抄,职称考试也要抄!就这么一点 </t>
  </si>
  <si>
    <t>现在对打击抄袭，作弊现象挺严厉的，但向来上有政策，下有对策，也是没有办法的。对这些现象是不可能绝对制止住的。只能说管好自己吧，求个心安理得。</t>
  </si>
  <si>
    <t xml:space="preserve">如果QQ号码长时间不用是否会被腾讯公司收回?一个QQ号码长时间不 </t>
  </si>
  <si>
    <t>会,基本上3个月不用就会没有了,我的就是那样</t>
  </si>
  <si>
    <t xml:space="preserve">预测定胆，50送上！！！下一期的双色球预测，从所有参与的用户中抽 </t>
  </si>
  <si>
    <t>红球：02、06、11、13、27、32蓝球：08</t>
  </si>
  <si>
    <t xml:space="preserve">股市成交量放大意味着什么？ </t>
  </si>
  <si>
    <t>场外资金雄厚</t>
  </si>
  <si>
    <t xml:space="preserve">(...)!!是什么意思？怎么计算？比方（2n）！！ </t>
  </si>
  <si>
    <t>!!表示隔一个相乘.如(2N+1)!!=1*3*5*7*9*...(2N+1)</t>
  </si>
  <si>
    <t xml:space="preserve">上网记录的查阅上网过后总会在电脑上留下一些痕迹的,你什么时候上过 </t>
  </si>
  <si>
    <t>在IE平台的菜单栏理有一项“历史”，点击即可以看到你之前上过的网址，打开过的网页，选定你需要删除上过的网页，右键点“删除”即可。（最简单的方法了）或者是使用一些软件，比如：雅虎助手，瑞星卡卡等。</t>
  </si>
  <si>
    <t xml:space="preserve">用双氧水（二氧化锰作催化剂）制取氧气时一定要用分液漏斗吗？ </t>
  </si>
  <si>
    <t>要啊这样比较纯</t>
  </si>
  <si>
    <t xml:space="preserve">今晚竞彩3场?大家怎么看？柏林赫塔VS波鸿31色当VS阿雅克肖3 </t>
  </si>
  <si>
    <t>色当这场球我刚刚统计了几家公司相同赔率的赛果，威廉希尔相同赔率09年至今法乙主队是1胜2平5负，BET365是3平1负，BWIN是2负，Oddset是18胜6平8负，所以这场很可能没主胜，楼主要小心了。</t>
  </si>
  <si>
    <t xml:space="preserve">从来没有听说过这个词儿在现在的互联网上，这种想象是不是越来越多了 </t>
  </si>
  <si>
    <t>是的。。。。。。。。。。。。。。。。。</t>
  </si>
  <si>
    <t xml:space="preserve">救救我的榕树盆景脱落了很多叶子而且还有绿叶也掉了。怎么办啊请高人 </t>
  </si>
  <si>
    <t xml:space="preserve">像这样的提问最好要有图片才能较为确切回答。从你的情况分析，很可能是长期放在，光照少，不通风起的。在众多树木盆景中，榕树盆景是比较易养的盆景之一。 榕树属于阳性树木，养护应放置在通风透光处，且要有一定的空间湿度。阳光不充足，通风不畅，无一定空间湿度，可使植株落叶、发黄、发干，导致病虫害发生，直至死亡。所以榕树不宜在室内长期摆放，特别是气温较高的生长季节，要定期将其移至室外阳光充足处养护复壮。平时在室内要尽可能放在能见阳光和空气流通的地方，以维持其生理生长的需要。 榕树喜酸性土，属非耐寒性植物，不能耐受零度以下的温度，冬天要进入室内维护管理。浇水是榕树盆景管理的最重要、最频繁的措施之一。榕树栽植于盆中，不论是深盆，还是浅盆，如长期不浇水，植株就会因缺水而枯萎，因此要及时观察，根据其土壤干湿情况浇水，保持土壤湿度。当然浇水也不可过量，尤其是在室内摆放，水的消耗较少，若浇水过量，盆土长期过湿，则易引起根部缺氧和腐烂；浇水的多少还要视季节变化、天气冷暖而定。一般说来，夏天宜湿，夏季或干旱时，最好早晚各浇一次水，春秋季节每天或隔日浇一次水，春天树桩萌动，也可视情况早晚浇一次水。梅雨季节或雨天时，则不需要浇水，还要注意排水。砂质土壤可多浇水，粘性土壤要少浇水。浇水可以叶面喷水，也可以根部灌水，一般二者结合。叶面喷水主要是为了保持叶面清新，有利于增强光合效能，喷水过多，也会促使枝叶徒张、叶形变大，降低观赏价值。根部灌水要灌透，注意不要浇“半截水”造成盆面湿、盆内干的现象，如果一生成季节经常出现此症状，极易导致植株死亡。 </t>
  </si>
  <si>
    <t xml:space="preserve">如何使用信用卡可以提升自己的信用度 </t>
  </si>
  <si>
    <t>按照信用卡规则，一是要频繁使用，刷卡金额越大越好；二是按时还款。</t>
  </si>
  <si>
    <t xml:space="preserve">tiny0：什么是叠尾格？ </t>
  </si>
  <si>
    <t>叠尾格属加字类谜格,又名:复尾.规则:谜底的最后一字重复一遍读.例如:“兰”(围棋术语一),谜底是“三连星”,按格扣面为“三连星星”.</t>
  </si>
  <si>
    <t xml:space="preserve">总是缺少d3d9文件怎么办？缺少该文件，说是重新安装可以搞定，我 </t>
  </si>
  <si>
    <t>没有安DX9 去下一个</t>
  </si>
  <si>
    <t xml:space="preserve">怎样才能顺利考研 </t>
  </si>
  <si>
    <t>毅力＋良好的身体状态＋实力＝考研成功考研很消磨人的耐性，越往后人会越焦躁，而且因为这样那样的原因，会有越来越多的人退出、放弃。如果你收到旁人的影响很大，那你难免也会产生抵触情绪。所以需要毅力，持之以恒的毅力，让你一直出于匀速或匀加速的复习状态。其次，考研人的精神压力相当大，对身体也是一个考研，要劳役结合，懂得调节，无论何时，身体都是第一本钱。再次，实力，其实这是一个很宽泛的概念，究竟怎样才算有实力呢？对于考研来说，做作真题会有最直观的感觉，或许一开始基础并不好，但只要你一步一步来，在接受新知识的时候巩固原有的知识，就会有一个很好的积累，而不是做了后面的题忘了前面的，那相当于做功为零。一步一个脚印，考研最终应该会取得成功。</t>
  </si>
  <si>
    <t xml:space="preserve">宝宝14个月，11个月会单独走路，现感觉右脚小腿外翻，内八字，请? </t>
  </si>
  <si>
    <t>这个不需要看医生。可以纠正一下。也有可能宝宝太小，你们一早就让他们站的原因。</t>
  </si>
  <si>
    <t xml:space="preserve">小强插件安装指南?可以的话在这里讲清楚就行了。也可以给我一个网站 </t>
  </si>
  <si>
    <t>安装在你的WOW文件夹下，然后运行小强，点更新后退出，再重新运行小强。选择你要玩的号的大区，点更新。等待1100多个文件更新完毕，关掉日志后点运行游戏。over。</t>
  </si>
  <si>
    <t xml:space="preserve">一般用哪些方法可以让花盆里的土经常保持湿润？ </t>
  </si>
  <si>
    <t>要经常浇水,定期翻土,不管养动植物不要懒哦~~</t>
  </si>
  <si>
    <t xml:space="preserve">宝宝6个月了，后脑勺睡得扁平，有什么办法可纠正？ </t>
  </si>
  <si>
    <t>现在只有靠轮流侧睡来纠正了.我家宝宝以前也是这样,PP认为头扁扁的很好看,所以我们都没有去管他,结果去做儿保,医生说这样的扁头是不利于小孩小脑的发育,要我们赶紧给他侧着睡觉,才能纠正过来.当时是夏天,宝宝马上就6个月了,真是很不容易:担心纠正不过来了,因为6个月以前头型才好纠正呀!而且宝宝长期仰卧,根本不习惯侧睡,但是为了他小脑的发育,我们只有试试看.最后是纠正得很好看了,只有一点扁(其实我倒觉得完全圆滚滚的头很难看),不过过程很辛苦,才开始侧睡不习惯,通常都要醒很多次,当然大人也受影响,完全睡眠质量大打折扣.所以你也试试看,一定要坚持哦!好象我家宝宝坚持了一个月,头型就基本纠正过来了.</t>
  </si>
  <si>
    <t xml:space="preserve">激战平原的泰可兽人补充兵在哪里？为了给我的工匠打－－巨匠模具（1 </t>
  </si>
  <si>
    <t>很好找，在激战平原的北半部，和帝来普、帕兰克在一起的就是。问题是在游戏里不叫泰可兽人补充兵，就叫泰可兽人(51级)。和国立墓地里的泰可兽人(52级)不是一个怪，掉的东西不一样。泰可兽人在镜子森林还有一种，40级的，有点晕哈。</t>
  </si>
  <si>
    <t xml:space="preserve">求＜天外飞仙＞中的一句话？香雪海死的时候，浩其吟的那首４句诗？就 </t>
  </si>
  <si>
    <t>是不是 路尽隐香处，翩然雪海间 ？</t>
  </si>
  <si>
    <t xml:space="preserve">哪些案件，即使受害者原谅,罪犯也要负刑事责任？请专家详细列出罪名 </t>
  </si>
  <si>
    <t>一般重大刑事案件，即使受害人原谅，行为人也要负刑事责任，轻微刑事特别是自诉案件，受害人原谅，行为人可不负刑事责任，通常行为人赔礼道歉并赔偿受害人经济损失（这也是行为人所付代价），受害人是可以谅解的，除非二家有深仇大恨。要例具体罪名，太多了，你可以参照一下刑法。</t>
  </si>
  <si>
    <t xml:space="preserve">请问深圳现在哪儿有卖织围巾的粗毛线，我想说我织的太慢，现在就开始? </t>
  </si>
  <si>
    <t>你可以到东门去看看 卖帽子的地方 有很多毛线西华宫跟宝华楼、、、、、东门就有，宝华楼负一楼大润发有各种</t>
  </si>
  <si>
    <t xml:space="preserve">金子为什么是金色的？这个问题很困难、 </t>
  </si>
  <si>
    <t>其实金子 不一定是金属的 这个和他的晶体结构有关。你看到的纯金是金黄色的是因为，由于金子的结构 吸收光里面的一些成分 而没有被吸收的那部分就是金色的光就被 金子反射出来 所以你看到就是金色的了然而 有些时候 你将金子 变为粉末 就有可能看到金子颜色变暗 甚至变为黑色 这也是由于结构发生变化 产生。如果还不理解 可以想一下 你平时看到的铁块 的颜色银白的 铁粉的颜色就是黑色就是这个道理</t>
  </si>
  <si>
    <t xml:space="preserve">电脑高手进！求救！本人的电脑配置什么的都挺好的，几天前同时开无双 </t>
  </si>
  <si>
    <t>我也是电一的 打架时 老是容易被判定 时不时的还卡机下</t>
  </si>
  <si>
    <t xml:space="preserve">请问问道20级以下怎样赚钱快 </t>
  </si>
  <si>
    <t>20级以下要赚钱就是抓几个猴子,兔子什么的小动物卖给黄三,换点药钱.别的就没什么办法拉,就是你用最快的速度冲到20就可以做师门.</t>
  </si>
  <si>
    <t xml:space="preserve">奶酪当零食一天吃多少合适？我们家孩子4岁，天天要吃百吉福的棒棒奶 </t>
  </si>
  <si>
    <t>看你孩子体质了，百吉福的那个棒棒不光是孩子，大人有时候也挺爱吃，问题是再好的零食也得悠着点。一般来说一天吃一个就不错了，多吃几个倒也没事，但是一个一个不停一下吃5、6个的，就不好了。</t>
  </si>
  <si>
    <t xml:space="preserve">关于大学生毕业报到证的问题我是今年毕业的大学生，在学校时没签工作 </t>
  </si>
  <si>
    <t>不管是否就业，学校都应该给发报到证你赶快回学校补吧.没有就业单位,报到证上就写你的户籍所在地的街道办事处或人事局.</t>
  </si>
  <si>
    <t xml:space="preserve">单身的女孩子们：你们愿意把第一次献给谁？ </t>
  </si>
  <si>
    <t>30%是爱你的人60%是你爱的人80%是你爱他他也爱你的人99%会是将来的老公100%会是体贴呵护顾及你感受的男友    其实说什么都是假的,当一个女人寂寞,孤独,无助的时候遇上一个愿意把你当保护动物的男人时,你可以为他付出一切.</t>
  </si>
  <si>
    <t xml:space="preserve">取名有请高人帮我女儿取个名,出生:2007年11月15日(公历) </t>
  </si>
  <si>
    <t>(公历) 2007年  11月  15日  13点 　  (农历) 丁亥年 十月 初六　  未时　  八字：  丁亥    辛亥　  癸丑 　 己未　　  五行：  火水　  金水    水土　  土土 纳音：  屋上土　  钗钏金 桑松木 天上火 此命五行土旺缺木；日主天干为水，喜用木火土。黄思萍 黄玥雅 黄春妮</t>
  </si>
  <si>
    <t xml:space="preserve">思心！老哥我今天看见你啦！忘了告诉大家，我和思心相交多年了，想不 </t>
  </si>
  <si>
    <t>早看见你了。。。在栅栏门外看我笑话。。。那3分我都不敢相信能进，不过是进了，最后被秒，也是我滴责任。不过班里美女很多，嘿嘿，先顶啦。。。</t>
  </si>
  <si>
    <t xml:space="preserve">excel数据有效性公式？要求A列中的单元格前三个字不能重复，即 </t>
  </si>
  <si>
    <t>操作说明：1、选中A列。2、“格式/条件格式/条件1/公式/=COUNTIF(A:A,LEFT(A1,3)&amp;"*")&gt;1/格式/文字/颜色/选红色色块/确定”。3、在A列，凡是输入前三位重复的字串，即以设定的红色予以标注，如做列所示。</t>
  </si>
  <si>
    <t xml:space="preserve">我谈谈钓鱼岛问题如果一个人想要什么，别人不答应他就用武力强占，那 </t>
  </si>
  <si>
    <t>岛自古以来就是中国的领土。它位于中国东海大陆架的东部边缘，在地质 结构上是附属于台湾的大陆性岛屿。钓鱼岛列岛位于台湾东北１２０海里处，西东 分别距中国大陆和日本冲绳各约２００海里，附近水深１００至１５０米，与冲绳 群岛之间隔有一条２０００多米深的海沟。自古以来，中国台湾、福建等省渔民一 直到岛上从事捕鱼、采药等生产活动。 　　自明朝初年起，钓鱼岛列岛就属于中国版图。永乐年间（公元１４０３至１４ ２４年）出版的《顺风相送》一书中就有关于钓鱼岛列岛的记载，这比日本声称的 琉球人古贺辰四郎１８８４年发现钓鱼岛要早４００多年。明朝以后中国许多历史 文献对这些岛屿都有记载。　　在日本１７８３年和１７８５年出版的标有琉球王国疆界的地图上，钓鱼岛列 岛属于中国。 　　１９世纪末中日甲午战争爆发前，日本没有对中国拥有对钓鱼岛列岛的主权提 出过异议。１８９５年４月，清政府被迫签订丧权辱国的《马关条约》，把台湾全 岛及其所有附属各岛屿和澎湖列岛割让给日本，这以后在日本才有了“尖阁群岛” （即钓鱼岛列岛）之说，而在此之前，日本的地图一直是用中国的名称标定钓鱼岛 列岛。日本在第二次世界大战中战败后被美国占领。１９５１年，美、日背著战胜国 中国，非法签订了《旧金山和约》。《和约》第二条虽然载明日本放弃其对台湾及 澎湖列岛的一切权利、权利名义与要求，但第三条错误地把日本所窃取的钓鱼岛等 岛屿归在美国托管的琉球管辖区内。中国总理周恩来当时严正声明，中国政府坚决 不承认《旧金山和约》。中国政府１９５８年在发表的关于领海声明中宣布，日本 归还所窃取的中国领土的规定“适用于中华人民共和国一切领土，包括台湾及其周 围岛屿”。 　　综上所述，钓鱼岛自古以来就是中国的领土，这是无可争辩的。</t>
  </si>
  <si>
    <t xml:space="preserve">如何带好这样的班集体我今年担任高一的班主任，发现我班里的学生普遍 </t>
  </si>
  <si>
    <t>我个人认为，班级差的原因在于班风不好，班风不好的原因在于班级的管理和对后进生的教育问题方面。老师应该更多地关心他们，理解他们，引导他们，多和他们进行交谈，了解他们每个人的情况，从看得见、摸得着细小的小事抓起。一到班会课，就以表扬为主，可从纪律、礼貌、活动、学习不同的角度予以表扬。要知道：事情要每个人去做，书要孩子自己读，只有把每个孩子的积极性调动起来，你这个班级才会立于不败之地。    班主任工作是平凡的，能把一个班级管理好，又不是简单的。你若能把平凡的班主任工作做好，就是伟大。班主任是班级的领航人，要带好一个班级，还得多留心，多思考，多学习，跟上潮流，适应形势，把一个个陌生的个体整合成一个有上进心的集体。重视第一次活动，引发学生的学习兴趣，善于保护他们的积极性，注重表扬，赏罚分明，多角度全方位地保护学生的积极性，使学生与班级的血脉紧紧融在一起，化个人与班集体为鱼水关系，那么你的班主任工作就成功了。</t>
  </si>
  <si>
    <t xml:space="preserve">巫妖王之后的主角？WLK下一个资料片的主角将会是谁？ </t>
  </si>
  <si>
    <t>应该是艾萨琳吧大漩涡是时候开放了……有可能还是死亡之翼萨格拉斯还早点，把他down了就没得玩了……</t>
  </si>
  <si>
    <t xml:space="preserve">水性木器漆真的就比普通木器漆环保？以前没听过，求科普！！ </t>
  </si>
  <si>
    <t>当然啦。水性木器漆就是用水代替容积，这样就减少了有害物质的产生。普通的木器漆虽然价格便宜，但是有很多有害物质，异味很重，严重影响家人健康。但多乐士水性木器漆在这方面做得就非常不错了，安全健康，而且没有异味，不用长时间开窗通风。我家去年装修用的就是竹炭净味的那款水性木器漆，效果很好。诚心推荐给楼主。</t>
  </si>
  <si>
    <t xml:space="preserve">能否越级学技能？ </t>
  </si>
  <si>
    <t>不能，举例说吧，你学剔骨2级的时候，训练师会说，需要XX级，需要剔骨（1级）</t>
  </si>
  <si>
    <t xml:space="preserve">急死了！！！我是菜鸟，请教各位老大，PSP下载电影的具体过程？？ </t>
  </si>
  <si>
    <t xml:space="preserve">当前PSP再不借助第三方软件的前提下,只支持播放MP4和AVC-PMP格式的视频文件,你的系统可以直接把MP4或AVC-PMP格式的视频文件放到记忆棒根目录下的"VIDEO"文件夹即可,不存在什么解压的问题 因为当前很多视频文件不是MP4或AVC-PMP格式,所以推荐一个转换软件: Ultra PSP Movie Converter 这里有它的破解版下载: </t>
  </si>
  <si>
    <t xml:space="preserve">儿童焦虑症我们应该怎么进行辅助 </t>
  </si>
  <si>
    <t>1.提供爱和关心、支持，帮助幼儿处理矛盾。如尽量不用或少用惩罚的手段对待儿童的过错，以正面教育为主;支持儿童的独立活动，鼓励、维护他的独立性;帮助儿童正确处理愿望和原则的冲突。2.满足儿童安全感和自尊心的需要，支持他们为实现这种合理需要的行为。当儿童在行动上受到挫折时，要予以鼓励，并帮助他们消除顾虑，克服困难。3.鼓励独立性和创造性，回避会引起儿童怀疑、羞耻、内疚的行动。对儿童不成熟的行动、言论要耐心指导，不包办代替。儿童焦虑症的患病机制是多种多样的，即使患了此症也并不可怕。作为父母，首先要带孩子接受治疗，心理医生可以帮你找出孩子焦虑的原因。相信通过心理医生与家长的共同努力，一定会帮助孩子顺利度过“焦虑期”。4.减小孩子的压力不要以为只有大人才会有压力，现在的父母为了自己的小孩不输在起跑线上，纷纷让他们接受这样那样的才艺知识教育，他们面临的压力也是非常大的，再加上与其他小朋友的比较，老师家长也会有意无意的给小孩施加压力。要想治疗儿童焦虑症，就要减小孩子的压力，在指导小孩的成长过程中应给予更多的是鼓励和支持。5.多花点时间陪孩子很多都市人往往都会忙于工作而忽略到小孩的身心健康成长，如果长时间没有跟小孩一起交流，小孩的心理也会出现一种焦虑心理，认为父母嫌弃自己，不喜欢自己。父母要做的也只是多花点时间陪陪小孩，加强亲子的密切关系，多带小孩出去参加户外活动，这些对小孩的身心健康成长也是有很大帮助的。</t>
  </si>
  <si>
    <t xml:space="preserve">最近听别人传言，养老保险在2007年以前如果没有把以前欠交的补上? </t>
  </si>
  <si>
    <t xml:space="preserve">答：养老是社会保障制度的重要组成部分，是社会保险五大险种中最重要的险种之一。所谓养老保险（或养老保险制度）是国家和社会根据一定的法律和法规，为解决劳动者在达到国家规定的解除劳动义务的劳动年龄界限，或因年老丧失劳动能力退出劳动岗位后的基本生活而建立的一种社会保险制度。这一概念主要包含以下三层含义：　　1.养老保险是在法定范围内的老年人完全或基本退出社会劳动生活后才自动发生作用的。这里所说的“完全”，是以劳动者与生产资料的脱离为特征的；所谓“基本”，指的是参加生产活动已不成为主要社会生活内容。需强调说明的是，法定的年龄界限（各国有不同的标准）才是切实可行的衡量标准。　　2.养老保险的目的是为保障老年人的基本生活需求，为其提供稳定可靠的生活来源。　　3.养老保险是以社会保险为手段来达到保障的目的。养老保险是世界各国较普遍实行的一种社会保障制度。一般具有以下几个特点：　　（1）由国家立法，强制实行，企业单位和个人都必须参加，符合养老条件的人，可向社会保险部门领取养老金；　　（2）养老保险费用来源，一般由国家、单位和个人三方或单位和个人双方共同负担，并实现广泛的社会互济；　　（3）养老保险具有社会性，影响很大，享受人多且时间较长，费用支出庞大，因此，必须设置专门机构，实行现代化、专业化、社会化的统一规划和管理。  是可以的，只要补缴就行了。  </t>
  </si>
  <si>
    <t xml:space="preserve">水饺的做法 </t>
  </si>
  <si>
    <t>馅原料：猪前夹肉５００克 莲花白１０００克 姜末１５克 葱末３０克 精盐１５克 胡椒粉５克 料酒２５克 味精１５克 香油２５克 精炼油２５克制法：１猪肉去皮洗净，切为细粒；莲花白洗净，切为细末，再用精炼油拌匀。２将猪肉粒用姜末、葱末、精盐、胡椒粉、料酒、味精、香油拌匀，再加入莲花白和匀即成。注意：１猪肉的肥瘦肉比例为４∶６。２莲花白不能直接加入猪肉粒中，须先用油拌匀再加。３如果配料选用大白菜，须先将大白菜腌渍，挤出部分水分后再加入。羊肉馅原料：净羊肉５００克 韭黄２５０克 姜末５０克 葱末５０克 花椒５克 鸡蛋２个 精盐５克 胡椒粉３克 料酒１５克 酱油２０克 香油２５克 花生油２５克制法：１羊肉洗净剁成细粒；韭黄洗净切细末；花椒用开水泡成花椒水。２羊肉末用姜末、葱末、精盐、胡椒粉、料酒、酱油、花椒水、鸡蛋液拌匀，再加入香油、花生油拌匀，最后加入韭黄末和匀即成。注意：１羊肉的膻味较重，故须加入花椒水以去膻，同时还应加大姜末的用量。２韭黄末应最后加入。如无韭黄，亦可用芹菜、香菜代替。牛肉馅原料：牛肉５００克 白萝卜１０００克 洋葱５０克 鸡蛋１个 姜汁５０克 嫩肉粉５克 精盐１０克 胡椒粉５克 料酒１５克 酱油２５克 味精１５克 香油２５克 精炼油３０克 干淀粉５０克制法：１牛肉去净筋膜，洗净，绞成细茸，用嫩肉粉、料酒、精炼油拌匀后，静置约４０分钟，再加姜汁及清水２５０克搅拌均匀；白萝卜去皮洗净，切成厚片，入沸水锅中煮熟后捞出，放菜墩上用刀剁成细粒，再用纱布包住，挤出水分；洋葱切细末。２牛肉茸加入萝卜粒、洋葱末和匀，再加入精盐、胡椒粉、酱油、味精、香油、干淀粉、鸡蛋液拌匀，即成。注意：１牛肉中不能有筋膜，且牛肉要绞细，才能多吃水分，使之细嫩。２嫩肉粉也可用苏打粉代替，但用量不可过多。３配料中白萝卜也可用韭菜、芹菜等代替，如无洋葱可用大葱代替。鱼肉馅原料：大草鱼或乌鱼１条约１０００克 猪肥膘肉１００克 韭菜３００克 鸡蛋清２个 精盐１５克 胡椒粉５克 料酒２５克 味精１５克 鸡精１５克 香油２５克 精炼油３０克制法：１草鱼宰杀后治净，去掉头尾、骨刺及鱼皮，取净鱼肉绞成茸；猪肥膘肉剁成泥；韭菜择洗净，切为细粒，加入香油、精炼油拌匀。２将鱼头、鱼骨放入锅中，掺入清水，加入胡椒粉、料酒、鸡精，上火熬至汤色乳白时，滤去料渣，即成鱼汤。３鱼肉茸加入肥膘肉泥和匀，再加入精盐、味精、鸡蛋清搅拌，边搅边加入冷鱼汤，直至搅拌上劲且鱼汤加完，接下来与韭菜粒拌匀，即成。注意：１鱼肉必须去净骨刺，才能保证食用时的安全。最好选用较大的鱼或骨刺较少的鱼。２鱼茸和肥膘肉泥都要绞细，才能够吃较多的水分，馅料才会细嫩。３韭菜只能最后加入。三鲜馅原料：鲜虾仁２００克 水发海参１００克 冬笋１５０克 猪前夹肉２００克 姜片１０克 葱节２０克 姜末２０克 葱末５０克 鸡蛋清１个 精盐１０克 胡椒粉３克 料酒３０克 味精１０克 鸡精１０克 白糖１０克 香油２５克 高汤３５０克制法：１虾仁洗净剁成泥，加精盐、鸡蛋清搅匀；水发海参入锅，加姜片、葱节、料酒、鸡精、高汤喂入味，捞起切成细粒；冬笋切成细粒后，入沸水锅中氽一水捞出。 ２猪前夹肉去皮洗净，绞成茸，加精盐、胡椒粉、料酒、白糖、味精及适量清水搅打均匀，再加入虾仁泥、水发海参粒、冬笋粒、姜末、葱末、香油和匀，即成。注意：１虾仁须用新鲜的；水发海参须事先喂好，以防涩口；猪夹心肉的肥瘦比例为６∶４。２三鲜馅也可选用鸡肉及其它海鲜来制作；如无冬笋可用香菇等代替；如馅中不放猪肉，也要加入猪肥膘肉或化猪油，以增加馅料的滋润口感。素菜馅原料：大白菜１０００克 水发香菇１５０克 豆腐干１００克 鸡蛋４个 葱末５０克 精盐１克 胡椒粉５克 白糖１５克 味精１５克 香油５０克 精炼油１５０克制法：１大白菜洗净，切为细末，用精盐腌渍后，挤干水分；水发香菇、豆腐干均切细粒；鸡蛋磕入碗中，加精盐搅匀成蛋液。2炒锅置火上，放入精炼油烧热，倒入鸡蛋液摊匀煎熟，起锅晾凉后剁碎，加入大白菜、水发香菇粒、豆腐干粒和匀，再加入葱末、精盐、胡椒粉、白糖、味精、香油等拌匀，即成。注意：１大白菜一定要先腌渍，再挤干水分后，才能用于做馅；如不用大白菜可用萝卜、韭菜、芹菜等；如不用豆腐干可用豆腐皮、水发腐竹等。２鸡蛋也可以不炒熟，即直接将蛋液拌入馅料中。此外，馅料中还可以加入粉丝等。饺子馅拌的时候也很讲究，不要来回的拌，要顺着一个方向</t>
  </si>
  <si>
    <t xml:space="preserve">求文慧桥附近的医院？？我住在文慧桥这里，这段时间皮肤瘙痒，想去医 </t>
  </si>
  <si>
    <t>人民医院呀 387 694 西直门桥南下车 车站后边就是</t>
  </si>
  <si>
    <t xml:space="preserve">她倒底爱我吗？ </t>
  </si>
  <si>
    <t>看出你现在很苦恼才会问这样的问题吧，这句话与其问自己或网友，不如去问自己的感觉，两个人长时间在一起，难道连这种感觉都没有吗？彼此的了解，是爱对方的基础啊。</t>
  </si>
  <si>
    <t xml:space="preserve">我现在也19岁了。但是没有学历该学些什么才能让自己以后有出息呢？ </t>
  </si>
  <si>
    <t>这要根据你自己的爱好来定了，其实现在很多学历不高的或者低学历的人都选择自己创业，你可以试试。</t>
  </si>
  <si>
    <t xml:space="preserve">samba如何在2级子目录设置ACL配置samba文件共享服务器 </t>
  </si>
  <si>
    <t>下面这段是我从上拷贝的配置方法，访问控制是可覆盖的，也就是说你对二级目录设定的权限将覆盖上层的，所以，对二级目录当作单独目录设定即可。　　3.3对共享资源的访问控制　　3.3.1浏览权　　访问控制最高效的实现方式就是通过隐藏来保证安全，用browseable参数隐藏共享资源。并假定保护共享资源不被未授权访问就可以了。因此通过设置browseable为yes使登录用户只能看到自己的宿主目录，加强Samba服务器的安全性。　　3.3.2主机访问权　　最基本的Samba访问控制形式是通过域名和口地址进行控制。通过 nf文件global和shares声明的hosts allow和hosts deny参数，可以限制对那些工作组和域中可信任的主机的访问。　　3.3.3用户和组访问　　Samba通过username、only user、valid user和invalid users参数限制指定用户的访问权限。对于每—个参数所指定的用户名，在授予访问权或拒绝访问之前，都通过相关的用户列表检查服务器提交的用户名。　　3.3.4文件访问许可　　虽然我们已经将连接的权限缩小到一部分客户机用户和主机的范围内。但是还需要对共享文件和目录对象操作的权限进行设置，通过Linux用户和组标识符进行读、写和执行的特权。　　总之，资源共享是网络的最基本功能需求，实现安全的跨平台Samba管理是网络服务的重要应用。本文通过对Samba工作原理、通信方式以及资源访问控铺的分析了解到，Samba设计的主要是通过协议的兼容向Windows与Linux操作系统提供一种安全的沟通桥梁。为了保证Samba服务的共享安全，Samba服务器可以采用多种机制实现只有授权用户通过可信任的主机访问可见资源，并严格区分其对文件读、写和执行的操作行为。</t>
  </si>
  <si>
    <t xml:space="preserve">想请教，一千度的眼眼可以戴隐形眼镜吗？会有什么害处吗？ </t>
  </si>
  <si>
    <t>你好！我认为上了500度就不适合戴隐型眼睛了，建议你做个手术。</t>
  </si>
  <si>
    <t xml:space="preserve">你好清泉老师,请问600258快接涨停,问该如何操作今天?谢谢老? </t>
  </si>
  <si>
    <t>25.60元不下破则看60日均线技术位.</t>
  </si>
  <si>
    <t xml:space="preserve">手背和胳膊上的血管很明显，尤其夏天，使静脉曲张吗？怎么才能消除这? </t>
  </si>
  <si>
    <t>正常/说明你的皮肤好</t>
  </si>
  <si>
    <t xml:space="preserve">我的雅阁2.4空调左侧出风口只有风，开冷风或者暖风是没有冷暖风（? </t>
  </si>
  <si>
    <t>此款车左右两侧的出风口是独立控制的，上面你所说的这种情况的故障原因可能有两种，一种是温度控制系统出现了问题，另一种可能是相关的机械部件失灵，从这两方面入手，检查。除此之外，请查看一下使用手册，检查操作使用是否存在问题。</t>
  </si>
  <si>
    <t xml:space="preserve">狂郁闷了！！那就进不去狂郁闷了！！那就进不去 </t>
  </si>
  <si>
    <t>验证码错误 ???   垃圾9城  代个游戏就毁个游戏还出来做个说明 ~ 草 行</t>
  </si>
  <si>
    <t xml:space="preserve">5173请进35元的帐号，手续费你们要收15元，？/请解释！！！ </t>
  </si>
  <si>
    <t xml:space="preserve">尊敬的客户:    您好！5173客户服务027很高兴为您服务！35元ID交易费用是 15元。交易费默认由卖家出，物品交易费为：物品金额的5%+5元，不足100的按100算，不足200按200算，以此类推；ID交易收取物品金额的10%+5的费用，不足100按100算，不足200按200算，以此类推。过户费用由买家出，是交易金额的10%＋5元，不足100的按100算，不足200按200算，以此类推；任何ID交易，单笔交易的手续费用收取均不超过1010元，实际超出部分全免。感谢您对5173的支持！                                                                       </t>
  </si>
  <si>
    <t xml:space="preserve">怎么翻译“WARCRAFT”的意思？ </t>
  </si>
  <si>
    <t>直接翻译就是 战场的伎俩不过那样太生硬了 就如同把starcraft翻译成星球的伎俩一样伎俩翻译成争霸就贴切了又因为魔兽I和II主要是说人和兽人的故事于是才有了魔兽争霸这个翻译</t>
  </si>
  <si>
    <t xml:space="preserve">我要转佣兵好还是剑斗好?同上 </t>
  </si>
  <si>
    <t>这两个职业单P都很差，外貌吸引人的程度也是半斤八两，但是，佣兵多少还有他的特色和长项，即练级快城战强，剑斗则完全没有任何优点，所以建议你选择佣兵。</t>
  </si>
  <si>
    <t xml:space="preserve">跪求卡巴斯基激活码我的卡巴斯基互联网安全套装6.0授权文件被列入 </t>
  </si>
  <si>
    <t xml:space="preserve"> 你好卡巴斯基已经开始扑杀盗版Key了，现在你在各个盗版站点下载的卡巴斯基的升级key，一般都变成无效的，卡巴会在软件的左下方告诉你这个Key已经被加入了黑名单,由于国内很多盗版用户都用的是同一个key，所以这次扑杀，令很多人的卡巴斯基顿时不能升级了.详情：  如果你想继续使用卡巴斯基，建议先卸载你的卡巴斯基，然后重启，再到360安全卫主页下载360安全卫士安装并且运行，点击"查毒",360安全卫主就会提示你安装正版的卡巴,并且自动附送一个正版卡巴斯基激活码按照提示安装激活卡巴斯基详情登录360安全卫士主页看看:    </t>
  </si>
  <si>
    <t xml:space="preserve">我该怎么办??在网上遇到了一个人而这个人居然是我认识的人,我发现 </t>
  </si>
  <si>
    <t xml:space="preserve">沟通是解决问题的最好的方法. </t>
  </si>
  <si>
    <t xml:space="preserve">哪有关于北京市的地图关于北京市地形、河流、工业、农业等分布图 </t>
  </si>
  <si>
    <t xml:space="preserve">腰肌劳损会导致肾区不适吗？ </t>
  </si>
  <si>
    <t>腰肌劳损肌肉紧张会造成脊柱神经受压刺激反射到肾区，所以是有影响的，证明你的劳损是比较严重的，要不比较硬吧，多用热水袋热敷按摩缓解，平时注意姿势和工作休息，祝你早日恢复健康！</t>
  </si>
  <si>
    <t xml:space="preserve">为什么我的余额还有305.50元，就是不能取出来了呢？ </t>
  </si>
  <si>
    <t xml:space="preserve">尊敬的客户:   您好！5173客户服务050很高兴为您服务！   为了建设和谐的电子商务平台，5173将于2007年5月23日中午12：00开始对充值后未购买物品或者在购买物品过程中因为己方原因取消订单的资金进行提取时间限制：此类资金只能在到帐两天后申请提取，如果此类资金所在帐户中有多次充值的话，其到帐时间按最后一次充值的时间计算;卖家的销售所得和买家因为非买家原因造成订单撤销而取得的订单退款不受此限制，可以随时提取.   如需帮助或投诉，请与我们客服中心联系，客服中心服务热线：0579-83225173 。真诚感谢您一如既往地对我们工作的大力支持与帮助!!!                                               </t>
  </si>
  <si>
    <t xml:space="preserve">如何删掉我的爱问个人中心最近访客的其中一个访客 </t>
  </si>
  <si>
    <t>爱问个人中心最近访客是不能删除的只是表示来访过而已只显示最近的访客多开几个小号对自己中心进行来访就能把前面的访客列表去掉因为只显示最近的来的人多了前面的就不显示了</t>
  </si>
  <si>
    <t xml:space="preserve">请问我的工龄该如何计算？我是1997－2001年在地方上的一所师 </t>
  </si>
  <si>
    <t>你这种情况应该是属于辞去原来的工作后去读研的，全国都是这样，从读研后重新参加工作时计算工龄。只有由原单位委托培养，毕业后回原单位的，才能把原来的工工龄计入连续计算。这不仅是原来的工龄算工龄，而且在读研时只要养老保险继续交纳，在读时期也是计入工龄的，还照常领取工资呢。哈。“赶什么席赴什么席”就不要计较那点儿工龄了，来日方长吧。</t>
  </si>
  <si>
    <t xml:space="preserve">关于乙肝病毒携带者转阴的问题几年前我在高中体检时查出血液是阳性. </t>
  </si>
  <si>
    <t>你不是慢乙肝患者，无须转阴治疗，而且转阴治疗对你也根本没有用，一般你的表面抗原将终身呈阳性!</t>
  </si>
  <si>
    <t xml:space="preserve">菜根谭谁写的？主要讲什么？ </t>
  </si>
  <si>
    <t>似和风细雨涤荡心灵，一部《菜根谭》汇集修身养性、为人处世的人生，明代还初道人洪应明以精练明隽、雅俗共采的文字道出了旷古稀世的奇珍宝训。本书编译从儒、释、道三家的思想体系，对《菜根谭》以通俗直观的解释，加上工笔大师王丹先生的绘画珠联璧合，白纸黑画凝聚万里山川之气，言语之中宛见古贤之心。 　　《菜根谭》是明代还初道人洪应明所著的一部论述修养、人生、处世、出世的语录世集。具有三教真理的结晶，和万古不易的教人传世之道，为旷古稀世的奇珍宝训。对于人的正心修身，养性育德，有不可思议的潜移默化的力量。　　《菜根谭》博大精深，妙处难以言传，须有心人在工作之余，沏一杯清茶，静静的品位，菜根会越来越香，心智会越来越高。细味此书，一则重温人间那种已被淡忘了的真趣，二来清醒一下被金钱烧灼得晕头转向的头脑，寻找的修身养性的途径、待人处事的准则，学会高瞻远瞩，学会达观人生。　　《菜根谭》的文字简炼明隽，更是叫人含咀无穷，它亦骈亦散，融经铸史，兼采雅俗。似语录，而有语录所没有的趣味；似随笔，而有随笔所不易及的整饬；似训诫，而有训诫所缺乏的亲切醒豁；且有雨余山色，夜静钟声，点染其间，其所言清霏有味，风月无边。　　中国人的处世哲学中有一股韧劲，咬得菜根百事可做，任何艰难险阻都能被以柔克刚地化解；中国人人生态度中有一种达观，总是相信人性善的光辉会将自家的恶迹掩埋；中国人的应世妙方中有一种率真，饮食男女，人生欲存，醇酒妇人，浅酌低唱，也不失为人生本来面目。 《菜根谭》能告诉我们的事情很多很多，在今天，现代化的城市喧嚣已经湮没了古代风情并带给我们与日俱增的焦虑、烦躁、不安乃至一天天的失眠和纵欲时，《菜根谭》如一溪清泉，能涤去我们焦燥的尘灰，化解我们心中的积烦。　　【附】菜 根 谭·［明］洪应明　　余过古刹，于残经败纸中拾得《菜根谭》一录。翻视之，虽属禅宗，然于身心性命之学，实有隐隐相发明者。亟携归，重加校雠，缮写成帙。旧有序，文不雅驯，且于是书无关涉语，故芟之。著是书者为洪应明，究不知其为何许人也。　　乾隆五十九年二月二日，遂初堂主人识</t>
  </si>
  <si>
    <t xml:space="preserve">她告诉我定的电影票过期了，是想说什么？ </t>
  </si>
  <si>
    <t>我定的电影票过期了，是想说没有你看点</t>
  </si>
  <si>
    <t xml:space="preserve">有《军队组织方法》的书吗？组织和管理军队的组织和管理企业类似吗？ </t>
  </si>
  <si>
    <t>机密文件。一般没有。</t>
  </si>
  <si>
    <t xml:space="preserve">请问邮票放在定位册里还用装护邮袋吗？邮票直接放在定位册里比较好还 </t>
  </si>
  <si>
    <t>直接插入定位册的邮票护膜里就可以了，没有必要再装护邮袋，但前题是定位册必须是正规厂家生产的。因为正规厂家生产的定位册中的护膜能对邮票起到很好的保护作用，如果再装上护邮袋，反而使邮票由于透气差，容易发生霉变。</t>
  </si>
  <si>
    <t xml:space="preserve">我的电脑开机时会显示SOYO主板页面，然后就需要按F1才能启动，? </t>
  </si>
  <si>
    <t>开机进入BIOS设置，在高级BIOS功能设定中，把Boot Up Floppy Seek（开机寻找软驱）设为Disabled（关闭）。再把Full Screen Logo Show（显示全屏LOGO）设为Disabled（关闭）。就可以了。这是针对你的Soyo（梅捷）主板的BIOS设置。</t>
  </si>
  <si>
    <t xml:space="preserve">梦幻西游里为什么有的时候买的加强符加的点数不一样在梦幻西游里我买 </t>
  </si>
  <si>
    <t>那个是随机的，高级的加的多的几率就高点</t>
  </si>
  <si>
    <t xml:space="preserve">困惑八月八号的月经到今天也没有来,就去买了验孕棒测了一下,并没有 </t>
  </si>
  <si>
    <t>不必担心,如果你有月经延迟现象,那么就按照最长周期计算,过两天测试就可以了,有水印是好现象,你可能都好孕了.顺便测试一下基础体温,口中舌下五分钟,如果有37度,那么你一定好孕了.祝福你.</t>
  </si>
  <si>
    <t xml:space="preserve">真正的爱情是什么有一些困惑希望大家能解答一下 </t>
  </si>
  <si>
    <t>你幸福吗   你快乐吗    如果你幸福快乐   那就是爱情</t>
  </si>
  <si>
    <t xml:space="preserve">想买待机时间超长的手机有那些? </t>
  </si>
  <si>
    <t>待机长当然是飞利浦啊！ 系列都是超常待机，还有像诺基亚和摩托罗拉品牌的低端机（黑白屏幕的）一般待机个十几天也不成问题。</t>
  </si>
  <si>
    <t xml:space="preserve">我的月经一直都特别好为什么怀不上孕？ </t>
  </si>
  <si>
    <t>答：能否怀孕和月经正不正常关系不大，怀不上孕有多种原因，建议你和你的老公一起到正规专业的医院去做一下检查好吧。祝您早得贵子。答：月经周期正常并不一定就会有排卵。可以采用基础体温测定法，来判断排卵是否正常。排卵正常的女性基础体温一般在经期后稍低，排卵日可能更低，排卵后的体温要比排卵前高0.3～0.5℃。根据这个规律可以掌握排卵是否正常，对于月经周期规律的女性，可以准确地推断出排卵期。不孕症分为两种，一种是原发性不孕，就是从未怀孕过。另一种是继发性不孕，是指曾经怀过孕，或是分娩过，但现在无法受孕。答：你的月经正常并不代表您的内分泌、免疫都正常，建议您去医院详细检查，是否具备怀孕的必备条件：1.正常的卵巢功能，排出正常卵子。2.男方精子精液正常。3.精子卵子能在输卵管内结合，受精卵能正常的输入子宫腔。4.子宫内膜适合受精卵发育，如有问题及早治疗。</t>
  </si>
  <si>
    <t xml:space="preserve">富士9600是不是带防抖功能？有大侠在这里说富士9600带双重防 </t>
  </si>
  <si>
    <t>目前数码相机上所说的防抖，一般的是指光学防抖和电子防抖，从这个角度上说，S9600是没有防抖功能的。S9600拥有富士的“自然影像”处理芯片，提供了在高感光度下的“自然防抖”技术。 它的这种防抖，不仅解决了由于手抖所导致的模糊（这是光学防抖之所能防的），也避免了因被摄物体运动所造成的模糊（这是光学防抖不可防的），所以，从防抖效果上看，富士的自然防抖是有别于光学防抖系统的单一作用的，因具有“双重性”，有人就称之为“双重防抖”了。</t>
  </si>
  <si>
    <t xml:space="preserve">手机申请回来的账号怎么是错的啊！刚申请回来的账号登入游戏说帐号密 </t>
  </si>
  <si>
    <t>手机申请的内测号,前12位是账号,后六位是密码.若输入无误,还是无法登录.则可选择强行登陆.</t>
  </si>
  <si>
    <t xml:space="preserve">有肋骨痛我右肋骨最下端痛，我没有其他慢性病，右肋骨下端有压痛，我 </t>
  </si>
  <si>
    <t xml:space="preserve">    那里是软肋,如果经常按压它的话,没有病变也会产生疼痛的.建议一周内不要再碰它,如果不再疼痛就不必理会.如果疼痛依旧,就应该到医院就诊.</t>
  </si>
  <si>
    <t xml:space="preserve">球形磁铁的磁性怎么分啊？均匀的球形磁铁的磁性怎么分呢？有人能说同 </t>
  </si>
  <si>
    <t>均匀球形磁铁的磁性也是分N极（北）、S极（南）两个磁极。（可以类比地球。不过地球的北极是地磁S极，所以指北针的N极指向它）。磁力线从N极半球发出，经过外部空间划个弧线，回到S极；再由S极从磁铁内部指向N极。在两极顶点附近磁力线最密（磁场强度最大），同一纬度上的磁场强度和方向相同。总体看，其磁场强度是不均匀分布的；但在极小范围内，可以近似看作是均匀的。空心的球形磁铁其内部空间又多了一个磁场，由N极指向S极。类似于两个条形磁铁，磁极方向一致并靠拢，它俩之间是有磁力线从N极到S极的。注意：在磁铁外部，磁力线从N极到S极；在磁铁内部，磁力线从S极到N极。</t>
  </si>
  <si>
    <t xml:space="preserve">想了解船袜的价格我最近买的船袜的价格是5元两双，感觉有点小贵，不 </t>
  </si>
  <si>
    <t>大概就是这个价钱，我买的也是。如果楼主感觉小贵的话，可以去批发市场多买一些，各种颜色款式都可以有，而且袜子放不坏，也不用经常去买。</t>
  </si>
  <si>
    <t xml:space="preserve">什么是安理会常任理事国的双重否决权？ </t>
  </si>
  <si>
    <t>安理会的否决权制度是一种少数可以抵制或阻止多数的权利。所谓的否决权指的是，联合国非性事项的决议需要安理会15个成员国中9个理事国的赞成票、其中包括5个常任理事国的一致赞成方可通过。这样每个常任理事国在安理会内就享有一票否决权。否决权制度之后的构思是，大国必须对世界的和平与安全担负主要责任，但是实际上被普遍认为是一种大国特权。 否决权制度，虽然具体规定于《宪章》第27条，但这并非此项制度的全部内容。对安理会决策机制的研究，应包括第23条，第27条，第108－110条三组条文。根据以上的介绍，我们知道，程序事项上，安理会常任理事国不能有否决权。否决权只能在非程序事项（实体事项）上适用。至此，是不是可以说中国没有否决权，或者说还是个疑问呢？非也。有时候成员国就某一事项究竟是程序事项还是非程序事项会发生争议。实际上，只要联合国的文件没有明确说是程序事项，我们都可以说是“实体事项”。不能确定某个事项是程序问题还是实体问题时怎么办？或者说，产生这样的争议怎么办呢？这就要了解双重否决权的概念。双重否决权是指：联合国安全理事会每个常任理事国所享有的以投反对票的方式阻止安理会关于实质事项和先决问题的决议通过的权力。依《联合国宪章第27条第3款和1945年中苏美4国代表关于安理会投票程序的声明，安理会关于程序事项以外的一切事项(实体事项)的决议应包括全体常任理事国在内的9个理事国的可决票的表决，任何一个常任理事国投反对票即可阻止该项决议的通过，安理会成员国就某一事项出现分歧或异议时，应适用实质事项的表决，对此先决问题作出预备性表决，任一常任理事国投反对票，该事项即成为实质事项。常任理事国缺席均不构成否决，预备性表决的情况极少出现。 可见，这个问题上中国可以利用双重否决权，把应该是程序事项的问题“变”成实体事项。不过更重要的是，联合国宪章第一百零八条明确规定：对联合国宪章的任何修改均须经过包括全部五个安理会常任理事国在内的联合国大会会员国三分之二表决通过。而安理会的成员数量、常任理事国的名单等等都是联合国宪章中写明的。增加常任理事国必须要修改联合国宪章。也就是说中国当然拥有否决权，很明确的。鬼子要成为常任理事国，必然要经过以下程序：联合国机制是否需要改革（扩大）；改革方案的通过；联合国宪章的修改（常任理事国的名称是需要写入宪章的）；以上每个问题上都可以通过简单地否决让鬼子的梦想破灭。行使否决权的最佳时间是表决改革方案的时候。此阶段根本甚至不会提及鬼子的名称就可以达到目的。如果联合国改革方案得以通过，鬼子入常是要经过包括全体常任理事国在内的联合国三分之二的会员国同意。具体表决的方式尚不知道，有可能直接表决鬼子能否成为常任理事国，也有可能表决宪章的修正案（关于吸纳鬼子为常任理事国的条款）。不管怎么表决，任何一个常任理事国反对，鬼子都无法成为常任理事国！根据惯例，弃权不能产生否决的效力。如果中国弃权，鬼子就有希望，中国投赞成票的可能性应该没有。其实，无论中国政府投弃权票还是赞成票，都将无法面对13亿中国人民！并留下诸多千古骂名。后附联合国宪章关于否决权的条文第二十三条一、安全理事会以联合国十五会员国组织之。中华民国、法兰西、苏维埃社会主义共和国联盟、大不列颠及北爱尔兰联合王国及美利坚合众国应为安全理事会常任理事国。大会应选举联合国其他十会员国为安全理事会非常任理事国，选举时首宜充分斟酌联合国各会员国于维持国际和平与安全及本组织其余备宗旨上之贡献，并宜充分斟酌地域上之公匀分配。二、安全理事会非常任理事国任期定为二年。安全理事会理事国自十一国增至十五国后第一次选举非任理事国时，所增四国中两国之任期应为一年。任满之理事国不得即行连选。三、安全理事会每一理事国应有代表一人。第二十七条一、安全理事会每一理事国应有一个投票权。二、安全理事会关于程序事项之决议，应以九理事国之可决票表决之。三、安全理事会对于其他一切事项之决议，应以九理事国之可决票包括全体常任理事国之同意票表决之；但对于第六章及第五十二条第三项内备事项之决议，争端当事国不得投票。第一百零八条本宪章之修正案经大会会员国三分之二表决并由联合国会员国三分之二、包括安全理事会全体常任理事国，各依其宪法程序批准后，对于联合国所有会员国发生效力。第一百零九条一、联合国会员国，为检讨本宪章，得以大会会员国三分之二表决，经安全理事会任何九理事国之表决，确定日期及地点举行全体会议。联合国每一会员国在全体会议中应有一个投票权。二、全体会议以三分之二表决所建议对于宪章之任何更改，应经联合国会员国三分之二、包括安全理事会全体常任理事国，各依其宪法程序批准后，发生效力。三、如于本宪章生效后大会第十届年会前，此项全体会议尚未举行时，应将召集全体会议之提议列入大会该届年会之议事日程；如得大会会员国过半数及安全理事会任何七理事国之表决，此项会议应即举行。</t>
  </si>
  <si>
    <t xml:space="preserve">数学现有男女职工1100人，其中全体男工和全体女工可用同样的天数 </t>
  </si>
  <si>
    <t xml:space="preserve">设： 男工x，女工y人     x+y=1100设名男工做一项工作用a天完成，则名女工做同一项工作也用了a天完成，一位男工的工作效率（既一名男工每天可以干活的数量）为：1/ax一位女工的工作效率（既一名女工每天可以干活的数量）为：1/ay男工和女工工作效率比为（1/ax）：（1/ay）=y/x∵若将男工人数和女工人数对调一下，则全体男工25天能完成工作，让全体女工去做需36天才能完成∴ 一位男工的工作效率（既一名男工每天可以干活的数量）为：1/25y一位女工的工作效率（既一名女工每天可以干活的数量）为：1/36x男工和女工工作效率比为y/x=（1/25y）：（1/36x）=36x/25y∴y/x=6/55y=6xx=500y=600问男500，女工600人 </t>
  </si>
  <si>
    <t xml:space="preserve">人不在其位（打一字） </t>
  </si>
  <si>
    <t>立。。。。。。。。。。。。。</t>
  </si>
  <si>
    <t xml:space="preserve">我的背景音乐很正常但是音效果怎么就断断续续的？我的背景音乐很正常 </t>
  </si>
  <si>
    <t>是主板自带的集成声卡的问题，现在很多新推出的主板自带的声卡，双开诛仙就会出现这种问题，我不是专业的，反正就是这样，你可以单独装个声卡，不要和主板的声卡类型就可以了。</t>
  </si>
  <si>
    <t xml:space="preserve">大家来帮帮忙到底怎么样冲YB啊！~~我弄了很久都不知道怎么冲啊！ </t>
  </si>
  <si>
    <t>到网吧去冲不就没那么多麻烦了吗?</t>
  </si>
  <si>
    <t xml:space="preserve">魔兽起名问题及快捷件问题见过名字带色是怎么回师，还有魔兽的快捷件 </t>
  </si>
  <si>
    <t>你下载个这个软件 魔兽争霸彩色颜色字体代码生成器   就能打各种颜色的名字 比中文名帅多了 说的话还能彩色的呢除了手动修改CustomKeys.txt文件，还有修改热键的工具，需要的话留个EMail我发给你修改小键盘你就去百度搜个remapkey，就行了</t>
  </si>
  <si>
    <t xml:space="preserve">杨俊毅陈法蓉在那部戏里有吻戏 </t>
  </si>
  <si>
    <t>水月洞天就那一次而已而且童战被打了</t>
  </si>
  <si>
    <t xml:space="preserve">怎么知道好友QQ隐身或离线？有时候跟好友聊天的时候，好友突然隐身 </t>
  </si>
  <si>
    <t>方法很多： 1.发送一个视频请求，如果隐身，在对方关闭请求的一刹那就会显身。如果对方是隐身的，他的头像马上就会亮起来，如果确实不在线那自然就是黑的。 2.用珊瑚虫版本就可以看到对方在不在线，你把鼠标放在好友的头像上，如果提示是“对方好像不在哦”，那他一般是隐身的，如果没有提示，则不在线。 也有不少人用QQ传美版来查隐身。 3.还可以用移动QQ千里眼，当对方上线会发信息到手机。 4.在QQ空间里可以看见的 : 比如我要看100000是否在线，先进入他的 的QQ空间，看他形象的旁边那个图标，是MATE则他在隐身，亮QME则为上线，暗的QME则为离线，很简单吧！ 我想大概别人就是用这个方法知道你在线上的吧! 5.首先要有天网防火墙并确保已经启动。然后给对方发送文字，之后再查看防火墙里面的历史记录，里面记录了每一次发送的时间及对方的IP，那么两人都是确实不在线，因为那是暂存消息的服务器的IP。如果不同，那么其中一个必然是隐身的！你可以再给其他人发文字试试看，最终很容易就明白其是否在线。 还有一个方法就是用软件根据IP来确定对方的地理位置，如果那个地理位置和他以往的位置差不多，那就是隐身的啦！</t>
  </si>
  <si>
    <t xml:space="preserve">拿破仑与一位士兵的对话好象说有个士兵很想跟随拿,于是他就记熟拿会 </t>
  </si>
  <si>
    <t>拿破仑三问一个瑞典人非常钦佩拿破仑，后来他终于成为拿破仑的一名士兵。后来拿破仑检阅队伍时，战友们提醒瑞典人，那伟大的人也许会问你几个问题。这个典人十分焦急。他听不懂拿破仑所提的问题呀！一个年纪大的士兵说："拿破仑总是按同样的顺序问三个同样的问题。第一个问题是：'你多大了？'第二个问题是：'你在我的部队多久了？'第三个问题是：'你是否参加过我两次大战的一个？'"瑞典人按顺序背下了这三个问题的答案："23岁，先生"。"3年了，先生。""都是的，先生。"  检阅那天，拿破仑站在队伍前面，用满意的目光望着士兵们。然后，他开始检阅了，一会儿微笑着看这面儿，一会儿对那儿说句话。那瑞典一动不动地站着，只有嘴唇在轻轻地动着。拿破仑一眼看见了他。伟人走到他面前，开始问他问题。遗憾的是，这次拿破仑问的第一个问题是?quot;你在我部队里多久了？""23岁，先生"。"你今年多大了？""3年了，先生。"瑞典人的回答使拿破仑既吃惊又生气，于是吼道："是你疯了，还是我疯了？""都是的，先生"。瑞典人自豪地回答。</t>
  </si>
  <si>
    <t xml:space="preserve">购买梦幻西游帐号问题！客服进下！我要购买个梦幻西游帐号。但是现在 </t>
  </si>
  <si>
    <t>绑将军也没用  也还被解除的  ‘只要有身份证扫描图就可以找回帐号 并解除绑的任何东西</t>
  </si>
  <si>
    <t xml:space="preserve">去香港迪斯尼旅游的费用想带孩子一家三口去香港迪斯尼玩，不知道是自 </t>
  </si>
  <si>
    <t>如果香港、澳门两地都准备去,那么办证时两地都要签注。三人办证费用约四佰元之?取?门票价参考下:香港迪斯尼乐园设有3种不同类别的门票 ，包括「平日门票」，「指定日子门票」及「特别日子门票」。 平日 成人: 港币 $295 小童: (3至11岁) 港币 $210 长者: (65岁或以上) 港币 $170 适用的日子 您可于门票发出后6个月内，于乐园所定的「平日」日子游览乐园一次。 指定日子 成人:港币 $350 小童: (3至11岁)港币 $250 长者: (65岁或以上)港币 $200 您可于门票发出后6个月内，于乐园所定的「指定日子」游览乐园一次。 特别日子 成人:港币 $350 小童: (3至11岁)港币 $250 长者: (65岁或以上)港币 $200 您于购票时须先选定入园日期，而您只可于该日游览乐园。 可以在乐园门口售票窗口购票。 也可以问问你们当地旅行社有没卖香港迪斯尼乐园门票,如果有;别忘了与上面的价格对照一下。 参加旅行团就不自由,如鸭子被赶,走马观花,也许会被安排...</t>
  </si>
  <si>
    <t xml:space="preserve">帮朋友问下石家庄哪个医院做人流较好 </t>
  </si>
  <si>
    <t>帮朋友问下石家庄哪个医院做人流较好，人流是非常快捷的解决方式，很多女性会在意外来临的时候，做出这样的选择。虽然无痛人流对女性的危害较小，但还是会有一定的影响，石家庄妇科医院专家指出无痛人流虽然是比较安全的，但是如果选择不对的话，也是会遭遇痛苦，所以很多女性都顾虑重重。所以女性对医院的无痛人流技术都是重视。如果还有疑问，可直接咨询我，我一般都在线的。帮朋友问下石家庄哪个医院做人流较好，做无痛人流手术一定要选择对的医院，条件是有一定限制的，请您做好准备，给自己一个好的手术环境，让您再安全健康下顺利的进行手术。石家庄蓝天中医院计生科的专家提醒大家，无痛人流虽然方便，但对女性还是有一定的危害，多次进行的话甚至会引起不孕症，大家在生活中一定要注意，尽量避免意外怀孕的出现。帮朋友问下石家庄哪个医院做人流较好，无痛人流有着无痛、安全，不损伤正常组织等优势，而被广大女性朋友所青睐，成为解决意外怀孕好的方式。  　　女性怀孕10周以内均可进行无痛人流，最佳时间在怀孕后35-50天内，这个时间里胎儿和胎盘尚未形成，手术中反应轻，流血少，手术时间短，术后休息1～2小时就可以回家，恢复也很快，对身体影响小。</t>
  </si>
  <si>
    <t xml:space="preserve">求沈阳万象城都有什么好玩的？？ </t>
  </si>
  <si>
    <t xml:space="preserve">吃喝玩乐一条龙服务，最有特色的，本人觉得是滑冰~~ </t>
  </si>
  <si>
    <t xml:space="preserve">如何恢复桌面图标？我使用的系统是W7，过去在桌面右下角有个小图标 </t>
  </si>
  <si>
    <t>没有那么复杂，简单：1、可以使用第三方软件，如：360、QQ管家等……2、桌面空白处右键，选择“小工具”，双击“CPU仪表盘”就会有一个类似的cpu、内存监控器出现在右上角，你高兴的话，可以把它拖拽到右下角。希望能帮到你，祝好！如果我没有讲清，请留言，我再给你图解！</t>
  </si>
  <si>
    <t xml:space="preserve">我家宝宝今天刚54天,嘴里长了两个白点点,不知是什么东西?我家宝 </t>
  </si>
  <si>
    <t xml:space="preserve">    你家的小可能是患了鹅口疮。    “鹅口疮”，学名“白色念珠菌感染”，也就是霉菌，或者说真菌感染。多见于吃奶的新生儿，症状为口舌及颊黏膜上有白色奶块一样的斑块，一开始不好区别，有的家长以为是吃的奶块或者是舌苔，鉴别的方法为：拿一根棉签，擦拭白色斑点，如果可以去除的，为奶块，如果无法去除的，就是“鹅口疮”。鹅口疮表现为口腔粘膜附着一片片白色乳凝状物，可见于颊粘膜、舌面及上腭等处，有时可蔓延至咽部，不易擦掉，强行揩去，容易出血。如病变累及食道、气管、支气管、肺泡时，会出现吞咽困难、恶心呕吐、咳嗽、呼吸困难、声音嘶哑等症状。治疗：1、局部使用制霉菌素是最有效的治疗方法。可用制霉菌素加鱼肝油涂擦婴幼儿口腔，或制霉菌素药片，每片用10毫升温开水化开，切忌用凉水或开水。用药期间至少7天，或白色斑块消失后，还应坚持再用药1周～2周，以防复发。2、可使用2%～4%碳酸氢钠(小苏打)溶液，在哺乳前后洗涤患儿的口腔，使口腔成为碱性环境，阻止白色念珠菌的生长和繁殖。一般情况下，连续使用2～3天病变即可消失，但仍需继续用药数日，以防复发。同时母亲也应用小苏打液清洗乳头，以免重复感染。　　停用抗生素　　如果病儿有长期服用抗生素的历史，应尽快停用抗生素，这样可以扶植正常的口腔菌群，以抑制霉菌生长。</t>
  </si>
  <si>
    <t xml:space="preserve">北邮的计算机软件专业怎么样啊？山东亲戚今年高考，考了640分，差? </t>
  </si>
  <si>
    <t>北邮的计算机专业还行，不过最好的专业是通信工程，不过我毕业几年了，这两年由于方滨兴的原因，学校学院专业的变化比较大</t>
  </si>
  <si>
    <t xml:space="preserve">白色治愈兜帽与白色治愈短裤的治疗效果如何计算?1、白色治愈短裤: </t>
  </si>
  <si>
    <t>智力...不是蓝你能有10000智力啊？假设你智力600，套装属性就相当于 使法术治疗提高最多60点.</t>
  </si>
  <si>
    <t>三国传说</t>
  </si>
  <si>
    <t>这种说法只能当戏说来听，不可细究。试问当时的山西说什么方言谁搞得清楚？另外，如果关羽答应了婚事，必有正式答复，岂能凭口头传言为信？更何况诸葛子瑜乃一国使臣，并非当代娱记，怎会捕风捉影？</t>
  </si>
  <si>
    <t xml:space="preserve">关于医院进2甲如题，现在需要什么条件？ </t>
  </si>
  <si>
    <t>等级管理将医院分成一、二、三、特级四级。一级医院没有甲、乙、丙三等；二、三级中有甲、乙、丙三等。级的划分是按病床数来的：一百张以下，也就是乡镇卫生院为一级医院；五百张以上，定为三级，原则上省级及每个市一至两所；五百张以下，一百张以上评为二级。除这三个等级以外还有特等，这专指那些规模特大的医院，如北京的中日友好医院、首都医院等。至于甲、乙、丙三等的划分是按技术水平、医疗条件、管理水平等的差别而定。从而看来，三甲医院和特级医院是最好的了。 我们医院也打算申请成为2甲医院呢，听说首先硬件设施要全。二甲医院的审批标准,当地的卫生管理部门就有,你可以找一找.二级医院标准 二级医院是向多个社区（其半径人口一般在10万以上）提供医疗、预防、保健、康复服务的卫生机构，是三级医疗卫生体系中的中间层次。 二级医院基本标准 本标准是审定二级医院资格的必备条件，达到本标准合格线者才能参加等级评审。 一、医院规模 应具有与二级医院任务、功能、技术水平及管理要求相适应的医院规模。 1.病床不少于100张。 2.每床单元必备设施达到规定的要求（见附件六）。 3.每床建筑面积不少于45平方米。 4.每床病室净使用面积不少于5平方米。 5.日平均每门诊人次占门诊建筑面积不少于3平方米。 6.病床与医院正式职工人数之比为1∶1.3-1.5。 7.必须配备具有国家认定资格的卫生技术人员。卫生技术人员占全院职工总数不少于75%。 二、医院功能与任务 （一）医疗卫生服务 对社区能提供全面、连续的医疗护理、预防保健和康复服务。 1.承担地区（地、市、县）内的常见病、多发病和较疑难病症诊治任务；抢救急危重症；接受一级医疗卫生机构的转诊。 2.开展日常院前急救；承担灾害事故的现场急救，迅速组织配套的急救队伍接收成批病员进行院内急救。 3.开展健康教育，掌握社区的疾病动态。参与社区内预防保健和康复服务工作。 （二）与医疗相结合开展教学、科研工作 1.能承担基层医疗单位中各类卫生技术人员的进修、培训和本院职工的在职教育。 2.能承担中等卫生学校临床教学及中等以上医学卫生学校学生的临床实习任务。 3.能承担省或市级科研项目。 （三）指导基层 与有关部门协作指导地区内基层医疗卫生单位做好社区治疗、预防保健、康复和精神卫生等工作。与一级医院建立经常性的业务关系，开展双向转诊，帮助开展新技术，解决疑难问题和培训卫生技术及管理人员。 三、医院管理 医院应有健全的管理体系，有相应的组织机构、人员、制度、措施、实施方案及其考核与评价办法。 （一）组织管理 必备的有： 1.行政管理组织 2.医疗、预防、教学、科研管理组织 3.护理管理组织 4.财务管理组织 5.总务保障组织 6.思想政治工作和职业道德教育管理组织 7.必备委员会 （二）制度管理 根据1982年卫生部发布的《全国医院工作条例、医院工作制度与医院工作人员职责》的要求和关规定，结合医院实际，必须认真制订一整套切实可行的规章制度，并有相应的教育、执行、监督、检查、考评和奖惩办法。必备制度应包括： 1.医院工作制度 2.各级各类人员岗位责任制 3.各项技术操作规程 4.职工继续教育制度 （三）行政管理 1.有健全的行政管理组织，有一名院领导分管行政工作。 2.有远期发展规划、年度工作计划，季度安排和完成计划的进度、指标、措施、步 骤、以及检查总结。 3 .医院有各项行政管理工作制度，并组织实施。必备的制度有：各项会议制度、院总值班制度、医疗行政查房制度、文书档案管理制度。 4.有群众来信来房登记、参观访问、医院大事记录。 5.院领导要经常深入科室、社区了解情况、征求意见，改进工作。 （四）医疗管理 1.有健全的医疗管理组织，人员配备合理，有相应的工作制度，有一位副院分管医疗工作。 2.制订切实可行的全院医疗建设规划和工作计划并组织实施。 3.有健全的医疗工作制度 ，切实可行的技术操作规程和医疗护理质量标准。 4.建立健全医疗质量管理组织，定期活动，对医疗、护理、医技质量进行监督、检查、评价，并提出改进意见。必备的质量管理组织有：医疗护理质量管理委员会、药事管理委员会、院内感染控制委员会、病案管理委员会。 5.加强业务人员的技术培训、考核，建立卫生技术人员业务技术档案。 6.非国家认定资格的技术人员，不得直接从事医疗医技和护理技术工作。 （五）护理管理 按《护理管理标准及评审办法》的有关要求管理。 （六）教学、科研管理 教学： 1.有健全的教学管理组织，有一名院领导分工负责教学管理工作。 2.有切实可行的教学规划和工作计划，并组织实施。 3.有健全的教学工作规章制度，做到有监督、有检查、有评价。 4.有相应的教学设施与设备。 5.卫生部认定的“教学医院”，按卫生部《全国高等医学院校教学医院工作暂行规定》（待发）进行管理。 科研： 1.有专（兼）职人员负责科研管理并有相应的工作制度。 2.建立科技人员、科研成果档案。 3.有鼓励开展医学和管理科研办法。 （七）信息管理 1.有健全的信息管理组织和有关工作制度。 2.应设立图书馆（室），并且有足够数量的医学图书和期刊。 3.有处理医疗、管理和图书情报信息的专职管理人员。 4.院内各部门提供的信息应真实、完整、准确，并及时分析、反馈与利用。 （八）计量管理 根据《中华人民共和国计量法》，医院必须加强计量工作管理。 1.有负责计量管理工作的部门或人员。 2.建立有关计量管理制度，主要包括： （1）计量管理办法。 (2)计量人员岗位责任制。 （3）计量器具周期检定制度。 3.采用国家法定计量单位。 4.在用强制检定计量器具均应进行周期检查。 （九）财务管理 1.设有财务机构，人员编制合理，职责范围明确，并有健全的岗位责任制度和工作制度。 2.设有专（兼）职收费管理人员，严格执行医疗收费标准，实行明码标价，接受群众监督。 3.会计凭证、帐簿、报表符合会计制度。 4.建立会计档案和管理制度。 5.有健全的财会监督制度，对违反财经、物价纪律现象应及时严肃处理。 （十）审计管理 1.设有与财务机构相平行的审计机构或者职级相应的审计人员，人员编制合理，并具有一定的审计专业知识。 2.对财务收支及有关的经济活动实行经常性审计监督。 3.对资金财产的安全、完整以及各项内部控制制度的健全、有效，进行监督检查。 4.经常检查、评估资金、财产的使用效益并提出改进建议。 5.无重大损失浪费、贪污盗窃和严重违反财经法规事件。 （十一）设备管理 1.有健全的管理组织，实行计划管理。 2.万元以上大型精密仪器购置要有适宜性和可行性论证，进货要验收，使用有专人保管。 3.医疗设备有定期的保养、维修与更新制度，保证医疗工作需要。 （十二）总务管理 1.有健全的总务管理机构、岗位职责和工作制度。 2.一般物资实行定额管理，有健全的采购、验收、入库、发放、报废等制度。 3.主动、及时为全国各科室特别是临床科室服务，做到三下（下收、下送、下修），保证三通（水通、电通、气通），不发生两漏（漏水、漏电），做到两满意（职工、病人满意）。 4.有意外情况下的供电措施，确保临时照明。 5.救护车配有基本设备、药品，随叫随到，保证医疗、抢救和转送病人的需要。 （十三）建筑管理 1.医院的新建、改建和扩建，要经过可行性论证，适应总体发展规划，资料保存完整。 2.新医院选址、布局、设计要合理，符合建筑规范及卫生学要求。 3.医院各部分（门诊部、住院部、医技科室、手术室、消毒供应室、急诊科（室）的建筑布局、人物流向合理。室内采光、色彩设计符合卫生学的要求）。 4.医院旧建筑有维修计划及预算，并认真执行。不得在危房中从事医疗活动。 四、质量管理 （一）医院应有切实可行的质量管理方案。 （二）有院、科两级质量管理组织。 （三）质量管理的重点是：医疗、护理、医技、教学、科研和病案质量等。 （四）有质量教育、监督、检查和评价制度及改进方案。 （五）院内感染控制 1.控制感染组织应符合1988年卫生部下发的《建立健全医院感染管理组织的暂行办法》的规定。 2.有全院性控制感染方案、对策、措施、效果与评价。 3.建立严格的消毒、隔离和传染病登记报告制度。传染病房的设置应符合卫生学要求。 4.有院内感染控制的在职教育制度，医护人员必须树立无菌观念和进行正确无菌技术操作。 5.有合理使用抗生素的管理办法。 6.有特殊区域（如手术室、消毒供应室、产房、婴儿室、新生儿病房、治疗室等）的保洁监控措施。 7.现场检验要达到规定要求。 五、思想政治工作与医德医风建设 1.具有强有力的思想政治工作管理体系和相应的工作制度。 2.制定有关思想政治工作和医德医风建设的计划，并组织实施。 3.贯彻执行党的路线、方针、政策，党政工团齐抓共管，做好全院职工经常性思想政治工作，定期组织学习，进行研究分析总结。 4.认真贯彻执行《医务人员医德规范及实施办法》，有医德教育措施。严格实行岗前教育制度。</t>
  </si>
  <si>
    <t>每周1星///没发玩了~~~！！1</t>
  </si>
  <si>
    <t>把骗子的大名也公布出来，让更多的人知道。。。。</t>
  </si>
  <si>
    <t xml:space="preserve">05期.晒单，解释个毛蒙彼利.桑德兰稳胆 </t>
  </si>
  <si>
    <t>桑德兰感觉是3</t>
  </si>
  <si>
    <t xml:space="preserve">欧预赛小组第二很多人不懂规则，乱说一通，这不误导新人吗！哥来正解 </t>
  </si>
  <si>
    <t>还不好说，要是希腊输球，克罗地亚赢球，那希腊就只能去打附加赛了。</t>
  </si>
  <si>
    <t xml:space="preserve">黑洞如何探测？不是说连光都吸进去吗？这… </t>
  </si>
  <si>
    <t>黑洞由于其自身引力巨大，光线都难逃其引力范围，所以难以被直接观测到。但是天文观测者可以通过观测其它天体的运行情况间接的了解和计算出黑洞的相关信息。比如，遥远星系发出的光线在经过黑洞附近时，由于黑洞引力的作用，光线的传播方向和发生改变，这种改变如果能被我们观测到的话，就可以推测在某个位置存在一个黑洞。还可以观察天体的移动情况，根据其移动情况可以计算它的轨道，这种轨道应该与其附近的大型星体对其产生的影响相一致。如果发现某个星体的移动受到了明显的影响，但是在应该产生影响的位置附近有没有观测到有大型星体的话，也可以怀疑附近存在黑洞。另外，大型的黑洞会吞噬周围星系的物质，并发出大量的X射线，这种吞噬可以被直接观测到。</t>
  </si>
  <si>
    <t xml:space="preserve">请法律专业人士帮忙，谢谢！我现在所住的房间是公司提供的宿舍，我想 </t>
  </si>
  <si>
    <t>你的表述是住所,"住所"这里的住所在法律上就是住宅.中华人民共和国宪法第三十九条明文规定,中华人民共和国公民的住宅不受侵犯。禁止非法搜查或者非法侵入公民的住宅。中华人民共和国刑法第二百四十五条规定:非法搜查他人身体、住宅，或者非法侵入他人住宅的，处三年以下有期徒刑或者拘役。所以,公司未经允许随意进入他人的住所,不仅是违法的,甚至可能涉嫌犯罪.</t>
  </si>
  <si>
    <t xml:space="preserve">AMD/Opteron275/Socket940/1024K/2? </t>
  </si>
  <si>
    <t>可以在你说的主板上使用的,而且性能非常的好!</t>
  </si>
  <si>
    <t xml:space="preserve">水货的手机既然违法，为什么还能光天化日下做这生意？？ </t>
  </si>
  <si>
    <t>虽然你知道他卖的是水货,你怎么确定它是水货机呢,或者说你怎么确定它是走私呢?实际上过关的时候是允许带购买的电子产品的.国家不是不知道,地方政府就更清楚了,也不是不交税,要得到地方的保护主义,能不上交一点吗?个人猜测~~~~~~~~~~</t>
  </si>
  <si>
    <t xml:space="preserve">怎样修改QQ对话框我的场景音乐中的背景?下载一个QQ场景编辑软件 </t>
  </si>
  <si>
    <t xml:space="preserve">一、准备 第1步：下载场景编辑器。下载地址  第2步：将图片素材（*.jpg和*.gif格式）、音乐素材（*.mp3或*.wav）放于自己电脑指定的文件夹内。 二、制作 第3步：双击QQ场景编辑器程序，打开“QQ场景编辑器”界面。 第4步：随后出现一大一小的两个程序界面，小界面的名字是“QQ场景编辑器”，点这个界面上的“确定”。 第5步：在大界面“新场景——QQ场景编辑器”的右边，有“场景属性”，将名称“新场景”，改为你想取的场景名，比如“祝你平安”等等。至于下面的作者信息，可填可不填。 第6步：点“QQ场景编辑器”上方的“导入图片”按钮，出现“打开”对话框，选出你打算做场景背景的图片。这张图片将出现在“QQ场景编辑器”的左下边。 第7步：用鼠标将“QQ场景编辑器”左下边的图片，拖到“QQ场景编辑器”中间的空白框中。 第8步：点“QQ场景编辑器”左上方的“添加”，出现“打开”对话框，找出你想做场景的背景音乐。 第9步：用鼠标将“QQ场景编辑器”左下边的音乐图标，拖到“QQ场景编辑器”中间的方框中。 第10步：在“QQ场景编辑器”的右边，有“背景属性”，它的下面第四行是“循环播放声音”，点这六个字前面的方框，将出现一个“√”。 第11步：现在，一个最简单的场景就做成了。 第12步：点“QQ场景编辑器”上面的“生成”，并在随后出现的对话框中，点“确定”，或者点“是”。 第13步：到QQ聊天界面的“未分类场景”中，你可以找到刚才做的场景，并向朋友发送。 掌握以上方法，大家就可以制作出简单的场景。但要制作出很好的场景，必须拥有合适的图片和音乐，必须图片、音乐、情感相互交融，这就要求我们会利用搜索引擎到网上去寻找，有时还需要我们会利用图像处理软件去修饰和制作图片。除此之外，还需要我们具有一定的审美观 </t>
  </si>
  <si>
    <t xml:space="preserve">一天之中,什么时候汽车加油最合算?我曾在一份报刊上看到过好像是傍 </t>
  </si>
  <si>
    <t>据有关报道推荐介绍，在当日气温较低时（一般为早晨）给车加油为好。其理就是热涨冷缩效应使得汽油比重相对较大和气温低汽油挥发度相对较少。其实这个“变化”程度微乎其微，在实际中一般是感受不到，还是按需、方便、恰当的时机给车“进餐”。</t>
  </si>
  <si>
    <t xml:space="preserve">什么是乳房纤维腺瘤 </t>
  </si>
  <si>
    <t>你好 乳房纤维瘤是乳房的常见良性肿瘤,一般认为与雌激素作用活跃有密切关系,好发于性功能旺盛时期 乳腺纤维瘤治疗措施　　乳房纤维腺瘤虽属良性,但有恶变可能,故一旦发现,应予手术切除.手术可在局麻下施行.显露肿瘤后,连同其包膜整块切除.切下的肿块必须常规地进行病理检查,排除恶性病变的可能. 乳腺纤维瘤手术后有复发的可能性,建议术后看中医辨证施治系统调理.乳房纤维瘤属于中医“乳癖”的范畴.其发病多由冲任不调,肝气郁结,脾运失健,痰瘀凝聚所致.通过中医药辨病与辩证相结合的原则,疗效显著,不易复发,但疗程偏长.</t>
  </si>
  <si>
    <t xml:space="preserve">2007航天员出舱会修复鑫诺二号么?鑫诺二号2006在升空后没能 </t>
  </si>
  <si>
    <t>　　一个是350公里左右的高度，一个是36000公里左右的高度；一个是绕地球周期90多分钟，一个是静止轨道(周期24小时)，无论如何两者不可能有什么联系(除非是无线电波)。</t>
  </si>
  <si>
    <t xml:space="preserve">请问什么时候再发EVE的帐户？我想要个号，真的啊。 </t>
  </si>
  <si>
    <t xml:space="preserve">现 在 是 没 有 了 就 得 等 公 测 了 实 在 不 行 你 买 个 号 先 玩 着 吧 </t>
  </si>
  <si>
    <t xml:space="preserve">偷星九月天的动漫出来没？ </t>
  </si>
  <si>
    <t>动漫没出来，漫画出来了知音漫客上也有连载</t>
  </si>
  <si>
    <t xml:space="preserve">谁能告诉下这狗是什么品种？这狗4个月纯黑色，耳朵不知道能不能立起 </t>
  </si>
  <si>
    <t>四个月还是这个样子的话，那么可以肯定是中华田园犬！</t>
  </si>
  <si>
    <t xml:space="preserve">为什么我安装梦幻西游时`提示错误?这久不知道为什么..一安装游戏 </t>
  </si>
  <si>
    <t xml:space="preserve">不用安装的,找个正在玩梦幻西游游戏的朋友或同事，把他电脑里的已安装好的梦游客户端，直接拷到移动硬盘里或Ｕ盘里（现在是２００8年4月12日，现在的梦幻西游是1.4G）．估计也就是１０几分钟吧．然后再拷到你自己的电脑里，再用１０来分钟．拷完后就能直接玩了．（因为网络游戏都是绿色软件，只要不是安装在系统盘，即使系统盘重装系统了，放在别的盘里的游戏照样能玩） 　而且从别人电脑里拷过来的，都不用更新，直接就能玩．最好选在星期二更新后在拷贝． </t>
  </si>
  <si>
    <t xml:space="preserve">如何在Vista系统下玩本游戏啊如何在Vista系统下玩完美时间 </t>
  </si>
  <si>
    <t>呵呵，你倒是挺快的啊，都用上Vista了，现在配套的软件都没有跟上不好用啊，我以前一是Vista的玩不了，后来换成了XP我想可能是Vista系统的问题</t>
  </si>
  <si>
    <t xml:space="preserve">#这题为什么要选B#司法审判中，当处于同一位阶的规范性法律文件在? </t>
  </si>
  <si>
    <t>司法审判中，当处于同一位阶的规范性法律文件在某个问题上有不同规定时，法官可以依据下列哪些法的适用原则进行审判？（　）（2010年卷一多选第52题）    A.特别法优于一般法    B.上位法优于下位法    C.新法优于旧法    D.法溯及既往    「司法部答案」ABC    「正确答案」AC    「考点」同一位阶的法的渊源之间的冲突原则    「解析」    选项A、C正确。同一位阶的法的渊源之间的冲突原则，主要包括：（1）全国性法律优先原则；（2）特别法优先原则；（3）后法优先或新法优先原则；（4）实体法优先原则；（5）国际法优先原则；（6）省、自治区的人民政府制定的规章效力高于本行政区域内较大的市的人民政府制定的规章。    选项B是不同位阶法的适用原则。已经说是同一位阶的，因此此项不正确。选项D讲的是法的时间效力问题。司法给的答案是参考性答案，不一定正确。因为参考答案之后还有个异议时间，过了之后才确定改卷答案。只是不公布改卷答案</t>
  </si>
  <si>
    <t xml:space="preserve">我单位承包的移动通信工程，大部分都承包给农民工个人了，对付给他们? </t>
  </si>
  <si>
    <t>1、承包工程收入：你单位开具工程总额的发票，向税务机关缴纳营业税及附加是对的。2、支付工程承包人工费：（1）如果你单位是核定征收方式，可以按工费结算表支付承包人工费。因为，核定征收方式不存在成本费用税前扣除问题。（2）如果你单位是查账征收方式，应该让个人到税务代开发票入账。如果采用工费结算表支付承包人工费，承包费用不能税前扣除，年终要做纳税调整的。</t>
  </si>
  <si>
    <t xml:space="preserve">建筑研究生哪个国家好?别人劝我去美国,美国可以吗? </t>
  </si>
  <si>
    <t>只要有能力，不管哪个国家都可以，美国不代表一切，其实国内发展也不错</t>
  </si>
  <si>
    <t xml:space="preserve">有时候我真的不想ML``男朋友老强迫怎么办`？不顺从他，他又生气? </t>
  </si>
  <si>
    <t>原来有一个男朋友，也差不多了。他要做的时候只管他自己。即使女生不爱，他也不放心上。感觉那样的男人爱自己多一点。如果他从来没尝试过跟你沟通，关心你的感觉，那你要好好想下了。不能因为舍不得，留着这个问题一直在那里啊。如果结婚的话，那多难过啊。而且自私的男人啊，跟他一起的女人，不会没有安全感吗。</t>
  </si>
  <si>
    <t xml:space="preserve">冬天文胸需要每天洗吗?虽然每天洗澡，但天气冷，感觉文胸很干净，想 </t>
  </si>
  <si>
    <t>好象不用吧，如果你很注意个人身体卫生应该不用，有些文胸材质不能总洗，洗多了变形很快</t>
  </si>
  <si>
    <t>UU</t>
  </si>
  <si>
    <t>朋友！虽然我并不清楚其具体的含义，但我要告诉你一个概念，在医疗检查化验中除了数字计量外，凡是正常的就记为“阴性”或“－”；凡是有问题的就记作“阳性”或“＋”，有时还会依照问题的不同严重程度分别给出“＋”“＋＋”“＋＋＋”甚至“＋＋＋＋”标记。它们的意思分别表示弱阳、中阳、强阳及超强阳。就是说你老婆子的病好了啊！可喜可贺！</t>
  </si>
  <si>
    <t xml:space="preserve">皮肤过敏有好长一段时间了脸部会起皮特别干燥。有看过说就冬天会这样 </t>
  </si>
  <si>
    <t>皮肤缺水 补水保湿是关键 可以多用一些补水的品 不可以光补水 不保湿皮肤锁不住水分会更加干燥基础护肤不可少 清洁产品要清洁力好 还要补水不干燥 之后立即用补水的水水 尽快上乳液 乳液要足够保湿 还要清爽 剥皮很严重的话可以一周作2-3次补水面膜 不知道你什么类型皮肤 冬天 中干性一个月去一次角质 混合或油性1-2周作一次深层清洁去角质就好 平时多喝水 多通风 尽量每天用防晒隔离产品 最好室内用加湿器 各方面配合并且坚持很快就会改善的.-------------------冬季脸上爆皮怎么办？- 百度知道 解决时间：2007-12-21 11:02冬天由于空气寒冷干燥，干燥是皮肤的大敌 皮肤分表皮、真皮以及皮下脂肪。表皮的最外层为角质层，由于角质层本身的吸水、屏障功能，以及角质层中所含有的天然保湿因子即氨基酸类、乳酸盐及糖类等的作用，使角质层保持一定的含水量，维持皮肤的湿润。而皮肤的外观与角质层的水分含量有关，正常的皮肤角质层通常含有10%-30%的水分，以维持皮肤的柔软和弹性。但随着年龄的增长，皮肤角质层水分含量会逐渐减少，而当皮肤角质层的水分含量低于10%时，皮肤就会出现干燥、紧绷、粗糙及脱屑等。 那么引起皮肤水分丢失，导致皮肤干燥、失去光泽的原因有哪些？一般来说，引起皮肤天然保湿结构失去平衡的内外条件主要有： ●随着年龄的增长，皮肤老化，其保湿作用及屏障功能逐渐减弱，天然保湿因子含量减少； ●干燥寒冷的气候，湿度较低，如秋冬季； ●某些皮肤病变，如银屑病、鱼鳞病等； ●环境和化学因素，如洗衣粉、肥皂、洗洁精等洗涤剂及酒精等有机溶剂，以及长时间的空调环境等； ●饮食睡眠习惯，如偏食、饮水少、失眠等； ●干性皮肤。 由于皮肤时刻都与外界环境直接接触，如不加以保护，或多或少都有缺水现象，直接影响皮肤的外观。而这时，除了确保正常健康的饮食以保证蛋白质、维生素的补充，以及尽量避免外界不良因素的影响和积极治疗皮肤疾患外，还应根据需要，使用合适的保湿化妆品。 击退干燥七法则 ●在冬季，尽管人们喜欢洗热水澡。但是，对皮肤有益的水温是温水，因为热水会将皮肤上的天然油分彻底洗掉，而这种天然油分比你浴后使用护肤品化解干燥要有效得多。 ●冬季洗澡一般不要超过15分钟。 ●如果一定要洗热水澡，尽可能使用浴液或温和的香皂。浴后应当在皮肤尚未完全干的情况下，在身体各部位涂上润肤品。这样做有助于将润肤成分渗入到皮肤的上层。 ●男性在冬季刮胡子时，最好不要用刮胡膏，可用洗发香波替代。 ●在那些易发生干裂的身体部位，最好使用力量较强的护肤品，如凡士林。与一般护肤品不一样的是，凡士林可以“封住”皮肤，减少水分的蒸发，对于保护比较干燥的皮肤十分有效。 ●洗完东西或洗手后应使用一些能够保持水分的护手霜。 ●在家时，皮肤暴露于外的地方较户外要多，使用加湿器是解决皮肤干燥的不错方法。 冬季皮肤麻烦多 皮肤易瘙痒、手足会皲裂、冻疮找上门 西北风一刮，人的皮肤也会由于气温降低，无论是显性出汗还是隐性出汗，都大为减少，人体皮肤的润滑剂皮脂腺的分泌也大大减少，除了婴儿以外，大部分人的皮肤都会比较干燥。这时一些冬令常见的皮肤病也开始在一部分人群中间肆虐起来。许多人，特别是老年人就自诉全身或者小腿前皮肤瘙痒、干燥、鳞屑脱落，变得干燥，瘙痒难忍。到医院皮肤科就诊，往往诊断为冬季瘙痒症或皮脂缺乏性湿疹。 那么，为什么有些人的皮肤一到冬季就特别干燥呢？皮肤干燥与皮肤的失水有关，皮肤水分的缺乏又与皮肤的天然皮脂有关，皮肤表面的脂质犹如一件外衣，阻止了皮肤水分的蒸发，使皮肤保持滋润，老年人皮肤变薄，表面的脂质也减少，皮肤自然就显得干燥，冬季冷风又可增加水分的损失，进一步扰乱表皮的脂质平衡，这样干燥就不可避免了。 皮肤瘙痒症：皮肤干燥是祸首 原发性皮肤瘙痒症无疑是最为常见的冬令皮肤病了，此症无论男女老幼都可发病，但中老年者更为多见了，尤其是老年人。患者可全身到处瘙痒，白天由于外界干扰，尚可分心而无暇顾及，一到晚间，瘙痒难忍，全身似有蚂蚁在爬，无法忍受。如果吃了点“发物”，或饮酒，饮咖啡，则更瘙痒难熬。但检查皮肤，却无任何原发性皮疹，仅可见由于搔抓引起的皮肤抓痕，血痂或者色素沉着等继发性损害，如持续时间长久，则可继发多癣性皮损。 此病主要是由于皮肤干燥引起的。冬天我们脱下棉毛衫裤时，常可见很多细小的皮屑从身上弹下，而冬季衣服又穿得较多较紧，这样异物刺激在已敏感的皮肤，瘙痒也就难免了。还有就是有些人不恰当地处理也会加重瘙痒，如热水冲洗虽能解一时之痒却换来瘙痒更甚。因为热水对皮肤本身是一种刺激，再加上皮脂除去更多，导致皮肤更加干燥。 冬季瘙痒症发生的关键在于皮肤干燥和受冷，所以住房内要保持一定的湿度，可摆放一些绿色的盆栽，或放上一盆水以增加空气湿度。洗澡时水温在 32°C左右，不宜搓擦，不宜过多使用香皂，避免搔抓，浴后可全身搽用润肤液，以保持皮肤的滋润，建议每日涂抹保湿霜或保湿乳液。在需要时还可口服第一代抗过敏片剂来达到止痒镇静作用。饮食中要尽量多摄入些富含维生素A的食物，如胡萝卜，卷心菜等，少食用咖啡，可乐，酸辣刺激性食物。 手足皲裂：好发于清洁工人家庭主妇 手足皲裂也是冬季很常见的一种皮肤病，此病好发于接触脂溶性或碱性物质的人员，如汽车修理工、清洁工人、厨师和家庭主妇等。患者手足皮肤往往因缺少滋润而干裂，严重者皲裂可至深部肌层，有明显痛感甚至影响手足活动、皮损由皱裂至龟裂至皲裂，为长短深浅不一的裂口，好发于手指和手掌屈侧、足跟、趾底，足侧等处。 防治方法主要是在冬季未发生皲裂前常外搽油脂以滋润皮肤，一旦发生皲裂则可削薄皲裂处厚硬的表皮角质层，然后用热水浸泡10分钟，拭干后再外搽15%的尿素脂或10%的硫磺水杨酸软膏等。冬季野外作业时宜戴好防护手套。 冻疮：气温一冷即会发作 冻疮好发于儿童及妇女，冬季气温一变冷即会发作，至来年春夏季可迅速痊愈，好发部位为肢端末梢，如手指、手背、面部、耳廓、足趾、足跟等处，患处可见局部性淤血性紫红色隆起的水肿性红斑，表面紧胀有光泽，局部皮温降低，环境温度暖热时，局部出现明显的瘙痒或灼热感，而冻疮一旦破溃，溃烂后即有痛感。 防治冻疮原则有如下几条： ●加强体锻，促进血液循环，经常搓搽手足，防止淤血产生。 ●注意手足的干燥和保暖，可穿戴宽松暖和的手套和鞋袜。 ●受冻部位不宜立即近火烧烤或用热水浸泡。 另外，冬季也是鱼鳞病、银屑病的好发季节，一些皮肤传染病，如疥疮、虱病在个人和环境卫生不好的情况下，冬季也常常是好发时机。 冬季五步护肤法 洁肤：以保持皮肤清爽为宜 清洁皮肤是保养皮肤的第一步骤，是保养皮肤的关键，洁肤可促进皮肤的新陈代谢，增加皮肤的吸收功能，预防皮肤疾病，延缓皮肤衰老和皱纹产生。清洁皮肤有单纯用水洗，也有用洗面奶、清洁霜等清洗。用水洗脸是基础，每天2~3次。在冬季，使用洗面奶洗脸，中性皮肤可每天1次，或隔天1次，干性皮肤宜 2~3天1次，油性皮肤宜每天1次左右。总之以保持皮肤清爽为宜。洗脸用的水最好是开水冷却至36度左右；油性皮肤者可以温度稍高，约38度；干性皮肤者可稍低，为34度左右。也可用温水洗净后，再用冷水冲洗一下，以缩小毛孔。但敏感性皮肤或皮肤干燥者不宜用单纯冷水洗脸。洗脸时可用指腹由里向外不断按摩，最后用柔软的毛巾檫干。洗面奶应性质温和，量不宜太多，以薄薄地涂至整个面部即可，按摩时间5分钟左右。 保湿：适当增加护肤品使用量 冬季天气干燥，气温下降，皮肤新陈代谢对气候的变化还没完全适应，使皮肤的汗腺分泌减少，显得很干燥。上海市皮肤病性病医院的科研人员在上海、哈尔滨和广州三大城市，对中国女性进行了大样本的流行病学调研，结果提示，上海女性到冬天皮肤的电容量明显低于其他两大城市，说明上海女性冬季表皮含水量少，干燥脱屑。此时就要适当增加护肤品的使用量，使皮肤得到充分的滋养和维护。护肤品应选择保湿功能大、滋润作用强的膏霜类化妆品。不但是面部皮肤需要养护，四肢和躯干部位的皮肤也需要滋润和营养。可选用润肤露，润肤奶液，在每天洗澡后薄薄地涂抹一层于皮肤上，可保持皮肤柔软光滑，富有弹性，延缓老化，又能预防和辅助治疗某些皮肤疾病，如特应性皮炎，冬季瘙痒症，鱼鳞病等。 防晒：选择指数不太高的防晒霜 在冬季，阳光中的紫外线虽不像夏季那么强烈，其中中波和长波紫外线（UVB和UVA）减弱，但紫外线还是造成皮肤老化、变黑的最常见的原因。因而冬天也要适当注意防晒，选择防晒指数SPF和PA值不要太高，如：SPF8，PA+的防晒霜。特别要提醒的是，冬季下雪时，紫外线的强度还可能高于夏季，选择的防晒品的SPF和PA值要大，SPF15，PA++以上。 防皱：要注重劳逸结合营养均衡 冬季天气干燥，如果不注意滋润皮肤，造成皮肤内大量水分丧失，容易形成暂时性的皱纹，即小皱纹的增多。一旦出现小皱纹，不用焦虑，只要保持开朗的心情，注意劳逸结合，合理的营养摄入，平日饮食中多吃些瘦肉，牛奶，蛋类品，新鲜的水果蔬菜等，选用合适的护肤品，坚持面部按摩，促进面部血液循环，改善皮肤营养，可以减少小皱纹。 饮食：多食碱性食物少食酸性食物 冬季天气干燥，平时应多饮水，补充肌体和皮肤的水分丧失，另外合理的膳食结构可以改善体质，延缓衰老。由于人体的体液呈弱碱性，所以多摄入碱性食物如蔬菜，瓜果，豆制品类，牛奶等，可使皮肤细腻光泽。要注意减少酸性食物的摄入，如肉类，鱼类，巧克力，葱蒜等。 多喝水,注意给皮肤多做保湿面膜,多吃一些水果和蔬菜! 美 容:去美容院,使用脱色药，可能会减弱色素。 药物治疗:辅助用药可口服维生素C，1次0.2～0.4g，1日3次；或维生素E，1次50mg，1日3次，连续数月。中成药可选六味地黄丸，其滋阴补肾，蜜丸1次1丸，片剂1次8片，胶囊1次8粒，均1日2次，有一定疗效。近年来应用二氧化碳激光或液氮冷冻治疗雀斑，也有较好疗效，但仅限于比较表浅的雀斑。 日常生活:应注意避光，防止日光直射面部，外出时应戴个遮阳帽或打旱伞，也可在暴露部位外涂防晒膏. 用半只番茄绞碎至糊状，再加两滴甘油，放入冰箱，每天敷脸上一次，坚持一段时间雀斑自然隐退~！！我试过了，效果不错~！！ 要多吃含维C的果蔬定期到美容院做祛斑护理、生活要有规律早睡早起雀斑皮肤多居干性、选用乳剂或杏仁密等化妆品、滋润皮肤、夏季避光日晒。 自制面膜； 白茯苓研磨；用蜜调和每夜敷面。 黑丑研磨；用鸡蛋清调和夜间敷面、早是洗去、 外搽3％氢醌霜或双氧水，可以暂时有效，也可每日一次搽用3％的乳酸至退屑。还可由专业医师用60％左右三氯醋酸点涂进行化学剥脱，外售的雀斑霜有些也可用。除了上述的外用药物治疗外，还可使用短时间的液氮喷雾冷冻，中药外用制剂治疗。但上述治疗的效果往往不稳定。 还可以用以下办法适试试： 1.每天吃一片维生素C和维生素E，可达到祛斑的作用。 2.用干净的茄子皮敷脸，一段时间后，小斑点就不那么明显了。 3.每天喝一杯西红柿汁或常用西红柿，对防止祛斑有较好的作用。因为西红柿中含有丰富的谷胱甘肽，谷胱甘肽可抑制黑色素，从而使沉着的色素减退或消失。 4.洗脸时，在水中加1-2汤匙的食醋，有减轻色素沉着的作用。 5.将鲜明萝卜辟碎挤汁，取10-30毫升，每日上晚洗完脸后涂抹，待干后，洗净。此外，每日喝一杯胡萝卜，可美白肌肤。 6.将柠檬汁搅汁，加糖水适量饮用。柠檬中含有大量维生素C、钙、磷、铁等。常饮柠檬汁不仅可美白肌肤，还能使黑色素沉淀，达到祛斑的作用。 木瓜和牛奶，用搅拌机打碎，敷在脸上，二十分钟左右洗掉。坚持一个星期，会有不错的效果！ 不过我还想再补充一些： 天然食物轻松除雀斑 人人都希望自己有红润而光洁的面容，因为它不仅给人以美感，而且也使自己精神愉快，有益于身心健康。但是，有些人脸上却有许多褐色的雀斑，且这种现象女性比男性多。那么有何妙方去除呢？ 在天然食品中，具有保养皮肤和消除雀斑功效的食物有许多种。现介绍几种经临床验证确有实效的食疗方法。 西红柿汁： 每日喝1杯西红柿汁或经常吃西红柿，对防治雀斑有较好的作用。因为西红柿中含丰富的维生素C，被誉为“维生素C的仓库”。维生素C可抑制皮肤内酪氨酸酶的活性，有效减少黑色素的形成，从而使皮肤白嫩，黑斑消退。 黄瓜粥： 取大米100克，鲜嫩黄瓜300克，精盐2克，生姜10克。将黄瓜洗净，去皮去心切成薄片。大米淘洗干净，生姜洗净拍碎。锅内加水约1000毫升，置火上，下大米、生姜，武火烧开后，改用文火慢慢煮至米烂时下入黄瓜片，再煮至汤稠，入精盐调味即可。一日二次温服，可以润泽皮肤、祛斑、减肥。现代科学研究证明，黄瓜含有丰富的钾盐和一定数量的胡萝卜素、维生素C、维生素B1、维生素B2、糖类、蛋白质以及芥、磷、铁等营养成分。经常食用黄瓜粥，能消除雀斑、增白皮肤。 柠檬冰糖汁： 将柠檬搅汁，加冰糖适量饮用。柠檬中含有丰富的维生素C，100克柠檬汁中含维生素C可高达50毫克。此外还含有钙、磷、铁和B族维生素等。常饮柠檬汁，不仅可以白嫩皮肤，防止皮肤血管老化，消除面部色素斑，而且还具有防治动脉硬化的作用。 黑木耳红枣汤： 取黑木耳30克，红枣20枚。将黑木耳洗净，红枣去核，加水适量，煮半个小时左右。每日早、晚餐后各一次。经常服食，可以驻颜祛斑、健美丰肌，并用于治疗面部黑斑、形瘦。本食谱中的黑木耳，《本草纲目》中记载其可去面上黑斑。黑木耳可润肤，防止皮肤老化；大枣和中益气，健脾润肤，有助黑木耳祛除黑斑。 胡萝卜汁： 将新鲜胡萝卜研碎挤汁，取10－30毫升，每日早晚洗完脸后，以鲜汁拍脸，待干后用涂有植物油的手轻拍面部。此外，每日喝1杯胡萝卜汁也有祛斑作用。因为胡萝卜含有丰富的维生素A原。维生素A原在体内可转化为维生素A。维生素A具有滑润、强健皮肤的作用，并可防治皮肤粗糙及雀斑。 另外，用冬瓜藤熬水用来擦脸、洗澡，可使皮肤滋润、消除雀斑。金盏花叶汁也有护肤除斑的功效。将金盏花叶捣烂，取汁擦涂脸部，既可消除雀斑，又能清爽和洁白皮肤。蒲公英花水也能用于除斑，取一把蒲公英，倒入一茶杯开水，冷却后过滤，然后以蒲公英花水早晚洗脸，可使面部清洁，少患皮炎。 我告诉你几种美白去斑面膜,你快试试吧! 1.把醋和盐用水溶解，比例是大概水：白醋：盐＝9：3：1，用调好的混合液把毛巾润湿，擦在脸上，早晚各一次，（如果要多擦个一两次也没问题啦），效果不错哦，而且见效很快，皮肤会变白，痘痘也会不见了． 2.用草莓炸成汁，放上蛋清。每2~3天擦一次 3.用水和蜂蜜调配后加入珍珠粉,这样用几次以后,脸是又白又嫩! 4.最简单最便宜最方便但是十分十分十分有效的美白方法（亲身体验)将香蕉弄成糊状（一定是香蕉，不能用芭蕉代替），然后倒入全脂牛奶，再加入少量水。这些东西的比例大概是2：5：1然后往脸上抹，然后轻轻拍打脸部，最后什么都不要做。20分钟后洗掉.美白小秘方 美丽大收集 1、牛奶美白：准备一小杯鲜奶，（夏天的时候,也可以把鲜奶到放到冰箱里,敷上凉凉的,会更舒服）。用蒸气蒸脸,将化妆棉吸满鲜奶，敷在脸上十五分钟左右，取下，用清水将脸上的牛奶洗净。长期坚持，可以使肤色白净均匀。 2、准备三指宽二指长的面带斑点的芦荟叶去刺洗干净，然后是一块三厘米长的黄瓜、¼鸡蛋清、2—3克珍珠粉、适量的面粉（用做调稀稠）。将芦荟、黄瓜放入榨汁机榨汁后倒入小碗，然后放入蛋清、珍珠粉、适量面粉调成糊，以不往下流淌为准。把脸洗干净，将调好的糊抹在脸上，干后洗净，拍上柔肤水、护肤品即可，每周1—2次。 3、蕃茄蜂蜜美白 这个美白配方可同时作脸及手部美白。特别是暗疮皮肤，能有效去油腻，防止感染，使皮肤白皙细致。 配方：蕃茄半个、蜂蜜适量。 用法：可将蕃茄搅拌成蕃茄汁后加入适量蜂蜜搅至糊状。均匀涂于脸或手部，待约15分钟洗去。建议每星期做1－2次 4、将青椒、大黄瓜、四分之一苦瓜、西洋芹、青苹果等打成美容蔬菜汁来喝，这样的蔬菜汁里头有足够的维他命 C，对于美白非常有效。 5、取新鲜鸡蛋一枚，洗净揩干，加入500毫升优质醋中浸泡一个月。当蛋壳溶解于醋液中之后，取一小汤匙溶液掺入一杯开水，搅拌后服用，每天一杯。长期服用醋蛋液，能使皮肤光滑细腻，扫除面部所有黑斑。 6. 蜂蜜蛋白膜；新鲜鸡蛋一枚，蜂蜜一小汤匙，将两者搅和均匀，临睡前用干净软刷子将此膜涂刷在面部，其间可进行按摩，刺激皮肤细胞，促进血液循环。待一段时间风干后，用清水洗净，每周两次为宜。这种面膜还可以用水释稀后搓手，冬季可防治皲裂。 7、中医美白：材料：白芷、甘草、核仁、当归、绿豆粉、檀香等分研末。 用法： （1）洗脸：加适量的水，即可。 （2）敷脸：加蜂蜜，牛奶及1／4颗的蛋白，适量调敷于全脸(当然眼及嘴不可敷)，待干后再清水洗净即可。一星期1～2次(不要太多次，皮肤会受不了)，可用于青春痘、黑班、雀斑，同样也可缩小鼻旁的毛细孔，用过的人都觉的不错，皮肤变白嫩，又便宜。 8、材料:白芷6克；蛋黄1个；蜂蜜1大匙；小黄瓜汁1小匙；橄榄油3小匙。 做法:（1）先将白芷粉末，装在碗中，加入蛋黄搅均匀。（2）再加入蜂蜜和小黄瓜汁，调匀后涂抹于脸上，约二十分钟后，再用清水冲洗干净。（3）脸洗净后，用化妆棉沾取橄榄油，敷于脸上，约5分钟。（4）然后再以热毛巾覆盖在脸上，此时化妆棉不需拿掉。（5）等毛巾冷却后，再把毛巾和化妆棉取下，洗净脸部即可。 9、 蛋清面膜：将蛋清打入碗内（去蛋黄）搅拌至起白色泡沫后，加入新鲜柠檬6－8滴，搅匀直接涂在脸上，具有收敛皮肤、消炎抗皱的作用。 10、牛奶面膜：用鲜牛奶一汤匙，加4－5滴橄榄油，面粉适量，调匀后敷面。此面膜，具有收敛作用，长期使用可消除面部皮肤上的皱纹，增加皮肤活力和弹性，使皮肤清爽润滑，适用于中老年妇女或面部皱纹较多的孕产妇。 11、香蕉面膜：将香蕉去皮捣烂成糊状后敷面，15－20分钟后洗去，长期坚持可使脸部皮肤细嫩、清爽，特别适用于干性或敏感性皮肤的面部美容，效果良好。此方法可使皮肤清爽滑润，并可去除脸部痤疮及雀斑。这种方法适合任何一种皮肤，一周一次，可软化角质净白皮肤 12、银耳面膜：银耳、白芷、茯苓、玉竹各50克，共研末过筛，每晚取粉5克，配面粉3克用水调匀涂面，次日清晨洗去。银耳、白芷、玉竹均能滋养肌肤，茯苓能祛面斑，并引导诸药直入肌肤，但面部患有皮炎的人要慎用。 13、苹果面膜：将苹果去皮切块或捣泥，然后涂于脸部，如系干性过敏性皮肤，可加适量鲜牛奶或植物油，油性皮肤宜加些蛋清。15－20分钟后用热毛巾洗干净即可。隔天一次，一个疗程为20天，具有使皮肤细滑、滋润、白腻的作用，还可消除皮肤暗疮、雀斑、黑斑等症状。 14、橄榄油面膜：把橄榄油加热至37℃左右，再加入适量蜂蜜，然后把纱布块浸在油中取出覆盖在脸上，20分钟后取下，有防止皮肤衰老，润肤祛斑除皱之效，适用于皮肤特别干燥者。 15、柠檬面膜：将一个鲜柠檬榨汁后加一倍的水，再加入三大匙面粉调成面膏状随后敷在脸上，15－20分钟左右取下，或将一个鲜柠檬切片直接贴于面部15－20分钟左右取下，洗净脸部。每天一次，七天为一个疗程。此面膜具有收敛作用，可使皮肤清爽、润滑、细嫩，长期坚持能延缓皮肤衰老。 16、黄瓜面膜：取鲜黄瓜汁加入奶粉、蜂蜜适量，风油精数滴调匀后涂面，20－30分钟后洗净，或将黄瓜洗净切薄片直接贴于脸部，具有润肤、增白、除皱的作用。 17、白芷面膜：取白芷10克，白附子10克，共研细末，加水和蜂蜜适量调奖敷面，20分钟后洗净，有祛皱、消斑、增白作用，适用于面部色素沉着或黄褐增斑患者。 18、蜂蜜番茄面膜：先将番茄压烂取汁，加入适量蜂蜜和少许面粉调成膏状，涂于面部保持20－30分钟，具有使皮肤滋润、白嫩、柔软的作用，长期使用还具有祛斑除皱和治疗皮肤痤疮等功能。 19、酸牛奶、蜂蜜、柠檬汁各100毫克，加5粒维生素E调匀，敷面并保留15分钟,然后用清水洗净。此法可促进皮表上的死细胞脱落，新细胞再生，从而达到健美皮肤的目的。 20、牛奶100毫升，草莓50克，捣烂如泥，调成糊状，涂擦面部,保留20分钟后洗去。此法可防止皮肤干燥、老化，使皮肤光滑、湿润、细腻。 21、鲜牛奶50毫升，加4～5滴橄榄油及适量面粉调匀敷面，20分钟后洗净。此法长期使用，可增加皮肤的活力弹性，使皮肤变得清爽润滑，细腻洁白。 22、酸牛奶、奶油各等份，混合调匀后敷面，保留20分钟后用清水洗净。此法具有收敛作用，长期坚持可消除面部皮肤上的皱纹，适用于中老年妇女或面部皱纹较多的孕产妇 23、用牛奶，蛋青，还有柠檬汁，还有放点蜂蜜，还有珍珠粉，再加点VE搅拌均匀了以后，放面膜纸浸泡，泡几个小时以后敷在脸上，很配偶的脸啊，偶皮肤敏感，而且很干燥，蜂蜜牛奶都是滋润的，牛奶还美白，柠檬有VC，还有VE。</t>
  </si>
  <si>
    <t xml:space="preserve">coreldraw中,复制一段文本后如何按原格式粘贴 </t>
  </si>
  <si>
    <t>用再制或者仿制命令就可以按照原格式黏贴了</t>
  </si>
  <si>
    <t xml:space="preserve">我是电信五的一个小刀　有点问题请教大家？也没什么，就是想问下在哪 </t>
  </si>
  <si>
    <t>Z(x)4的武器从小山到林子都掉,感觉是小山掉枪,火贼掉杖和弓,林子掉刀(纯属个人经验,没有官方证实),Z(X)7则是柳善蛇谷XD都那里容易掉,门里和个人组队刷,至少掉过4把7的武器.狼湖更容易掉F8.</t>
  </si>
  <si>
    <t xml:space="preserve">TSR.BOOT是什么病毒？谢谢 </t>
  </si>
  <si>
    <t>TSR.BOOT病毒是一种引导区病毒。在查杀之前一定要备份好重要的数据。在很多情况下杀完毒，硬盘也不能引导了。此类病毒一般用DOS杀毒工具。</t>
  </si>
  <si>
    <t xml:space="preserve">为什么鸡蛋属于荤类食物为什么鸡蛋炒番茄属于一道荤菜 </t>
  </si>
  <si>
    <t>鸡是荤菜,鸡蛋当然也是荤菜,所以吃素的人不吃鸡蛋</t>
  </si>
  <si>
    <t xml:space="preserve">我下岗了、怎么办？我在单位工作14年，真不知什么原因下岗，现才知 </t>
  </si>
  <si>
    <t xml:space="preserve">  先做一下市场调查，可以发现一些市场需要的新兴行业或工作。  适应环境，给自己的在社会上定位一下。  如果是我，我会选择先借钱开一家公司。不要太大，小一点好。印刷厂也不错，但自己要懂点这方面的知识，而且您要找人联系一些固定客户。实在不行，可以开一家书店。最好在好一点的小区附近，这样，书店一般不会亏本，而且自己也可以长一些知识。  不要放弃，因为坚持是成功的条件。</t>
  </si>
  <si>
    <t xml:space="preserve">八月份中旬因月经没来就医，做B超发现右侧附件有囊肿，医生给开了黄? </t>
  </si>
  <si>
    <t>你有性生活吗？</t>
  </si>
  <si>
    <t xml:space="preserve">姐妹们，你们用哪种排卵试纸好些呀？推荐一下吧。最好是准确度高一些? </t>
  </si>
  <si>
    <t>大衛的?行，又便宜。</t>
  </si>
  <si>
    <t xml:space="preserve">请问办完会计证调转手续后到当地财政局转档时需要提供什么证明吗,谢? </t>
  </si>
  <si>
    <t>你是办理的哪项会计证调转手续，是学历的变更还是职称的变更，还是单位的变更？如果是学历的变更，只需要带上学历既可，如果是职称的变更，带上职称证书，如果是单位的变更，手续较麻烦一些的。先要带上以前单位的公章，盖上章，最好还要单位所属上级部门盖章，然后在原单位的所属财政局办理迁出手续，然后再去新的单位所属财政局办理迁进手续，也是要新单位的章，然后在新单位的财政局就可以办理了，对了，不管是做何变更，得带上你的会计证，要在会计证上做记录的。</t>
  </si>
  <si>
    <t xml:space="preserve">奔奔、SPARK、QQ3买哪个好？售后要好些，不要老出毛病的。维? </t>
  </si>
  <si>
    <t>奔奔，支持国货</t>
  </si>
  <si>
    <t xml:space="preserve">猜一成语“晖”——打一成语 </t>
  </si>
  <si>
    <t>晕头转向我也恨日军,不过我知道这个答案,就按原答案答好了</t>
  </si>
  <si>
    <t xml:space="preserve">脚腕上长了个红色的包！前几天去县里出差，回来的路上发现脚腕上很痒 </t>
  </si>
  <si>
    <t>如果没有划痕，那就多半是被某种毒性较大的蚊子叮的。可以擦点儿风油精，过一两个钟看有没有消肿。也可以热敷盐水（活血消炎）试试。</t>
  </si>
  <si>
    <t xml:space="preserve">什么是宏？本人小白 </t>
  </si>
  <si>
    <t>英文：macro能将多个动作合成在一起的按键设置比如：冷血+剔骨  的宏</t>
  </si>
  <si>
    <t xml:space="preserve">吃甜食牙疼是怎么回事?吃甜食牙疼是怎么回事？一定是龋齿吗？ </t>
  </si>
  <si>
    <t xml:space="preserve">我就试过牙痛导致右脸浮肿,牙痛虽不是大病,可是一痛起来真的是要人命~建议你去检查~~毕竟医生检查后才知道真正原因~ 我帮你搜了一些关于牙痛的文章，你当参考吧~~祝你早日康复! 一般来说，以下几种牙病可致牙痛。 ①龋齿：初龋一般无症状，如龋洞变大而深时，可出现进食时牙痛，吃甜食或过冷、过热的食物时疼痛加重。这时可先用防酸止痛牙膏，温水刷牙，必要时用民间验方止痛，但有效的治疗方法应是填补龋洞。 ②牙髓炎：多是由于深龋未补致牙髓感染，或化学药物或温度刺激引起，其疼痛为自发性，阵发性剧痛，可有冷、热刺激痛和叩痛。这种牙痛的应急处理，可用芬必得300mg口服，一日2次，止痛，或用民间验方止痛。根治的方法是在局麻下用牙砧磨开牙髓腔作牙髓治疗。 ③牙根尖周炎：多由牙髓炎扩散到根管口，致根尖周围组织发炎。表现为持续性牙痛。患牙有伸长感，触、压痛明显，不能咬食物。这时可服消炎止痛药，如先锋霉素四号0．5克，一日3次；灭滴灵0．4克，一日3次，消炎痛25毫克，一日3次；并吃软食。也可用民间验方应急止痛。待消炎后再作根管治疗。 ④牙外伤：如意外摔倒、碰伤或吃饭时咬到砂粒等致牙折或牙裂开，引起牙痛。可先服消炎、止痛药，也可用民间验方止痛。有条件者应到口腔科处理。 ⑤智齿冠周炎：智齿萌出困难（阻生），加上口腔卫生不良，引起牙冠周围组织发炎、肿痛。可用口泰或口舒等含漱液漱口，服消炎、止痛药或用民间验方止痛。消炎后再拔除阻生牙。此外，流感、三叉神经痛、颌骨囊肿或肿瘤、高血压、心脏病，有时也会引起牙痛。所以对主诉牙痛，但牙齿又无任何病变者，切不可盲目滥用止痛药了之，应及时去医院专科诊治。 牙痛外治八法:   参考资料：  </t>
  </si>
  <si>
    <t xml:space="preserve">38级的羽灵在哪里升级啊? </t>
  </si>
  <si>
    <t>联军营地上空打小蜜蜂,木系的当你到39级时一定要换地方去苏木尔营或是疾风部落的上空打41级的飞天化蛇很好打木系的还爆提炼油哦~！</t>
  </si>
  <si>
    <t xml:space="preserve">柴油SUV中，我该选择那一款？我一直想买一部SUV，价格全包在2 </t>
  </si>
  <si>
    <t>瑞鹰柴油版是最佳的选择！这款SUV最大的技术亮点不仅是柴油动力，而是采用的极高技术含量的发动机。1.9L发动机采用了高压共轨电喷技术，整个喷油系统采取了预喷、主喷和后喷的工作方式，实现了燃烧过程中燃油再喷射，降低缸内燃烧气体的温度，从而有效降低了NOx的生成，同时发动机的工作变得更平稳，噪音也得到有效的控制。坐在车内，基本上分不出柴油车还是汽油车。另外，柴油版瑞鹰使用了最尖端涡轮增压技术，实现了165 kW/h的最高车速和最大扭矩 235 Nm/rpm，数据相当惊人，实际的驾驶感受也证明了先进技术带来的高性能。柴油版瑞鹰的提速非常有力，而且在高转速区域的动力下降也不明显，发动机与变速箱的配合良好，顿挫感微乎其微，非常适合城市路况。同时这款发动机的油耗表现也让人意外，虽然已经知道柴油机省油，但柴油版瑞鹰实测的表现仍然出乎意料，综合路况百公里油耗仅仅在5.5L，而哈弗、圣达菲等两驱柴油车的油耗多在7－8L左右。所以,强烈推荐瑞鹰柴油版！</t>
  </si>
  <si>
    <t xml:space="preserve">怎么练镰刀技能~~我玩了一晚,镰刀技能才加百分之1各位高手教教我 </t>
  </si>
  <si>
    <t>做个按键精灵去银兰村花3W进战士训练场然后挂机</t>
  </si>
  <si>
    <t xml:space="preserve">5个月宝宝不能拉坐身体软有问题吗?向@上海宝篮贝贝周景新大夫提问 </t>
  </si>
  <si>
    <t>从您的描述宝宝的情况看，您的宝宝神经运动发育有些问题，需要做神经运动检查才能确定，您可以到当地小儿神经科去看检查一下或来上海宝篮贝贝。</t>
  </si>
  <si>
    <t xml:space="preserve">电脑为什么开不了机电脑在开机的过程中出现蓝色屏幕，开不了机 </t>
  </si>
  <si>
    <t>开机按F8不动到高级选项出现在松手，选“最近一次的正确配置”回车修复，还不行按F8进入安全模式还原一下系统或重装系统。出现这样的问题是软件冲突、驱动不合适、系统问题引起的，可以在安全模式还原一下系统，还是不行重新安装操作系统，不要安装软件、补丁、驱动等，看看开机还有问题吗？如果没有在逐步的安装驱动、补丁、软件，找出不合适的东西就不要安装了。在有就是硬件引起的，扣出主板电池放一下电，插拔一下内存、显卡清一下灰，在检查硬盘是否有问题，不行就检修一下去吧。如果是开机蓝屏数数1-100检测硬盘请说一下。</t>
  </si>
  <si>
    <t xml:space="preserve">基精于勤，又成于思。如何解释？ </t>
  </si>
  <si>
    <t>楼上有三个小错：1.毁于隋，热不是毁于惰。2.“业精于勤”的业，不仅仅是学业的意思，更多的是事业的意思。3.“行成于思”的行，不是处事的意思，而是德行，修养，思想，世界观也。“行成于思，毁于隋。业精于勤，荒于嬉。”这是韩非子的名句。意思是说：德行、修养的确立，成于勤思索，勤检讨，毁于随大流儿。事业、学业的成就，精于勤勉，荒废于嬉戏。</t>
  </si>
  <si>
    <t xml:space="preserve">那家医院治尖锐湿疣更好什么科，最好是有经历的回答 </t>
  </si>
  <si>
    <t>尖锐湿疣(CA)又称尖锐疣，或称性病疣，是由人类乳头瘤病毒(HPV)感染人体所引起的表皮肿瘤样增生中医认为尖锐湿疣的病机是湿热淤阻气机 ,治疗的方法应以清热、解毒、祛淤、利湿、活血、消疣去毒调节免疫能力为主西医和中医治疗尖锐湿疣的方法不同.中医药治疗具有萎缩疣体，不激光、冷冻、手术，不留疤痕，标本兼治，愈后不复发，治本除根的优势。尖锐湿疣患者交流裙38O75146</t>
  </si>
  <si>
    <t xml:space="preserve">天语SX4两厢是否值得买，故障率高与否？ </t>
  </si>
  <si>
    <t>铃木是“世界小车专家”，以生产小型车扬名，SX4是新理念跨界车CROSS，整车技术比较先进，通过能力强于一般轿车。不必担心其故障率，只要你认为适合你，完全可以选择。</t>
  </si>
  <si>
    <t xml:space="preserve">溴化锂机组中，真空泵的作用是抽除机组中的（）A、不凝结气体B、系? </t>
  </si>
  <si>
    <t>溴化锂机组   溴化锂机组中，真空泵的作用是抽除机组中的（A、不凝结气体  ）A、不凝结气体  B、系统中的水分  C、系统中的杂质 系统中的水分    系统管路上面有干燥过滤器 系统中的杂质   过滤器过滤</t>
  </si>
  <si>
    <t xml:space="preserve">衣服被狗咬，用洗涤液洗后晒了，还能穿吗 </t>
  </si>
  <si>
    <t>狂犬病毒很容易被洗衣液，消毒剂、紫外线灯灭活，在空气中存活的时间也比较短。所以你的衣服只需用普通消毒剂消一下毒，在太阳底下晒一下就可以穿了，不会感染狂犬病毒的。狂犬病毒在患病的人的唾液中含量很低，不足以治病，所以是不会通过人与人之间传播的。当然可以啊，没什么的</t>
  </si>
  <si>
    <t xml:space="preserve">企业在发生以公允价值计量且其变动计入当期损益的金融资产的下列有关? </t>
  </si>
  <si>
    <t xml:space="preserve">C、资产负债表日，持有的股票市价大于其账面价值 </t>
  </si>
  <si>
    <t xml:space="preserve">你帮我看一下这是什么痘痘满脸都是您那里能治吗 </t>
  </si>
  <si>
    <t>多喝柠檬水（新鲜柠檬泡水）多吃水果，水分多的。早上起床坚持喝两杯温白开，如果可以的话坚持隔两天做一次补水。海藻不错的，虽然敷在脸上的时候有点儿吓人。都是我自己平时坚持的，希望能帮到你。长痘一定得忍着不要挤，实在忍不住的话挤掉了去买一只安痘园本草堂的药水，挤掉之后就马上涂点。年轻 皮脂腺旺盛 雄性激素也对皮脂腺有刺激作用 油性肌肤的痘痘是皮脂腺分泌油脂时产生的脱落物堵塞毛孔造成的 只要控油 皮脂腺分泌油脂量减少 脱落物自然就少 也就不会堵塞了 控油要注重内调， 1，少肉少油少甜少辣 多水，蔬菜，水果 2，注意休息 不要熬夜 作息要规律 3，少上网 少打游戏 （防辐射 也要防晒） 皮肤出油是因为它缺水，太干了，皮肤无法出水，所以只能分泌油脂来自我保护。所以，不推荐你用强力去油的产品，对皮肤不好，而且，洗后脸干，不一会儿更油。 要去油＋补水，洗后不紧绷，用补水的方式控油。 要是休息不好 就要作息规律 这个要靠你自己了 压力大么 可以多运动 舒缓一下 祝你顺利 回复亮丽无敌的自我</t>
  </si>
  <si>
    <t xml:space="preserve">请问汽车零件用的钢,型号:H300LAD+ZF90是什么材质?请 </t>
  </si>
  <si>
    <t>汽车大梁用 Q/BQB310 主要用途:要求成型加工性能，汽车构件、车轮H300LAD+ZF90:冷成形用热镀锌钢板</t>
  </si>
  <si>
    <t xml:space="preserve">如何使用数码相机来拍细小的物件我想拍细小精确的东西,如首饰,身份 </t>
  </si>
  <si>
    <t>用微距功能，在数码相机上是个花朵的图标。按下微距按钮以后LCD会显示一朵花的图标在参数中，这时就已经启用微距功能了，拍摄方法照普通照片没区别，按快门就行了。如果机器提示不能自动对焦就把机器离远一点。</t>
  </si>
  <si>
    <t xml:space="preserve">什么是保险资产管理公司？ </t>
  </si>
  <si>
    <t>保险资产管理公司是专门管理保险资金的金融机构。主要业务是接受保险公司委托管理保险基金,目标是使保险基金保值、增值。保险资产管理公司一般由保险公司或保险公司的控股股东发起成立。 受委托之后，保险资产管理公司可以管理运用其股东的保险资金或股东控制的保险公司的资金，也可以管理运用自有资金。但保险资金运用不得突破保险法规定，仅限于银行存款、买卖政府债券、金融债券和国务院规定的其他形式。而且资产管理公司不得承诺受托管理的资金不受损失或保证最低收益，不得利用受托保险资金为委托人以外的第三人牟取利益，也不得操纵不同来源资金进行交易。</t>
  </si>
  <si>
    <t xml:space="preserve">一个不会游泳的人掉进了水里却没有淹死，为什么? </t>
  </si>
  <si>
    <t>还没有跳下去</t>
  </si>
  <si>
    <t xml:space="preserve">欲求《乌夜啼》，我记得开头是昨夜西风凋碧树，独上西楼……还有这首? </t>
  </si>
  <si>
    <t xml:space="preserve">蝶恋① 【宋】晏殊 槛菊愁烟兰泣露，② 罗幕轻寒，③ 燕子双飞去。 明月不谙离恨苦， 斜光到晓穿朱户。④ 昨夜西风凋碧树， 独上高楼， 望尽天涯路。 欲寄彩笺兼尺素，⑤ 山长水阔知何处。 【作者】991－1055，字同叔， 临川（今属江西）人。七岁能文，十四岁以神童召试，赐同进士出身。宋仁宗时官至同平章事兼枢密使，范仲淹、韩琦、欧阳修等名臣皆出其门下。卒谥元献。他一生富贵优游，所作多吟成于舞榭歌台、花前月下，而笔调闲婉，理致深蕴，音律谐适，词语雅丽，为当时词坛耆宿。有《珠玉词》。 【注释】①此词原为唐教坊曲，调名取义简文帝“翻阶蛱蝶恋花情”句。又名《鹊踏枝》、《凤栖梧》等。双调，六十字，仄韵。　②槛：栏杆。　③罗幕：丝罗的帷幕，富贵人家所用。　④朱户：犹言朱门，指大户人家。　⑤尺素：书信的代称。古人写信用素绢，通常长约一尺，故称尺素，语出《古诗》“客从远方来，遗我双鲤鱼。呼儿烹鲤鱼，中有尺素书”。 【品评】　　此词经疏澹的笔墨、温婉的格调、谨严的章法，传达出作者的暮秋怀人之情。上片由苑中景物起笔。“槛菊愁烟兰泣露”，开篇即推出这一亦真亦幻幽极凄绝的特写镜头，正为写照抒情主人公悲凉、迷离而又孤寂的心态。“罗暮轻寒”二句将笔触由苑中折回室内。“轻寒”，即是作者身之所感，也是作者心之所感。“燕子又飞去”，不仅是带有鲜明的季节特征的景物，而且，燕之“双飞”更衬出人之“孤栖”。不难想象，当作者目送时而绕梁呢喃、时而穿帘追逐的双燕相随而去之际，该怀着怎样一份孑然独立的怅惘！“明月不谙”二句引来明月作进一步的烘托与映衬。前人往往视明月为聊寄相思怀抱的多情之物。如张九龄 《望月怀远》：“海上生明月，天涯共此时” ；孟郊《古怨别》：“别后唯所思， 天涯共明月” 。张泌《寄人》便径直赞叹明月多情：“多情只有春庭月，犹为离人照落花”。而作者却嗔怪“明月不谙离恨苦”，当是从另一角度加以生发——月已圆而人未圆，作者对那皓洁的月光羡极生妒、略致微词，不也是情理中的事吗？后来，苏轼在《水调歌头》中的怅问：“不应有恨，何事长向别时圆”，正是从同一方向去发掘明月这一意象的丰饶而复杂的内蕴。下片写登楼望远。“昨夜西风”句，使固有的惨澹、凄迷气氛又增添了几分萧瑟、几分凛冽？西风方烈，碧树尽凋；木犹如此，人何以堪——由此驰骋想象，作者亦当是朱颜尽改。而从结构上看，碧树尽凋，野外才能变得格外空旷，作者也才能骋目远眺。这样，“凋碧树”又是对下文“望尽天涯路”的一种必要的铺垫。“独上西楼”，正面点出“独”字，与上片的“双飞”遥相照应，是章法谨严的又一实例。“望尽”，既表明其眺望之远，也见出其凝眸之久，从时空两方面拓展了词境。但“望尽天涯路”，不见天涯人。既然如此，那就只有寄书寄意了。 于是逗出歇拍，“欲寄彩笺” 二句。“彩笺”与“尺素”都是指代书信。二词重叠使用，一则是表示寄书意愿之热切，二则表示欲书内容之繁富。“山长水阔知何处”，以无可奈何的怅问作结，给人情也悠悠、恨也悠悠之感。作者另词有句：“当时轻别意中人，山长水远知何处？”（《踏莎行》）另诗亦有句：“鱼书欲寄何由达，山远水长处处同。”（《无题》）措辞相近，而不及此二句意味深长。乌夜啼 林花谢了春红， 太匆匆。无奈朝来寒雨晚来风。胭脂泪，相留醉， 几时重。自是人生长恨水长东。 名家点评： 此首表面上是惜花词，实质是人生命运的咏叹词。夫花易逝，而人生苦短。春花受寒雨凄风的无情摧残而无法逃避，人一旦失去自由、受人宰割，也是无法掌握自己的命运。花落难再开，人的生命时光、青春年华也不可能重复。后主从自己的人生经历中已深切地感受到人的生命其实跟花一样脆弱，跟花一样无奈。“人生长恨”，是后主对人生命运的深刻感悟。此词在传统的伤春主题上开拓出了新的思想意蕴。后主感觉到，春花的匆匆凋零，不是它的自然寿命原本短暂，而是外力摧残的结果，即寒冷风雨打击迫害。由此他朦胧地感悟到人生命运的悲剧，也是外在的力量所造成。当然李后主不可能反省到他自我悲剧的根本原因，也不可能想到他自己该负什么责任。春花美丽，让人心醉，可终归枯萎，消失。李后主又由此领悟到人生的辉煌、幸福的命运也总是一去不复返，人生到头来留下的是无穷无尽的“长恨”。人生长恨好像水长东流，不可改变，不可抗拒。李煜为此困惑迷茫。他找不到人生的出路，不知路在何方。另附：故乡版点评此词将人生失意的无限怅恨寄寓在对暮春残景的描绘中，是即景抒情的典范之作。起句“ 林花谢了春红 ”，即托出作者的伤春惜花之情；而续以“太匆匆”，则使这种伤春惜花之情得以强化。狼藉残红，春去匆匆；而作者的生命之春也早已匆匆而去，只留下伤残的春心和破碎的春梦。因此，“太匆匆”的感慨，固然是为林花凋谢之速而发，但其中不也糅合了人生苦短、来日无多的喟叹，包蕴了作者对生命流程的理性思考？“无奈朝来寒雨晚来风”一句点出林花匆匆谢去的原因是风雨侵龚，而作者生命之春的早逝不也是因为过多地栉风沐雨？所以，此句同样既是叹花，亦是自叹。“无奈”云云，充满不甘听凭外力摧残而又自恨无力改变生态环境的感怆。换头“胭脂泪”三句，转以拟人化的笔墨，表现作者与林花之间的依依惜别之情。这里，一边是生逢末世，运交华盖的失意人，一边是盛时不再、红消香断的解语花，二者恍然相对，不胜缱绻。“胭脂泪”，遥按上片“林花谢了春红”句，是从杜甫《曲江对雨》诗“林花著雨胭脂湿”变化而来。林花为风侵欺，红^叟鲛肖（左应加鱼旁），状如胭脂。“胭脂泪”者，此之谓也。但花本无泪，实际上是惯于“以我观物”的作者移情于彼，使之人格化 —— 作者身历世变，泣血无泪，不亦色若胭脂？“相留醉”，一作“留人醉”，花固怜人，人亦惜花；泪眼相向之际，究竟是人留花抑或花留人，已惝恍难分。着一“醉”字，写出彼此如醉如痴、眷变难舍的情态，极为传神，而“几时重”则吁出了人与花共同的希冀和自知希冀无法实现的怅惘与迷茫。 结句“自是人生长恨水长东”， 一气呵成益见悲慨。“人生长恨”似乎不仅仅是抒写一已的失意情怀，而涵盖了整个人类所共有的生命的缺憾，是一种融汇和浓缩了无数痛苦的人生体验的浩叹。  </t>
  </si>
  <si>
    <t xml:space="preserve">经常站着吃饭对肠胃不好吗? </t>
  </si>
  <si>
    <t>站着吃饭。医学家对世界各地不同民族的用餐姿势研究表明，站立位最科学，坐式次之，而下蹲位最不科学。这是因为下蹲时腿部和腹部受压，血液受阻，回心血量减少，进而影响胃的血液供应。而吃饭时，恰恰是胃最需要新鲜血液的时候，某些胃病可能与下蹲式就餐姿势有关。人们吃饭时大都采用坐势，主要是因为工作劳累，而坐势最感轻松之故。</t>
  </si>
  <si>
    <t xml:space="preserve">请问水星表面温度高还是金星表面温度高?如果是水星表面温度高的话, </t>
  </si>
  <si>
    <t>水星距太阳五千八百万公里，是太阳系中和太阳最近的行星。水星没有卫星，它的体积在太阳系中列倒数第二位，仅比冥王星大。因为水星与太阳非常接近，所以它的白昼地表温度可高达摄氏427度；而到晚上又骤降至摄氏零下173度.而金星是太阳系离太阳第二近的行星,金星没有表面水源，大气层表聚由浓厚有毒的二氧化碳形成，大气压力更是地球海平面的90多倍。气温达477摄氏度，是太阳系中最热的行星。金星在历史上可能与地球一样的环境，但今天已荡然无存。行星天文学家推测，肇事者可能是早期金星大气中的二氧化碳。现在地球大气中的二氧化碳已很少，如果人类不珍惜，继续大量排放温室气体，地球会不会步金星后尘，加速滑进气候灾难星球之列。 所以说金星是最热的，当然金星比水星的表面温度要高.</t>
  </si>
  <si>
    <t xml:space="preserve">现房比期房一般要贵多少呀,有什么计算公式吗 </t>
  </si>
  <si>
    <t>现房只指已经开发完了，外墙砖等主体框架已经完工，离交房时间不远。期房就是拿到预售许可证的房子，按市场行情来说，现房肯定贵些，应为它相对买房者来说，风险小，可以看到房子，期房便宜些，存在一定的风险。</t>
  </si>
  <si>
    <t xml:space="preserve">我公司这个月盈利了，但是全年累计数还是亏损的，那还需要缴所得税吗? </t>
  </si>
  <si>
    <t>这个月盈利，但是全年累计数还是亏损，不交所得税。所得税按累计金额计算缴纳。</t>
  </si>
  <si>
    <t xml:space="preserve">这样的他值得我相信吗家都平时都是工作的时候是同事,下了班一推人都 </t>
  </si>
  <si>
    <t>他值得你相信。看了你的描述，我感到他是一个极度自尊又有些敏感的人。我想他也是喜欢你的。正如你喜欢他却不好意思表示，他也因为不清楚你的想法，而不敢表达他的感情，毕竟，他是极度自尊的。至于他欲说还休的问题和取消的见面，我想是因为他希望在你眼中，他是一个坚强的男人。尽管我们不认为在困难时寻求帮助是软弱，但像他那样极度自尊的人很可能会这么想，也有可能是他因为欣赏你，所以格外在意你对他的看法。羞涩、矜持、敏感不是女人的专利，男人也会有这样的情感。我觉得你们中间还是有人先放下矜持，阐明心事为好。就算对方没有爱慕之心，你们还可以继续做朋友，而且还消除了猜忌。当然如果自此成就一对有情人更是皆大欢喜。这是我的一些想法，希望对你有所帮助。</t>
  </si>
  <si>
    <t xml:space="preserve">救命啊.线上等!!!官网账号登陆不进去了.我输入账号密码后显示( </t>
  </si>
  <si>
    <t>打开IE浏览器（Internet Explorer,就是那个很大的小写"e",你上网页的软件。）点“工具”（热键“T”），点“Inernet选项”（热键“O”），“常规”下的第二栏有个“删除Cookies(I)”，点，再点“确定”。已经极其详细了，再说就没了。</t>
  </si>
  <si>
    <t xml:space="preserve">合成师除了猪8还有那里有 </t>
  </si>
  <si>
    <t>别的地方没有了吧。</t>
  </si>
  <si>
    <t xml:space="preserve">英文翻译相应提出了今后的发展思路和对策建议 </t>
  </si>
  <si>
    <t>correspondingly,bring up  future development on the train of thought and countermeasures  proposals.</t>
  </si>
  <si>
    <t xml:space="preserve">运动型电动车哪款好？问题补充：运动型电动车哪款好，要适合年轻人骑? </t>
  </si>
  <si>
    <t xml:space="preserve">给你推荐爱玛电动车，年后刚买了一辆爱玛的探索者运动型电动车，感觉非常不错。我从小就喜欢比较酷的东西，不喜欢和别人一样，买之前逛了许多店，最后还是觉得这款最酷，而且性能很不错，速度杠杠的，在我们这个小城车辆也不多，风驰电掣的骑回家，非常爽。 </t>
  </si>
  <si>
    <t xml:space="preserve">数学题在一个底面积为34平方厘米的有水容器中，同时放入等底等高的 </t>
  </si>
  <si>
    <t>由题意知，圆柱形钢材是直立在水中，而圆锥形钢材是横卧在水中因为两者等底等高，如果都是直立，那么圆椎体就不可能完全浸没而圆柱体还有部分露出水面由题意知，圆柱体浸没在水中部分与圆锥体的体积之和等于水面上升部分的体积即，两者的体积之和=34×10=340立方厘米由圆柱体和圆锥体体积公式知，等底等高的圆柱体是圆锥体体积的3倍设圆锥体的体积为V，那么与之等底等高圆柱体的体积是3V已知圆柱体有1/5露出水面那么，浸没在水中的圆柱体体积是3V*[1-(1/5)]=(12/5)V所以，两者浸没在水中部分的体积之和是V+(12/5)V=(17/5)V依题意有：(17/5)V=340立方厘米所以，V=100立方厘米即，圆锥体的体积是100立方厘米</t>
  </si>
  <si>
    <t xml:space="preserve">有请若奇大师占卜不胜感激人民币一角硬币占卜第一次三角第二次三花第 </t>
  </si>
  <si>
    <t>　　人民?乓??檎Ａ撤?e是：老?、老?、老?、少?、少?、少?。　　起卦?r間：　己丑年　壬申月　乙卯日　丙子?r 　　　地火明夷　?倏补?水)　　　　　地水??　?倏补?水)玄武　　　▅▅　▅▅　　癸酉　　　　▅▅　▅▅?」镉稀「改?白虎　　　▅▅　▅▅　　癸亥　兄弟　　　▅▅　▅▅　　癸亥　兄弟騰蛇　　　▅▅　▅▅世　癸丑　官鬼　　　▅▅　▅▅　　癸丑　官鬼勾?　妻午▅▅▅▅▅　　已亥　兄弟　→　▅▅　▅▅世　戊午　妻?朱雀　　　▅▅　▅▅　　己丑　官鬼　→　▅▅▅▅▅　　戊辰　官鬼青?　　　▅▅▅▅▅?〖好∽?O　→　▅▅　▅▅　　戊寅　子?O　　金月木日，日空子丑（水土）。　　官鬼持世，事?I心?是很??的。不過官鬼落空，的確是工作?铱盏默F象。加上起卦日子是木，卦中又半合木局，波折重重。幸好酉金??旺，本月又是酉月，本月?工?C?蟆Ｖ皇切值茇巢?橛蒙瘢笥?椭淮螅值芑挢?，被出賣似乎又不至於。　　八字而言：戊午│乙丑│癸酉│丁巳　　水命生於寒冬，加上地支三合金局，八字太寒，首要用火，其次水?身?稹?9?q前思想?W?投資運。29到39這十年?毫\，而且事事有阻，本事難施，甚至容易錯作?Q定。加上07到09水年，運???在很一般。去年?_太?q，容易事?I?化或感情?化。明年?行┰S好轉，但依然要熬一下，2013、14年才比較??際的?運。　　?解此卦，“大??”不敢?，??人?\?希望?δ阌?椭?</t>
  </si>
  <si>
    <t xml:space="preserve">弓箭手怎么学技能和加点？ </t>
  </si>
  <si>
    <t>加敏捷和幸运按3:2的比例加呵呵我是这么加的还挺强 加力量没啥用/技能重要的是攻击技能我也说不好看自己喜好练了.</t>
  </si>
  <si>
    <t xml:space="preserve">大家进来一起来啊请问大家，本月回出新车吗？回出哪一类的呢？大家进 </t>
  </si>
  <si>
    <t>据小道消息说是出B车  叫什么不知道</t>
  </si>
  <si>
    <t xml:space="preserve">清泉老师600015，600016，后市该如何操作呢？请问清泉老 </t>
  </si>
  <si>
    <t>600015，暂列止损位持有.600016，可换600015操作.600739短线一般,20日均线不能有效跌破.</t>
  </si>
  <si>
    <t xml:space="preserve">黄金买卖网上可以吗，咨询下 </t>
  </si>
  <si>
    <t>这个可以去这里了解到，我朋友比较喜欢这个的，一直也对黄 金这方面有研 究的，他推荐的是太阳金业 ，他们能提供专 业、 可 靠、共 赢和快 捷 服 务的理 念，听说现在已经成为众多客 户 资 金 市 场的首选平 台。找太阳金业吧，相信一定不会错的。。</t>
  </si>
  <si>
    <t xml:space="preserve">户口从公司转回原籍该怎么办理？我大学毕业后将户口转到公司，我现在 </t>
  </si>
  <si>
    <t>可以办理的。你去原籍领取迁移申请表格，填写之后，拿回单位盖章，原籍一般都会接收，但是你要准备你所在原籍的户口本，即你迁出去的户口本、身份证、申请表公司同意的说明。但是你要考虑好，是否这样办。</t>
  </si>
  <si>
    <t xml:space="preserve">推荐好看的小说要伤感的，喜剧，现代的，虐 </t>
  </si>
  <si>
    <t>如果你想看最高级别的虐就看步非烟写的“夜凝夕”“让我们将悲伤流放”“绝色倾城”，还有匪我思存的小说超级好看，你可以上网查的代表作看。桐华的“大漠谣”“云中歌”，“曾有一个人爱我如生命”是我要重磅推荐的小说。</t>
  </si>
  <si>
    <t xml:space="preserve">远征最好的新手VIP钻石礼包卡免费领取3 </t>
  </si>
  <si>
    <t xml:space="preserve">这里有最好的最新的，奖励最高的，去领吧。玩的开心才最重要的 </t>
  </si>
  <si>
    <t xml:space="preserve">喝家做的的红葡萄酒会眼睛失明吗？ </t>
  </si>
  <si>
    <t>自己酿制的中隐藏着有毒、有害的物质———甲醇、杂醇油。市民在酿制和饮用时应避免此类有毒、有害物质对身体造成危害。葡萄酒以鲜葡萄或葡萄汁为原料经发酵酿制而成，是含有一定酒精的发酵酒。实验室检测发现，大量自酿葡萄酒样品经气相色谱分析后，显示出样品中含有不同浓度的甲醇和杂醇油。部分样品中甲醇的含量超过国家葡萄酒中甲醇标准的400mg/L，甚至超过1000mg/L，杂醇油的含量也在1000mg/L以上。根据其酿制工艺和原料分析，甲醇、杂醇油的产生主要来源于原料。一方面，葡萄皮中的果胶在果胶酶或热能的作用下，分解出甲醇，霉变也会产生大量甲醇，发酵越彻底，甲醇含量会越高。另一方面，葡萄中的蛋白质水解为氨基酸，再经过酶的催化作用生成杂醇油。　　甲醇又称工业酒精，有较强的毒性，经消化道迅速吸收，排泄缓慢，有明显积蓄作用。甲醛的代谢产物可导致视网膜细胞退行性变、视神经萎缩，一次性大量摄入可导致中毒甚至死亡。杂醇油是指高分子醇的混合物，主要是戊醇、丙醇、丁醇等高级醇类。如果酒中杂醇油含量过高，则容易出现苦涩味。杂醇油在体内分解缓慢，可引起头痛等症状。　　目前，家庭酿制过程还没有去除甲醇和杂醇油的工艺，市民在自行酿制和饮用时应该小心，避免此类有毒、有害物质对身体造成危害。自酿葡萄酒中的成分十分复杂，由于葡萄发酵过程中的菌种难以控制，酿出来的酒可能有对神经有毒的物质存在，比如甲醇。“甲醇对视神经有特殊的亲和力，对视神经的损伤极大，并且是不可逆的。”</t>
  </si>
  <si>
    <t xml:space="preserve">户口调动了，人事档案关系成了“死档”动弹不得！！！3年前我把人事 </t>
  </si>
  <si>
    <t>首先肯定一点，如果你目前所在的单位具有管理人事档案的资格，那么就是可以转到你的所在单位的。问题出在两边的人才中心的不负责上面。你目前户口所在地的人才中心提出要你补办人事调动手续只是为了满足程序上的要求，所以你现在要做的就是要求原户籍地的人才办理相关手续，原户籍地人才不能以你的户口已迁出为由予以拒绝。我的建议是，首先你可以请求你目前所在单位帮你解决人事档案问题，单位有责任帮你解决，有单位出面比你自己去更方便。如果档案所在地人才中心仍不解决，你可以到当地人事局要求解决，要求人事局出具当地的地方人事档案管理法规。如果不能出具，就是违法扣押档案，可以通过申诉等途径解决；如果能你所在地方确实有法规规定了此种情况必须要办理相关手续，就让他们出具一个相关的证明文件，再回原户口所在地人才中心要求解决，如果不给解决同理要求当地出具相关地方性法规，步骤可以参考以上内容。最后，如果两地的人才中心都是依照他们的地方性法规作出的行为，那么唯一能做的就是向它们的共同上级人事部门要求行政复议了。你的问题不容易解决，因为没有相关全国性管理你这种具体情况，希望你能如愿解决问题。</t>
  </si>
  <si>
    <t xml:space="preserve">玩传奇世界的免费外挂怎样可以一次挂20个小号，混钱。我只有20分 </t>
  </si>
  <si>
    <t>当然是吉祥天啦，建议你去吉祥天的主页下，安全一点，主页： (我就不加链接了，省得你以为有木马）。不过前面几位都没说，大概没在一直用吉祥天吧，就是现在出的新版本只能一个外挂挂5个小号，一台机挂2个外挂，就是说一台机只能挂10个小号！！所以你要挂20个就只能下0.960版本之前的版本，如：0.957。（也有下的）不过很不幸的是0.960之前的版本18号后都不能用了，所以你要挂20个小号的解决方法就是：开两个吉祥天，再开10个传世天下小号免费版（不知你的机器受不受得了，呵呵）！！！呼呼，打的累死了，分给我啦！！</t>
  </si>
  <si>
    <t xml:space="preserve">宝宝能看电视吗?宝宝2个月了,对什么都好奇,每天眼睛看个不停,现 </t>
  </si>
  <si>
    <t>不能,因为我家的宝贝也这样,为此我们还特意咨询医生了.</t>
  </si>
  <si>
    <t xml:space="preserve">尖锐湿疣去哪个医院最佳各方面都比较好 </t>
  </si>
  <si>
    <t>在北京治疗尖锐湿疣的医院是很多的，一些私立的小医院和小诊所并不能保证治疗效果，经常会 出现复发的情况，因此，人们在治疗中要引起重视，积极的做好有效的治疗。避免不洁的悻茭或 滥交，以防感染性病。不使用别人的内衣、不与他人共用浴巾、泳装及浴盆；在公共浴池不洗盆 浴，提倡淋浴，沐浴后不直接坐在浴池的坐椅上；在公共卫生间尽量使用蹲式马桶；便前用肥皂 洗手；不在密度大、消毒不严格的游泳池游泳。患者的衣裤均应煮沸消毒，疾病未愈前要进行隔 离，并避免性生活。尖锐湿疣是个传染性挺大的性病，最好是不要拖延治疗，建议您还是抽个空去根治一下吧，那样也有利于您的生活和工作愉悦。建议您这边可以去公立医院做一个全方面检查以及治疗。　在通过这些饮食方面的提醒后，尖锐湿疣患者是否会真正的记在心里呢？病是在自己身上的，有什么苦有什么痛也只有自己知道，所以别指望别人会在生活中时刻提醒。</t>
  </si>
  <si>
    <t xml:space="preserve">MM练级59级MM除了在万劫上面打木系怪外，在哪练级最快 </t>
  </si>
  <si>
    <t>错`````   不要忘了  在黑山那  还有很多的木系精灵带上你的单木去吧   不会亏的  到了63就换地方去烧沼泽的毒首领到69</t>
  </si>
  <si>
    <t xml:space="preserve">怎样才能使我不害羞我总是在我喜欢的人面前害羞 </t>
  </si>
  <si>
    <t>越是自己重视的,就会越紧张.看淡一点,用平常心对待,也许会好一点.广交朋友,多参加社交活动,慢慢就会好起来.当然要循序渐进.</t>
  </si>
  <si>
    <t xml:space="preserve">冒险岛，的一些问题！！1.冒险岛的地球本部怎么走2.冒险岛的海底 </t>
  </si>
  <si>
    <t>1地球本部只要先到玩具塔里,然后1层层往下面走,最后到达1层,出去后,到达安全地带,地球本部也就到了2在天空之城曙光女神塔(通天塔)最下面一个黑洞里,进去到了地底1层,再往下走2层就到了海底世界了3可以去找93层迷路的兵做任务,每天可做1次,要30个飞行眼镜和30个螺旋降推进器,打完后交任务他给你20个卷,6个可以上下玩具塔来回1次也可以去自由市场找玩家买.1W一张,贵的都黑</t>
  </si>
  <si>
    <t xml:space="preserve">学习&lt;&lt;马说&gt;&gt;后,你觉得当今社会需要什么样的人才?怎样才能做到? </t>
  </si>
  <si>
    <t>学习&lt;&lt;马说&gt;&gt;后的一段话:当今社会是人才辈出的时代，最需要象伯乐这样的选人之才,有了宽松的育人环境，英雄有了用武之地才能大展宏图。人才不应屈服现实，甘被埋没，应有“不用扬鞭自奋蹄”的精神，寻求机会，展示才华。</t>
  </si>
  <si>
    <t xml:space="preserve">青年作家能在邮局订阅吗？ </t>
  </si>
  <si>
    <t>是可以的，全国各地邮局都可以订阅</t>
  </si>
  <si>
    <t xml:space="preserve">寻求一句广告词我是做冷饮的，奶茶类别。我这里常年夏季，初次开店想 </t>
  </si>
  <si>
    <t>这个夏季，就要透心凉~~`</t>
  </si>
  <si>
    <t xml:space="preserve">给女朋友买手饰应选择白金还是黄金好些呢？我的女友喜欢一条手链。我 </t>
  </si>
  <si>
    <t>黄金能保值，如果是传统结婚用的首饰，选择黄金的能显得喜气，但是平常戴的手链用黄金的话，有点儿俗气~白金比较时尚高贵，年轻女生戴白金比较适合~~~</t>
  </si>
  <si>
    <t xml:space="preserve">结婚了，该不该常和公公婆婆住一块？我和老公01年认识，03年结婚 </t>
  </si>
  <si>
    <t>换个立场来讲，现在你爸妈身体不好，你要把他们接到身边照顾他们，但你的伴侣不同意，而因为这样出现了想与你离婚的想法，那么，你又会怎么做了？沟通从心开始，你可以试着学或用心听你婆婆说的家乡话呀，年轻人总比老年人的接受能力强吧！</t>
  </si>
  <si>
    <t xml:space="preserve">数码相机文件存储问题?数码相机上拍了一小段录相,但涉及到个人隐私 </t>
  </si>
  <si>
    <t>你只要在照完相之前不要把存储卡给别人就可以了可以连在计算机上, 然后用软件彻底粉碎卡上的文件 (它会按照某种安全标准用写数据进去以完全覆盖原来的数据), 金山清理专家里就有这种工具. 然后再在相机里格式化以继续使用或者直接把视频录像再打开, 然后让它一直录满整个卡. 这样就已经覆盖掉了.</t>
  </si>
  <si>
    <t xml:space="preserve">手指甲会病变吗？会的话应该去医院看哪一科才合适呢？我妈的手指甲不? </t>
  </si>
  <si>
    <t>真菌引起的甲病可以出现多种颜色，最常见的是灰白色，还可见到褐色、灰褐色或深褐色。同时可见到甲板增厚、变脆，或甲板中层蛀空，或甲缘参差不齐，或甲板残缺不全等。有的还可伴有甲沟发炎，局部红肿疼痛。 　　能够引起甲癣的真菌有很多种，最常见的有红色毛癣菌、石膏样毛癣菌、絮状表皮癣菌等。其他如许兰氏毛癣菌、紫色毛癣菌、断发毛癣菌、色毛癣菌及同心性毛癣菌也可致甲癣。此外，还有几种真菌常在甲营养不良的情况下引起甲的病变，如白色念珠菌、黄曲霉菌、熏烟色曲菌等。 　　我们知道指甲或趾甲都是很坚硬的，完好的甲板完全可以抵御任何微生物的侵袭。但为什么有那么多人会患甲癣呢?甲癣患者往往是先患有手癣或脚癣，真菌首先侵入甲周围的皮肤，然后通过指甲或趾甲的生长演变，逐渐侵入甲板内，并进一步生长和繁殖，直到破坏整个甲板。如果真菌侵入甲根部，影响了甲的生长，就会引起甲发育不良或甲畸形。一般来说这个过程是比较缓慢的，而更多的情况下甲癣的发生是由于指(趾)甲因外伤或经常搔抓而导致破损后感染真菌而引起的。例如患者有脚癣或股癣，由于瘙痒难忍常用手指甲搔抓，这样手指甲上会沾上许多病损中的真菌。长期反复搔抓摩擦，指甲很容易有破损，从而使真菌乘虚而入引起甲病。 　　此外，还有一种情况容易患甲癣，即全身或局部抵抗力低下时。前者主要是指先天免疫功能缺陷而对真菌特别易感者；后者见于甲营养不良或甲发育异常患者。 　　值得注意的是，引起指甲改变的原因有很多，不能认为指甲有病都是甲癣。这里我们不做具体论述，但有一点应掌握，即甲癣的发病往往从一个指(趾)甲开始，而后逐渐波及其他(趾) 甲。如果十个手指甲或脚趾甲同时发病，则往往是全身性疾病的一种表现。当然确诊甲癣的最根本的证据是真菌检查，即从病甲上刮取少量碎屑，或显微镜直接检查，或在培养基上培养，只要能找到致病的真菌就不必作更多的解释了</t>
  </si>
  <si>
    <t xml:space="preserve">感冒治疗能不能用藿香正气滴丸？效果好不好？ </t>
  </si>
  <si>
    <t>如果是暑湿型感冒，恶心、头晕，想呕吐。这种症状很合适，</t>
  </si>
  <si>
    <t xml:space="preserve">蔡琳是哪里的人啊 </t>
  </si>
  <si>
    <t>他是韩国艺专毕业的··呵呵··当然是韩国人了。我知道的蔡琳是韩国人··不知道是LZ说得不·</t>
  </si>
  <si>
    <t xml:space="preserve">卫浴龙头哪家的质量好一点啊？ </t>
  </si>
  <si>
    <t xml:space="preserve">汉斯格雅这个品牌的就很好，现在已经在全球50多个国家售卖了，产品质量好，所以才这么受欢迎。主要是他家龙头材质很特别，不容易生锈，一个花洒能用好多年，并且汉斯格雅的卫浴龙头比常规产品节水60%，每个月能省下一笔不少的费用呢。 </t>
  </si>
  <si>
    <t xml:space="preserve">30岁的男人穿哪种品牌的运动装比较合适？ </t>
  </si>
  <si>
    <t>耐克,多酷啊....</t>
  </si>
  <si>
    <t xml:space="preserve">GM请问5服什么时候维护好？关于5F的维护问题的贴子都删除，可是 </t>
  </si>
  <si>
    <t>GM只会吃闲饭,天堂2的GM尤其是,表问了等吧</t>
  </si>
  <si>
    <t xml:space="preserve">如何保存下载网页中的背景音乐？ </t>
  </si>
  <si>
    <t>　　找到能下载到这首背景音乐的地方，把这首背景音乐下载到你的电脑硬盘里就保存下来了，但通常都是很难找到的。祝你成功吧！</t>
  </si>
  <si>
    <t xml:space="preserve">紧急求助．．．电脑系统～～向高手请教：　我的电脑在前段时间不知道 </t>
  </si>
  <si>
    <t>你的主机以前是什么声卡,如果是主板集成的,可能是没有安装驱动,找主板驱动盘,装上驱动就好了,,,(将主板驱动盘放入光驱,在我的电脑上右击,选属性, 进去后最上面选硬件,然后点设备管理器,在里面有?号或感叹号的上面右击,选更新驱动程序,然后选中从列表或指定位置安装,然后下一步下一步等下就好了)如果是另多的声卡,打开看PCI,插槽上有没有,有的话,重装一下驱动,,要是没有,看看是不是,送修的时候,忘了给你装上去,,,</t>
  </si>
  <si>
    <t xml:space="preserve">我的狗狗3月14日丢在丰益桥了，有谁看见了么晚上11点，我带它在 </t>
  </si>
  <si>
    <t>丢了爱犬一定很着急的。我在沈阳，如果你的“小弟”来过，我一定通知你。</t>
  </si>
  <si>
    <t xml:space="preserve">化学氧气瓶和煤气瓶爆炸效果有什么不同 </t>
  </si>
  <si>
    <t>氧气瓶的爆炸,有多种情况,一是氧气中混有其它气体,如乙炔,因为工业氧气是以空气为原料的,而由于种种原因,空气中含有一定的乙炔,若在空气的净化工艺中没有严格按规范处理,O2中的乙炔就会超过标准.这样,在使用O2时,就有危险.另一种就是,在使用氧气瓶没有遵守规范,氧气瓶放置于高温环境.还有就是使用了带油迹的扳手开启氧气瓶的阀门,高压氧气冲出来,和油类接触,就会引起油品的燃烧,燃烧的高温使氧气瓶爆炸.煤气瓶和其他可燃气体的钢瓶的爆炸往往是由于漏气引起阀门口起火或回火引起的钢瓶内部起火,产生的高温烧坏阀门,大量的气体燃烧而发生爆炸.</t>
  </si>
  <si>
    <t xml:space="preserve">计算机基础知识判断对错题1.操作系统的存储管理是指对磁盘存储器的 </t>
  </si>
  <si>
    <t>1.的存储管理是指对磁盘存储器的管理。×（操作系统中的存储管理是指对内存的管理。）2.磁盘的存取速度比主存储器慢。√ 3.计算机的所有计算都是在内存中进行的。×（是在处理器中完成的即Cpu，计算机中所有的运算都由Cpu完成，内存只是用于储存数据用的，不参与运算。）4.分时操作系统允许2个以上的用户共享一个计算机系统。√5.信道是信号的传输媒体。√6.在EXCEL中，当数字格式代码定义为“####.##”，则1234.529显示为1234.53。√7.WINDOWS的附件中提供了造字程序。√8.光盘驱动盘属于主机部件，光盘属于外设。×9.在INTERNET中，域名中的在字母不分大小写。√10.用户需要使用一个文件时，必须在命令中指出文件路径和文件名。×11.在安装WINDOWS过程中，可以不创建WINDOWS的启动盘。√12.计算机区别于其他计算工具的本质特点是能存储数据和程序。×（存储程序”的工作原理是计算机与在之前出现的其他一切计算工具的本质区别。存储程序原理使电子计算机具有通用性。只要在计算机的存储装置中存入不同的程序,计算机就自动完成不同的任务。）</t>
  </si>
  <si>
    <t xml:space="preserve">苏格兰这场到底踢得怎么样啊？ </t>
  </si>
  <si>
    <t>可能1：0或2：0。2：1完场，反正赢定了，我任九就差它了啊</t>
  </si>
  <si>
    <t xml:space="preserve">关于录音证据的效力诉讼中原告有一段电话录音，通话过程中听不出通话 </t>
  </si>
  <si>
    <t>··在诉讼中，录音，可以作为证据使用。    单，前提是，录音要合法采集，一般情况下，录音前，应当明确告知对方通话被录音。单，这样很难做到对方吐露真话或被拒绝通话、故意说假话。 故，录音是把双刃剑。 诉讼中，法官有自由裁量权，可以根据情况彩信“秘密录音”，前提是，录音行为没有侵犯他人的合法权益，且具有证据力。   你说的情况，可以作为证据，对方如果反驳，需要有证据证明不是本人的录音，不指名道姓的录音，如果录音人能够确认录音属实，可以提请法院进行音质鉴定，每个人的音质图谱不一样，就像指纹，有其特定的标志，在科学仪器面前，一切都会真相大白。</t>
  </si>
  <si>
    <t xml:space="preserve">门徽求救那位高手能把我的这个图该成16*1624bit(真彩色） </t>
  </si>
  <si>
    <t>想用Z9刀做门徽？你看看我做的行不</t>
  </si>
  <si>
    <t xml:space="preserve">什么是KDJ? </t>
  </si>
  <si>
    <t>随机指数（Stochastics,KDJ,有时也称为KD）由George Lane提出，是期货和市场常用的技术分析工具。随机指数在设计中综合了动量观念、相对强弱指数和移动平均线的一些优点，在计算过程中主要研究高低价位与收盘价的关系，即通过计算当日或最近数日的最高价，最低价及收盘价等价格波动的真实波幅，反映价格走势的强弱势和超买超卖现象。因为在上升趋势尚未转向之前，每日多数都会偏于高价位收盘，而下跌时收盘价就常会偏于低位。随机指数还在设计中充分考虑价格波动的随机震幅和中、短期波动的测算，使其短期测市功能比移动平均线更准确有效，在市场短期超买超卖的预测方面，又比强弱指数敏感。因此，随机指数作为股市的中、短期技术测市工具，颇为实用有效。一、计算方法随机指数的原始计算方法是选择任何一种日数作为计算基础，其原始计算公式为：     K值＝100× [(C－L5)/(H5－L5)]     D值＝100× (H3/L3)    公式中：C为最后一日收市价：L5为最后五日内最低价H5为最后五日内最高价；H3为最后三个(C－L5)数的总和L3为最后三个(H5－L5)数的总和。现在一般使用改良的公式，计算如下：（1）计算未成熟随机值RSV（2）计算K、D、J值上式中周期一般选择9日。二、KDJ的技术意义随机指数是用K、D二条曲线构成的图形关系来分析研判价格走势，它比单纯考虑收盘价忽视真正波幅要有意义，这种图形关系主要反映市场的超买超卖现象，走势背驰现象以及％K与％D相互交叉突破现象，从而预示中、短期走势的到顶与见底过程。三、技术分析  1．超买超卖区域的判断Ｋ值在80以上，D值在70以上为超买的一般标准。Ｋ值在20以下，D值在30以下，为超卖的一般标准。但超买超卖并非转向标志，在极强、极弱的行情中，K、D指标会在超买超卖区内徘徊，此时应参考VR、ROC指标以确定走势的强弱。此外，当D值超过90或小于15，股价极易产生回档或反弹，但如果是瞬间的则并不反映行情的反转。2.背离判断。当股价走势一峰比一峰高时，随机指数的曲线一峰比一峰低，或股价走势一底比一底低时，随机指数曲线一底比一底高，这种现象被称为背离，随机指数与股价走势产生背驰时，一般为转势的讯号，表明中期或短期走势已到顶或见底，此时应选择正确的买卖时机3．K线与D线交叉突破判断。当K值大于D值时，表明当前是一种向上涨升的趋势，因此Ｋ线从下向上突破D线时是买进的讯号。反之，当D值大于K值，表明当前的趋势向下跌落，因而K线从上向下跌破D线时，是卖出讯号。K线与D线的交叉突破，在80以上或20以下较为准确，K、D线与相对强弱指数不同之处是，它不仅能够反映市场的超买或超卖程度，还能通过交叉突破提供买卖讯号的功能；但是，当这种交叉突破在50左右发生，走势又陷入盘局时，买卖讯号应视为无效。因此，当K值在50以下的低水平形成一波比一波高的现象，且K值两次上穿D值，股价会产生较大涨幅。反之，当K值在50以上较高水平形成一波比一波低的现象，且K值两次下穿D值，股价会产生较大跌幅。（两次上穿或两次下穿在第二次穿过D时留下的两线所夹空间分别称为向上反转风洞和向下反转空洞）4．K线形状判断。当Ｋ线倾斜度趋于平缓时，是短期转势的警告讯号，这种情况在大型热门股及指数中准确度较高；而在冷门股或小型股中准确度则较低。5．K线和D线上升或下跌的速度减弱，出现屈曲，通常都表示短期内会转势；K线在上升或下跌一段时期后，突然急速穿越D线，显示市场趋势短期内会转向：K线跌至零时通常会出现反弹至20至25之间，短期内应回落至接近零。这时，市场趋势应开始反弹。如果Ｋ线升至100，情况则刚好相反。K线与D线反复交叉，而股价呈横盘状态，若能得到成交量的配合，则极易产生一波强势行情，若不能得到成交量的配合，往往会走出短线探底走势。6．J值的信号一般不明显，但当J值大于100时，会形成J值的钝化，会形成头部而出现回落，J值小于0时也会出现低位钝化，股价形成底部而产生反弹。四、评价  1．随机指数是一种较短期的敏感指标，分析比较全面，但比相对强弱指数复杂。  2．随机指数的典型背离准确性颇高，看典型背驰区注意D线，而K线的作用只在发出买卖讯号。</t>
  </si>
  <si>
    <t xml:space="preserve">使用绿色能源有什么意义？ </t>
  </si>
  <si>
    <t xml:space="preserve">推广绿色能源的意义 转自：----   时间：2005年1月26日15:38        在大多数人的心目中，电力是一种清洁的能源，当使用电灯、、电冰箱、空调等电器时，也许我们并没有意识到电力对环境造成的破坏，实际燃煤发电对环境的破坏是很大的。我国现在是世界上第二号温室气体的排放大国，而常规电力生产使用煤、石油、天然气发电，已经成为我国二氧化碳等温室气体的主要排放源之一，而且燃煤还大量排放二氧化硫等有害气体。     绿色电力与环境      在大多数人的心目中，电力是一种清洁的能源，当使用电灯、电视、电冰箱、空调等电器时，也许我们并没有意识到电力对环境造成的破坏，实际燃煤发电对环境的破坏是很大的。我国现在是世界上第二号温室气体的排放大国，而常规电力生产使用煤、石油、天然气发电，已经成为我国二氧化碳等温室气体的主要排放源之一，而且燃煤还大量排放二氧化硫等有害气体。     当我们使用常规电力时，我们其实是间接的污染者，因为我们对电力的需求才产生了供给，从而间接对环境造成了污染。同时我们又是污染的受害者。     北京作为一个国际化的城市，特别作为一个正在申办奥运会的城市，应该向世界展示北京改善环境的能力和行动。然而非常遗憾的是，北京的用电结构非常不合理，几乎没有使用绿色电力，北京每年的用电量将近300亿度，94%来自于燃煤发电。北京市近郊有九家发电厂，除了两家水力发电厂外，其余均为火力发电厂，新建的三河火电厂距市中心只有50公里。据统计1998年北京发电厂消耗原煤591.62万吨，占全市1998年消耗原煤总量2677.7万吨的20%以上；燃油38.19万吨，燃气21119万立方米，并且每年要排放二氧化碳将近1035万吨，二氧化硫及二氧化氮14.6万吨，几乎占全市工业排放总量的一半；此外，燃煤发电厂需要消耗大量水资源，冲灰水的排放及重金属汞等污染物的排放对水体造成的污染也是殛待解决的问题，这对原本就缺水的北京地区来说，无疑是十分严峻的。  北京地区的外购电基本上来自内蒙古、山西等地的火力发电，这些火力发电自然在当地也造成不可忽视的环境污染。     北京目前正在积极申请2008年奥运会主办权，并提出了响亮的绿色奥运的口号。北京市政府也表示出极大的决心要改善北京环境状况，让奥运的天空变蓝。     众所周知悉尼绿色奥运会的成功举办给我们留下了深刻的印象，他们在环境保护方面所做的努力更为世人所称道。能源保护和可更新能源的利用被他们列为环保的首要目标。在悉尼奥运村，建设者采用了太阳能技术，使奥运村成为真正的绿色村落。沿着奥运大道步向主体育场一侧，一?quot;长"得像长颈鹿的太阳能塔直冲云霄。这是奥运村的供电设备，可以满足全部体育场馆的照明。 绿色北京也需要绿色能源，而且北京周边省份不乏绿色能源的供应。内蒙古地区就有着丰富的风能资源，其风能储量可达10.1 亿千瓦，从1989年到1999年，内蒙古共实施了12个风电项目，总装机容量达45375千瓦，年发电量可达1亿度。因此内蒙古风电公司完全有能力向北京提供优质可靠的绿色电力。内蒙古地区的生态环境的持续恶化是北京近年来沙尘暴加强的原因之一，如果能通过风电带动内蒙经济的发展，对改善内蒙地区的生态环境将大有裨益，无疑也将对北京环境的改善起到重大作用。因此相比悉尼奥运村太阳能的利用意义，绿色电力对北京意义的更为深远。而与北京相邻的内蒙古有着丰富的风能资源，目前其风力发电的年发电量已达到了1亿度，完全有能力向北京提供优质可靠的绿色电力。      绿色电力实际上为消费者提供了一个机会选择对环境有益的绿色能源消费，他们只需要付出比常规电力稍高一点的价格就可保护环境，也间接支持了可再生能源的发展，选择使用绿色电力的行为更是对可持续发展理念的身体力行。 大力提倡使用绿色能源，有效控制北京及周边地区新建燃煤电场，是根治环境的明智选择。     使用常规电力，意味着排放更多的温室气体和污水。     使用绿色电力，意味着享受清新的空气和清洁的水。  </t>
  </si>
  <si>
    <t xml:space="preserve">狂咒术士和咒术师怎么加点啊？那个发挥咒术更好？ </t>
  </si>
  <si>
    <t>没有什么加点的问题,只有学技能先后,如果你想厉害,还是建议你练狂咒!!!!!!!</t>
  </si>
  <si>
    <t xml:space="preserve">给我一个结婚的理由如今分分合合的事太多了,结婚闪电式,分开也一样 </t>
  </si>
  <si>
    <t>结婚，就意味着双方要承担责任。如果双方能够承担社会责任、家庭责任，就结婚。社会责任，家庭是社会的一个最基本的细胞，家庭的和谐、稳定，对社会的和谐、稳定起到至关重要的作用。家庭责任，结婚是和两姓之好，夫妻关系融洽，两个家族就融洽，夫妻之间矛盾百出、吵架拌嘴家常便饭，两个家族能安稳得了吗？</t>
  </si>
  <si>
    <t xml:space="preserve">在初中我遇见了她,我和她是前后桌,所以我和她接触的多,我渐渐开始? </t>
  </si>
  <si>
    <t>这么小的年纪，当然是学业第一啦，你还不知道什么叫恋爱呢！</t>
  </si>
  <si>
    <t xml:space="preserve">我想要我男朋友送一枚戒指给我但是我不知道怎么跟他说```？我想要 </t>
  </si>
  <si>
    <t>逛街..... @#!%^ 女:~ 哎亲爱的. 快来 看我看到了什么! 男:..昂~? 女:这个地摊上有好看的戒指...!! 男:哦..什么样的 ..我也看看 女:恩 ...啊 这个好看 跟真的钻石一样呀!! 你给我买下吧.. '.男不加思索的掏出两块钱买下   女欣喜溢于颜表 男 - -!(她这么想要钻石戒指.连假的都那么的喜欢 如果我给她买个真的 那么她一定很开心很开心 为了爱!!!!!我决定下次给她个惊喜  恩 一定)心里激动的要哭  然后 下次约会 男:恩 ,,啊 !!那个.....怎么说呢,,,我想送你一样东西 ..........................................    恋恋三季祝美女你一身富贵</t>
  </si>
  <si>
    <t xml:space="preserve">中药抗衰老作用主要表现哪些方面？ </t>
  </si>
  <si>
    <t xml:space="preserve"> 众所周知，具有良好的抗衰老、延年益寿功效。中草药为何会有这种作用呢？随着研究的日渐深入。人们认识到中药的抗衰老作用主要表现在以下几方面：  l．抗肿癌作用：由于老年人的免疫力和适应力大大下降，易出现基因突变，发生癌肿，而枸杞、人参、首乌、绞股蓝、白术、天冬、刺五加等药均有抗基因突变的作用，能预防癌肿发生。  2．请除自由基作用：老年人抗氧化物的活性有所降低，体内有害物质自由基产生过量，皮肤会沉积过多色素。而中药酸枣仁、五味子、地黄、当归等可有效的清除自由基，激活保护物质超氧化物歧化酶（SOD）。  3.调节免疫功能：随着人体衰老，免疫力也会逐渐下降。而人参、黄芪、白术、山药、大枣、西洋参等药能全面、明显地提高人体免疫力，有较好的抗衰作用。 4.促进人体代谢：由于老年人的基础代谢水平低下，使机体对各种物质的代谢功能下降，从而加速了衰老。如黄芪、灵芝、地黄、枸杞、黄精、女贞子等药分别具有提高代谢，调节血糖、降低血脂等作用。 5．调节神经系统功能：人体衰老后，脑细胞大量萎缩、死亡，随之脑重量减轻，老人思维能力、记忆力减退。但中药首乌、当归、黄精、人参、酸枣仁、仙灵脾、茯苓等能有效的延长脑细胞寿命，可改善听力和视力，提高智力和记忆力，从而达到抗衰老的目的。   </t>
  </si>
  <si>
    <t xml:space="preserve">去树海学宠物技能问题树海学宠物技能要多少级的人物才能去？宠要多少 </t>
  </si>
  <si>
    <t>关键是你必须首先分别打倒炎洞、水洞、风洞和土洞的斗神后进入谜一般的房间内，调查钢琴拿到四个洞的四种属性的乐谱（顺序随意）。而去树海学技能倒不必打树海里面的BOSS的。所以推荐90级再去，反正你也只能带+/-5级的宠，早去了没用的。宠80级+可以学5级物理技能，90级+可以学10级状态或魔法技能~如何去：（在有4乐谱的情况下）1.进入位于芙蕾亚岛（583.172）的土之洞窟。2.和土之洞窟1楼的地精诺姆（17.17）说话，进入树海（点击下面小图可看详细路线的大图，如遇地图自动缩小问题，把放在上面2秒后地图右下角会出现一个按键，点一下就可以恢复成原始大小）3.携带武器无法进入，进入时会收走四本乐谱，得到使用后消失的钥匙和使用后不消失的钥匙各１个(注1)。4.在树海里有两种宝箱可供开启，一般宝箱不需要钥匙就可以开启，开启后回直接传送到指定的地点并得到一件道具；属性宝箱则需要相同属性的钥匙才能开启（打倒树海内出现的大角羊和莉迪雅有一定机率得到破烂的钥匙）。5.属性宝箱里各种一级道具属性如下表(不能交易、丢弃和登出就消失，同时数值并非一定，总之和下表差异很小) 飞燕之剑 攻击+127 必杀+10 连续2回合进攻 古董步兵剑 攻击+84 耐久98 烈震之斧 攻击+377 防御-46 敏捷-50 必杀+24 耐久41 古董突进斧 攻击+102 防御-10 敏捷-24 耐久100 地蜂之枪 攻击+288 必杀+15 耐久43 古董枪 攻击+70 必杀+3 耐久92 古代树之弓 攻击+172 必杀+7 耐久92 古董长弓 攻击+77 耐久91 古代树之杖 攻击+1 精神+67 魔攻+302 耐久42 古董琥珀杖 攻击+5 精神+20 魔攻+68 耐久93 夏鸢小刀 攻击+135 必杀+9 耐久41 古董小刀 攻击+63 必杀+3 耐久94 古代树投射道具 攻击+181 耐久47 古董远距离回力标 攻击+81 耐久95 回复药的幻影 回复体力600点 食料的幻影 回复魔力600点 古文盘 登出不消失，丢地消失，可以拿出去卖给NPC 附：树海内各宠物学习点的坐标龙的使者（216.259）连击V、诸刃V、乾坤V、崩击V、圣盾V、阳炎V、反击V、护卫V、明镜V 龙的使者（98.392）毒性攻击V、昏睡攻击V、石化攻击V、酒醉攻击V、遗忘攻击V、混乱攻击V、毒性抵抗V、昏睡抵抗V、石化抵抗V、酒醉抵抗V、遗忘抵抗V、混乱抵抗V 龙的使者（379.381）宠物邮件 龙的使者（360.17）4种属性单体和强力的10级魔法（到达地图最上学习魔术的区域里有一部分区域每走一步掉1点血，请注意） 学习技能的话，还有如下建议：第一，去获得个等级1的变身卵！第二，2动，1变2跑！1级变身才消耗10分钟的卡时！第三，卡时一定要有4个小时前后！第四，穿闪装，带足够瓶子和钱！第五，带5只宠去吧！没必要带只护卫宠，这样可以多学一只！这样方便，而且基本不死。。除非你RP狂低。。。需要跑3次（闪装的效果体现在逃跑的第二和第三回合*^_^*）！一般2次都跑了！</t>
  </si>
  <si>
    <t xml:space="preserve">开始是高信用户现在怎么不是了开始我是高信用户，体问和回答都优先通 </t>
  </si>
  <si>
    <t>为了保证爱问知识人的问答质量，爱问知识人提供24小时的不间断审核服务，问答必须经过编辑审核后才能显示在页面。如果您长期积极参与问答，且所有发言质量较高，则有可能被评定为本社区的高信用用户。我们将发送邮件通知您，且在您的提问和回答提交页会进行提示。成为高信用用户后，您的提问和回答在提交后，将被优先提交审核，不需长时间等待审核。如果问答质量下降或者近期有违反爱问知识人原则的情况，将失去高信用用户资格。</t>
  </si>
  <si>
    <t xml:space="preserve">有关做造影的问题请问作造影后如果输卵管不通，是当时就给通吗？怎么 </t>
  </si>
  <si>
    <t xml:space="preserve"> 1）造影时间：选择自月经净后3至7天进行。如过早月经干净多则腔内膜可能尚留有创面使造影剂可能从内膜创面进入子宫周围血管，造成肺栓塞或将宫腔内尚残存的子宫内膜碎屑挤入盆腔，人为地造成子宫内膜异位症；太晚在排卵期后，则子宫内膜已明显增厚，可能在输卵管入口处增厚的子宫内膜，易在输卵管口造成阻塞的假象，同时，分泌期子宫内膜有碎屑脱落，阻塞输卵管入口处，或被挤入盆腔造成子宫内膜异位症，也可能将已受精的受精卵挤入输卵管，引起异位妊娠。欲了解子宫颈内口情况者，应在排卵期后造影。      2）无急性或亚急性盆腔炎，如两侧附件处无炎性肿块或压痛，体温在37.5℃以下者。      3）白带悬液检查示阴道无滴虫或霉菌感染。      4）造影前3日及造影后2周内，忌性交及深水盆浴，以防感染。      4、治疗意义：Palmer(1960)报道多HSG显示输卵管通畅者，1年内的受孕率高达76%，较未作HSG检查者高3倍。　　HSG对不孕症的治疗作用可能由于：   (1)注入的造影剂有机械性的冲洗输卵管作用。   (2)造影时对子宫颈的牵拉作用，可能将输卵管周围某些轻度粘连离断。   (3)碘油粘稠且易于乳化，能均匀地涂布在输卵管粘膜表面，可充分发挥碘的局部杀菌作用。   (4)可改善宫颈管粘液环境。   (5)碘化油在体外实验时有减缓单核细胞的吞噬作用，可能在体内有减少单核细胞对精子的吞噬作用。      5、X线表现：输卵管狭窄部呈僵硬强直、管腔增粗，管腔大小不均形成串珠状改变，呈锈铁丝状或烧粉丝状改变，粟粒状透明影；壶腹部呈囊状扩张积水，24h复查壶腹部有造影剂残留；伞端与周围组织粘连形成囊腔；子宫内膜呈不规则表现，引起碘油间质或淋巴管逆流。　　输卵管病变的X线表现中，除角部阻塞的无法观察输卵管的情况外，能观察到狭窄部、壶腹部和伞部形态改变，以输卵管呈锈铁丝状、烧粉丝状、串珠状、僵硬强直，多发粟粒状透明影和细丝状等改变多见，这些表现可能由结核感染所致。子宫内膜呈锯齿状不规则改变，并易引起碘油的间质或淋巴管逆流，这种改变，可能由结核性子宫内膜炎所引起，一般炎症无此改变，说明女性子宫内膜及其附件结核感染是引起不孕的主要原因。壶腹部及伞部或伞端与周围组织粘连形成囊性扩张是炎症引起妇女不孕的另一主要原因。     </t>
  </si>
  <si>
    <t xml:space="preserve">广州住宿请问广州哪里有比较便宜的住宿？要求：安全，干净，最好离广 </t>
  </si>
  <si>
    <t>价格约50元/天这样的旅馆.很难找.除非一些城中村出租的床位.但安全系数很低.广州的青年旅馆大概价格是190左右.建议楼主到一般的招待所.听说华师里面的招待所价格很低.好象几十块钱一个晚上.你不妨试问问。</t>
  </si>
  <si>
    <t>在那里能看到“日元指数？”“现偶能看到美元指数，要个06年</t>
  </si>
  <si>
    <t>我还没有听说过日元指数,你怎么会要问日元指数呢?具我所知没有日元指数.原因很简单,它不是硬货币.</t>
  </si>
  <si>
    <t xml:space="preserve">中国工商银行金卡怎么用？ </t>
  </si>
  <si>
    <t>如果你去大点的工行网点会有理财贵宾室，里有有一对一的理财顾问可以提供你好的理财建议、方法或一些优惠。存款证明是免费的，异地存款免费，挂失免费，目前账户在二十万元以上没有年费。</t>
  </si>
  <si>
    <t xml:space="preserve">帮忙“理财”一下啦在邮政储蓄所存款（每月存1200元，是活期的， </t>
  </si>
  <si>
    <t>你可以开个零存整取,相对利息高一点,当然也可以存定期,还有一个当下最刺激的方式,去买股票吧,算是学习一下</t>
  </si>
  <si>
    <t xml:space="preserve">脸突然浮肿昨天晚上大约10点半睡的，睡时一直觉得脸上眼睛附近很痒 </t>
  </si>
  <si>
    <t>突发性的肿说明你对某些东西过敏了,口服抗过敏的药物即可解除.顺祝你开心每一天.</t>
  </si>
  <si>
    <t xml:space="preserve">锦州的雷尔网络公司要做几路公交车去啊？说的具体点，我家在二高中这 </t>
  </si>
  <si>
    <t>是世纪花园的那个么？门口有121,112,113,127吧做网站直接从网上联系不就完了么</t>
  </si>
  <si>
    <t xml:space="preserve">新手问点小问题！还有还有，如果想用传诵石的话是不是要前去要去的地 </t>
  </si>
  <si>
    <t xml:space="preserve">是的先要开传，然后才能传送还有要达到规定的等级   村庄名 传送价格传回是半价 战斗系/生产系传送条件 1 圣拉鲁卡村 100 无 2 伊尔村 100 无 3 亚留特村 250 10/无 4 维诺亚镇 250 20/15 5 奇利村 500 30/20 6 加纳村 600 35/20 7 杰诺瓦镇 750 30/25 8 蒂娜村(限定白天) 900 40/25 9 阿巴尼斯村 750 40/25 </t>
  </si>
  <si>
    <t xml:space="preserve">中国武力收复台湾最多要几天呢? </t>
  </si>
  <si>
    <t>要是放开打的话,我看最多7天,上面的朋友说要打8年或几年,是没有思考的回答,错误的估计了形势,底估了解放军的力量.不要瞎估了.</t>
  </si>
  <si>
    <t xml:space="preserve">你好，在哪能看到更多的提问。比如家庭婚姻方面的 </t>
  </si>
  <si>
    <t>可以在“恋爱”里看到。点击“问题分类”选择“家庭与生活”中的“恋爱”</t>
  </si>
  <si>
    <t xml:space="preserve">天空为什么常常会出现流星？ </t>
  </si>
  <si>
    <t>宇宙空间中那些体积大的天体，基本都沿着固定的轨道，做有规律的运动，而那些体积很小的彗星碎片、小行星等则无规律的运动，当地求运行到他们附近时，由于引力的作用，有可能被地球吸引向着地球迩来，当他们进入地球大气层时，由于摩擦而产生大量的热量并燃烧起来，因此在地球上旧可以看到那明亮的流行，大部分再空中就可以燃烧，如果体积过大，有的掉到地球上，就是陨石、陨铁之类的陨星。</t>
  </si>
  <si>
    <t xml:space="preserve">开发商运营商分别是哪里啊 </t>
  </si>
  <si>
    <t xml:space="preserve">游戏类型：策略战略 游戏特色：对战游戏 测试状态：内测 开 发 商：九阔天下 运 营 商：九合天下 </t>
  </si>
  <si>
    <t xml:space="preserve">年薪30万适合买多少钱的车本人年薪30万，老公10万，有房无贷， </t>
  </si>
  <si>
    <t>买个20万左右的吧  应该还是可以的</t>
  </si>
  <si>
    <t xml:space="preserve">BOTOX是什么？这个做瘦脸效果好么？谈BOTOX瘦脸针效果好吗? </t>
  </si>
  <si>
    <t>一、BOTOX瘦脸针让你放心变小脸： 1、作为一种肌肉注射药，肉毒素没有显著的副作用。如今已作为一种针剂被广泛用于瘦脸当中。2、用于瘦脸的使用剂量仅仅是其最大安全剂量的百分之一，所以十分安全。3、BOTOX瘦脸由于具有神经阻断作用，在神经内科、眼科、整形、美容外科十分常用。二、BOTOX瘦脸针让你瘦的无拘无束自在： 1、BOTOX瘦脸针实现永久瘦脸。虽然，BOTOX瘦脸有时效性限制，但是在BOTOX不间断多次注射后，咬肌不间断性保持麻痹状态，即可使咬肌永久萎缩、变小，治疗更稳定、更彻底，即可达到永久瘦脸的目的。2、BOTOX瘦脸针瘦脸效果可不断完善。由于上述时效性的原因，对于感觉瘦脸效果不佳的，待药效消失后，还可重新注射，再次瘦脸。3、不想瘦了，还可变回原来的样子。BOTOX瘦脸针效果一可维持6-12个月，随着药效逐渐消失，咬肌运动逐渐恢复，BOTOX瘦脸特别适合想尝试瘦脸，但是又担心瘦下去反而不如胖着好看的人。</t>
  </si>
  <si>
    <t xml:space="preserve">耳鸣吃什么药能减轻？ </t>
  </si>
  <si>
    <t>　　一般都不太建议用药，因为现在的药物，多少都含有一定的副作用可能会对耳朵产生二次伤害，耳鸣患者可以听轻音乐缓解耳鸣，有效预防它的严重程度，经常听听悦耳的音乐，不仅能掩蔽耳鸣，还能转移注意力，愉悦身心，还可以使自己的精神比较的良好，但是音乐音量不宜过大，可以适当的选择比较轻柔的音乐　　耳鸣患者在 生活中可以转移对耳鸣的注意力，培养自己的一些兴趣爱好，分散注意力，对治疗耳鸣也很有帮助。可以适当的参加体育锻炼，尽量做一些自己喜欢做的事，多和别人交流，　　耳鸣患者还有日常生活中要远离会发生耳鸣的事情或做法，早期的预防它的发生，远离耳鸣带来的困扰，首先要尽量避免对耳的各种“伤害”，像是鞭炮爆震伤、鼓膜外伤、噪音刺激、还有使用耳毒性药物、抽烟、暴饮烈性酒等，这些都是不好的做法，所以预防耳鸣的发生，就要注意日常生活中的好习惯，可以多做日常锻炼，特别是对于耳部的锻炼还有每天需要饮用的御农清洱茶，会帮助你快速恢复听力的。</t>
  </si>
  <si>
    <t xml:space="preserve">我女朋友跟我分手了,她还欠我3块钱,怎么办?不知道怎么跟她说让她? </t>
  </si>
  <si>
    <t>女朋友和你分手了,还欠你3块钱,你问怎么办罚让她还钱是吗？欠你那3块钱你真的那么在乎吗？ 按理说她欠你的该还，但我觉得不要为了那3块钱开口向她要，显得你狠小气。供参考！虽然女朋友和你分手了，失恋对大多数的人来说是痛苦的，但建议你不要为3块钱再纠缠不休，增加自己的痛苦。不知说的对不对，祝你开心！</t>
  </si>
  <si>
    <t xml:space="preserve">川沙地铁站至新川商务酒店怎么走 </t>
  </si>
  <si>
    <t>1.从川环南路出发    1) 从起点向正西方向出发，沿川环南路行驶250米，调头进入川环南路    2) 继续沿川环南路行驶300米，在瞿家港桥左转进入川沙路2. 川沙路    1) 沿川沙路行驶590米，过右侧的川沙大厦约80米后，右转进入新川路3. 新川路到终点    1) 沿新川路行驶300米，过新川路大桥约280米后到达终点</t>
  </si>
  <si>
    <t xml:space="preserve">第二道全等三角形证明题如图，在三角形ABC中，AC垂直BC，EC </t>
  </si>
  <si>
    <t>FD 平行 CB 吧角 ACE = 角 B = 角 EDF，又角 CAF = 角 FAD，AF = AF所以三角形 AFC 全等于三角形 AFD即 AC = AD</t>
  </si>
  <si>
    <t xml:space="preserve">哥哥，姐姐帮忙啊！突刺是受诅咒的好还是不受诅咒的好啊！受诅咒的攻 </t>
  </si>
  <si>
    <t>一般都买突次,不买诅咒突次.多7点攻击要好过出血.你买了突次换装备时候要卖的时候还好卖.诅咒突次都没人买的. 采纳把/ PS:祝你游戏愉快．</t>
  </si>
  <si>
    <t xml:space="preserve">我的脸上有点斑，怎么办啊？我的皮肤很白，也很好，很细致，但最讨厌 </t>
  </si>
  <si>
    <t>雀斑是一种褐色或淡褐色的斑点，为针尖或豆粒大小，分圆形和多边形两种，通常对称分布在面颊两侧，中部较为密集，周围稀疏。夏天经阳光照射，颜色加深，冬季变浅。长了雀斑可用棉球蘸2％的柠檬溶液和3％的氧化氢水溶液，再点2-3滴氨水，每天往脸上搽3次，效果不错。目前，冷冻疗法治疗雀斑也取得了满意的效果，治愈率达99％以上。其方法是将零下 196℃的液氮，接触喷到雀斑上。7-10天后雀斑脱落。而且不留痕迹。对于雀斑，还可采用以下的方法配合治疗；1、将冬瓜子去皮取仁，并与桃仁等分研细末。与上等蜂蜜混合成膏状，每晚睡前可涂于雀斑处，第二天清晨洗去，持续一段时间，对雀斑的消失有些效果。2、将茄子切成片，每天擦于雀斑处3-5次，10天为一个疗程。</t>
  </si>
  <si>
    <t xml:space="preserve">死亡霹雳*暗和血刹比哪个好?83的WX,到底选死亡霹雳*暗好一点 </t>
  </si>
  <si>
    <t>平时还是用死亡霹雳 因为80的武器攻击还是高 这斧头属性也不错血煞的优点 就是狂站 还+体 +生命 如果不狂战 攻击实在不怎么样 血煞是PK斧头 一个爆和狂 可以对WX造成1000+的伤害 对FS几乎秒杀====确实90+的也有用血煞 而且甚至是+2的 这攻击打怪我实在不敢恭维 PK还算可以 而死亡的总体攻击更加稳定 但是上限不可能超过血煞 但是你想想 要是狂站 2倍伤害 打人300（多150左右） 自己损失100 没什么太大的好处啊？。。。 一个爆和狂 700-1000+这个攻击确实高 但是 实际确实太难了。。。概率很小的====价格因素死亡霹雳不能交易成品 所以不太好弄 材料很贵的 自己精炼也不合适血煞 可以交易 所以很多 越来越便宜 弄个+4的很轻松的===给您的建议：+5以上的血煞+3以上的死亡喜欢哪个 就用哪个 这个我管不了 上面我给你分析很多了</t>
  </si>
  <si>
    <t xml:space="preserve">育儿我的宝宝两个半月了，肚肚一直不好，每天都拉四五次便便。我又便 </t>
  </si>
  <si>
    <t>可以的，如果你一直是母乳喂养，宝宝吸收好，粪质少，便便是会稀一点，只要宝宝精神状况好，体重增加良好，可以不用管他，你吃水果应该不会影响宝宝的！我坐月子时就吃水果了，宝宝也没问题！</t>
  </si>
  <si>
    <t xml:space="preserve">清泉大师，600654明天走势如何？？？ </t>
  </si>
  <si>
    <t>应有震荡,可以持仓.</t>
  </si>
  <si>
    <t xml:space="preserve">怎么去美国留学我是大三 </t>
  </si>
  <si>
    <t xml:space="preserve">2004年赴美申请步骤 ( 2005-3-24 )   转自新东方　　据统计，2003年我国在美国留学人数达5.7万，申请赴美留学的竞争也十分激烈。因此专家提醒申请者除了参加咨询会，与美国院校进行面对面交流外，合理的申请步骤也不可少：　　收集资料　　这项工作至关重要。一般来说，学生应该在申请前至少一年到半年左右时间查阅美国院校的资料和信息。通过查阅学校介绍和专业的设置情况来了解美国最新的教育动态，佣魅纷约盒枰龊媚男┓矫娴牧粞ё急腹ぷ鳎贫ǔ鍪屎献陨砬榭龅牧粞Ъ苹?br&gt;　　准备申请本科课程的同学可以查阅由TheCollegeBoard出版的CollegeHandbook一书，其中有超过3600所美国2年制及4年制大学的介绍资料，可以根据学校所在的州进行查询。准本申请研究生课程的同学可以查阅Peterson'sGuide这本资料，作为美国较权威的教育刊物，Peterson'sGuide根据专业类别刊登了美国1800多所大学、453个专业超过4万种硕士及博士课程的简要介绍以及联系方法。学生也可以通过登陆学校的网站了解学校的基本情况。　　准备工作　　收集院校资料之后，学生应该制定出适合自己的学习计划，继而进行留学的准备工作，准备必须的考试。高中毕业生申请就读美国大学本科需要准备TOEFL考试，本科以上的学历申请美国研究生院需要准备TOEFL以及GRE考试，申请管理类专业例如MBA需要准备TOEFL和GMAT考试，有些对于专业性要求很强的学科例如数学、物理、生物等需要加上GRE专项考试，而申请法律专业需要考LSAT。　　通过查阅院校专业入学要求来准备必须的考试，关于这些考试的介绍，学生可以通过美国ETS考试中心的网址进行查阅。两门考试的准备时间一般需要半年到一年左右的时间。　　申请过程　　这一点非常关键，美国大学尤其是研究生院一般有很明确的申请截止日期。一般来说，美国有春季和秋季两个入学期。但春季入学只限于少部分专业；秋季则是入学的高峰期，大部分学生都在这个时候入学，而且秋季入学的奖学金设置相对较多，获得奖学金的机会比较大。　　申请美国大学入学一般需要提前一年半开始准备，以申请美国2005年秋季入学为例，学生需在2004年1-6月间完成有关的标准化考试及确定目标学校，7月至9月制作有关的申请文件，如推荐信、个人陈述等，并完整正确地填写入学申请表，10月至11月之间检查并备份申请材料以备日后需要并寄出申请材料。　　回复学校　　一般在4月至6月左右，学校就会把正式的录取通知书I-20表寄达学生手中。如果拿到多份录取通知书，学生就必须注意"4.15协议"，该协议是在1999年的招生录取过程中正式实施的，其内容为：申请赴美留学、已拿到多所学校录取通知书的海外学生（特指已经拿到学校给予的奖学金的学生），必须在4月15日前决定一所你要去的学校。否则，所有录取通知书将都被视作无效。具体做法是：在4月15日前，申请者可以在已录取他的学校中任意选择一所就读，但明确答复所选大学的时间应不晚于4月15日，还应尽可能早地把自己的决定通知别的学校。　　在申请过程中有几点要特别注意：　　■选择专业：学生应该尽量选择跟自己专业相同或者相关的专业。转专业难度相对较大，对于想要获得奖学金的学生而言，转专业需要做好慎重仔细的考虑。例如MBA管理类的专业一般比较重视学生的工作经验和沟通能力，对于大学刚刚毕业的学生来说，申请MBA课程并不适合。　　■选择院校：切忌盲目追求学校的排名，应该根据该校的专业强项、课程设置、学校规模、学费及生活费、奖学金的数量、该校招收国际学生人数及对国际学生服务能力的优劣程度、当地的自然及社会环境等多方面的综合因素来衡量学校的好坏，并理智地选择最适合自己兴趣爱好、学术背景和能力以及生活方式的学校。　　■准备材料：个人陈述应该体现选择该课程原因、目的，个人的长期及短期计划，并在其中展示自己的分析、思考以及运用英语进行沟通的能力；关于如何选择推荐人，一般来说，推荐人需要对自己在某方面的能力有相当的了解、有过丰富的从教经历、可以评估你的学术能力及潜力、学术上有一定地位的人，相对来说这样的人所做的推荐更有分量。　　■申请奖学金：美国奖学金一般有服务性奖学金和非服务性奖学金两个方面。服务类奖学金主要有研究基金（RA-ResearchAssistant）和助教基金（TA-TeachingAssistant）两个方面，申请TA的学生还需要准备TSE的口语考试。非服务性奖学金一般有全额奖学金（Fellow鄄ship）、部分奖学金（Scholarship）或者学费减免（TuitionWaiver）以及基金会奖学金(Grant)等等情况。奖学金根据个人申请材料进行综合考虑，最后由美国各院校奖学金评定委员会决定。并非TOEFL或者GRE成绩优秀的学生就肯定获得奖学金，是否能获得奖学金是由整体申请材料体现出的一个学生的综合优异程度来决定的。　　　　　　　　　　　　　　　　　　　　　　　  </t>
  </si>
  <si>
    <t xml:space="preserve">亲戚可以恋爱吗？我喜欢上自己的表哥，而我表哥很小也就喜欢我了！他 </t>
  </si>
  <si>
    <t>喜欢归喜欢,不要弄得爱对方爱到离不开对方!你要知道,我国婚姻法规定,血缘三代内是不能通婚的,而你现在正是这种情况!想清楚,快点分开的好</t>
  </si>
  <si>
    <t xml:space="preserve">看到男友网上注册的用户名...我看到男友有的在网上注册的英文的用 </t>
  </si>
  <si>
    <t>你很聪明，没有去和你男朋友去闹去发脾气，有时候帐号和密码只是一组数字，不代表什么，也许这是他的习惯，也许这是以前注册的，何必介意呢。反正他现在每天面对的是你，你的名字才是打开他心的密码。</t>
  </si>
  <si>
    <t xml:space="preserve">能查询酒店入住记录是真的吗在网上看到这样的广告：“本公司是一家专 </t>
  </si>
  <si>
    <t>骗人的  那样的话酒店根本就没人去了  除非是内部人员或者你通过旅行网站预订的 才有可能</t>
  </si>
  <si>
    <t xml:space="preserve">南昌治疗无精症需要多少钱? </t>
  </si>
  <si>
    <t>你好，无精症作为常见的男性不育疾病，其费用受多种因素的影响，并无进行一概而论，具体情况如下：　　1、患者病情影响：作为决定费用的主要因素，病情轻微者，可能仅需药物治疗即可且治疗周期相对较短短费用自然低;而对于病情严重患者，必要时则需要采用手术方法进行治疗，且疗程较长，费用自然升高。所以对于该病还是越早治疗越好。　　2、治疗方法影响用：现今治疗无精症的方法可有很多，如中医、西医、中西结合疗法、微创疗法等，具体的针对治疗需根据患者自身情况而定。所以费用也会存在一定的差异。　　3、医院性质影响：是否是医保定点单位之间的收费标准是不同的，一家正规的医院不仅可以享受医保单位的医保报销，同时收费上也严格按照医疗卫生机构收费标准执行。你好，无精症的病因病理复杂多样，具体的治疗还需精确诊断，找准病因，对症治疗才是真正的省钱之道。切不可盲目进补或用药，以防钱财花了，不仅无法保障疗效，同时还会为治疗带来困难。你好，无精症的治疗费用主要取决于患者自身的病因、治疗方法、医院等因素有关系。z</t>
  </si>
  <si>
    <t xml:space="preserve">有奖调查：什么样子的JJ最性感是龟头全部暴露，还是暴露一半，或者 </t>
  </si>
  <si>
    <t>平时龟头半露或全露，硬时基本全露，龟头较大，阴茎粗壮，较直并微向上翘，阴茎上有好多血管暴出来，勃起后长度在14-18厘米，直径在3.5-4.5厘米，皮色较深略带一点深褐色。这样的JJ最性感。</t>
  </si>
  <si>
    <t xml:space="preserve">为什么银行门口一定要放一对石狮子？它叫什么名字？我走在城市的大街 </t>
  </si>
  <si>
    <t>哈哈，楼上真逗！！那有辟邪之意</t>
  </si>
  <si>
    <t xml:space="preserve">我的播放器老是放不出歌怎么搞的呢?我的播放器老是放不出歌呢~是我 </t>
  </si>
  <si>
    <t>按照这个步骤，添加一定可以成功1、进入右上角的“控制面版”2、进入“个人首页内容维护”3、选“自定义空白面板”4、选“新增”5、勾选“显示源代码”；在题目写：播放器（别的名字也可以）6、&lt;embed src=  width=0 height=0 type=audio/mpeg loop="true" autostart="true"&gt;把上面这段代码贴进去就OK了。 7、回到刚才的控制面板，左边“BLOG信息设置”里面有“定制我的首页”，请点击！8、会看见左边计数器下面，（也就是有留言，评论那一列的最下面）有一个“添加页面模块”（注意不是最最左边的“添加模块”！！！）9、出现了新的对话框。给“自定义空白面板”下面的“播放器”单选框打勾。然后，点下面的“选取”。10、听见歌曲了！（继续做第11步）11、这时候看看最最左边的一列浮动块。请点击最上面的“保存设置”。  补充解释：1、问：我不喜欢你提供的歌曲，怎么办？支持的音乐格式: wma　mp3　rm　ra　ram　asf　mid.所以，如果你不喜欢这首《把悲伤留给自己》，你可以自己去选符合格式的歌曲。一定要连通率高的。在代码里改动：“ 2、问：我想让播放器可见，怎么办？播放器宽度和高度可以灵活设置,width（宽度），height（高度）都设为0，那么音乐就成了背景音乐，没有播放器.你可以把后面的数值改成你喜欢的大小。常用width=210 height=603、我想改变是否自动播放，播放次数，怎么办？autostart="true"为自动播放,autostart="false"为不自动播放.loop="true"为连续循环播放,loop="false"为不循环播放.loop可以等于一个整数,比如loop="2",就是音乐循环播放2次。更多美化技巧、常见问题、装饰素材请点击我的博客：文章分类下的美化技巧  代码全都试过，很实用有问题请留言，我回去你的博客尽力回答的</t>
  </si>
  <si>
    <t xml:space="preserve">请教一个数学问题根据函数图像y=x&amp;sup2;，求下列各式的值： </t>
  </si>
  <si>
    <t>在数轴上，过（1.2，0）做y轴平行线，交函数图像y=x²于（1.2，1.44）处，则（1.2）²=1.44同理，过（-2.4，0）做y轴平行线，交函数图像y=x²于（-2.4，5.76）处，则（-2.4）²=5.76过（√8，0）做y轴平行线，交函数图像y=x²于（√8，8）处，则（√8）²=8过（√2，0）做y轴平行线，交函数图像y=x²于（√2，2）处，则（√2）²=2</t>
  </si>
  <si>
    <t xml:space="preserve">孕妇可以用薰衣草精油护理皮肤吗？我皮肤很干。 </t>
  </si>
  <si>
    <t xml:space="preserve">【注意事项】 Q：怀孕者可以使用熏衣草吗？ A：因为熏衣草有平滑肌松弛的作用（因此才有安神与抒解心悸等生理作用），建议怀孕初期14周前避免使用，对于怀孕14-28周的孕妇，反可以利用其舒缓的特性，让自己有个轻松平稳的怀孕期。 Q：婴幼儿需要避免使用吗？ A：虽然熏衣草是少数可以直接以纯精油使用，但对于婴幼儿（六个月前）建议还是要以1cc基础油对5-10滴的稀释方式使用，但无须避免使用。 </t>
  </si>
  <si>
    <t xml:space="preserve">公民的选举权是指选举人大代表么?? </t>
  </si>
  <si>
    <t>选举权是指我国公民依照法律规定享有参加选举全国和地方各级人大代表的各项活动的权利，包括参加提名代表候选人，参加讨论、酝酿、协商代表候选人名单，参加投票选举等。看来就这样。我国年满十八周岁的未被剥夺政治权利的公民享有直接选举县乡两级人大代表的权利。乡级人大代表享有选举本级国家机关领导人员的权利。县级以上各级人大代表享有选举本级国家机关领导人员和上一级人大代表的权利。</t>
  </si>
  <si>
    <t xml:space="preserve">WORD在电脑上哪里 </t>
  </si>
  <si>
    <t>在 Microsoft Office 的安装文件夹 Office 12 (MS Office 2007)文件夹里面： winword.exe  即是。。。。。</t>
  </si>
  <si>
    <t xml:space="preserve">视神经萎缩症是受显性基因控制的遗传病。若一对夫妇均为杂合体，生一? </t>
  </si>
  <si>
    <t xml:space="preserve">选择B.12.5％    因为视神经萎缩症是受显性基因控制的遗传病,该夫妇均为杂合体，说明该病为常染色体显性遗传的病,所以父本母本基因型均为Bb.    又由遗传图解可以知道,生出基因型为bb的孩子的概率为25％ ,所以生出基因型为bb的男孩子的概率就为12.5％  </t>
  </si>
  <si>
    <t xml:space="preserve">跌封基指数创八年来最大幅2008年06月14日02:13中国证券 </t>
  </si>
  <si>
    <t>学习了，辛苦你了，谢谢！</t>
  </si>
  <si>
    <t xml:space="preserve">控制面板的某设备突然出现黄色问号,怎么回事?电脑新装系统,正常运 </t>
  </si>
  <si>
    <t xml:space="preserve">安装网卡驱动1、右击“我的”----“属性”---“硬件”----“设备管理器”—展开“网络适配器”—看有没有黄色的问号？，有，说明缺网卡驱动，注意要记下，这是你使用的网卡型号。 2、将网卡光盘放入光驱，右击“我的电脑”----“属性”---“硬件”----“设备管理器”，展开“网络适配器”，右击网卡—选“更新驱动程序”，打开“硬件更新向导”，选“是，仅这一次”---“下一步”---“自动安装软件”--“下一步”，系统即自动搜索并安装光盘中的声卡驱动程序，如果该光盘没有适合你用的声卡驱动，再换一张试试，直到完成。 3、如果没有适合的光盘，到驱动之家、中关村在线、华军等网站下载驱动软件，下载驱动软件要注意：一是品牌型号要对，二是在什么系统上便用，三是要看该驱动软件公布的时间，最新的未必适合使用，可多下载几个，挑着使。 4、下载的驱动软件一般有自动安装功能，打开即自动安装。 不能自动安装的，解压后备用，要记下该软件在磁盘中的具体路径，如D：\ ……\……。右击“我的电脑”----“属性”---“硬件”----“设备管理器”，展开“网络适配器”右击网卡，选“更新驱动程序”，打开“硬件更新向导”，去掉“搜索可移动媒体”前的勾，勾选“从列表或指定位置安装”---“下一步”，勾选“在搜索中包括这个位置”，在下拉开列表框中填写要使用的声卡驱动文件夹的路径（D：\……\……---“下一步”，系统即自动搜索并安装你指定位置中的网卡驱动程序。 </t>
  </si>
  <si>
    <t xml:space="preserve">今晚双色球请大虾们推荐几注单式哈 </t>
  </si>
  <si>
    <t>10 12 14 20 26 30     14  杀奇数  蓝球自己定的，没研究（也研究不出所以然），前面是机选的。10块钱五注，挑了第一注。好运！</t>
  </si>
  <si>
    <t xml:space="preserve">不想让刚开始学英语的孩子像我们一样——“哑巴英语”会看不会说，有? </t>
  </si>
  <si>
    <t>这个要从幼儿学习英语的初期就要警惕，因为处于幼儿时期的孩子不仅活泼好动，爱听爱说，而且善于口头模仿。因为他们正处在学习语言的敏感期和关键期，所以语言的模仿能力也很强，这时候要给他们营造一个纯正的英语语言环境，可以给幼儿多看一些迪士尼原版动画，一是动画片孩子们感兴趣、爱看，而且迪士尼原声英语发音纯正标准，在百视通IPTV哈哈乐园中的迪士尼专区就有很多迪士尼中英双语的动画。</t>
  </si>
  <si>
    <t xml:space="preserve">花生吃多了有什么坏处吗？平均一个星期一斤花生，有时候三四天就一斤 </t>
  </si>
  <si>
    <t>　【食物简介】花生又名落花生、地果、唐人豆。花生长于滋养补益，有助于延年益寿，所以民间又称“长生果”，并且和黄豆一样被誉为“植物肉”、“素中之荤”花生的营养价值比粮食类高，可与鸡蛋、牛奶、肉类等一些动物性食物媲美。它含有大量的蛋白质和脂肪，特别是不饱和脂肪酸的含量很高，很适宜制造各种营养食品。　　【营养功效】 花生中的维生素K有止血作用。花生红衣的止血作用比花生更高出50倍，对多种出血性疾病都有良好的止血功效。花生含有维生素E和一定量的锌，能增强记忆，抗老化，延缓脑功能衰退，滋润皮肤。花生含有的维生素C有降低胆固醇的作用，有助于防治动脉硬化、高血压和冠心病。花生中的微量元素硒和另一种生物活性物质白藜芒醇可以防治肿瘤类疾病，同时也是降低血小板聚公证机关预防和治疗动脉粥样硬化、心脑血管疾病的预防剂。花生还有扶正补虚、悦脾和胃、润肺化痰、滋养调气、利水消肿、止血生乳、清咽止疟的作用。　　【适用人群】老少均可食用。病后体虚、手术病人恢复期以及妇女孕期产后进食花生均有补养效果。 每天80-100克即可。　　【特别提示】 将花生连红衣一起与红枣配合使用，既可补虚，又能止血，最宜于身体虚弱的出血病人。花生炒熟或油炸后，性质热燥，不宜多食。在花生的诸多吃法中以炖吃为最佳。这样既避免了招牌营养素的破坏，又具有了不温不火、口感潮润、人口好烂、易于消化的特点是，老少皆宜。　　【健康红绿灯】花生含油脂多，消化时需要多耗胆汁，故胆病患者不宜食用。花生能增进血凝，促进血栓形成，故患血黏度高或有血栓的人不宜食用。花生霉变后含有大量致癌物质——黄曲霉素，所以霉变的花生千万不要吃。</t>
  </si>
  <si>
    <t xml:space="preserve">最佩服的皇帝中国有那么多皇帝，你最佩服那一个？具体说明 </t>
  </si>
  <si>
    <t xml:space="preserve">康熙理由：1、历史上在位最久的皇帝。顺治 十八年（1661年）即位，时年八岁即位，康熙六十一 年（1722年）死于畅春园，葬于清东陵 ，享年六十九岁，在位六十一 年，可以说是“前无古人，后无来者”。（当然这并不是我佩服他的主要原因）。2、功绩显著①政治及上：康熙六年（1667 年）亲政。八年，年仅十六岁的康熙，暗结内大臣索额图等人智捕鳌拜，夺回大权。亲政后，宣布永停圈地，准许壮丁 “出旗为民”，又奖励垦荒，益钱免粮，任用靳辅，陈潢治理黄河，规定 “额外添丁，永不加赋”；设立南书房 ，掌票拟谕旨，加强皇权。又平定平西王吴三桂、平南王尚可喜之子尚之信，靖 南王耿继茂之子耿精忠长达八年的三藩之乱， 派兵攻入台湾；平定准噶 尔部噶尔丹叛乱，巩固了国家统一；又巡行东行，两次发起雅克北萨反击战，沉重打击沙俄势力侵略，派索额图、佟国纲赴尼布楚与沙俄谈判边境问题，行前确定黑 龙江流域的广大领土“皆我所属之地，不可弃之于俄罗斯”的原则，签定《尼布楚条约》，划定中俄东段边界，使多民族国家的统一得到巩固发展。  ②文化上：他一生苦研儒学，表倡程朱理学、开博学鸿儒科，设馆纂修《明史》，编纂《古今图书集成》、《全唐诗》、《佩文韵府》、《康熙字典》等。这些都促进了文化的发展。此外重视文化交流，他派白晋带着大量中国书籍赠送给同时代的法国君主路易十四。俄国彼得大帝也表示了同样的善良愿望。  3、学贯中西，知识渊博康熙不仅对中国古老悠久的文化感兴趣，而且康熙帝还对算学、天文、地理、光学、医学、解剖学等自然科学有浓厚的兴趣。他身边聚集了一批中外科学家，特别是一些耶稣会士。顺治二年（一六四五年），日耳曼人场若望向清廷进呈历法，被定名为《时宪历》，颁布使用。汤若望作了掌管天文与历法机构的钦天监监正。到康熙帝时，在清朝耶稣会士的国籍，有意大利、法兰西、日耳曼、奥地利、葡萄牙、西班牙、荷兰、比利时、瑞士、波兰、墨西哥等。康熙是一位开明的皇帝，他对有科学知识的耶稣会士，给予信任、使用与尊重，并向他们学习西方的自然科学知识。这在封建社会来说实属不易。在中国历史上，皇帝主动学习数学的就很少，而有著述者更是凤毛麟角。从迄今数学史研究的情况看，康熙是中国历代帝王中惟一留有数学著作的人。目前，北京图书馆藏有康熙时期所著的《三角形论》一书，书上标有“御纂”二字，表明康熙当时曾亲自参与了这本书的编辑。康熙还论证成功了积求勾股法，这在数学史上尚属首例。他研究的比例问题并不是什么高深的问题。《积求勾股法》更重要的价值，在于它的历史研究价值，因为这论文见证了中国数学历史的一次重要转折，即从中算转向中西算术合璧。从迄今数学史研究的情况看，康熙是中国历代帝王中惟一留有数学著作的人。 4、影响力大：开创了中国历史上有名的“康乾盛世”，巩固了当时中国在世界上的地位。不得不说他是一位很有作为的皇帝，但同时，屡兴文字狱，残酷镇压反清思想。却又成为这位大帝无可避免的错。          </t>
  </si>
  <si>
    <t xml:space="preserve">我家准备装修，但不想花钱给装修公司，我想知道如何画一张房屋平面图 </t>
  </si>
  <si>
    <t>选一个点做基准，比如说你家的房门，然后量尺寸就画吧，如果家里有电脑可以用AUTOCAD画（如果你会使用这个专业软件），不会就用铅笔格尺画吧，也不难！</t>
  </si>
  <si>
    <t xml:space="preserve">乱码啊!~怎么办如题 </t>
  </si>
  <si>
    <t xml:space="preserve">先安装完整版的《金山游侠5》，安装完以后先进入游戏，进入主选单后使用“Alt＋回车”切出游戏，运行《金山游侠5》的“内码转换器”，然后选择内码转换为“大五码”，最后回到游戏就好了。《金山游侠5》下载： ～～～～～～～～～～～～～～～～～～～～～～～～～～～～～～有什么疑问请给我发信息，如果你直接补充，我有可能看不到。『回答指数：★★★★★』╭—————————————————————————╮* 在北大校园引起轰动的一篇文章，请爱国人士阅读并转发 * 台湾一校长震动所有中国人的演讲，请爱国人士阅读并转发 ╰—————————————————————————╯ </t>
  </si>
  <si>
    <t xml:space="preserve">现在工作好找吗？都有快年底了我现在想换一份工，还没有辞职，想找一 </t>
  </si>
  <si>
    <t>只要你有才，广州其实很多岗位都缺人，计算机是比较好一些，但现在待遇不怎么样了，现在像什么会计拉，建筑师，等等，很缺人．工资在2500往右．相对而言是底些，但你在北京一个月拿5000RMB也是穷人啊（没房子的话）．这个地方工作压力不是太大，你可以顺便兼点别的活，一个月收入很是不少啊！且机遇较大，说不准~~~~呵呵，你就发拉！！！</t>
  </si>
  <si>
    <t xml:space="preserve">请大神帮忙！这个答案是什么呀？ </t>
  </si>
  <si>
    <t>这个应该是：美国队长这个是美国队长。如果解决了您的问题请设为有用哈答案是：美国队长</t>
  </si>
  <si>
    <t xml:space="preserve">个体户（字一） </t>
  </si>
  <si>
    <t>豪.................</t>
  </si>
  <si>
    <t xml:space="preserve">修改密码后进入不了游戏我是特林格战区的，昨天进游戏前修改了密码后 </t>
  </si>
  <si>
    <t>应该是网络时间延迟,没什么大问题,大退下再进试下,还是不行的话就直接打个电话问下客服.要是不嫌时间长,发个E妹儿也行.   小弟新来报道,望各位大虾多多关照,好长时间没玩奇迹世界了,最近才玩,沃德2服,95小战士.</t>
  </si>
  <si>
    <t xml:space="preserve">JAY血狼湖有1级车手吗名字是蓝的吗？我是网通的飘移的JAY </t>
  </si>
  <si>
    <t>楼上的错了 威望-1307 以下就可以 至于是不是蓝的我就不清楚了 呵呵</t>
  </si>
  <si>
    <t xml:space="preserve">银行账号查询麻烦各位有谁知道这个帐号是那个银行001，谢谢 </t>
  </si>
  <si>
    <t>卡号：622439 04**********是广州市农村信用合作联社的麒麟借记卡。广州农村信用合作联社官网： 客服热线：961111</t>
  </si>
  <si>
    <t xml:space="preserve">急！！！翻译Kindlyofferyourbestpricean </t>
  </si>
  <si>
    <t>Kindlyofferyourbestpriceandadvisefullspec.ofyourproductiondest ,NicaraguaPortatC&amp;FLinerterm.请告知贵方产品具体规格和合适报价,报价请基于目的港:马纳瓜(尼加拉瓜)成本加运费班轮价格。</t>
  </si>
  <si>
    <t xml:space="preserve">如何快速赚钱呢？我是新手，从1级开始练起的 </t>
  </si>
  <si>
    <t>个人认为是：升小号弄点黄金工具来卖  现在到处都在送CD-KEY 白用白不用</t>
  </si>
  <si>
    <t xml:space="preserve">谁有好听的歌，推荐几首唔，呵呵 </t>
  </si>
  <si>
    <t>曾沛慈《一个人想着一个人》《一个人还是想着一个人》《数不尽的星空》陈韵若 《爱的回归线》胡歌《指纹》苏打绿《我好想你》郁可唯《时间煮鱼》董贞《了结》《逍遥游》糖果盒子《don't push me》艾薇儿《 Girlfriend》《I'm with you》《skater boy》 Taylor swift《love story》仙剑奇侠传《有情燕》《只因有你》《牵绊》刘庭羽《为了爱》穆婷婷《两颗心一起飞》曲婉婷《我的歌声里》你好，推荐你听《When I fall in love》《silent night》《moonlight shadow》，很好听的。如果我的回答对你有用请点击好评哦~</t>
  </si>
  <si>
    <t xml:space="preserve">请教:我的绿毛英雄学的第2个技能是垃圾技能~我用技能遗忘删除了~? </t>
  </si>
  <si>
    <t>当然可以学习啦,但是要想学到理想的技能那还真要看运气啊.</t>
  </si>
  <si>
    <t xml:space="preserve">黑眼圈产生的原因？多不多，不管多少娜可以去掉吗 </t>
  </si>
  <si>
    <t>很多原因可以造成黑眼圈，比如熬夜，生活作息不规律。可以用热鸡蛋敷一下</t>
  </si>
  <si>
    <t xml:space="preserve">电脑声卡和声音的问题我的电脑声卡是集成的.昨天用的时候不知道怎么? </t>
  </si>
  <si>
    <t>声卡驱动要卸载干净再安装正确驱动才行，有些驱动安装后总是起作用，无法真正卸载干净。最好的办法是备份系统后（以备还原），重装纯净版不带驱动系统。不要装万能驱动。万能驱动大多数情况下能正确识别，但也有识别错误的时候。我就曾经碰到过方正品牌机安装几个版本集成驱动系统，自动识别安装硬件，没有？和！，声音能调节，就是没声音。然后根据声卡芯片型号来下载驱动（不用软件检测，软件检测也有1%的错误）。安装正确后如果问题依旧，说明声卡硬件有问题。问题解决的话可恢复系统，然后找驱动卸载工具卸载干净声卡驱动，安装上正确驱动就可。（这步也可以在重装系统前试一下）</t>
  </si>
  <si>
    <t xml:space="preserve">为什么人有个时候会莫名感到心烦与空虚?现在的我很悲观，面对现实又 </t>
  </si>
  <si>
    <t xml:space="preserve">有一位心理学家从大量的青年人中挑选出一批日常观察“最正常”的人，这些人接受过良好的教育，品行端正，事业有成，家庭幸福。通过心理测验却发现半数以上的人具有不同程度的焦虑、抑郁症状，有些还比较严重，因此精神正常并不意味着没有一点问题。正常人也可能出现短暂的精神病理现象，只是时间短、程度轻、尚不能贴上精神障碍的标签。 心烦.空虚.虑反应是人们对环境中的一些特定情况进行适应的反应方式，正常的焦虑反应通常有其现实原因，也不至于反复出现。如面临高考，有些学生坐立不安，心事多重重!甚至达到非常严重的程度。高考过后，一切烟消云散，属正常情绪反应。 </t>
  </si>
  <si>
    <t xml:space="preserve">“扬州八怪”怪在哪？ </t>
  </si>
  <si>
    <t xml:space="preserve">“扬州八怪”怪在哪里？一是：为人，异于道统不务俗；二是：为艺，取材平凡，画出不平凡；三是：作画，笔端脱略任自由。 从为人方面来看：“八怪”之中有不少人是“布衣”（百姓），也有中举人、进士做官者，在社会上属于士的阶层。但是他们大多不以富贵功名为重，心愿一生“布衣”，这与世人以“功名利禄”为追求目标，便是大相径庭。“八怪”大多与劳动人民接触，比较了解民间疾苦，对权贵不献媚，为官时则体贴百姓，甚至冒着丢官的威胁。所以这些“八怪”的怪，既异于传统，又异地世人的一般言行。“扬州八怪”的为人，还有着“玩世不恭”的一面，卖画有时候偏偏不肯卖给庸俗的盐商，有时也不肯给大官下笔，情愿做个得罪人的人。“八怪”有时超脱起来，竟把靴帽看作“桎梏”，所以往往不修边幅，大事赞美“解衣磐礴”。 “扬州八怪”究竟“怪”在哪里，说法也不一。有人认为他们为人怪，从实际看，并不如此。八怪本身，经历坎坷，他们有着不平之气，有无限激愤，对贫民阶层深表同情。他们凭着知识分子的敏锐洞察力和善良的同情心，对丑恶的事物和人，加以抨击，或著于诗文，或表诸书画。这类事在中国历史上虽不少见，但也不是多见，人们以“怪”来看待，也就很自然的了。但他们的日常行为，都没有超出当时礼教的范围，并没有晋代文人那样放纵--装痴作怪、哭笑无常。他们和官员名士交流，参加诗文酒会，表现都是一些正常人的人。所以，从他们行为中来认定他们的“怪”是没有道理的。现在只有到他们的作品中，来加以研究。 “八怪”不愿走别人已开创的道路，而是要另辟蹊径。他们要创造出“掀天揭地之文，震惊雷雨之字，呵神骂鬼之谈，无古无今之画”，来自立门户，就是要不同于古人，不追随时俗，风格独创。他们的作品有违人们欣赏习惯，人们觉得新奇，也就感到有些“怪”了。正如郑燮自己所说：“下笔别自成一家，书画不愿常人夸。颓唐偃仰各有态，常人笑我板桥怪。”当时人们对他们褒贬不一，其中最主要的一点，就是偏离了“正宗”，这就说明了它所以被称之为“怪”的主要原由。扬州八怪画家突破了“正宗”的束缚，在继承传统的基础上，重在自己创造与发挥，穷其一生，为创造新的画风而努力。参考资料： </t>
  </si>
  <si>
    <t xml:space="preserve">猜六字谜,连成一句很浪漫的话考考你：什么车没轮？什么猪没嘴？什么 </t>
  </si>
  <si>
    <t xml:space="preserve">共16个答案： 一、 在明太主朱元章 贪官当道 人们有怨都很难得到公正的审判 有一穷书生 考试三年而不第 并且 家中田地被占 官官相卫 他无处伸冤 跟本不可能去告御状 终于 他想出个方法 能让太主知道他的冤情 他出了这么个 让别人猜 由于很难 很快传遍天下 也就传到了太主的手里 太主看了后 便把他招来 问 你有什么怨情？ 他把所有的委屈都说了出来 贪官被斩首了 可他们总不明白书生怎么告的御状 后来 迷揭开了 所有的秘密全在那个诗歌里: 何车无轮？：古时候，农民犁地，在牛身后的拉的叫犁车，犁车是用来开荒的，那时候，人们管开荒又叫‘起地’，所以‘起’通‘乞’代表乞求的意思 何猪无嘴？：这个自然代表太主本人，猪代表朱字，说太主很少慰问国事，像无嘴一样 何驴无毛？：也代表太主本人，太主本来当过和尚，那是广交贤良，以天下为心，用这句和上面的那句对比，说明太主应该管国事了 所以，这句代表的字就是‘为’字，表示太主该有所为了。 何屋无门：这个屋字通吾字，代表书生自己， 何书无字：古代的诏书都是太监念的，而太监根本不认识字，所以，诏书就是用口头来传达的，所以，这句代表的字就是‘昭’ 何花无叶：这个很简单了，大家都会想到的，就是雪花了，这句代表的就是‘雪’字 所以，整个句子连起来就是“乞朱为吾昭雪” 二、 安步当车无轮，安步当车即走的意思，走与祝谐音；亥本义指猪，字形无嘴，可说亥这个猪无嘴，亥为地支，与天干结合可纪年，年与你谐音，且亥在地支中位居十二，十二与是尔谐音，意是你；秃驴无毛，秃驴可借指和尚，和尚即僧，僧与升谐音；千年屋无门，千年屋即棺，棺与官谐音；天书无字，天书可理解为天子写的书，即圣旨，相当于“法律”，法与发谐音；妙笔生花无叶，妙笔生花指一个人的文采，即才气，才与财谐音。 因此，可连成一句话为：“祝你升官发财”。 三、 （风）车无轮 （雨）珠（谐 猪）无嘴 （秃）驴无毛 （中）午（谐 屋）无门 （桐）树（谐 书）无字 （心）花无叶 风雨秃中桐心 即“风雨途中同心 ” 四、 何车无轮：我（我）车无轮。我的车本来就没有轮子，轮子给我卸了，但没有钱买新的轮子，只好放在仓库里。 何猪无嘴：矮（爱）竹无嘴。矮竹，就是我们说的文竹。植物而已，哪里来的嘴巴？ 何驴无毛：泥（你）驴无毛。谁都知道。 何屋无门：蚁（一）屋无门。蚂蚁的家是洞口，没有门的。 何书无字：万树（书）无字。多少树都没有字的。 何花无叶：年画（花）无叶。年画而已，和叶子确实没有关系。 所以答案是：“我爱你一万年”。 五、 “老鼠喜欢大米” 何车无轮：老车蘼帧3道狭耍鸬簦鸪凳窍炔鹇肿拥模赡苁怯捎诼肿由嫌邢鸾海梢灾匦禄厥盏脑倒省5比宦肿右裁挥辛恕? 何猪无嘴：紫（子）竹（猪），一种植物。不是动物，当然没有嘴。子猪的子，就是鼠。学过天干地支的人都知道。 何驴无毛：锡驴无毛。为什么呢？无锡古代盛产金属锡，北人用毛驴来运送锡矿，获利丰厚。 何屋无门：幻（欢）屋无门。典出《金刚经》。 何书无字：大叔无字。大叔是农村的叫法。一般大叔是只有名字，不会专门学文人取什么“字”“号”等等乱七八糟的东西的。 何花无叶：米花无叶。谁都知道。爆米花直接可以吃的，不是什么植物。 合起来就是：“老鼠喜欢大米”。 六、 冰车无轮，卤猪无嘴，酱驴无毛，烧屋无门，羊书无字（羊写不出字或洋书都是字母无汉字），蹄花无叶。 连起来就是“冰卤酱烧羊蹄”。一道名菜是也。 七、 何车无轮：（象）是指象棋里面的车，所谓车无轮，马无缰。象通像。 何猪无嘴：（只）通蜘，古人认为蜘蛛是没有嘴的。 何驴无毛：（笨）笨驴指骂人的，在此处只有毛驴才有毛，是字的意思。 何屋无门：（鸟）鸟屋无门，因为鸟的窝是朝天的。 何书无字：（先）在此处书是指书写的意思，是说还没有写之前当然是没有字的。 何花无叶：（飞）落叶飞花，所以飞花是没有叶的。 所以答案是“象只笨鸟先飞” 八、 何水无鱼？何山无石？何人无父？何女无夫？何树无枝？何城无市？原于释迦凡尘语录，名曰劝修经，南水无鱼？无山无石？阿人无父？弥女无夫？陀树无枝？佛城无市？六字乃南无阿弥陀佛，后列为语咒。释迦行于尘，无日，无食，不眠，不休，受想行识亦复如是，是诸法空相——答案是“南无阿弥陀佛”。 九、 答案是“清兵余孽处死 ” 答案有段秘史： 辛亥革命后，黎元洪任湖北军政府都督，某日与众部下议事，常州人梁适武问及如何处理满清降将罗金成及其麾下清兵数拾人，黎略一思索，即召文房四宝书以&lt;何水无鱼？何山无石？何树无枝？何子无父？何女无夫？何城无市？&gt;一谜。 部下有通佛典者看后心领神会：此不隐喻&lt;南无阿弥陀佛&gt;六字？ 故皆拱手：“都督真菩萨心肠也！” 黎微笑不语。 至梁适武返办公署欲行收编降兵，其在场幕僚章公行阻之说：”梁公误矣，适才黎都督不愿于众部下前斩降兵致惑人心，但他应知降将罗金成为人善变无信，黎都督责令梁公秘密处决降兵呢！”梁大惑不解，章公行解释： 何水无鱼？ 隐喻 “清”字 何山无石？ 隐喻 “冰”(兵)字 何树无枝？ 隐喻 “余”字，余有残余之义 何子无父？ 隐喻 “孽”字 何女无夫？ 隐喻 “处”字 何城无市？ 隐喻 “死”字 梁适武闻言大悟，遂将降将罗金成及其麾下清兵数拾人设计秘密处决。 不想全国上下，古今近百年，除章公行外，皆无人能正解此谜，想黎都督也始料不及也！ 十、 夫子问小儿曰：“你知何山无石？何水无鱼？何门无关？何牛无犊？何马无驹？何刀无环？何火无烟？何人无妇？何女无夫？何日不足？何日有余？何雄无雌？何树无枝？何城无使？何人无字？” 小儿答曰：“土山无石，井水无鱼，空门无关，犀牛无犊，木马无驹，斫刀无环，萤火无烟，八仙无妇，玉女无夫，冬日不足，夏日有余，孤雄无雌，枯树无枝，空城无使，小儿无字。” 十一、 水至清则 无鱼 （请） 书山有路 无石 （走） 玉树临风 无枝 （人） 天皇老子 无父 （行） 凶残恶女 无夫 （横） 万里长城 无市 （道） 答案是“请走人行横道” 十二、 祸水无鱼，祸水指红颜，即所谓红颜祸水，红颜又专指女子，女子组字为好；人山无石，人山即仙字，仙与心谐音，其余猜法类似。 连成一句话为答案：“好心必（一）定好报”。 十三、 雨水无鱼，泥山无石，低树无枝，老子无父，天女无夫，荒城无市。 答案是“＜与（雨）你（泥）地（低）老天荒＞ ” 十四、 ＜血书建议少赌! ＞ 血水无鱼,书山无石,建树无枝,议(义)子无父,少女无夫,赌城无市 十五、 ＜开火把君处死＞ 开水无鱼，火山无石，巴蕉树无枝，君子无父，处女无夫，死城无市 十六 《西游记》中有一个情节相信大家都知道：孙悟空三打白骨精。当孙悟空将白骨精化成的老妇da 倒在地时，妖精脱身而去，并在空中扔下一纸（上书：“恶徒不除，难取真经”等字样），八戒飞身上前抓得此条，递与师父，唐僧曰：“开书——”阅后，深思良久，“余，弃悟空。” （开水无鱼，书山无石，余树无枝，弃子无父，悟女无夫，空城无市。悟女者，大彻大悟之女子也 </t>
  </si>
  <si>
    <t xml:space="preserve">温度补偿开关是干吗用的，它控制什么元件，工作原理是什么？谢谢冰箱 </t>
  </si>
  <si>
    <t>机械温控的单系统冰箱在冷藏区有一个温度探头，它连接温控器，用来控制压缩机是否工作。冷藏区一般要求0℃～10℃，如果室内环境温度接近或低于10℃，那么温度探头测量的温度就会长时间低于10℃，这时压缩机是不工作的。为了解决这一问题，设计者就针对单系统冰箱设置了“温度补偿”开关，把一组电热丝放在探头旁边，这会使温度探头周围的温度升高，压缩机就可以工作了</t>
  </si>
  <si>
    <t>只研究了几场，大家看看如何？01维　冈(14)03</t>
  </si>
  <si>
    <t xml:space="preserve">01 维　冈 03-10 00:00 阿森纳 0 02 雷　丁 03-08 23:00 曼　城 03 布莱克 03-08 23:00 富勒姆 30 04 热　刺 03-08 23:00 西汉姆 310 05 巴勒莫 03-09 03:30 乌迪内 310 06 桑德兰 03-08 23:00 埃弗顿 310 07 利物浦 03-08 23:00 纽卡斯 31 08 比勒菲 03-08 22:30 沙尔克 10 09 斯图加 03-08 22:30 不莱梅 10 法兰克 03-08 22:30 波　鸿 11 沃尔夫 03-08 22:30 科特布 12 拜　仁 03-08 22:30 卡尔斯 3 13 杜伊斯 03-08 22:30 罗斯托 14 国　米 03-09 01:00 雷吉纳 3 </t>
  </si>
  <si>
    <t xml:space="preserve">分析家中白线黄线粉红线绿红代表什么？MACD指数平滑异同移动平均 </t>
  </si>
  <si>
    <t>MACD指数平滑异同移动平均线,还有一种是MA移动平均线分别有 天线,代表几天的平均成本,当少天数上穿多天数的为多头市场,当少天数下穿多天数的为空头市场</t>
  </si>
  <si>
    <t xml:space="preserve">田口方法详细情况请专业人士提供何处可以见到田口方法理论书，或者介 </t>
  </si>
  <si>
    <t>百科名片   田口方法田口方法是一种低成本、高效益的质量工程方法，它强调产品质量的提高不是通过检验，而是通过设计。其基本思想是把产品的稳健性设计到产品和制造过程中，通过控制源头质量来抵御大量的下游生产或顾客使用中的噪声或不可控因素的干扰，这些因素包括环境湿度、材料老化、制造误差、零件间的波动等等。田口方法不仅提倡充分利用廉价的元件来设计和制造出高品质的产品，而且使用先进的试验技术来降低设计试验费用，这也正是田口方法对传统思想的革命性改变．为企业增加效益指出了一个新方向。目录一、田口方法的涵义二、田口方法的基本思想三、田口方法的特点四、田口方法的功效五、《谢恩DOE实战教程》田口方法的实施步骤展开编辑本段一、田口方法的涵义　　随着市场竞争的日趋激烈，企业只有牢牢把握市场需求，用较短的时间开发出低成本、高质量的产品，才能在竞争中立于不败之地。在众多的产品开发方法中，田口方法不失为提高产品质量，促进技术创新，增强企业竞争力的理想方法。　　由日本田口玄一(Genichi Taguchi)所提之品质工程的理念和方法，是将品质改善之重点由制程阶段向前提升到设计阶段，一般称其为离线之品质管制方法(off-line quality control)。在哲理方面，田口提出品质损失(quality loss)之观念来衡量产品品质，一些不可控制之杂音(noise)(例如环境因素)造成特性偏离目标值，并因而造成损失。田口方法的重点在於降低这些杂音对产品品质的影响性，根据稳健性(robustness)之观念，决定可控制因子的最佳设定，建立产品?制程之设计，以使产品品质不受到杂音因素之影响。　　田口方法是日本田口玄一博士创立的，其核心内容被日本视为“国宝”。日本和欧美等发达国家和地区，尽管拥有先进的设备和优质原材料，仍然严把质量关，应用田口方法创造出了许多世界知名品牌。　　田口方法的目的在于，使所设计的产品质量稳定、波动性小，使生产过程对各种噪声不敏感。在产品设计过程中，利用质量、成本、效益的函数关系，在低成本的条件下开发出高质量的产品。田口方法认为，产品开发的效益可用企业内部效益和社会损失来衡量．企业内部效益体现在功能相同条件下的低成本，社会效益则以产品进入消费领域后给人们带来的影响作为衡量指标。假如，由于一个产品功能波动偏离了理想目标，给社会带来了损失，我们就认为它的稳健性设计不好，而田口式的稳健性设计恰能在降低成本、减少产品波动上发挥作用。编辑本段二、田口方法的基本思想　　与传统的质量定义不同，田口玄一博士将产品的质量定义为：产品出厂后避免对社会造成损失的特性，可用“质量损失”来对产品质量进行定量描述。质量损失是指产品出厂后“给社会带来的损失”，包括直接损失（如空气污染、噪声污染等）和间接损失（如顾客对产品的不满意以及由此导致的市场损失、销售损失等）。质量特性值偏离目标值越大，损失越大，即质量越差，反之，质量就越好。对待偏差问题，传统的方法是通过产品检测剔除超差部分或严格控制材料、工艺以缩小偏差。这些方法一方面很不经济，另一方面在技术上也难以实现。田口方法通过调整设计参数，使产品的功能、性能对偏差的起因不敏感，以提高产品自身的抗干扰能力。为了定量描述产品质量损失，田口提出了“质量损失函数”的概念，并以信噪比来衡量设计参数的稳健程度。　　由此可见，田口方法是一种聚焦于最小化过程变异或使产品、过程对环境变异最不敏感的实验设计方法，是一种能设计出环境多变条件下能够稳健和优化操作的高效方法。编辑本段三、田口方法的特点　　田口方法的特色主要体现在以下几个方面：　　(1)“源流”管理理论。田口方法认为，开发设计阶段是保证产品质量的源流，是上游，制造和检验阶段是下游。在质量管理中，“抓好上游管理，下游管理就很容易”，若设计质量水平上不去，生产制造中就很难造出高质量的产品。　　(2)产品开发的三次设计法。产品开发设计(包括生产工艺设计)可以分为三个阶段进行，即系统设计、参数设计、容差设计。参数设计是核心，传统的多数设计是先追求目标值，通过筛选元器件来减少波动，这样做的结果是，尽管都是一级品的器件，但整机由于参数搭配不佳而性能不稳定。田口方法则先追求产品的稳定性，强调为了使产品对各种非控制因素不敏感可以使用低级品元件．通过分析质量特性与元部件之间的非线性关系(交互作用)．找出使稳定性达到最佳水平的组合。产品的三次设计方法能从根本上解决内外干扰引起的质量波动问题，利用三次设计这一有效工具，设计出的产品质量好、价格便宜、性能稳定。　　(3)质量与成本的平衡性。引入质量损失函数这个工具使工程技术人员可以从技术和经济两个方面分析产品的设计、制造、使用、报废等过程，使产品在整个寿命周期内社会总损失最小。在产品设计中，采用容差设计技术，使得质量和成本达到平衡，设计和生产出价廉物美的产品，提高产品的竞争力。　　(4)新颖、实用的正交试验设计技术。使用综合误差因素法、动态特性设计等先进技术，用误差因素模拟各种干扰(如噪声)，使得试验设计更具有工程特色，大大提高试验效率，增加试验设计的性，其试验设计出的最优结果在加工过程和顾客环境下都达到最优。采用这种技术可大大节约试验费用。编辑本段四、田口方法的功效　　田口方法是一门实用性很强的技术，在生产实践中特别是产品开发设计中显示出强大的生命力,其魅力主要表现为：　　(1)提高产品科技含量，促进技术创新。通过采用田口方法可改变企业一味引进先进设备的状况，增强二次创新能力，进而提高产品开发能力。　　(2)可缩短产品开发周期，加速产品更新换代。应用田口方法可在质量管理中提高生产率，收到事半功倍的效果。　　(3)应用田口方法创名牌。使用田口方法的三次设计技术设计出来的产品稳健性好，抵御外界干扰的能力强，波动小，质量可靠，易于创出知名产品，占领市场，打出自己的品牌。　　(4)应用田口方法创效益。田口方法用廉价的三等品零件组装一等品整机，真正做到了价廉物美，使企业的经济效益更上一个台阶。　　现今在发达国家田口方法已运用得相当广泛，并且为它们创造了不斐的收益。中国的一些企业也引进了这种先进方法并取得了良好的收效。深圳建裕电子公司就是应用田口方法走产品开发和技术创新之路的成功范例。建裕从日本、台湾等比较先进、发达的地区引进国内外先进的电路，进行吸收、提高和创新，在市场调查的基础上开发出性能更可靠、功能更齐全、价格更合理的电话机。使用田口方法后，他们每两个月就推出一部新款的电话机，产品物美价廉，很受用户的青睐，市场份额不断扩大，知名度不断提高，多次被用户评为“消整者信得过产品”，在激烈竞争的电话市场中牢牢地站稳脚跟。编辑本段五、《谢恩DOE实战教程》(一)课程背景　　《谢恩DOE实战教程》——是美国质量管理专家多利安?谢恩发明、完善的一套DOE（试验设计）理论，是六西格玛质量管理的最新实战工具。 美国谢恩DOE与经典DOE、田口DOE相比：具有方法多、效果好、时间短、样本小、不停产、费用少，易学用、效率高的特点。可以极有效地帮助企业彻底铲除“品质顽疾”、改善产品质量在日益激烈的竞争中把握先机！“没有戴明，美国就不会有质量哲学；没有朱兰，美国就不会有质量的方向；没有谢恩，美国就无从解决质量问题”。这句名言总结了美国最伟大的三位质量大师的贡献　　自1979年以来，摩托罗拉通过这套管理工具，节约了高达90多亿美元的生产成本！而通过谢恩DOE来进行质量控制而取得巨大成功的案例，还有：世界着名的福特公司、马自达公司、日本电报电话公司、日本F—16喷气战斗机的生产厂商等。(二)课程目标　　● 了解经典DOE，田口DOE，谢恩DOE的区别及优缺点；　　● 熟悉谢恩DOE的10种强有力的质量管理工具；　　● 熟悉解决疑难质量问题的路径；　　● 训练系统的统计分析思维习惯和方法；　　● 提升核心技术竞争力和自主创新能力；（四）课程大纲　　谢恩（夏宁 谢恩）DOE简介 谢恩DOE　　过程改进与优化　　系统解决问题的方法　　产品和过程的三次设计　　试验设计简介　　谢恩DOE的原理　　改进项目及绿Y的确定 谢恩DOE　　改进项目的确定　　绿Y的确定　　利克特度量　　测量系统分析-Isoplot图　　多层变差图Multi-Vari Chart　　多层变差模型　　分层法调查表　　多层变差图　　变差过程分析案例　　策略图　　部件搜索 Component Search　　好的BOB和坏的WOW部件选取　　产品的功能框图　　部件搜索分析流程和案例　　部件成对比较Paired Comparisons　　好的BOB和坏的WOW部件选取　　产品功能与产品特性因果图　　成对比较分析流程和案例　　产品/过程的搜索Process Search　　好的和坏的过程选取　　因果图、KCC&amp;KPC矩阵　　产品/过程的搜索分析流程和案例　　变量搜索技术Variables Search　　变量和水平的确定　　变量搜索的确定工艺参数　　变量搜索的分析流程和案例　　全因子实验Full Factorials　　因子效应及交互作用　　全因子实验案例　　改进的确认- B与C比较B vs .C　　改进目标的确定　　B与C比较　　B与C比较过程分析案例　　公差设计 Realistic Tolerance Parallelogram plot　　过程工艺参数优化设计和目标值　　同步工程　　制造过程能力和测量过程能力分析　　回归分析确定过程工艺参数上下公差　　工艺参数优化设计和编辑本段田口方法的实施步骤　　田口方法的实施步骤可分为下列十项：　　1.选定品质特性 2.判定品质特性之理想机能　　3.列出所有影响此品质特性的因子　　4.定出信号因子的水准　　5.定出控制因们的水准　　6.定出干扰因子的水准，必要的话，进行干扰实验　　7.选定适当的直交表，并安排完整的实验计划　　8.执行实验，记录实验数据　　9.资料分析　　10.确认实验</t>
  </si>
  <si>
    <t xml:space="preserve">when和while引导的从句可不可以用现在进行时？ </t>
  </si>
  <si>
    <t>when 和 while引导的从句可以用现在进行时.eg.when he is thinking about sth, he always frowns.while you are driving,remeber that safe is the first.不过while当"当....时候"讲时后通常用进行时态</t>
  </si>
  <si>
    <t xml:space="preserve">目前这结果冷吗？没大冷，也就是3小冷哈 </t>
  </si>
  <si>
    <t>组合小冷比单一大冷杀伤力要大多了</t>
  </si>
  <si>
    <t xml:space="preserve">请问石家庄那里能够批发到美赞臣的奶粉？以前有个电话，现在找不着了? </t>
  </si>
  <si>
    <t>我没有听说过这个牌子，不过你去西二环哪里的华北食品城去看一下，那里有好多的批发，应该会有的（坐105就是现在的旅游1北线的车，到了中山公园下车就到了），也就是保龙仓总部你里 的蔬菜批发中心哪里</t>
  </si>
  <si>
    <t xml:space="preserve">奇迹世界更新好奇迹勇士奇迹助手都更新好了为什么我老掉线~ </t>
  </si>
  <si>
    <t>晚上7到10点容易掉线,9/C有的时候一个服务器人全掉，不知道你碰到过没有，用挂双开也容易掉线.</t>
  </si>
  <si>
    <t xml:space="preserve">大盘下周会继续走高吗，高度是多少？ </t>
  </si>
  <si>
    <t xml:space="preserve">今日大盘缩量上涨,收出了久违的周阳线.从技术性形态上看,大盘横盘震荡整理,正面临突破方向的选择.由于成交量继续萎缩,市场观望情绪浓厚,且下周不确定因素太多,若周一回调,则后市的反弹会很曲折,周一若继续上涨,则反弹仍将延续,反弹暂看3800点.后市把握好热点板块中的个股,踏准节奏很重要. </t>
  </si>
  <si>
    <t xml:space="preserve">女人性欲太强,对她自己来说是好事吗?每次我都很强,老公都要投降, </t>
  </si>
  <si>
    <t>有些妇女突然出现频繁而强烈的性要求，有的不分昼夜一天数次仍嫌不够，甚至达到不避亲疏的程度，当要求得不到满足时便哭骂吵闹，搞得丈夫精疲力尽极为苦恼。有的还伴有疑心病，思维混乱，精神恍惚，发作时完全不能自制。这就是所谓的性欲亢进，除了性兴奋出现过多之外，也可以表现为兴奋出现得过快、过剧，有的在接吻、拥抱时便可以产生强烈的性兴奋高潮。她们与性欲较强的妇女不同，多数不影响健康。这二者应予以区别。 造成性欲亢进的原因无非是内分泌失调和精神因素所致。 如卵泡膜细胞瘤可使体内性激素的分泌增加，继而引起性欲亢进和思维混乱等精神症状，当手术切除肿瘤后病症消失，恢复正常。性腺—垂体—下丘脑轴系的任何一个环节发生病变时都有可能造成这种病症。轴系异常时产生的问题主要是性功能低下，性欲亢进的只占很少数。这是躯体内分泌系统的一种特异反应，有时可因丈夫性功能的减退而激发或加重。更年期出现这类问题时，主要因为卵巢雌激素分泌减少后，脑垂体促性腺激素反馈性地分泌过多所引起，于是出现奇特的反跳现象。因此有人主张以异性激素治疗（如注射丙酸睾酮），但有关其疗效及不良反应尚有争议。所以必须在医生观察和指导下才能使用，以免发生意外或其他不良反应。甲状腺功能亢进时，特别是轻度亢进时，有10％—20％的病人会出现性欲亢进。 由于大脑在性功能中起主导作用，故应该考虑是否有大脑的病变，如大脑皮质的性欲中枢处于持续兴奋状态，或大脑皮质对脊髓的低级性反射中枢的兴奋作用增强。在一些诱因的影响下患者可能发展为更年期精神病或属于躁狂症等精神病，这就不是简单的性问题了。 躁狂症由于精神失调可引起对性兴奋的抑制能力下降，不论男女约60％以上有性欲亢进倾向。这些病人多有情绪高涨、欣快、动作过多、思维奔逸、冲动行为等。 更年期精神病包括抑郁型和类偏执狂或妄想型。前者除更年期综合征那些症状外，主要表现为严重焦虑与情绪抑郁，往往有明显的消极厌世思想。有的表现为严重的疑病妄想，怀疑身患不治之症或即将大祸临头。后者往往无端怀疑配偶有外心，属“嫉妒妄想”。有时毫无根据地怀疑丈夫与第三者要谋害自己，称“被害妄想”，它们可以同时发生。我们曾接待过这样一位老年妇女，她总怀疑丈夫与扫街的外地来的老太太有不正当关系，说他们合伙要害她。结果她三天两头往咨询中心跑，怎么劝解、家访都无效，最后经精神科医生诊断后入院治疗。这时再服用一般的谷维素、多虑平、尼尔雌醇等针对更年期综合征的药物就不会奏效了，必须使用较大剂量的抗精神病药，如氯丙嗪、氟哌啶醇、泰尔登、氯氮平等。因为患者丧失自省力，不肯服药（因为药物反应）或者用药剂量不足时，可安排住院治疗以控制病情。 一般的性欲亢进在发现问题时也应及早治疗，千万不能因为不好意思，羞于启齿就凑和下去。如果检查排除了具体病变之外，则应在医生帮助下进行自我心理调节。首先要做到意志控制，要理解对方的处境和身体健康，所以自己不能任意“随心所欲”。而伴侣也应尽量体贴和同情患者，也可暂时分居一段时间，减少性刺激。避免以此而争吵和挖苦讽刺对方，以免使她的病情加重、恶化，甚至出现严重意外。必要时可安排正规的心理治疗。 治疗可服龙胆泻肝汤或知柏地黄汤加减。药物治疗以镇静剂消除其病态妄想（如安定、眠尔通、氯丙嗪），以异性性激素拮抗其亢进作用。如有精神分裂症等则应住院治疗。</t>
  </si>
  <si>
    <t xml:space="preserve">坏死肌肉康复手术。爱一个人是抚慰她的伤痛而不是揭开她的伤疤，可要 </t>
  </si>
  <si>
    <t>时间比外科医生更高明</t>
  </si>
  <si>
    <t xml:space="preserve">06060期实买单！再搏一次！批单者欢迎！批人者滚蛋！请爱问朋友 </t>
  </si>
  <si>
    <t>你这蛋5倍多余了。西甲虽然两单两双错最少1个。意甲的两个1最少错一个，有可能错两个。专家，我批单子了，对了采纳。我是在维护和谐爱文。大家作证明。</t>
  </si>
  <si>
    <t xml:space="preserve">酒渣鼻怎么总是医治也不好啊为什么酒渣鼻总是治不好跑了很多的地方也 </t>
  </si>
  <si>
    <t>你好，如果得了酒糟鼻还是手术去除最有效　　酒渣鼻是一个很复杂的病理过程，具体原因目前尚不清楚。一般认为，与蠕形螨及幽门螺杆菌感染有关。其他如遗传性皮脂分泌过多、内分泌障碍(如甲状腺及性腺功能障碍等)、胃肠功能紊乱、体内的慢性感染病灶等都可能是其致病因素。而经常饮酒、吸烟、爱吃辛辣刺激性食物的人患病率相对较高。　　生了酒渣鼻，除了影响面部容貌外，还往往给人以“酒鬼”的印象，给社交、等带来诸多不便。生了酒渣鼻，不必惊慌，一定要到正规医院就诊。针对酒渣鼻的三个病理时期(红斑期、丘疹脓包期及鼻赘期)采用不同的方法。　　在发病初期，也就是红斑期，主要表现为鼻尖鼻翼皮肤弥漫性潮红，在情绪激动、寒冷变化及食用辛辣刺激性食物后更加明显。这时，一般来说可以不用药物，通过调节饮食及作息，保持良好的心理状态来控制本病。戒烟酒，少吃辛辣刺激性食物，多吃蔬菜和水果，适量服用维生素B6、维生素B12;养成良好的生活作息习惯，保持大便通畅，保持良好的心情，避免情绪激动，避免局部皮肤刺激及日晒。　　在酒渣鼻发展到丘疹脓包期时，病变部位除持续性毛细血管扩张更加明显外，还成批出现大小不等的丘疹、脓疱，甚至伴有皮脂溢出。继续发展，鼻部皮肤增生、肥大、变形，皮脂腺异常增大，鼻尖粗糙且明显增大，表面有大小不等的隆起性结节，称为鼻赘，即鼻赘期。酒渣鼻进入中晚期后，药物治疗，包括局部用药(四环素、红霉素、甲硝唑霜、酮康唑霜、外用维A酸等)和系统用药(四环素族抗生素、1 3—顺维A酸、甲硝唑等)有一定疗效，但效果往往不尽人意。激光治疗及酒渣鼻切割术往往能达到良好的效果。</t>
  </si>
  <si>
    <t xml:space="preserve">了解弓箭职业的进！！！！！我是新手请问暗弓和丛林有什么不同　这两 </t>
  </si>
  <si>
    <t>首先你要明白：丛林弓主要是靠普通攻击ＰＫ的，因为他的技能主要是加命中，攻击速度，多是状态技能，特别是４５级的技能，一级是在１５秒内１００％的物理致命！！！　　配合缠绕，加上好的装备（最好ＰＫ是加物理攻击的），然后用４５技能，想想看，１００％致命，物理攻击高的话，几秒种敌人就倒下！！　　　　　　　暗弓主要靠技能，以前技能攻击伤害很大（现在被改小了），主要靠３０级暗影箭和４５级终极暗影箭伤害很客观哦！！　辅助技能＂消失＂和＂潜行＂，会让对手很头疼！！　　还有个技能不的不说，３３级的＂沉没箭＂，法师遇到郁闷死！！　　不能放技能，你说法师还能做什么？？？－．－最后说下练级：相对丛林练级要快过暗弓，好歹有个群攻，而且命中高．．　　　暗弓是出了名的练级郁闷，永远都是一个一个打（２４级的那个群攻是鸡肋，基本当作单个技能使用）要说优点和缺点就是：暗弓练级绝对的是郁闷＋无聊，而丛林弓你不到４５最好别出去ＰＫ！！</t>
  </si>
  <si>
    <t xml:space="preserve">天天吃维生素C好吗最近几天我在刷牙的时候发现牙出血，于是就吃了点 </t>
  </si>
  <si>
    <t>不会有影响呀,维c对人体的副作用很小,国外曾对此作了一个实验,对小白鼠服用500毫克每天可是几个月都没有事呀 ,其实你每天只需服用两粒足够了刷牙时注意刷牙的方法,一定要正确,轻轻地刷,上下刷慢一点别太快了 ,早晚刷,牙膏可以买捎好一点的牙刷要软一点的别太硬了这样就ok了；</t>
  </si>
  <si>
    <t xml:space="preserve">月经过后阴道痒,是什么原因呢我3月12日又来月经了.每次都提前一 </t>
  </si>
  <si>
    <t>妇科小问题！不用担心，这是大部分女性朋友或多或少都有的问题！是阴道炎，买点消毒液，什么妇炎洁之类的洗洗就好啦！ 实在不行就去医院吧！！建议你自己先处理下。刚好也想知道这是怎么回事，因为我的情况也差不多，有没有哪位知道这是怎么回事？严重？</t>
  </si>
  <si>
    <t xml:space="preserve">四大民间故事娱乐 </t>
  </si>
  <si>
    <t>《孟姜女》、《白蛇传》、《牛郎织女》和《梁山伯与祝英台》并称为中国民间四大传说故事。1：孟姜女　　秦朝时候，有个善良美丽的女子，名叫孟姜女。一天，她正在自家的院子里做家务，突然发现葡萄架下藏了一个人，吓了她一大跳，正要叫喊，只见那个人连连摆手，恳求道：“别喊别喊，救救我吧！我叫范喜良，是来逃难的。”原来这时秦始皇为了造长城，正到处抓人做劳工，已经饿死、累死了不知多少人！孟姜女把范喜良救了下来，见他知书达理，眉清目秀，对他产生了爱慕之情，而范喜良也喜欢上了孟姜女。他俩儿心心相印，征得了父母的同意后，就准备结为。 　　成亲那天，孟家张灯结彩，宾客满堂，一派喜气洋洋的情景。眼看天快黑了，喝喜酒的人也都渐渐散了，新郎新娘正要入洞房，忽然只听见鸡飞狗叫，随后闯进来一队恶狠狠的官兵，不容分说，用铁链一锁，硬把范喜良抓到长城去做工了。好端端的喜事变成了一场空，孟姜女悲愤交加，日夜思念着丈夫。她想：我与其坐在家里干着急，还不如自己到长城去找他。对！就这么办！孟姜女立刻收拾收拾行装，上路了。 　　一路上，也不知经历了多少风霜雨雪，跋涉过多少险山恶水，孟姜女没有喊过一声苦，没有掉过一滴泪，终于，凭着顽强的毅力，凭着对丈夫深深的爱，她到达了长城。这时的长城已经是由一个个工地组成的一道很长很长的城墙了，孟姜女一个工地一个工地地找过来，却始终不见丈夫的踪影。最后，她鼓起勇气，向一队正要上工的民工询问：“你们这儿有个范喜良吗？”民工说：“有这么个人，新来的。”孟姜女一听，甭提多开心了,她连忙再问：“他在哪儿呢？”民工说：“已经死了，尸首都已经填了城脚了！” 　　猛地听到这个噩耗，真好似晴天霹雳一般，孟姜女只觉眼前一黑，一阵心酸，痛哭起来。整整哭了三天三夜，哭得天昏地暗，连天地都感动了。天越来越阴沉，风越来越猛烈，只听“哗啦”一声，一段长城被哭倒了，露出来的正是范喜良的尸首，孟姜女的眼泪滴在了他血肉模糊的脸上。她终于见到了自己心爱的丈夫，但丈夫却再也看不到她了，因为他已经被残暴的秦始皇害死了。2：白蛇传　　清明时分，西湖岸边花红柳绿，断桥上面游人如梭，真是好一幅春光明媚的美丽画面。突然，从西湖底悄悄升上来两个如花似玉的姑娘，怎么回事？人怎么会从水里升出来呢？原来，她们是两条修炼成了人形的蛇精，虽然如此，但她们并无害人之心，只因羡慕世间的多彩人生，才一个化名叫白素贞，一个化名叫小青，来到西湖边游玩。 　　偏偏老天爷忽然发起脾气来，霎时间下起了倾盆大雨，白素贞和小青被淋得无处藏身，正发愁呢，突然只觉头顶多了一把伞，转身一看，只见一位温文尔雅、白净秀气的年轻书生撑着伞在为她们遮雨。白素贞和这小书生四目相交，都不约而同地红了红脸，相互产生了爱慕之情。小青看在眼里，忙说：“多谢！请问客官尊姓大名。”那小书生道：“我叫许仙，就住在这断桥边。”白素贞和小青也赶忙作了自我介绍。从此，他们三人常常见面，白素贞和许仙的感情越来越好，过了不久，他们就结为夫妻，并开了一间“保和堂”药店，小日子过得可美了！ 　　由于“保和堂”治好了很多很多疑难病症，而且给穷人看病配药还分文不收，所以药店的生意越来越红火，远近来找白素贞治病的人越来越多，人们将白素贞亲切地称为白娘子。可是，“保和堂”的兴隆、许仙和白娘子的幸福生活却惹恼了一个人，谁呢？那就是金山寺的法海和尚。因为人们的病都被白娘子治好了，到金山寺烧香求菩萨的人就少多了，香火不旺，法海和尚自然就高兴不起来了。这天，他又来到“保和堂”前，看到白娘子正在给人治病，不禁心内妒火中烧，再定睛一瞧，哎呀！原来这白娘子不是凡人，而是条白蛇变的！ 　　法海虽有点小法术，但他的心术却不正。看出了白娘子的身份后，他就整日想拆散许仙白娘子夫妇、搞垮“保和堂”。于是，他偷偷把许仙叫到寺中，对他说：“你娘子是蛇精变的，你快点和她分手吧，不然，她会吃掉你的！”许仙一听，非常气愤，他想：我娘子心地善良，对我的情意比海还深。就算她是蛇精，也不会害我，何况她如今已有了身孕，我怎能离弃她呢！法海见许仙不上他的当，恼羞成怒，便把许仙关在了寺里。 　　“保和堂”里，白娘子正焦急地等待许仙回来。一天、两天，左等、右等，白娘子心急如焚。终于打听到原来许仙被金山寺的法海和尚给“留”住了，白娘子赶紧带着小青来到金山寺，苦苦哀求，请法海放回许仙。法海见了白娘子，一阵冷笑，说道：“大胆妖蛇，我劝你还是快点离开人间，否则别怪我不客气了！”白娘子见法海拒不放人，无奈，只得拔下头上的金钗，迎风一摇，掀起滔滔大浪，向金山寺直逼过去。法海眼见水漫金山寺，连忙脱下袈裟，变成一道长堤，拦在寺门外。大水涨一尺，长堤就高一尺，大水涨一丈，长堤就高一丈，任凭波浪再大，也漫不过去。再加上白娘子有孕在身，实在斗不过法海，后来，法海使出欺诈的手法，将白娘子收进金钵，压在了雷峰塔下，把许仙和白娘子这对恩爱夫妻活生生地拆散了。 　　小青逃离金山寺后，数十载深山练功，最终打败了法海，将他逼进了螃蟹腹中，救出了白娘子，从此，她和许仙以及他们的孩子幸福地生活在一起，再也不分离了。 可以围绕范围棵复古。3：牛郎与织女　　牛郎只有一头老牛、一张犁，他每天刚亮就下地耕田，回家后还要自己做饭洗衣，日子过得十分辛苦。谁料有一天，奇迹发生了！牛郎干完活回到家，一进家门，就看见屋子里被打扫得干干净净，衣服被洗得清清爽爽，桌子上还摆着热腾腾、香喷喷的饭菜。牛郎吃惊得瞪大了眼睛，心想：这是怎么回事？神仙下凡了吗？不管了，先吃饭吧。 　　此后，一连几天，天天如此，牛郎耐不住性子了，他一定要弄个水落石出。这天，牛郎象往常一样，一大早就出了门，其实，他走了几步就转身回来了，没进家门，而是找了个隐蔽的地方躲了起来，偷偷地观察着。果然，没过多久，来了一位美若天仙的姑娘，一进门就忙着收拾屋子、做饭，甭提多勤劳了！牛郎实在忍不住了，站了出来道：“姑娘，请问你为什么要来帮我做家务呢？”那姑娘吃了一惊，脸红了，小声说道：“我叫织女，看你日子过得辛苦，就来帮帮你。”牛郎听得心花怒放，赶忙接着说：“那你就留下来吧，我们同甘共苦，一起用双手建设幸福的生活！”织女红着脸点了点头，他们就此结为夫妻，男耕女织，生活得很美满。 　　过了几年，他们生了一男一女两个孩子，一家人过得开心极了。一天，突然间天空乌云密布，狂风大作，雷电交加，织女不见了，两个孩子哭个不停，牛郎急得不知如何是好。正着急时，乌云又突然全散了，天气又变得风和日丽，织女也回到了家中，但她的脸上却满是愁云。只见她轻轻地拉住牛郎，又把两个孩子揽入怀中，说道：“其实我不是凡人，而是王母娘娘的外孙女，现在，天宫来人要把我接回去了，你们自己多多保重！”说罢，泪如雨下，腾云而去。 　　牛郎搂着两个年幼的孩子，欲哭无泪，呆呆地站了半天。不行，我不能让妻子就这样离我而去，我不能让孩子就这样失去母亲，我要去找她，我一定要把织女找回来！这时，那头老牛突然开口了：“别难过！你把我杀了，把我的皮披上，再编两个箩筐装着两个孩子，就可以上天宫去找织女了。”牛郎说什么也不愿意这样对待这个陪伴了自己数十年的伙伴，但拗不过它，又没有别的办法，只得忍着痛、含着泪照它的话去做了。 　　到了天宫，王母娘娘不愿认牛郎这个人间的外孙女婿，不让织女出来见他，而是找来七个蒙着面、高矮胖瘦一模一样的女子，对牛郎说：“你认吧，认对了就让你们见面。”牛郎一看傻了眼，怀中两个孩子却欢蹦乱跳地奔向自己的妈妈，原来，母子之间的血亲是什么也无法阻隔的！ 　　王母娘娘没办法了，但她还是不甘心织女再回到人间，于是就下令把织女带走。牛郎急了，牵着两个孩子赶紧追上去。他们跑着跑着，累了也不肯停歇，跌倒了再爬起来，眼看着就快追上了，王母娘娘情急之下拔出头上的金簪一划，在他们中间划出了一道宽宽的银河。从此，牛郎和织女只能站在银河的两端，遥遥相望。而到了每年农历的七月初七，回有成千上万的喜鹊飞来，在银河上架起一座长长的鹊桥，让牛郎织女一家再次团聚。4：梁山伯与祝英台　　从前有个姓祝的地主，人称祝员外，他的女儿祝英台不仅美丽大方，而且非常的聪明好学。但由于古时候女子不能进学堂读书，祝英台只好日日倚在窗栏上，望着大街上身背着书箱来来往往的读书人，心里羡慕极了！难道女子只能在家里绣花吗？为什么我不能去上学？她突然反问自己：对啊！我为什么就不能上学呢？ 　　想到这儿，祝英台赶紧回到房间，鼓起勇气向父母要求：“爹，娘，我要到杭州去读书。我可以穿男人的衣服，扮成男人的样子，一定不让别人认出来，你们就答应我吧！”祝员外夫妇开始不同意，但经不住英台撒娇哀求，只好答应了。 　　第二天一清早，天刚蒙蒙亮，祝英台就和丫鬟扮成男装，辞别父母，带着书箱，兴高采烈地出发去杭州了。 　　到了学堂的第一天，祝英台遇见了一个叫梁山伯的男同学，学问出众，人品也十分优秀。她想：这么好的人，要是能天天在一起，一定会学到很多东西，也一定会很开心的。而梁山伯也觉得与她很投缘，有一种一见如故的感觉。于是，他们常常一起诗呀文呀谈得情投意合，冷呀热呀相互关心体贴，促膝并肩，两小无猜。后来，两人结拜为兄弟，更是时时刻刻，形影不离。 　　春去秋来，一晃三年过去了，学年期满，该是打点行装、拜别老师、返回家乡的时候了。同窗共烛整三载，祝英台已经深深爱上了她的梁兄，而梁山伯虽不知祝英台是女生，但也对她十分倾慕。他俩恋恋不舍地分了手，回到家后，都日夜思念着对方。几个月后，梁山伯前往祝家拜访，结果令他又惊又喜。原来这时，他见到的祝英台，已不再是那个清秀的小书生，而是一位年轻美貌的大姑娘。再见的那一刻，他们都明白了彼此之间的感情，早已是心心相印。 　　此后，梁山伯请人到祝家去求亲。可祝员外哪会看得上这穷书生呢，他早已把女儿许配给了有钱人家的少爷马公子。梁山伯顿觉万念俱灰，一病不起，没多久就死去了。 　　听到梁山伯去世的消息，一直在与父母抗争以反对包办婚姻的祝英台反而突然变得异常镇静。她套上红衣红裙，走进了迎亲的花轿。迎亲的队伍一路敲锣打鼓，好不热闹！路过梁山伯的坟前时，忽然间飞沙走石，花轿不得不停了下来。只见祝英台走出轿来，脱去红装，一身素服，缓缓地走到坟前，跪下来放声大哭，霎时间风雨飘摇，雷声大作，“轰”的一声，坟墓裂开了，祝英台似乎又见到了她的梁兄那温柔的面庞，她微笑着纵身跳了进去。接着又是一声巨响，坟墓合上了。这时风消云散，雨过天晴，各种野花在风中轻柔地摇曳，一对美丽的蝴蝶从坟头飞出来，在阳光下自由地翩翩起舞。</t>
  </si>
  <si>
    <t xml:space="preserve">我儿子真是自闭症吗?儿子是2006年1月28号生的,快三岁了.六 </t>
  </si>
  <si>
    <t>我以一位自闭症孩子的妈妈来回答你，绝对跑不了。赶紧训练孩子吧，六岁前是关键时期。越早训练，效果越好。。。  可以去机构，也可以到机构培训，在家自己教。因为，自闭症训练是长期的，甚至是终身的。</t>
  </si>
  <si>
    <t xml:space="preserve">影响人类发展的重大发明有哪些？跟我们日常生活有关的也可以呀，比如 </t>
  </si>
  <si>
    <t>造纸术 根据考古发现，西汉时期(公元前206年至公元前8年)，我国已经有了麻质纤维纸。质在粗糙，且数量少，成本高，不普及。 公元105年，蔡伦在东汉京师洛阳总结前人经验，改进了造纸术，以树皮、麻头、破布、旧渔网等为原料造纸。大大提高了纸张的质量的生产效率，扩大了纸的原料来源，降低了纸的成本，为纸张取代竹帛开辟了的前景，为的传播创造了有利的条件火药 火药的发明与炼丹家有关，发明时间至迟在唐代以前。由于炼丹家喜欢保守秘密，因此，我们现在无法查出发明者的姓名、具体年月和具体地方。但是有一点是清楚的，即炼丹家主要是道教的骨干分子或医药学家。我国古代著名的炼丹家葛洪等，都曾在洛阳长期逗留过，伟大的医药学家孙思邈生活在隋代和唐代早期，京兆华原(今陕西省耀县)人。他博涉经史百家学术，通达道经佛典，总结了唐以前的临床攻理论，收集方药、针炙等内容，编著为《千金要方》、《千金翼方》等书，在医学上有较大贡献，被后世尊为“药王”。他不仅是伟大的医药学家，而且是著名的炼丹家，自号“孙真人”。他是总结以前炼丹家经验基础上收集河洛地区和关中地区炼丹家的配方，最后提出硫磺伏火法这种较为管用的配方发电机 在公元1831年,法拉第将一个封闭电路中的导线通过电磁场,导线转动有电流流过电线,法拉第因此了解到电和磁场之间有某种紧密的关连,他建造了第一座发电机原型,其中包括了在磁场中迥转的铜盘,此发电机产生了电力。法拉第的发电机终于改变了一切</t>
  </si>
  <si>
    <t xml:space="preserve">如何为照片着色手工为黑白照片上色，如何制做． </t>
  </si>
  <si>
    <t>手工为黑白照片上色有两种方法，一，水色。二，油色。一般先用水色打底，再用油色着色。照片最好是纹纸.........你不是说要电脑着色吧，我就别费劲了。建议去买一本photoshop教程来看看。</t>
  </si>
  <si>
    <t xml:space="preserve">请问吃牛排时上面浇的蘑菇汁和黑胡椒汁要怎么制作呢？我们吃牛排时常 </t>
  </si>
  <si>
    <t>制作黑胡椒浆汁的方法有两种：1）原料：粗胡椒粒100克，洋葱100克，蒜蓉、姜蓉各10克，料酒5克，酱块30克，辣椒油15克，白糖、盐、水淀粉各适量。做法：1.洋葱洗净后沥干水分，切至碎末状；粗胡椒粒磨碎待用。2.锅置火上，放入适量油烧热，放入洋葱末、蒜蓉、姜蓉炒香，再加入除水淀粉、碎胡椒粒外的所有材料，煮开后转小火熬煮。3.待材料煮至软烂时，加入碎胡椒粒一同煮至入味，待汤汁渐渐收干时，加入水淀粉勾芡即可。还有一种是比较复杂的，也是大西常用的：材料：粗粒胡椒粉1小瓶、洋葱1个、蒜5瓣、姜3片调味料酒1大匙、AI酱4大匙、辣酱油3大匙、糖1大匙、盐1茶匙、水淀粉2大匙、奶油2大匙、色拉油2大匙作法：1.洋葱、蒜、姜分别切碎，用2大匙奶油加2大匙色拉油一同炒香，再加入剩余的调味料（水淀粉除外）及1杯清水煮开后转小火熬煮。2.待材料煮至软烂时，加入粗粒胡椒粉一同煮至入味，汤汁收至稍干时淋入水淀粉勾芡，即可盛出装瓶后冷藏。秘诀：1切洋葱的时候很容易因刺激而流泪，不妨在切开后先用水冲一冲再切，或放入冰箱冷冻10分钟后再切。2如果有研磨机，用新鲜的黑胡椒炒香后直接磨碎再加入，味道更好，如果买现成的胡椒粉，一定要新鲜才香，否则放置太久，味道会变差。至于蘑菇酱的做法嘛，将香菇切成片，炒锅内加入50克色拉油烧热后将20克蒜茸炒成金黄色取出。元葱粒、西芹粒各50克炒软后，放猪肉馅100克料酒少许，炒好后加香菇、黄油30克、高汤100克和一块5克桂皮煮1小时（也可加适量桂皮粉代替时间可减），然后加入番茄沙司调制汤泛红，再加味精、盐，调好味勾芡、上盘。总之这两种酱自己做起来的话都挺麻烦的，还是到超市去买现成的比较省事啦。^_^Mr.emily</t>
  </si>
  <si>
    <t xml:space="preserve">我的蓝鸟车在怠速状态下，车身和方向盘抖动请问是什么原因手轻放在方 </t>
  </si>
  <si>
    <t>这位网友您好：先换一组火花塞试试，不行的话清洗节气门。谢谢</t>
  </si>
  <si>
    <t xml:space="preserve">宝岛魔皂使用方法，效果怎么样 </t>
  </si>
  <si>
    <t>不错v  去除细菌 老牌子了价格还便宜</t>
  </si>
  <si>
    <t xml:space="preserve">便秘吃什么好大家都说便秘吃点香蕉、蜂蜜等，可平时上班哪有那么多时 </t>
  </si>
  <si>
    <t>1、调整饮食结构，多吃粗杂粮与富含膳食纤维的蔬菜水果；2、多喝水、使肠道得到充足的水分，有利于肠内容物通过；3、适量运动，可使胃肠活动加强，提高排便动力；4、养成定时排便的规律，不要拖延。经常拖延大便时间，会使排便反射减弱，引起便秘；5、配合一些营养补充食品，麦类制品或谷物纤维 6、烈酒、浓茶、咖啡、辣椒等燥热刺激性实物容易引发便秘；</t>
  </si>
  <si>
    <t xml:space="preserve">一闪一闪的灯是什么灯啊?就是放在过年的灯笼上！起到一闪一闪的灯， </t>
  </si>
  <si>
    <t xml:space="preserve">效果灯 效果灯种类繁多，紫光灯、频闪灯、爆光灯、调光灯、追光灯、聚光灯、各种彩色图案（百花图形、月光、双镜图案、彩虹、蘑菇、满天星、野蜂等）扫描灯，旋转球形（单、双、多球）扫描灯。参考资料： </t>
  </si>
  <si>
    <t xml:space="preserve">看到雾气蒙蒙这不电影怎么也没有看明白听说关键是什么叫做时间夹缝有? </t>
  </si>
  <si>
    <t xml:space="preserve">就是那么一个几乎微小和短暂到不存在的夹缝，导致了历史的些微抖动但轨迹不变，而我们又从这个缝隙里窥到了完整的故事和让人崩溃的多重可能性。可能性，还是可能性，永远都是可能性，这个命题实在让人爱不释手。 </t>
  </si>
  <si>
    <t xml:space="preserve">仙三动画全开了(修改的注册表),但还是看不了? </t>
  </si>
  <si>
    <t>这是因为你的游戏是盗版，没有动画文件，你可以到这个地址看： 在左边的“网友制作视频欣赏”里。</t>
  </si>
  <si>
    <t xml:space="preserve">怎样学广东话我想到广东去，想先学会广东话，请问什么方法能尽快学会 </t>
  </si>
  <si>
    <t xml:space="preserve"> 学地方话最难在于方言土语。如果照字读书，即使你每个字都“咬”得很准，讲出来对方有时也听不懂，或者听懂了也可从一句话甚至其中的一个字就认准你是外地人。以广东话为例，“哪里”叫“宾抖”，“谁”叫“宾咯”。你就算“哪里”、“谁”“咬”得再准也没用。有的人做了几十年的广东女婿，一开口人家就知道他是外地来的，原因就是方言土语没学好，还跟普通话脱离不了。所以学广东话的关键在这里。注意多听是个好方法。有的小朋友从来没到过讲广东话的地区，只因天天看粤语电视，居然可以流利地讲。多说更重要，跟学外语一样，不敢开口说，一辈子讲不好。开始讲不好、不准、不流利，那不要紧，坚持一段时间就行了。有人编造了一本小册子到处兜售。小册子用普通话词语作为广东话词语的注音，害人不浅。须知那仅仅是谐音（如上述的“宾抖”、“宾咯”），有的甚至连谐音都不沾边，哪能靠它学广东话！（mazr2002 ）这里有免费的广东话mp3格式的，请下载学习：      </t>
  </si>
  <si>
    <t xml:space="preserve">炒白银实物贵金属和帐户贵金属的区别，哪个投资更便宜些，大约最底多? </t>
  </si>
  <si>
    <t>第一点是杠杆，实物没有杠杆，电子盘（也就是你所说的账户）有杠杆。第二点是交易时间，实物的交易时间不确定，电子盘基本上随时可以交易。第三点交易方式，实物你只能低价位买，高价位卖才能赚钱，电子盘可以做多也可以做空，双向交易！上面所说是大概的情况，具体的联系我 ，我们相互讨论。</t>
  </si>
  <si>
    <t xml:space="preserve">如何加入唐嫣官方微群（新浪）上面问本群讨论的明星是我回答唐嫣为什 </t>
  </si>
  <si>
    <t>我回答唐嫣进去了，你确定你文字没输错么？</t>
  </si>
  <si>
    <t xml:space="preserve">神州六号是什么时候发射的？ </t>
  </si>
  <si>
    <t>神六升空及返航的时间是: 北京时间2005年10月12日9时整，万众瞩目的中国第二艘载人飞船神舟六号搭乘两名航天员在酒泉卫星发射中心中国载人航天发射场由神箭--长征二号F运载火箭发射升空。 17日凌晨4时33分，“神舟六号”载人飞船圆满完成了飞行任务顺利返回，为中国航天事业续写了新的辉煌。</t>
  </si>
  <si>
    <t xml:space="preserve">疯了啊，，求助啊。。如何解决安装软件时出现无法访问你试图使用的功 </t>
  </si>
  <si>
    <t>你好：    这可能是你在安装或卸载某个软件时不完全造成的。遇到这样的情况，你只能把原来的版本完全卸载掉，然后再装就可以了。    至于卸载的方法，你可以直接进控制面板里，也可以借助其他工具：如360或金山卫士。相信你能解决好！如有疑问，请留言！</t>
  </si>
  <si>
    <t xml:space="preserve">帮助MG一下MG全敏好么?~~~PK最强的MG怎么+点 </t>
  </si>
  <si>
    <t>全敏应该是最强的吧?装备穿的上.然后全加敏就OK所有MG朋友都这么说的.</t>
  </si>
  <si>
    <t xml:space="preserve">为什么电视购物上的东西要比市场价便宜？ </t>
  </si>
  <si>
    <t>现在所有的产品进入超市、商场都要收20%左右的进场费，而且多了很多中间环节。另外一般做电视购物的不是生产厂家就是一级代理商，所以会便宜很多的。不过最好是当地有售后服务部的才去买，特别是电器产品。</t>
  </si>
  <si>
    <t xml:space="preserve">请教惯性导航系统的原理就是飞行器上用的,谢谢 </t>
  </si>
  <si>
    <t xml:space="preserve">  惯性导航系统（INS，以下简称惯导）是一种不依赖于外部信息、也不向外部辐射能量的自主式导航系统。其工作环境不仅包括空中、地面，还可以在水下。惯导的基本工作原理是以牛顿力学定律为基础，通过测量载体在惯性参考系的加速度，将它对时间进行积分，且把它变换到导航坐标系中，就能够得到在导航坐标系中的速度、偏航角和位置等信息。但惯导有固定的漂移率，这样会造成物体的误差，因此射程远的武器通常会采用指令、GPS等对惯导进行定时修正，以获取持续准确的位置参数。惯导系统目前已经发展出挠性惯导、光纤惯导、激光惯导、微固态惯性仪表等多种方式。陀螺仪由传统的绕线陀螺发展到静电陀螺、激光陀螺、光纤陀螺、微机械陀螺等。激光陀螺测量动态范围宽，线性度好，性能稳定，具有良好的温度稳定性和重复性，在高精度的应用领域中一直占据着主导位置。由于科技进步，成本较低的光纤陀螺（FOG）和微机械陀螺（MEMS）精度越来越高，是未来陀螺技术发展的方向。　　我国的惯导技术近年来已经取得了长足进步，液浮陀螺平台惯性导航系统、动力调谐陀螺四轴平台系统已相继应用于长征系列运载火箭。其他各类小型化捷联惯导、光纤陀螺惯导、 激光陀螺惯导以及匹配GPS修正的惯导装置等也已经大量应用于战术制导武器、飞机、舰艇、运载火箭、宇宙飞船等。如漂移率0.01°~0.02°/h 的新型激光陀螺捷联系统在新型战机上试飞，漂移率0.05°/h 以下的光纤陀螺、捷联惯导在舰艇、潜艇上的应用，以及小型化挠性捷联惯导在各类导弹制导武器上的应用，都极大的改善了我军装备的性能。 </t>
  </si>
  <si>
    <t xml:space="preserve">该涨得时候不涨，必跌　By:悠然漫步]今天午盘提示大家，只要是大 </t>
  </si>
  <si>
    <t xml:space="preserve">要有一个长时间横盘的过程，才能充分的化解强大的做空能量，所以在向下趋势没有改变之前，投资者需冷静观望。 </t>
  </si>
  <si>
    <t xml:space="preserve">子宫小我的子宫前位，大小为３７＊３４＊２４了mm，我的月经是正常 </t>
  </si>
  <si>
    <t>你子宫确实偏小，对受孕、着床和胚胎的发育有一定的影响；建议你在排卵期做B超测量子宫内膜的厚度后再及时联系。</t>
  </si>
  <si>
    <t xml:space="preserve">000517基本面怎么样？持有还是逢高出局 </t>
  </si>
  <si>
    <t>据5月19日最新报道：甬成功短短4个月，担保总额激增近2亿元，达人民币6。47亿元，远超过公司2004年度经审计净资产的50%。截止目前，公司担保总额为人民币约6。18亿元和253。36万美元、850万港币。这种巨额担保，为公司今后发展增加了重大的不确定因数，小心随时有巨额计题的地雷引爆。</t>
  </si>
  <si>
    <t xml:space="preserve">曾经怀孕但胎死腹中，现在怀孕该怎么办？我去年3月怀孕，但胎儿在2 </t>
  </si>
  <si>
    <t>坚持定期到妇产医院进行围产检查，前3个月不要累着，减少运动。多吃营养食品。</t>
  </si>
  <si>
    <t xml:space="preserve">您好，申请删除作品。鉴于长篇小说&amp;lt;地狱岛&amp;gt;已经有出版 </t>
  </si>
  <si>
    <t>你好，已经给你删除了。</t>
  </si>
  <si>
    <t xml:space="preserve">做英语题时的问题假如做完型或阅读时，碰着生词，应该猜一下写上答案 </t>
  </si>
  <si>
    <t>当然是先猜了，一是锻炼自己的猜测能力，二是锻炼语感，三是节省时间，养成连续阅读的好习惯．提示：平常多读读背背文章，对培养语感做题目，好处多多．</t>
  </si>
  <si>
    <t xml:space="preserve">我要买拐杖?送给老爷子 </t>
  </si>
  <si>
    <t xml:space="preserve">品名: 多功能拐杖(智能拐杖)型号:  HW- 708单根尺寸:  67 x 16 x 5.5/cm ( L x W x H )电池: 拐杖- 4.5 V DC( 3个AAA  7号电池) 【主要功能】:1) LED手电筒：采用超亮的5个5mmLED白灯，     亮度为13000-15000mcd,使用寿命在1- 3万个小时. 2)电池:使用三节AAA(七)号电池，4.5V电压,放电时间为8-10小时. 3)智能报警:开关智能报警,报警时有亮度红色LED指示灯。 4)铝合金管:三节铝合金管伸缩杆，可任意调节高度。 5)联系牌:在挂牌上可写上家人的电话,旁人看见可联系家人。 【内部包装】: 1pc/气泡袋+中/英文说明书+产品合格证+彩盒/白盒          【单个尺寸】: 70 x 17.6 x 6.0/cm 【产品颜色】:黑色/白色价格：120元左右这个不错，功能多，比较适合老年人，价格也不贵。参考 </t>
  </si>
  <si>
    <t xml:space="preserve">我的初夜怎么做我是第一次和女友做爱，我们还不想有什么后遗症(不想 </t>
  </si>
  <si>
    <t xml:space="preserve">恋人或者新婚夫妇如果暂时不要孩子，避孕最好用避孕套或避孕药膜。有过一段时间的性生活后，可考虑用阴道隔膜，如果做爱时没有准备避孕套或者避孕药膜，事后的72小时内可服用紧急口服避孕药，但新婚女子不适合服用长效避孕药，也不适合用安全期避孕或体外排精避孕。如果二三年内不要小孩，就必须采取可靠的避孕方法，可低剂量口服短效避孕药，在计划要小孩的前半年开始停药，这样对胎儿不会产生影响，在此期间还可暂用避孕套。 </t>
  </si>
  <si>
    <t xml:space="preserve">血压对身体的影响请问：一个28岁男性，身高185厘米，体重72公 </t>
  </si>
  <si>
    <t xml:space="preserve">低血压定义分类和症状 门诊时我们有时会遇到这样的病人：青年，女性，身体瘦弱，早晨起床时经常出现精神疲惫、四肢乏力，坐起时感头晕，眼前发黑、心慌，需在床上躺半小时后症状略有减轻，平时有头晕、乏力、尤其午饭后嗜睡，精神无法集中。检查也没有发现如何疾病，测血压75/40mmHg。其实这是一种典型的低血压病人，伴有明显的低血压症状。严重时会影响到生活和工作。 什么是低血压？无论是由于生理或病理原因造成血压收缩压低于100mmHg，那就会形成低血压，平时我们讨论的低血压大多为慢性低血压。慢性低血压据统计发病率为4％左右，老年人群中可高达10％。慢性低血压一般可分为三类： ①体质性低血压，一般认为与遗传和体质瘦弱有关，多见于20－50岁的妇女和老年人，轻者可无如何症状，重者出现精神疲惫、头晕、头痛，甚至昏厥。夏季气温较高时更明显。②体位性低血压：体位性低血压是患者从卧位到坐位或直立位时，或长时间站立出现血压突然下降超过20mmHg，并伴有明显症状，这些症状包括：头昏、头晕、视力模糊、乏力、恶心、认识功能障碍、心悸、颈背部疼痛。体位性低血压与多种疾病有关，如多系统萎缩、糖尿病、帕金森氏病、多发性硬化病、更年期障碍、血液透析、手术后遗症、麻醉、降压药、利尿药、催眠药、抗精神抑郁药等，或其他如：久病卧床，体质虚弱的老年人。③继发性低血压：由某些疾病或药物引起的低血压，如脊髓空洞症，风湿性心脏病，降压药，抗抑郁药和慢性营养不良症，血液透析病人。 低血压病人主要临床表现：病情轻微症状可有：头晕、头痛、食欲不振、疲劳、脸色苍白、消化不良、晕车船等；严重症状包括：直立性眩晕、四肢冷、心悸、呼吸困难、共济失调、发音含糊、甚至昏厥、需长期卧床。这些症状主要因血压下降，导致血液循环缓慢，远端毛细血管缺血，以致影响组织细胞氧气和营养的供应，二氧化碳及代谢废物的排泄。尤其影响了大脑和心脏的血液供应。长期如此使机体功能大大下降，主要危害包括：视力、听力下降，诱发或加重老年性痴呆，头晕、昏厥、跌倒、骨折发生率大大增加。乏力、精神疲惫、心情压抑、忧郁等情况经常发生，影响了病人生活质量。据国外专家研究低血压可能导致与脑梗塞和心脏梗塞。直立性低血压病情严重后，患者可出现每当变换体位时血压迅速下降，发生晕厥，以致被迫卧床不起，另外诱发脑梗塞、心肌缺血、给病人、家庭和社会带来严重问题。 低血压患者轻者如无任何症状，无需药物治疗。主要治疗为积极参加体育锻炼，改善体质，增加营养，多喝水，多吃汤，每日食盐略多于常人。重者伴有明显症状，必须给予积极治疗，改善症状，提高生活质量，防止严重危害发生。近年来推出α受体激动剂管通，具有血管张力调节功能，可增加外周动、静脉阻力，防止下肢大量血液郁滞，并能收缩动脉血管，达到提高血压，加大脑、心脏等重要脏器的血液供应，改善低血压的症状，如头晕、乏力、易疲劳等症状。其他药物还有：麻黄素，双氢麦角氨，氟氢可的松等 预防： 平时养成运动的习惯，均衡的饮食，培养开朗的个性，及足够的睡眠。所以低血压的患者，应过规律的生活。 低血压患者入浴时，要小心防范突然起立而晕倒，泡温泉也尽量缩短时间。 对血管扩张剂，镇静降压药等慎用。 有直立性低血压的人： 可以穿弹性袜。夜间起床小便或早晨起床之前先宜活动四肢，或伸一下懒腰，这样活动片刻之后再慢慢起床，千万不要一醒来就猛然起床，以预防短暂性大脑缺血。也可以在站立之前，先闭合双眼，颈前屈到最大限度，而后慢慢站立起来，持续约10一15秒钟后再走动，即可达到预防直立性低血压的目的。 防治低血压的食疗方，大多以天然食物补品及药食兼用补品为主。效果较好的品种有猪肉、羊肉、牛肉、火腿、鲤鱼、泥鳅、鸡、鹌鹑、大枣、龙眼肉、蜂皇浆、红糖、人参、黄芪、冬虫夏草、党参、太子参、麦冬、肉桂等。以上补益气血、滋阴助阳类食物，有助于平衡阴阳，调整血压。 现介绍几种经临床验证确实有效的食疗方。 1.火腿粥:火腿150克，碘盐、葱花、胡椒少量。先将粳米洗净，水滚后放大煮粥。煮至大滚后10分钟，加入火腿片，用文火煮15分钟即成。食用时加入碘盐、葱花、胡椒粉少量调味。本方能健脾开胃，生津益血，升提血压。 2.黄芪炖鸡:小公鸡1只，黄芪30克。先将小公鸡宰杀后去内脏及毛、爪。放入砂锅中，加水及葱、生姜、碘盐、陈皮、料酒各适量，用文火炖至烂熟，即可食用。此方可益气升压。 3.太子参肉桂茶:太子参10克，肉桂3克，炙甘草3克。用滚开水冲泡后代茶饮用。此方可助阳益气，回升血压。 4.人参莲肉羹:红参片5克，莲子肉10枚，冰糖30克。先将红参、去芯莲子放在碗内，加水浸泡，再加入冰糖。然后将碗置于蒸锅内，隔水蒸炖1小时。喝汤、吃莲肉。红参片可连续使用2次，次日再加莲子、冰糖及水适量，如前法蒸炖后，喝汤、吃莲肉，并连红参片一道嚼食。连续服用，或隔口服食一次。可收益气温阳，安神升压功效，尤其适宜脑力劳动伴低血压者食用。 5.龙眼酒:龙眼肉100克，加入低度白酒500毫升中，浸泡2周。每晚饮用1小杯，约15毫升。不会饮用白酒者，可将龙眼肉浸泡于葡萄酒中饮用。此方可补气血，益心脾，安心神，升血压。 6.红糖芝麻泥:红糖60克，黑芝麻60克，生姜30克。先将黑芝麻研成细粉，生姜捣烂如泥，三者混合拌匀，每次开水冲服6克，每日2-3次。此方能养阴补血，提升血压。 </t>
  </si>
  <si>
    <t xml:space="preserve">麻烦大家了，谢谢！我想把飚车中的点卡车和点卡装备全卖了，请问卖车 </t>
  </si>
  <si>
    <t>不会出现在飚车世界,因为数据已经转移好了!</t>
  </si>
  <si>
    <t xml:space="preserve">女人性欲太强满足不了怎么办 </t>
  </si>
  <si>
    <t>卖电动工具吧</t>
  </si>
  <si>
    <t xml:space="preserve">目前是不是只要发烧到医院的话是肯定要挂水加测定小血啊？ </t>
  </si>
  <si>
    <t>不是的，应该说如果可以比较明确地诊断为感冒的话，那只要按感冒类型的不同而采用适当的药物治疗即可，并不是非要挂水（输液）治疗和检查血常规的。医院这样做，可能原因也有多方面的，估计一是现在由于感冒病毒的变异很块，有些药因为人们（包括医生）滥用而已经不能产生好的治疗效果了，也可能病人或者病人对感冒治疗的要求而希望医生能“快速治疗痊愈”，所以采用了静脉滴注给药（输液）治疗的方法，严格地讲，这样也带有一定的“风险性”和某些不良反应的，一般在不到“万不得已”的情况下，并不建议采用；还有一种情况，估计是医院为了增加药品和检查治疗方面的收入，所以给患者进行血液方面的检查和用价格比较高的药进行输液治疗；孰不知这样反尔给人一种感觉，------那就是现在的医生的医疗技术并不“怎么样”，因为必须要靠进行仪器的检查（包括化验血液、做X光透视等），才可以检查出结果来，而我国古代所传至今的中医，在没有仪器的时代，不也出了很多治病救人的奇迹么？</t>
  </si>
  <si>
    <t xml:space="preserve">主营业务现金含量和净利润现金含量是什么意思? </t>
  </si>
  <si>
    <t>主营现金含量包括销售商品、提供劳务收到的现金 收取的租金 收到的增值税销项税额和退回的税款 收到的除增值税以外的其他税费返还 收到的其他与经营活动有关的现金 经营活动现金流入小计 购买商品接受劳务支付的现金 经营租赁所支付的现金支付给职工以及为职工支付的现金 支付的增值税款 支付的所得税款 支付的除增值税所得税以外的税费 支付的各项税费 支付的其他与经营活动有关的现金经营活动现金流出小计 经营活动产生的现金流量净额 就是主营业务所产生的利润和支出净利润现金含量指公司没有被占用的净利润</t>
  </si>
  <si>
    <t xml:space="preserve">狄仁杰的妻子是谁?历史上可有记载?一代名相狄仁杰的正妻是何方人士 </t>
  </si>
  <si>
    <t xml:space="preserve">狄仁杰出生于一个官宦之家。祖父狄孝绪，任贞观朝尚书左丞，父亲狄知逊，任夔州长史。狄仁杰通过明经科考试及第，出任汴州判佐。时工部尚书阎立本为河南道黜陟使，狄仁杰被吏诬告，阎立本受理讯问，他不仅弄清了事情的真相，而且发现狄仁杰是一个德才兼备的难得人物，谓之“河曲之明珠，东南之遗宝”，推荐狄仁杰作了并州都督府法曹。唐高宗仪凤年间（676——679年），狄仁杰升任大理丞，他刚正廉明，执法不阿，兢兢业业，一年中判决了大量的积压案件，涉及到1．7万人，无冤诉者，一时名声大振，成为朝野推崇备至的断案如神、摘奸除恶的大法官。为了维护封建制度，狄仁杰甚至敢于犯颜直谏。仪凤元年（676年），左卫大将军权善才误砍昭陵柏树，唐高宗大怒，命令将其杀死。狄仁杰奏罪不当死，唐高宗疾言厉色地说：“善才斫陵上树，是使我不孝，必须杀之！”狄仁杰神色不变，据法说理：“犯言直谏，自古以为难。臣以为遇桀、纣则难，通尧、舜则易。今法不至死而陛下特杀之，是法不信于人也，人何措其手足！”“今陛下以昭陵一株柏杀一将军，千载之后，谓陛下为何主？此臣不敢奉制杀善才，陷陛下于不道”。终于迫使唐高宗改变了主意，赦免了权善才的死罪。任命不久，狄仁杰被唐高宗任命为侍御史，负责审讯案件，纠劾百官。任职期间，狄仁杰恪守职责，对一些巧媚逢迎，恃宠怙权的权要进行了弹劾。调露元年（679年），司农卿韦弘机作宿羽、高山、上阳等宫，宽敞壮丽。狄仁杰上奏章弹劾韦弘机引导皇帝追求奢泰，韦弘机因此被免职。左司郎中王本立恃恩用事，朝廷畏之。狄仁杰毫不留情的揭露其为非作歹的罪行，请求交付法司审理。唐高宗想宽容包庇王本立，狄仁杰以身护法：“国家虽乏英才，岂少本立辈！陛下何惜罪人以亏王法。必欲曲赦本立，请弃臣于无人之境，为忠贞将来之戒！”王本立最终被定罪，朝廷肃然。后来，狄仁杰官迁度支郎中，唐高宗准备巡幸汾阳宫，以狄仁杰为知顿使，先行布置中途食宿之所。并州长史李冲玄以道出妒女祠，征发数万人别开御道。狄仁杰说：“天子之行，千乘万骑，风伯清尘，雨师洒道，何妒女之害耶？”，俱令作罢，免除了并州数万人的劳役。唐高宗闻之赞叹说“真大丈夫矣！”武则天垂拱二年（686年），狄仁杰出任宁州（今甘肃宁县、正宁一带）刺史。其时宁州为各民族杂居之地，狄仁杰注意妥善处理少数民族与汉族的关系，“抚和戎夏，内外相安，人得安心”，郡人为他勒碑颂德。是年御史郭翰巡察陇右，宁州歌狄刺史者盈路，郭翰返朝后上表举荐，狄仁杰升为冬官（工部）侍郎，充江南巡抚使。狄仁杰针对当时吴、楚多淫词的弊俗，奏请焚毁祠庙1700余所，唯留夏禹、吴太伯、季札、伍员四祠，减轻了江南人民的负担。垂拱四年（688年），博州刺史琅琊王李冲起兵反对武则天当政，豫州刺史越王李贞起兵响应，武则天平定了这次宗室叛乱后，派狄仁杰出任豫州刺史。当时，受越王株连的有六、七百人在监，籍没者多达5000人。狄仁杰深知大多数黎民百姓都是被迫在越王军中服役的，因此，上疏武则天说：“此辈咸非本心，伏望哀其诖误。”武则天听从了他的建议，特赦了这批死囚，改杀为流，安抚了百姓，稳定了豫州的局势。其时，平定越王李贞的是宰相张光弼，将士恃功，大肆勒索。狄仁杰没有答应，反而怒斥张光弼杀戮降卒，以邀战功。他说：“乱河南者，一越王贞耳。今一贞死而万贞生。”“明公董戎三十万，平一乱臣，不戢兵锋，纵兵暴横，无罪之人，肝脑涂地。”“但恐冤声腾沸，上彻于天。如得上方斩马剑加于君颈，虽死如归。”狄仁杰义正辞严，张光弼无言可对，但怀恨在心，还朝后奏狄仁杰出言不逊。狄仁杰被贬为复州（今湖北沔阳西南）刺史，入为洛州司马。狄仁杰的才干与名望，已经逐渐得到武则天的赞赏和信任。天授二年（691年）九月，狄仁杰被任命为地官（户部）侍郎、同凤阁鸾台平章事，开始了他短暂的第一次宰相生涯。身居要职，狄仁杰谨慎自持，从严律己。一日，武则天对他说：“卿在汝南，甚有善政，卿欲知谮卿者乎？”狄仁杰谢曰：“陛下以臣为过，臣当改之；陛下明臣无过，臣之幸也。臣不知谮者，并为善友。臣请不知。”武则天对他坦荡豁达的胸怀深为叹服。狄仁杰官居宰相，参与朝政之时，也正是武承嗣显赫一时，踌躇满志之日。他认为狄仁杰将是他被立为皇嗣的障碍之一。长寿二年（693年）正月，武承嗣勾结酷吏来俊臣诬告狄仁杰等大臣谋反，将他们逮捕下狱。当时法律中有一项条款：“一问即承反者例得减死。”来俊臣逼迫狄仁杰承认“谋反”，狄仁杰出以非常之举，立刻服了罪：“大周革命，万物惟新，唐室旧臣，甘从诛戮，反是实！”来俊臣得到满意的口供，将狄仁杰等收监，待日行刑，不复严备。狄仁杰拆被头帛书冤，置棉衣中，请狱吏转告家人去其棉。狄仁杰的儿子狄光远得其冤状，持书上告。武则天召狄仁杰等“谋反”的大臣面询：“承反何也？”狄仁杰从容不迫地答曰：“向若不承反，已死于鞭笞也。”又问：“何为做谢死表？”答曰：“臣无此表。”武则天令人拿出谢死表，才弄清楚是伪造的。于是下令释放此案7人，俱贬为地方官。狄仁杰被贬为彭泽令。如此，狄仁杰运用自己的才智机谋死里逃生。以后，武承嗣欲根除后患，多次奏请诛之，都被武则天拒绝。在彭泽（今江西彭泽）令任内，狄仁杰勤政惠民。赴任当年，彭泽干旱无雨，营佃失时，百姓无粮可食，狄仁杰上奏疏要求朝廷发散赈济，免除租赋，救民于饥馑之中。万岁通天元年（696年）十月，契丹攻陷冀州（今河北临漳），河北震动。为了稳定局势，武则天起用狄仁杰为与冀州相邻的魏州（今河北大名一带）刺史。狄仁杰到职后，改变了前刺史独孤思庄尽趋百姓人城，缮修守具的作法，让百姓返田耕作。契丹部闻之引众北归，使魏州避免了一次灾难。当地百姓歌颂之，相与立碑以记恩惠。不久，狄仁杰升任幽州都督。狄仁杰的社会声望不断提高，武则天为了表彰他的功绩，赐给他紫袍、龟带，并亲自在紫袍上写了“敷政木，守清勤，升显位，励相臣”十二个金字。神功元年（697年）十月，狄仁杰被武则天招回朝中，官拜鸾台侍郎、同凤阁鸾台平章事，加银青光禄大夫，兼纳言，恢复了宰相职务，成为辅佐武则天掌握国家大权的左右手。此时，狄仁杰已年老体衰，力不从心。但他深感个人责任的重大，仍然尽心竭力，关心社会命运和国家前途，提出一些有益于社会和国家的建议或措施，在以后几年国家的社会政治生活中发挥了巨大的作用。圣历元年（698年），武则天的侄儿武承嗣、武三思数次使人游说太后，请立为太子。武则天犹豫不决。狄仁杰以政治家的深谋远虑，劝说武则天顺应民心，还政于庐陵王李显。当时，大臣李昭德等也曾劝武则天迎立李显，但没有为武则天接受。对武则天了解透彻、洞烛机微的狄仁杰从母子亲情的角度从容地劝说她：“立子，则千秋万岁后配食太庙，承继无穷；立侄，则未闻侄为天子而附姑于庙者也。”武则天说：“此朕家事，卿勿预知。”狄仁杰沉着而郑重地回答：“王者以四海为家。四海之内，孰非臣妾？何者不为陛下家事！君为元首，臣为股肱，义同一体。况臣位备宰相，岂得不预知乎？”最终，武则天感悟，听从了狄仁杰的意见，亲自迎接庐陵王李显回宫，立为皇嗣，唐祚得以维系。狄仁杰因此被历代政治家、史学家称为有再造唐室之功的忠臣义士。圣历元年（698年）秋，突厥南下骚扰河北。武则天命太子为河北道元帅、狄仁杰为副元帅征讨突厥。时太子不行，武则天命狄仁杰知元帅事，亲自给狄仁杰送行。突厥默啜可汗尽杀所掠赵、定等州男女万余人退还漠北，狄仁杰追之不及，武则天改任他为河北道安抚大使。面对战乱后的凋残景象，狄仁杰采取了四条措施：一、上疏请求赦免河北诸州，一无所问，使被突厥驱逼行役的无辜百姓乐于回乡生产。二、散粮运以赈贫乏。三、修驿路以济旋师。四、严禁部下侵扰百姓，犯者必斩。很快恢复了河北的安定。久视元年（700年），狄仁杰升为内史（中书令）。这年夏天，武则天到三阳宫避暑，有胡僧邀请她观看安葬舍利（佛骨），奉佛教为国教的武则天答应了。狄仁杰跪于马前拦奏道：“佛者，夷狄之神，不足以屈天下之主。彼胡僧诡橘，直欲邀致万乘所宜临也。”武则天遂中道而还。是年秋天，武则天欲造浮屠大像，预计费用多达数百万，宫不能足，于是诏令天下僧尼日施钱以助。狄仁杰上疏谏曰：“如来设教，以慈悲为主。岂欲劳人，以在虚饰？”“比来水旱不节，当今边境未宁。若费官财，又尽人力，一隅有难，将何以救之？”武则天接受了他的建议罢免了其役。作为一名精忠谋国的宰相，狄仁杰很有知人之明，也常以举贤为意。一次，武则天让他举荐一名将相之才，狄仁杰向她推举了荆州长史张柬之。武则天将张柬之提升为洛州司马。过了几天，又让狄仁杰举荐将相之才，狄仁杰曰：“前荐张柬之，尚未用也。”武则天答已经将他提升了。狄仁杰曰：“臣所荐者可为宰相，非司马也。”由于狄仁杰的大力举荐，张柬之被武则天任命为秋官侍郎，又过了一个时期，升位宰相。后来，在狄仁杰死后的神龙元年（705年），张柬之趁武则天病重，拥戴唐中宗复位，为匡复唐室作出了巨大的贡献。狄仁杰还先后举荐了桓彦范、敬晖、窦怀贞、姚崇等数十位忠贞廉洁、精明干练的官员，他们被武则天委以重任之后，政风为之一变，朝中出现了一种刚正之气。以后，他们都成为唐代中兴名臣。对于少数民族将领，狄仁杰也能举贤荐能。契丹猛将李楷固曾经屡次率兵打败武周军队，后兵败来降，有关部门主张处斩之。狄仁杰认为李楷固有骁将之才，若恕其死罪，必能感恩效节，于是奏请授其官爵，委以专征，武则天接受了他的建议。果然，李楷固等率军讨伐契丹余众，凯旋而归，武则天设宴庆功，举杯对狄仁杰说“公之功也”。由于狄仁杰有知人之明，有人对狄仁杰说：“天下桃李，悉在公门矣”。在狄仁杰为相的几年中，武则天对他的信重是群臣莫及的，她常称狄仁杰为“国老”而不名。狄仁杰喜欢面引廷争，武则天“每屈意从之”。狄仁杰曾多次以年老告退，武则天不许，入见，常阻止其拜。武则天曾告诫朝中官吏：“自非军国大事，勿以烦公。”久视元年（700年），狄仁杰病故，朝野凄恸，武则天哭泣着说“朝堂空也”。赠文昌右丞，谥曰文惠。唐中宗继位，追赠司空。唐睿宗又封之为梁国公。狄仁杰老婆历史上没有记载,但有三个儿子   狄光远  狄景晖: 狄仁杰担任魏州刺史时，因为政绩卓著，百姓为他建立生祠，后来，他的儿子狄景晖也来到魏州任职，贪婪残暴，受到百姓的痛恨，狄仁杰的生祠也因此被毁。 狄光嗣: 仁杰独荐其子光嗣,由是拜地官员外,莅事有声。则天谓之曰:“祁奚内举,果得人也。”(出《唐会要》)...圣历中期,武则天让宰相们各举荐一位尚书郎,唯独狄仁杰举荐他的儿子狄光嗣,被武则天任命为地官员外郎,非常称职。 狄光嗣虽然比较称职，,历任淄、许、贝三州刺史,事亲至孝，但最后也因为失职而受到降职的处分 </t>
  </si>
  <si>
    <t xml:space="preserve">战士是选择抢还是剑？ </t>
  </si>
  <si>
    <t>一定有许多人为挑选武器方面而感到,毕竟加错点再洗点可是很费RMB的...战士们一定会考虑剑战和枪战到底哪个比较厉害.没错.这是跟问题..当时我也很忧虑到底哪个好,..,本人提一下:我洗过10次点..最后选择的是枪战,起初我选的是剑战:优点:攻击高..武器漂亮- -技能退怪(就是你发的技能 能把怪往后打)缺点:MISS极其多,不稳定..要么爆天文数字..要么就攻低得可怜.还有个缺点是剑战最致命的:招招前冲,我想不止我一人发现吧- - 大家有可能想 这有什么大不了攻高不就行了..但是你想想..彩虹岛里的地图有些怪是很多的,,比如说老鼠吧..我100J剑战+2个暴弩刷老鼠..一开始很顺利 但是只要其中1人去买药只留下我和一个暴弩时..死亡就降临到我身上了...往前冲一不小心就进怪堆里...然后被老鼠蹂躏致死....很惨..       枪战就有些不一样了:优点:技能速度快..攻击范围大..MISS不像剑战那么多...技能不是很退怪..招数也不前冲..非常稳定,对于新手来说是很好的缺点:攻没剑那么高不过也没低到哪里去..我的攻反而比剑战更高..枪战刷怪可方便多了...100J+个弩我就不死了..大家试试就知道了对于武器方面我也有过研究...这方面剑比较占优势了...稀有:     剑:蛇龙..催山..可怕..野蛮女巫..蛇龙=鸡肋 不谈了..催山..前期属于攻高的稀有 26J的剑战拿上他就能把枪战甩到后面去...+到3之后就可以换可怕了..可怕对于剑战来说像神一样...效果好啊!物理免疫有时在为难时刻救你1命 简直是爱不释手...所以 如果练剑的话应该可怕到底..毕竟63J的..+到9就153J了  正常人没必要练那么高... 野蛮女巫也不错 攻相当高效果就没可怕那么卓越了...还有就是野蛮女巫的价钱太高 一般人买不起所以还是可怕好      枪:狼矛..樱花..爱心金刚..冰魔狼枪是10J稀有..对于新手来说 爆到他 攻是增长不少..但是到了26J 剑有了催山 狼枪就没什么突出了...+到9 100J  所以不适合长期使用...樱花..我算过是所有稀有爆率最低的..效果是死林灵诅咒..没什么用..本人不建议用樱花...对我来说也=鸡肋...金刚枪的确是好东西..但是贵死了...一般人用不起..如果买不起的算了....用普通JP枪也不错...冰魔我没用过 听说也不是很厉害..武器方面枪比较落后...稀有都不怎么适当 狼枪与金刚 1个级低 1个贵...我目前用+9狼枪,将来准备用红色JP普通枪 不错的..技能方面不多说了 我的龙枪破云能爆到4300...而风卷残云只能爆到4000出头点...所以从剑洗到枪攻不怎么减 个人认为剑练到80后转枪比较好        加点:技能:枪战和剑战都是 双满        其他:大多枪战是+集中和眼神...剑战是+愤怒和眼神,但是剑战要+集中否则MISS多了综合比较下..还是枪战比较卓越 但最完美的就是 剑战80J以后转枪到时候你就无敌了</t>
  </si>
  <si>
    <t xml:space="preserve">初灵129的80链没打宝石卖450万值吗。我大算用到12090万 </t>
  </si>
  <si>
    <t>值了吧..我卖500多不过不过150的点卡要140+~150.150点的嫉妒你. 那个数值比100的基础高4点你可以看看你那100的项链多少钱.如果250~300的话可以考虑卖掉换100的.你现在都95级了</t>
  </si>
  <si>
    <t xml:space="preserve">印章设计求一个“下一秒”的印章，篆刻为主。清新点的，谢谢啦！ </t>
  </si>
  <si>
    <t>。。。。。。</t>
  </si>
  <si>
    <t xml:space="preserve">请问之前有交社保，现在失业在家，生小孩能报销吗？之前单位交了一年 </t>
  </si>
  <si>
    <t>辞职之后，无论交了多久的社保都不能报销生育费用。如果想报销的话，除非在生小孩之前，再到单位开始交社保，等报完生育的费用（自己去交社保不能交生育保险，所以一定要由单位交，生育保险的费用是由单位缴纳的，个人不用缴纳也不能自己缴纳）</t>
  </si>
  <si>
    <t xml:space="preserve">买车凯越、宝来、威驰、骐达，该选哪款好呢？主要是上下班使用，闲暇 </t>
  </si>
  <si>
    <t>其他买车一族也存在你这样的问题！我给你分别介绍一下这些车吧！凯越：这款车虽然挂的是别客的牌子，但发动机是大宇的，所以应该属于韩国车，内饰方面不是很细，你可以拿它和别的车一比就知道了！实际油耗8-10个，高速的时候比较省油7个；宝来：应该说是比较经典的一款车，在国外来说是捷达的延伸，技术比较完善，配件也比较便宜。但不足之处是空间比较小，我是180的个，如果我开，我后面坐的人会不是很舒服！骐达：发动机是新产的，毕竟是日产，省油是肯定的，但同时也牺牲了车重。但在高速的时候安全感较差，空间上还可以，是女士首选的车，应该是你比较喜欢的车吧，而不是你老公想买的！呵呵至于威驰，和前几款车没什么可比性，同样也继承了日产的风格；如果你们经济比较富裕，可以买宝来，是不错的车；另外，也可以向你们推荐福克斯这款车，也不错，动力、外观、空间都比较好！首先我先申明，我不是福特的托！你们再想想吧！</t>
  </si>
  <si>
    <t xml:space="preserve">现在还没有月经，出了什么问题吗9月17日做了可视超导人流，10月 </t>
  </si>
  <si>
    <t>再等等吧，你又没有什么病变之类的，这个与个人恢复有一定的关系。</t>
  </si>
  <si>
    <t xml:space="preserve">关于illstrator的问题有哪位老兄可以帮我解释一下拼版是怎 </t>
  </si>
  <si>
    <t>举个列子吧：  比如印一张传单的成品大小是15X20cm，但是印刷机是4开（39X54cm）的。印刷版面比成品要大好多，当然我们不能一个一个印，那样太浪费纸了。所以我们就要拼版，也就是说在不超过39X54cm的范围下尽可能多拼几个。印好以后再一个个的切下来。</t>
  </si>
  <si>
    <t xml:space="preserve">帮我看一个句子？？？你们什么时候上党史课？1.Whendoyou </t>
  </si>
  <si>
    <t>第一个对。When do you have classes? 你们什么时候上课？what classes do you have? 你们上什么课？Which classes do you have?你们上哪门课？要分清提问的是时间还是事物。提问时间用when, 后面不接事物（因为你只是问时间啊），提问事物就像第2句。</t>
  </si>
  <si>
    <t xml:space="preserve">战士20级职业专属任务（蓝色锁甲任务），不做会影响后面任务或战士? </t>
  </si>
  <si>
    <t>那个任务有3个后续，分别可以拿到3件防具（不算好），不做没什么影响。不过还是建议做了比较好，奖励的淬火锁甲属性很好，省点的话可以一直用到40级换板甲</t>
  </si>
  <si>
    <t xml:space="preserve">急求各位高人指点！600030各位朋友，我是新股民，我买了日照权 </t>
  </si>
  <si>
    <t>中信的盘太大了。炒宏源吧。</t>
  </si>
  <si>
    <t xml:space="preserve">奇迹世界助手死了关了后进程关不掉有个结束进程的怎么用啊 </t>
  </si>
  <si>
    <t>如果还是关不掉的话就注销一遍注销绝对可以关掉他。</t>
  </si>
  <si>
    <t xml:space="preserve">买电脑时自己组装是怎么个装法是自己把所有的配件买回来自己装还是在 </t>
  </si>
  <si>
    <t>都可！第一种对自己是个挑战，亦是学习电脑知识的最佳方式，你若能自己装好并能流畅运行，你的电脑知识将提高一大步，不足是要冒损坏硬件赔钱的风险，不过只要你细心，装之前多读读有关装机的书籍（如电脑报出的装机圣手之类）、上网查阅相关资料（简直是太多了），加电之前一定反复多检查几遍，不会有多大问题，毕竟装机的伙计可能连高中还没毕业，你毕竟不能比他还差吧。第二种是对那些对电脑没任何兴趣，只当工具使用的。若真如此，则奉劝你买品牌机(首选惠普)因相应的技术支持，装机商是无法与品牌机相提并论的，而这恰恰是你最需要的！若你在此情况下处于性价比的考虑还想装机，那你一定要多查阅一下装机防骗之类的文章，并一定要现场看着他装，全套设备加电试用没问题，并一定要他给刻一张恢复盘，用于系统恢复。</t>
  </si>
  <si>
    <t xml:space="preserve">柳氮磺胺吡啶片与柳氮磺吡啶片有什么区别？对强直性脊柱炎药理作用相? </t>
  </si>
  <si>
    <t xml:space="preserve">【药品名称：】柳氮磺吡啶片(国) 【别名】 柳氮磺胺吡啶;柳氮磺吡啶 ;柳氮吡啶 ;水杨酸偶氮磺胺吡啶;磺胺柳吡啶 【外文名】Sulfasalazine , Benzosulfa, Gastropyrin, Salicylazosulfapyridine, SASP 【药理作用及用途】 口服后被结肠内细菌裂解为5-氨基水杨酸(5-ASA)和磺胺吡啶(sp)有减轻炎症反应作用。 用于溃疡性结肠炎、克隆氏病的治疗 . 【适应症】 能起抗菌、消炎和免疫抑制作用，能抑制溃疡性结肠炎的急性发作，并延长其缓解期。 也可用于类风湿性关节炎。【生产企业：】上海信谊嘉华药业有限公司 【药品简介：】 【上市日期：】 【药品单位：】 【药品剂型：】0.25g*60片 【浏览次数：】11 </t>
  </si>
  <si>
    <t xml:space="preserve">请问断牙在哪里刷？有没有固定地点或者时间还有断牙是隐身宠物吗？各 </t>
  </si>
  <si>
    <t>补充楼上的：断牙几点刷出我不知道，但是我知道此类精英怪刷法是，比如上午１０点刷出，在过一小时侯有人打死他，那么他就１２小时以后刷出，也就是晚上１０点，然后又在１小时后有人打死他，那么下次刷出时间就是第二天早上１１点。他是按照打死的时间再等１２小时刷出来的，回答完毕。</t>
  </si>
  <si>
    <t xml:space="preserve">缠腰蛇(带状疱疹)与癌症有什么关系?我母亲前些日子得了带状疱疹, </t>
  </si>
  <si>
    <t>带状疱疹是病毒性皮肤病，如果治疗及时愈后较好，大部分人一生只得一次，有终身免疫，如果治疗不及时可能会遗留下神经痛的症状。和癌症没有什么必然的联系。不用担心!希望你母亲早日康复!</t>
  </si>
  <si>
    <t xml:space="preserve">我的宝宝大便里有奶瓣。正常吗？有时大便很稀，有问题吗？我的宝宝白? </t>
  </si>
  <si>
    <t>正常的，小宝宝大便里都有没消化的奶瓣</t>
  </si>
  <si>
    <t xml:space="preserve">北京哪里有卖雪球枪的如题，求告诉地址 </t>
  </si>
  <si>
    <t>需要采购玩具雪球枪，可以在雪地里打仗用的。可以介绍产品定制生产或有此产品的可以联系我。 手机：13823347112；qq:631471937</t>
  </si>
  <si>
    <t xml:space="preserve">哪种MP3可以一次性设置定时关机？我只想每次只听一定时间，比如4 </t>
  </si>
  <si>
    <t>高端机器都有  比如苹果的</t>
  </si>
  <si>
    <t xml:space="preserve">春节给爸妈送礼送什么好呢。家里好多东西都有了，不知道买什么。湖南? </t>
  </si>
  <si>
    <t>那带个湖南博野的礼盒回去也可以咯。刚好可以做团年饭的食材咯</t>
  </si>
  <si>
    <t xml:space="preserve">79期任九，同意的请举手！ </t>
  </si>
  <si>
    <t>应该问题不大。好运朋友！</t>
  </si>
  <si>
    <t xml:space="preserve">我的人物被卡在上层港进不去，其他没事，怎么办？我的人物被卡在上层 </t>
  </si>
  <si>
    <t xml:space="preserve">目前在游戏中有部分地图无法进入，该情况我们已经提交给相关部门进行处理，给大家造成不便深表歉意。 目前无法进入的地图： 狮鹫之口 瑞尼克要塞 魔王之口 亚林平原 雷云要塞 贝克努港口 上层港 世纪神殿 怨言瀑布 惩罚之门 亚哈悬崖 白骨宫殿 碎石坡 流浪之岛 建议大家暂时不要进入该些地图。 </t>
  </si>
  <si>
    <t xml:space="preserve">德国港到天津新港需要多长时间 </t>
  </si>
  <si>
    <t>31天</t>
  </si>
  <si>
    <t xml:space="preserve">勋章换什么东西比较划算啊，详细点，多的话换啥：少的换啥；谢谢了， </t>
  </si>
  <si>
    <t>你如果是手动打的话最多也就是换点B5卷自己用得了,最好建议你卖钱.活动进行5个周末,每个周末60小时~一起是300小时,算你手动100小时的话撑死打一万个换10来个B5或者3个A5,如果你把这一万个留到活动最后几天的话,那些有钱想换石头的玩家会出3万-5万收你的勋章,平均4万一个你就进帐4E啊~买多少B5啊你自己算算,大家的目标还是换11和12的石头啊~换钱最好啊!自己考虑清楚,谢谢采纳~</t>
  </si>
  <si>
    <t xml:space="preserve">婴儿尿布疹怎么办？？婴儿长了尿布疹该怎么 </t>
  </si>
  <si>
    <t>你好：（1）如果是对纸过敏,立即停止使用,改用纯棉尿布. 健康生活（2）清洗之后要擦干臀部,夏季或室温高时让臀部尽量暴露在空气中,多晒日光使它保持干燥. www.361sh.cn（3）也可在每次清洗后用电吹风（暖风）距皮肤15～20 cm吹3 min,每日3～4次. 健康生活 （4）在发生尿布疹的部位涂上护臀膏. www.361sh.cn（5）伴发腹泻的婴儿应及早治疗. www.361sh.cn （6）降低pH值： 健康生活   ①用醋冲洗尿布：洗尿布时,在最后一次冲洗时加一点醋,能帮助尿布的pH值与婴儿的皮肤相近.尿布疹的酵素在高pH值的环境中最活跃,此酵素通常在洗完尿布后仍存留在尿布上.以30 g醋配4 L水的比例,作最后的冲洗. 健康生活 www.361sh.cn ②喝小红莓汁：当尿液及粪便混在尿布内,将导致高的pH值,刺激皮肤产生尿布疹.可以给较大的婴儿60～90 g的小红莓汁,使其尿液带酸性,以帮助降低pH及减轻皮肤的不适. 健康生活  www.361sh.cn 轻微的尿布疹,照上述方法处理2～3天即可改善. 健康生活  健康生活 若尿布疹持续不退,且又有破皮,脓疱或严重脱皮时,就可能并发细菌或念珠菌感染.此时,应及早诊治,不要自行买药胡乱涂抹.如皮肤已发生溃烂,渗出,可在医生指导下用生理盐水清洗后涂上薄薄一层雷锌软膏,氧化锌油,然后用台灯照射,可在婴儿睡眠时进行,灯泡热度不要太高,距皮肤不可太近,以免伤及婴儿皮肤；可以用达克宁粉涂于局部以防治真菌感染,并利于渗出吸收,保持干燥,促进上皮生长；如果是霉菌感染可选用制霉菌素药膏；并发细菌感染的可用抗生素软膏</t>
  </si>
  <si>
    <t xml:space="preserve">去疤手术疼吗？会打麻药的吗？我听说激光去疤手术不打麻药的　是真的 </t>
  </si>
  <si>
    <t>激光去疤手术不打麻药  不过你想作成什么效果一定要谈清楚.费用不一, 看你的承受能力,可以谈.希望你作完后完美.</t>
  </si>
  <si>
    <t xml:space="preserve">play与act的区别act,play都有扮演的意思,它们的区别 </t>
  </si>
  <si>
    <t>在这个题里虽然两个都有表演,作用的意思但是选act难免有些生硬...因为是从中文角度出发,"表演"角色而在英语习惯用语中,play the role会通用一点所以我也同意play</t>
  </si>
  <si>
    <t xml:space="preserve">医疗保险要交多久才可以报销啊我是泰安的在职职工，我单位在1月15 </t>
  </si>
  <si>
    <t>一般要交够60天以上,这时候如果住院才能报销</t>
  </si>
  <si>
    <t xml:space="preserve">跪求海贼王和火影的在线网站 </t>
  </si>
  <si>
    <t xml:space="preserve"> 简单注册后就可以观看海贼火影都有</t>
  </si>
  <si>
    <t xml:space="preserve">被人坑了钱，心情很糟糕，如何调整心态，不生气，我这几天天天睡不着 </t>
  </si>
  <si>
    <t>被人坑了钱是件痛苦的事，立刻把它忘记是不可能的，但是调整好自己的心情，尽快地走出这种痛苦还是可以做到的，这就需要调整好自己的心态：   1.及时向公安部门报案，依靠并积极配合公安部门想方设法破案，把损失降至最低。   2.调整好自己的情绪：想开些，因为事件已发生了，就不要后悔当初，应面对现实。否则一切的想若非非都是于事无补的。让自己尽快摆脱这个痛苦的阴影。这个心态的调整是绝对靠自己完成的，别人都帮不上太大的忙。别人对你的劝慰也只能通过你的内因才能起作用。这要靠自己救自己吧！   3.吸取教训，亡羊补牢，防患未然。错误和挫折教训了我们，吃一堑，长一志，让我们以后会更聪明起来吧！   4.多想些光明的方面，积极创业，以自己知识、能力和积极的行动开辟一些发财思路，依法、勤奋、智慧地把自己的生活道路规划好，发展好。才是摆脱目前阴影的最好办法。   以上这些建议未必能帮上你多少忙，仅供参考，希望你多从积极的角度考虑问题，尽早还自己一个好心情。</t>
  </si>
  <si>
    <t xml:space="preserve">女儿十个手指头掉皮我女儿二岁多了,但是最近发现她十个手指头都掉皮 </t>
  </si>
  <si>
    <t>可以到医院检查下，排除下是否有皮肤病，如癣或者过敏等，如果没有问题，那么就是正常长大，褪老皮，没关系了</t>
  </si>
  <si>
    <t xml:space="preserve">何洁现在男友是谁请说下谢谢 </t>
  </si>
  <si>
    <t>释小龙~~谁知道他们还在不在一起。不过金童玉女啊~~~</t>
  </si>
  <si>
    <t xml:space="preserve">赛那尔的户外家具好嘛？想买户外家具，不知道赛那尔怎么样？ </t>
  </si>
  <si>
    <t>0731家居网赛那尔</t>
  </si>
  <si>
    <t xml:space="preserve">问一个车标看见的几辆都是跑车一个圈里有个T不是尔柯,不是塔伯特 </t>
  </si>
  <si>
    <t>现代Coupe Tuscani参考: 注意车尾标志.</t>
  </si>
  <si>
    <t xml:space="preserve">为什么我只能有一次高潮？在ML时，如果男友抚摸我的阴蒂、口交，我 </t>
  </si>
  <si>
    <t>抚摸口交引起你的阴蒂高潮，而性交能产生阴道高潮。就你而言，可能阴道内兴奋度不如阴蒂，也可能你男友再你阴道内插入的时间不够长，因此不易引起阴道高潮。使用些技巧，适当延长插入时间，可能会引起你的二次高潮。</t>
  </si>
  <si>
    <t xml:space="preserve">哪种生产系赚钱最快？同上 </t>
  </si>
  <si>
    <t>后期都赚钱。而一般都是开几个采集和几个制造才赚。如果是新区，最好是先开个矿工和伐木，冲个造鞋或者造杖。鞋的材料简单，3级鞋很好卖，成本低，收益见效快，需要矿和猎人的配合，其实他自己也可以去挖，学个体验技能就可以。然后说杖，杖是不会没市场的，别的职业没钱可以什么也不带，拿低级武器就可以了。而法师可以不穿鞋和衣服，但是必须拿同级杖才能练级，所以杖卖的很好，3级杖可以赚钱（因为道具区的新手武器相当于2级的极品）不过不是所有人都会拿点卡去买武器的，2级杖还是可以卖出去。矿和木就算自己不用，也可以卖别人，价钱还不错</t>
  </si>
  <si>
    <t xml:space="preserve">大众CC是有史以来最美的大众汽车？ </t>
  </si>
  <si>
    <t>来自于大众的Passat CC外形设计借鉴了当今国际上流行的突出轮拱加上扬腰线的设计，配合全车凸显的线条，令该车具备了运动型轿车的时尚外观。</t>
  </si>
  <si>
    <t xml:space="preserve">文件加密软件到哪里下载？ </t>
  </si>
  <si>
    <t>你可以到百度上搜索文件夹加密超级大师下载试用。 强大、专业的文件、文件夹加密软件。方便安全的解决你的数据保密和安全问题。有超快和最强的文件夹，文件加密、文件夹、文件的粉碎删除以及文件夹伪装、驱动器隐藏加锁和禁止使用USB设备清理系统垃圾和系统优化和安全设置等功能。文件和文件夹的临时解密功能：文件和文件夹加密后，在使用时输入密码，选择打开.使用完毕退出后，自动恢复到加密状态，无需再次加密。</t>
  </si>
  <si>
    <t xml:space="preserve">救公主问题，在线等我救公主，卫侍杀死个怪，说掉落一个圣站戒指，并 </t>
  </si>
  <si>
    <t>不是，在救公主过程中聊天栏会有这样的提示，基本是说着玩的，比较干扰，可以把白字聊天关了。最后得到的不一定是什么。</t>
  </si>
  <si>
    <t xml:space="preserve">什么叫“国家队”？ </t>
  </si>
  <si>
    <t>这个称呼在跨服以前是指bl,lm双方的主要刷子队，嗯，国家队是跟中国足球国家队一样的丢人和耻辱的称呼，虽然表面上冠冕堂皇跨服后基本上是指可以代表各服务器最高水平的队伍说得有些简单，应该能明白吧</t>
  </si>
  <si>
    <t xml:space="preserve">上投先锋基金经理出事了，上投先锋昨天的净值是上投第最差的。各位网 </t>
  </si>
  <si>
    <t xml:space="preserve">上投摩根管理公司关于成长先锋基金经理变动等情况的公开声明   上投摩根基金管理公司关于成长先锋基金经理变动等情况的公开声明 尊敬的各位投资人：针对我司近期成长先锋基金经理变动事宜，市场传闻较多，有相关媒体刊登了有关文章，称我公司成长先锋基金经理唐建因涉嫌“老鼠仓”，监管机关已开始调查。现声明如下：我公司增加成长先锋基金经理、调整相关基金经理权限，完全是从确保基金的稳定运作和业绩角度出发，保证投资人利益而做出的决定。该基金的基金经理调整后，基金业绩有了明显的改善。我公司调整成长先锋基金经理，属于公司内部业务的正常调度。到目前为止，我公司并未收到关于成长先锋基金经理的任何举报， 我公司也未受到监管机构的任何调查。我公司成立以来，一直按照法律法规规定和监管部门的要求，秉持稳健经营的理念，以充分保护投资人利益为优先考虑，并一直按照这些原则经营公司和管理基金。在投资业务中，我公司十分重视内部控制制度建设，按照监管部门的要求建立了严格的信息管理和防火墙制度，制定了系统的业务流程，严格控制基金经理的权限，并充分发挥内部监控的职能，以有效发挥投资研究团队在投资中的作用，减少个人风险；同时，我公司制定了完整的投资人员业绩评估体系，并据此作为投资人员考核和调整的依据。同时，我公司十分重视对从业人员的管理，按照法律法规规定和监管部门的要求，制定了一系列防范从业人员尤其是投资人员利益冲突的内部规定，并建立了完整的投诉和举报查核制度。对任何举报，我公司将进行认真和严格的查核，一旦发现从业人员的违规行为，我公司一定会遵照法律法规及公司制度进行严肃处理，决不姑息。到目前为止，我公司并未接到关于唐建的任何举报。我公司一贯对媒体的报道十分重视，并欢迎媒体的监督。我们将对媒体报道的有关情况进行认真查证，一旦查实，坚决处理。对媒体的不实报道，我公司将保留法律追诉权。我公司将继续秉持稳健经营的理念，继续按照相关制度进行操作，保证整体业务的正常运作。 另附：成长先锋基金经理调整的背景情况一、我司成长先锋基金成立之后，基金规模急速扩大，对基金经理唐建的管理运作带来极大压力。2006年12月初，公司投资决策委员会对该基金的投资管理提出过批评意见和改进要求。此后，公司积极部署调动更多资源投入该基金运作。今年2月8日，公司经过讨论，决定增加公司研究总监赵梓峰为基金经理。今年3月19日，上海证监局回复我公司，对赵梓峰担任成长先锋基金经理无异议，随后公司于2007年3月20日，正式公告增加赵梓峰为上投摩根成长先锋基金的基金经理，由赵梓峰和唐建共同担任该基金的基金经理，随后还增加了一名基金经理助理杨安乐，由三人共同管理该基金运作。赵梓峰为这一三人团队中最资深人员，现由赵梓峰承担成长先锋基金主要的运作管理事宜，唐建及杨安乐协助其进行成长先锋基金的管理。二、自第二位基金经理到位之后，成长先锋基金的业绩表现有了非常明显的提高，基金净值处于稳定的增长状态。根据晨星开放式基金业绩排名，截止到2007年4月13日，成长先锋在同类型基金中的排名已经上升到第15名，今年以来的业绩回报达到40.99%，成立以来的回报达到80.72%，较之前表现有了非常明显的改善，充分显现公司的人事变动对于基金操作的正面影响，也保障了投资人的利益。 上投摩根基金管理有限公司二零零七年四月十八日  </t>
  </si>
  <si>
    <t xml:space="preserve">想买个小车，东风雪铁龙的C2怎么样？性能、空间、油耗这些怎么样？ </t>
  </si>
  <si>
    <t>C2是性能不错的小型车，雪铁龙的底盘一向扎实，操控性很好，维护成本也不高，价格便宜，外形前卫，适合小青年开。我就是C2，开到现在一直很满意，稳定，舒服，扎实，还省油。</t>
  </si>
  <si>
    <t xml:space="preserve">大家好我家里不能上网想在家的时候自己练习而已 </t>
  </si>
  <si>
    <t>这个是网络游戏｀｀所以呢｀｀它在不上网的时候是不可以用的｀｀想自己练呢．就只能上网咯｀｀多运动你的手指｀听听音乐｀锻炼乐感吧｀！！</t>
  </si>
  <si>
    <t xml:space="preserve">怎么翻译魔兽3我下载了一个魔兽3，不过有些地方是英文的，比如玩战 </t>
  </si>
  <si>
    <t xml:space="preserve"> 复制上面的地址，用迅雷下！是中文的</t>
  </si>
  <si>
    <t xml:space="preserve">如何改变衣柜的颜色我用一组对拉门的衣柜把一个房间隔成两个,衣柜颜 </t>
  </si>
  <si>
    <t>1、可以买白色的油漆自己来刷，先用砂纸把旧漆去掉丙砂光滑，弄干净表面在刷油漆、每次耍均匀少刷点，干后再刷几次。注意不要灰尘沾染。2、投篮的话，可以买墙纸来贴上，也的把表面砂一下再贴。</t>
  </si>
  <si>
    <t xml:space="preserve">手机选择。高手帮忙。谢谢。在两年前我研究手机一段时间，购买了索爱 </t>
  </si>
  <si>
    <t>E72是500万象素，3.5毫米接口。我个人认为，E72是很不错的一款机子。目前的配置绝对不会让你感觉不舒服。她可是缔造了无数辉煌的E71的继任者。听说姚明用的就是E71呢.首先,他的CPU。600MHz,速度上绝对的放心，你肯定不会失望。再者,就是他的待机时间。1500毫安的电池，对于Nokia来说是最大的了.一般用户用个两三天,问题不大.还有他的摄相头,5倍变焦,已经很可以了!!像素是500万!!当前的主流了.我的320万的,我感觉就已经很可以了。3.5毫米的耳机接口.标准配置啦，用着不会感觉到别扭的。还有,就是他的键盘是全键盘,键比较多一点,刚开始入手的时间,你可能会感到很不适应,不过,当你用过一段时间后,你就能感觉到这个键盘啊,要比咱们普通的那些九个数字键的键盘好使的多呀!!打字那真叫个快呀.聊QQ就不能用爽来形容了,那是相当爽呀!!</t>
  </si>
  <si>
    <t xml:space="preserve">湖北有没有专业的网站建设公司？ </t>
  </si>
  <si>
    <t>有的啊，在武汉可以找中企动力</t>
  </si>
  <si>
    <t xml:space="preserve">这个杯子哪里有卖Bearinthedreaming的杯子哪里有卖 </t>
  </si>
  <si>
    <t>在新街口那条街上有个小店，那里有卖的，我就是在哪买的，很漂亮的，你去哪肯定能买到的。这个答案希望你能满意</t>
  </si>
  <si>
    <t xml:space="preserve">红斑狼疮的症状是什么？ </t>
  </si>
  <si>
    <t>先乏力,体重减轻,食欲不振,发热,继为各器官受累症状和体征且反复发作与缓解.皮疹___红班,丘疹,结节,水疱,常于鼻颊两侧呈蝶形红班和手卩最多见.</t>
  </si>
  <si>
    <t xml:space="preserve">刚高考完，感觉考得不错！终于解脱啦~~~想入手一台笔记本电脑，最? </t>
  </si>
  <si>
    <t>D  N   F吗~果断海尔X系列啊！海尔和腾.讯.游.戏.合.作.多.年，从CF到DNF，一直到现在~~配.置.强.悍，英特尔第三代22纳米酷睿i系列处理器，S   S   D固.态.硬.盘，还有D   N   F游.戏.图.腾~推荐~~求分~~~</t>
  </si>
  <si>
    <t xml:space="preserve">肥厚性心肌病能治吗,如何治呢? </t>
  </si>
  <si>
    <t>舒张功能减低、心肌缺血、流出道梗阻、心律紊乱和植物神经功能异常是肥厚型心肌病基本病理生理过程，由此而导致相应的临床症状和体征。1 气短/呼吸困难：乏力和气短导致活动能力下降。心脏舒张功能异常是肥厚型心肌病患者共有的病理过程。原因在于过度肥厚的心肌弛张期延长和顺应性下降，心肌缺血、室壁张力增加和心律紊乱也是加重或诱发舒张功能不全的重要因素。2 胸痛：常常是劳累诱发，休息缓解，但疼痛可发生在休息、睡眠时，也可呈持续性。产生疼痛的原因与心肌缺血有关。合并冠状动脉狭窄，心排出量减少、室壁张力增加，氧耗量随之增加等也是重要的原因。3 心悸：心律不齐较常见，但出现心率过快或过慢伴头晕、出汗时应引起重视。4晕厥：即出现眩晕、严重的短暂意识丧失。导致晕厥/近晕厥原因可能是：A心室腔内梗阻导致的心输出量减少，血压下降；B 严重的心律失常，包括过快、过缓性心律。C 植物神经功能异常，主要表现为迷走神经张力过高引发的心动过速，外周血管扩张，导致低血压。     近年来，在肥厚性心肌病并发难治性心力衰竭病人治疗中，特效中药验方肥厚化瘀汤取得较好的疗效。尤其是肥厚化瘀汤可说是一类很有效的消除心肌炎性损害，阻断心肌纤维化进程，逆转心脏扩大，恢复心脏功能的有效药物，在药理学肥厚化瘀汤具有优于一般治疗肥厚性心肌病药物，减少水钠潴留，从而减少心脏前负荷，使血容量下降，同时由于消除心肌病理性、炎性损害，阻断心肌纤维化进程，从根本上达到治疗心衰的目的。孔氏特效验方馆的肥厚化瘀汤 ,这药就不错，专家孔彪儒教授多年经验研制成功的孔氏特效验方馆的肥厚化瘀汤对治肥厚性心肌病有特效。我们家隔壁的大爷就是在他们网站订购的中药材（听说中药材只有是原产地的才有药效） 他现在在吃第二个疗程说感觉还不错</t>
  </si>
  <si>
    <t xml:space="preserve">圣斗士里面的“瞬”到底是男的还是女的啊？？？（看那些细节的时候） </t>
  </si>
  <si>
    <t>当然是男的了，其证据如下：1.是一辉的弟弟，不是妹妹2.圣斗士如果是女的话就必须带面具综合以上两点就可以说明他是男的，虽然看起来像而且还是仙女座，在加上其性格就更女性化了</t>
  </si>
  <si>
    <t xml:space="preserve">面部的毛细血管扩张如何除去?我的面部有一处红斑,也不知道是什么时 </t>
  </si>
  <si>
    <t>毛细血管扩张（俗称红血丝）一、症状临床上经常发生于面部双颊，鼻部，前额、和颏部，呈点状、线状或蜘蛛痣状，常在幼年时即出现，生长缓慢，细小的血管直径由0.1-1毫米，甚至肉眼看不到血管而仅见红斑，初期不被患者重视，日后不断扩大而影响美观。二、病因A、表皮基底细胞老化无力机转释出胶原蛋白、弹力蛋白、张力蛋白、卷尾蛋白、纤维连结蛋白（统称细胞骨架），致使真皮层的毛细血管浮出真皮层跑到表皮层。B、毛细血管弹性纤维缺损造成的。造成毛细血管弹性纤维缺损的因素很多，包括长期的紫外线照射，长期使用皮质激素、换肤、感染或遗传性毛细血管结构异常等。C、角质层及表皮遭到破坏，目前很多的所谓霜实际上就是化学剥脱制剂，或者本身具有非常强的剥脱作用，容易使面部皮肤出现毛细血管扩张。结果导致敏感性皮肤的形成，这种人不但对很多东西过敏，或不耐受，而且常常是面部毛细血管扩张，治疗非常棘手和困难D、长期服用降压药，缺少维生素，三、治疗方案 （细胞修复治疗）A、专业治疗：通过光疗仪照射，能够温和渗透肌肤深层，给细胞快速补充能量与营养，加速血液循环与淋巴组织液微循环，凉血、镇静，从而快速脱脱敏祛红。光是由正电子组成，其电子颗粒大小仅为0.2nm，光电子可激活细胞内的酶，氨基酸，核酸等的活性，有效地促进基底细胞分裂，形成纤维表皮，从而提高和增强皮肤的免疫能力及抗敏能力。材料：光疗仪、退红修复液、退红营养面膜、冷导膜方法：1、洁面2、打开能量仪，光照距离30cm，设定25分钟档位，涂退红修复液，然后照射。3、调制退红营养面膜，光照30分钟，然后加盖冷导膜。时间：10次为一疗程，每天一次或隔天一次。（严重患者需要3个疗程，疗程间隔5天）B、家庭护理：外在涂抹生化科技的能量护肤品，养厚皮肤的角质层，活化基底细胞，增加细胞自身释放各种蛋白的能力。使突起的病变血管归回原来生理位置。修复毛细血管受损的弹力纤维。</t>
  </si>
  <si>
    <t xml:space="preserve">笔记本京东买？还是实体店买？求划算。求保障。求品质。[巨汗] </t>
  </si>
  <si>
    <t>京东买数码产品还是不错的。有发票 全国联保。 实体店就怕被黑</t>
  </si>
  <si>
    <t xml:space="preserve">河阳奇遇任务的失败？我接到9阴戮神指的任务！做到找钓鱼左关鱼那！ </t>
  </si>
  <si>
    <t>您好:   这个需要你经常去接左观鱼那的任务,才有机会获得那个任务道具,然后做这个奇遇任务的时候,才可以继续做下去.----------------诛仙资料组 小宝</t>
  </si>
  <si>
    <t xml:space="preserve">姚明關鍵?r刻竟然三分命中 </t>
  </si>
  <si>
    <t>我觉得关键是姚明的三分起了决定性的作用</t>
  </si>
  <si>
    <t xml:space="preserve">发酵和化学反应的区别请问发酵和化学反应的根本区别是什么？是酶的使 </t>
  </si>
  <si>
    <t>发酵属于化学反应但chemical reaction所指的化学反应 也许不包括 有生命体参与的反应也就是 生物化学反应所以我同意 问题补充 中的说法</t>
  </si>
  <si>
    <t xml:space="preserve">有什么好看的恐怖片？？？、 </t>
  </si>
  <si>
    <t>《悲伤小号手》不算真正意义上的恐怖片，但很好看。《穆赫兰道》《孤儿怨》是惊悚片，很好看的。</t>
  </si>
  <si>
    <t xml:space="preserve">怎么更好的学习物理我对物理不太懂在做物理题时，我不会去想过程中的 </t>
  </si>
  <si>
    <t xml:space="preserve">所有的学习方法读是这样的： 一、每天保证8小时睡眠。 　　 　　晚上不要熬夜，定时就寝。中午坚持午睡。充足的睡眠、饱满的精神是提高效率的基本要求。 　　 　　二、学习时要全神贯注。 　　 　　玩的时候痛快玩，学的时候认真学。一天到晚伏案苦读，不是良策。学习到一定程度就得休息、补充能量。学习之余，一定要注意休息。但学习时，一定要全身心地投入，手脑并用。我学习的时侯常有陶渊明的"虽处闹市，而无车马喧嚣"的境界，只有我的手和脑与课本交流。 　　 　　三、坚持锻炼。 　　 　　身体是"学习"的本钱。没有一个好的身体，再大的能耐也无法发挥。因而，再繁忙的学习，也不可忽视放松锻炼。有的同学为了学习而忽视锻炼，身体越来越弱，学习越来越感到力不从心。这样怎么能提高学习效率呢？ 　　 　　四、学习要主动。 　　 　　只有积极主动地学习，才能感受到其中的乐趣，才能对学习越发有兴趣。有了兴趣，效率就会在不知不觉中得到提高。有的同学基础不好，学习过程中老是有不懂的问题，又羞于向人请教，结果是郁郁寡欢，心不在焉，从何谈起提高学习效率。这时，唯一的方法是，向人请教，不懂的地方一定要弄懂，一点一滴地积累，才能进步。如此，才能逐步地提高效率。 　　 　　五、保持愉快的心情，和同学融洽相处。 　　 　　每天有个好心情，做事干净利落，学习积极投入，效率自然高。另一方面，把个人和集体结合起来，和同学保持互助关系，团结进取，也能提高学习效率。 　　 　　六、注意整理。 　　 　　学习过程中，把各科课本、作业和资料有规律地放在一起。待用时，一看便知在哪。而有的学生查阅某本书时，东找西翻，不见踪影。时间就在忙碌而焦急的寻找中逝去。我认为，没有条理的学生不会学得很好。 　　 　　评：学习效率的提高，很大程度上决定于学习之外的其他因素，这是因为人的体质、心境、状态等诸多因素与学习效率密切相关。 我认为，要提高学习效率，首先便是提高上课的效率。记住，老师上课的细节千万不要漏掉，许多考试都在这些细节上会难倒你的，而这些细节往往是老师兴致所致，上课处于极好状态时，将大脑中的那些知识点下意识地说出来，且常常不书写在黑板上的。捕捉这些细节，往往会提高你上课的注意力及效率和知识面。利用好了课堂上45分钟，下去后无需过多时间就能熟练掌握，事半功倍，做题复习效率也极高；反之只能事倍功半，花去大量时间，还容易丢三落四，知识掌握不完全，不熟练，对做题和今后复习造成隐患。当然，我不是说整个听课和学习时间，神经都要绷得紧紧的，而是要紧跟老师的思路，抓住知识要点。不管是听课还是自习，都要一心一意。对于注意力极易分散的人，学习效率的提高就比较困难了。而且必须注意知识的前后承接，一旦前面掌握不好，容易造成恶性循环，所以学习效率高是建立在扎实的基础之上的。 </t>
  </si>
  <si>
    <t xml:space="preserve">请问做一次人流大概需要多少钱？请教大家，做一次普通人流或无通人流 </t>
  </si>
  <si>
    <t>做那种可视无痛人流价格在600-800左右吧，不过手术完还得打点滴（消炎的），有的在做人流前检查或在做一些清洗什么的，和在一起得1200左右吧，这是比较正规的医院，</t>
  </si>
  <si>
    <t xml:space="preserve">谁有仙剑４的攻略啊？谁有，能不能告诉我啊？谢谢了！最好不要连接 </t>
  </si>
  <si>
    <t xml:space="preserve">仙4 初始攻略1.大宇资讯开发的第一款式武侠题材RPG是?答：DOS版2.仙剑奇侠传DOS版的开发耗时?答：两年零四个月3.引起业内轰动的仙剑奇侠传DOS版发售於?答：1995年4.目前为止，仙剑系列中的外传性质作品是?答：仙剑奇侠传3外传-问情篇5.新仙剑奇侠传分为哪两个版本?答：月如版/灵儿版6.仙剑奇侠传DOS版的研发人员最初有?答：1人7.1999年发售的仙剑系列作品是?答：仙剑奇侠传Sega Saturn8.仙剑系列最新作是?答：仙剑奇侠传四9.仙剑奇侠传四的研发者是?答：上海软星10.仙剑系列最大的特点之一是?答：故事感人至深----仙剑故事----1.仙一中最令人揪心的是?答：李逍遥、赵灵儿、林月如之间的情爱痴缠2.仙一中李逍遥护送赵灵儿启程是为了?答：寻找赵灵儿的母亲3.仙一中林家替林月如找夫婿的方法是?答：比武招亲4.仙二中的李逍遥，已经?答：成为蜀山仙剑派的掌门5.仙二结局中，女主角之一苏媚?答：变回狐狸的原形6.仙三故事的主题是?答：轮回7.仙三片头动画中，被魔尊重楼毁坏的是?答：蜀山锁妖塔8.仙三中，和主角景天前世今生交缠的两柄剑是?答：锁妖剑、魔剑9.仙三外传中出现的妖界『里蜀山』位於?答：蜀山的中心10.仙三外传中，赤炎的悲剧始於?答：相国小姐假嫁擒妖，赤炎被投入锁妖塔----仙剑世界----1.仙一主角李逍遥在故事刚开始时，给人的印象是?答：被婶婶的锅子敲醒的发梦少年2.仙一中苗女阿奴最擅长的是?答：施放毒蛊3.仙一中的赵灵儿身份不同寻常，她是?答：女娲族後裔4.仙二中的沈欺霜和另外四个女子，被称为?答：仙霞五奇5.仙二中的千叶禅师，其实是?答：大反派6.仙三主角景天，其最强的技能是?答：敛财7.仙三中的唐雪见，其容貌与神女夕瑶一样，是因为?答：夕瑶依自己容貌，以神树果实造出雪见8.仙三外传中，出现了一个极其悲情的BOSS，他是?答：里蜀山之主燎日9.仙三外传主角南宫煌，在战斗中会变身成?答：狼10.五毒兽通过修练，可以产生?答：五毒珠至此就全数答对啦～进入游戏会有神秘礼品。----游戏密技----由於小弟在下我有买攻略本，所以有看到什麼好康的也会顺手让大家知道，像是在最後面看到的秘技..进入游戏後，在系统介面的队列页中，按下『左CTRL+右CTRL+4』=金钱500 进入游戏後，在系统介面的队列页中，按下『左CTRL+右CTRL+9』=队伍所有队员的气加满(数字4跟9 不能按小键盘的哦)以下是正式攻略部分啦！●----序章看完游戏的开头动画，经过一番剧情之後呢，就可以开始云天河的冒险之旅啦！可以自由行动之後，先进入云天河的家，按照剧情指示前往右下角的床上拿取猎弓与武器。(我在这边进门後直接往右上那个角落走，结果被卡死在里面=_=)拿完之後，如果游戏开头有玩『仙剑问答』，就可以拿到『元祖星空*3、含光琉璃*5、龙胆草*5、烟月神镜*5、鼠儿果*10、影月神石*3』这些道具会直接出现在道具栏位里面，接著可以在这张地图到处搜刮一下，然後前往地图左上方的『石沉溪洞』。○-石沉溪洞进入山洞，剧情之後，往前走没多远，就会碰到一只道行高深、会化为人形的...猪妖XDD剧情後继续出发，接下来会遇到大侠之路上的第一场战斗，情感丰富者可以考虑拍照留念，普通人还是快速解决战斗就好了，怪物还会放毒，记得战斗完後观察一下血量，免得看到『胜败乃兵家常事，大侠请重新来过』的画面。打完怪转过第一个弯道之後，右边有个散发光芒的东西，那个就是传说中的『储存点』，记得顺手存个档，如果往洞穴深处走去，就会引发云天河的回忆剧情，之後又会发生一段精采的猪妖对话XD，剧情後，韩菱纱加入队伍，发生BOSS战--魁召。     ◎BOSS战--魁召此战有一只魁召、两只符灵，不过由於三只怪物都物理免疫，所以此战必败，支撑至一定回合後，会出现剧情而离开战斗，此时韩菱纱将会教导仙术，之後於自动出现的仙术视窗中学习仙术，关闭视窗後，会进行第二回合战斗(状态会全回复)。第二回合开打後，使用仙术冰咒，可以打倒左右两边的符灵，冰咒打魁召不痛，支撑数回合後会自动结束战斗。剧情後附近东西拿一拿，接著进入眼前新出现的『石沉溪洞密室』，剧情後获得『古玉』，顺著来的路出洞，回天河的家。 回到家中後会发生剧情，接著得到『香炉、牌位』，然後前往树屋，树屋剧情後会自动出发，前往『紫云架』。●---第一章○-紫云架顶部剧情後出现在紫云架顶部，往左走有一个储存点，前面有一个小宝箱(青铜剑、过风藤)，接著回到刚刚的分岔路，改往右边走，下坡下来之後，先别急著转弯往坡底下，先往前走，会有一个小宝箱(五彩花冠、元祖星空)，接著走到斜坡下的道路，右转在右转，顺著路走到岔路，左边有储存点，後方有大宝箱(碧磷砂、蜂王蜜、还魂香、登云履、金钱300)，接著走回岔路，改往右边走，经由场景切换点来到『紫云顶底部』。○-紫云架底部这边的敌人有些是物理攻击免疫，因此要用仙术击倒，路途上的右边有个储存点，顺手存档继续前进。这边的路不复杂，往右边渡河之後，可以看到小地图有显示储存点，维持良好习惯，存档好前往场景切换点，进入『太平村』。○-太平村进村後，菱纱暂时离开队伍，剩下天河一人四处游荡，此时可以先往右边走，下斜坡之後，附近的石头有藏一个大宝箱(绸布方巾、青铜剑、噬魂硝、元祖星空)，旁边石头墙围起的地方，庭院桌子上有『龙穴石髓』，房子里左边有『蜂王蜜』，地图上方的房子--民居甲内部的右边有道具『相思扣』，闲逛到粽子摊後会引发剧情，接著进入BOSS战--锺馗巨汉。◎BOSS战--锺馗巨汉锺馗巨汉的血量约一千，攻击力略高，还会施放范围技『踏步裂地』，不过稍微注意队伍成员血量的话，并不难击倒。击倒锺馗巨汉後，可怜的天河在剧情中被赶出了太平村，来到了『湖边树林』。○-湖边树林刚开始场景的左手边有个储存点，不过有个树木挡道，只要按空白键集气後跳过去即可。储存完之後跳出来，沿著道路走，岔路的右前方有『月长石』，一路沿著左边走跳过一个树木，到有水的地方，会看到第二个树木，不急著跳过去，先往旁边继续走，走到底的右边可以跳跃到对岸拿小宝箱(梅花镖、射影寒砂、银光剑[菱砂] )。接著回刚那里跳过第二个树木，前方有个小宝箱可以取(长靴、还魂香)，先不急著拿，右边可以跳跃到对岸取大宝箱(青丝绣衣、英雄X[不会打= ="]、倚月蓉花、元祖星空)，跳回原地拿小宝箱，沿著路走会看到第二储存点，往前方的大路走，就会到达海边并引发剧情。剧情後天河独自行动，旁边有储存点可以先存档。存档後往外走，会直接引发剧情，剧情後进入BOSS战--风邪兽。◎BOSS战--风邪兽风邪兽不强，血量也是约一千，风属性，有两只。由於我的天河是雷属仙术，轰一下都有两百多，就算用冰的也有打破百，所以不难打。打完剧情结束後，清晨出发前往『寿阳』，往前直走，看到的场景切换点就是了。○-寿阳入城後，先别靠近客栈，因为会引发剧情。可以先在城内闲晃一下，买些装备药品，城门右前方屋内有『神行丸』，右边底部的屋子内有『五生牯铃』，小吃摊後方、池塘右边的民宅内有『无忧散』，铁匠铺内有『登云履』，如意铺内有『梅花镖*2』，城里左下的民居乙内有『行军丹』，民居乙卧房内有『鸣风石』，把一些东西拿一拿，觉得差不多了就能回客栈前面触发剧情，第一次触发後，菱纱离开队伍，这时往客栈旁边的告示看一下，就会引发第二段剧情。第二段剧情结束後，可以继续自由活动，客栈内二楼走廊有『寒鸦羽』，第一间客房内有『疾风符』，第二间客房内有『金蝉蜕』，一楼楼梯旁下有15元，闲逛结束後前往城中北方的『柳府』。   进入柳府之後会引发剧情，剧情结束後已是深夜，菱纱加入队伍，出门口会发现柳府已经变了个样子，旁边有储存点可以先储存，之後踏入发光的门中。第一个门出来後，会看到两个门跟一个小宝箱(生铁剑、行军丹、元祖星空)，传送门的漩涡旋转方式不同，逆时针的漩涡是正确的传送门，顺时针的则是错误的传送门，还有一种是单纯的阻挡门，所以要出迷宫，只要跟著逆时针传送门走就行了，走到旁边出现储存点後就脱离迷宫了。存档後过桥，会发生剧情，剧情後回到白天的柳府。柳府的各房间几乎都有些道具，可以去加减收刮一下，像书房内有小宝箱(流云披风跟钱)，主人卧房有『玉扳指』，经堂里面有『封咒符』，深夜遇到梦璃的那间房子－梦璃闺房内有『疾风吊牌』，小宝箱(轻纱罗衣、软玉玉佩、元祖星空)，收刮差不多之後，就可以前往正中央的前厅进行剧情。剧情後，梦璃加入队伍，准备前往寿阳北方的『八公山』。○-八公山出城门抵达八公山，剧情结束後，前方有个储存点，储存点对面边的道路有『土沉叶香』可以捡取，城门旁边的路上也有『赤铁石』，顺著往北的路爬坡，遇到岔路不转弯，岔路左边的石头後面有小宝箱(神行丸、地缚根、还魂香)，往前走会遇到第二个岔路，分别为左、右，左边逛一圈可以拿不少东西(EX:大力丸、赤铁石、月长石、元祖星空)，可以加减逛，讲求速度就走右边吧。顺著右边的路爬坡，上去之後又是个分左、右的路口，右边有鼠儿果跟小宝箱(碧磷砂、蜂王蜜、元祖星空)可以检，往左边走，走没几步，看到右边有个红色婴儿的怪站在上坡，往那条上去就会看到储存点。储存点左边的路有大宝箱(描金头帕，浩然巾，钱)，东西捡完後就可以往储存点旁的道路前进，里面会看到场景切换点，进去後就到了『女萝岩一层』。○-女萝岩进入『女萝岩一层』之後，顺著路往左边，会看到储存点，储存完出来往右边走，会看到有个发光的东西在墙上，调查後会开启往第二层的通道，照小地图指示的位置走，就会进入第二层。在第二层的中间会发生剧情，剧情後菱纱脱队，第二层上方有两个场景切换点，右上的通往『女萝岩三层东』，里面只有一个小宝箱(金刚咒、血凝精、毒蜂巢)跟一些怪物，如果不拿东西，就可以直接通往第二层左上的『女萝岩三层西』。女萝岩这的怪物有一种蝎子，偷窃之後拿到回生仙饮，复活蛮好用的东西，可以偷一些来备用。三层西一进来是在中间，左边有开四层西的开关跟点，跟二层的情况一样，进去也是小宝箱(碧磷砂、蜂王蜜、毒蜂巢)，懒得拿的话，把左边的果子调查後就可以往右边走了(这层要调查两个果子才会开通道，所以左边的也得调查)，往右会引发剧情，剧情後菱纱归队，往前走会发现发光果子，调查後顺著路向上走，通过场景切换点就会抵达『女萝岩四层东』。四层东的左边有储存点，储存点旁墙壁的另一侧有小宝箱(八味檀香散、大力丸、元祖星空)，这层的传点有两个，要进入的目标为右下的那个传点，进去後会到达『女萝岩五层东』。五层东抵达之後，右後方有发光开关，调查後往上走，到了中央後再往右上调查发光开关，出现传点後，走回中央迈向左上的传点，前往『女萝岩六层中』。六层中跟四层东的地形相似，都是中间为起点，先前往左边调查两个发光果子打开开关，接著回到中间改往右下开第三个开关，三个都打开後，出现左上跟右上两个传点，左上的通往『女萝岩七层西』，里面的右上方有上锁大宝箱(毒龙胆、血凝精、止血草、鼠儿果、钱)，往右上的传点进去就会抵达『女萝岩七层东』。女萝岩七层东就是最後一层了，又顿又多层，真是个痛苦的折磨，第七层有储存点，储存後向上跑会引发剧情，剧情後得到『土灵珠』，使用後回到地面，引发剧情，剧情後准备返回寿阳柳府，使用土灵珠就可以回到寿阳城门口。○-寿阳(柳府)回到柳府後，进入前厅，剧情後菱纱离开，剩下天河一人乱晃，走到梦璃屋前院子的凉亭下就会引发剧情，可怜的天河早早就被发了好人卡，剧情结束後，出梦璃的院子往左走到底，再往右走到底就到了曾经睡过的客房，调查一下床铺，休息一晚後，离开柳府，到柳府门口就会发生剧情，剧情後可以去铁泽铺跟如意铺之类的补给一下装备药品等等，都好了之後，就准备前往八公山的『淮南王陵』罗。○-八公山从城门出来到八公山後，先往北走，储存点旁的岔路往右走上去，会看到第二个储存点，顺著路走下去到王陵前会发生剧情，剧情结束後往王陵的旁边走，就会发生第二次剧情，从密道进入王陵。 ◎淮南王陵可以行动后，会在淮南王陵的前厅，旁边有个储存点，顺手储存之后，走没多远就发生了剧情，剧情后直走到底，门旁边有个开关，按下去会有小游戏，把题目指定的缺字移动到下方，达成题目条件之后，就会过关打开通道门，前厅的右手边则是有一个小宝箱(透骨钉、碧磷砂、元祖星空)，左手边有射影寒砂，之后进入通道门前往『通道一』。PS.下方附上『移字做诗』小游戏的五种题目。通道一的最右边通道有开关可以开门进入，里面有小宝箱(百花裙、钱)，顺着中间的通道上去，往最左边的通道前进，最左侧的门也同样要玩小游戏才能开门，开门后进入『前殿』。前殿前方的楼梯一上去，就有一堆怪物，不过王座旁边有两个小宝箱(铸云铁、萍沙剑、钱)，拿完打完之后往地图左边前进，一路过关斩将之后，开门进入『后殿』。后殿一进来就向前直直走，剧情后可以拿椅子后方的上锁大宝箱(金蝉蜕、地缚根、过风藤*2、骷髅鼓、元祖星空)，接着前往左边，左上有储存点，左边的传点可以通往『通道二』。通道二往前走会遇到岔路(左、直)，直走到底右转的门通往『墓室乙』，里面会有小宝箱(松绿锦袍、钱)，岔路左转后会到一个十字路口，左边有小宝箱(袖箭、元祖星空)，直走进去的门『炼丹室乙』里面平台上会有『紫菁玉蓉膏』、『通天丸』，十字路口右转又会看到个岔路(左、直)，直走通道底部的门『墓室丙』内会有『浣尘玉琴』(梦璃19级武)，东西拿完之后，就可以往剩下的岔路左进军了，岔路左底部的通道门要玩小游戏才能开门，进入『丹室』后会看到右边有个储存点，储存后往平台上走去即会发生剧情，进入BOSS战--淮南王(BOSS资料于下方)。打完淮南王后，会引发剧情，接着玩小游戏打开平台上的通道，丹室地图北方的?壁有隐藏一个移字做诗的机关，解开后会出现隐藏大宝箱(远游屐、钱)，捡完大宝箱沿着平台下面往右走，又会看到在平台的南方有一个隐藏大宝箱(沫雨靴、钱)，之后走上平台进入鼎炉升降台的缺口，就能前往『通道三』。通道三出来直走，会遇上岔路(右、直)，直走的通道底部会有小宝箱(如意?带、行军丹)，走右边的岔路再往左转，通道底部就会有通往『通道四』的入口。一进来通道四会先发生剧情，之后会看到小地图上有储存点标志，存档后沿着路往上走，别往右下的门进去，那是往『后殿』的，之后会看到岔路(上、右)，可以考虑先往小地图右边去拿小宝箱(云英冠、还神丹)，接着往地图上方走，通道底部的传点出去后就到了『碗丘山』。●BOSS战--淮南王这边的BOSS战会有两回合。第一战会有两只尸童插花，加上BOSS全都是火属性，如果成员里有冰的仙术会好打不少，BOSS的血量约五千，我是用天河的落星式放一轮，菱纱跟梦璃各冰一下就解决掉两只尸童了，接着集中火力就能轻鬆打赢第一回合。第二战的怨魂合体，他会多放一招夺魂，有一定机率秒杀，基本上攻略方式跟第一战没什么两样，只是要比较注意血量跟复活，此战BOSS的血量约7500。遇到的Boss招式有：幽冥鬼爪(双重攻击)、溅魂爪(吸血)、魔炎闪空(范围三重攻击)、夺魂(机率即死)-------移字做诗-------这个小游戏共有五题，问号表示缺字，后面括号是答桉，给不知道的人当个参考1.少壮不努力，老大徒伤？ (悲)2.百川东到？，何时复西归 (海)3.祸兮福所依，福兮祸所？ (伏)4.举世皆浊我独清，众人皆？我独醒 (醉)5.塞翁失？，焉知非福 (马)---------------------------------------◎碗丘山出来后沿着道路走，第一个岔路(直、右)时，右边的岔路有小宝箱(含灵果、八味檀香散)，顺着路直走，接着左转就会看到储存点，储存点旁的传点就是『陈州』。◎陈州一开始进入陈州后，天河与梦璃就神秘失踪，所以只能操控菱纱，这时可以先閒逛也可以先去找回天河他门，要找他们的话要去城内右上方的弦歌台，引发剧情后三人仍可继续在城内閒逛，璎珞斋内有小宝箱(银戒指、雷火珠、元祖星空)，璎珞斋可以接到第一个委?任务《银器聘礼》，需要『银角梳』(????琼华派玄珠心镜购买图谱製作)，武器店对面湖边的屋子里面有小宝箱(堕影含幽、射影寒砂)，等装备药品这些都补充好之后，就可以前往客栈，跟客栈老?对话后花三百文休息，剧情后已是深夜，出客栈后往地图左边走，会看到传点通往目标『湖心岛』。◎湖心岛上岛后沿着地上的石砖路走，朝右上方的千佛塔前进，在千佛塔旁的阶梯石头旁边有个大宝箱(寒鸦羽、大破天甲散、大力丸、钱)，沿湖边往下走有『紫地甘萝』可以捡，千佛塔旁可以见到琴姬引发剧情，接着就从窗户进入『千佛塔』。◎千佛塔一进到千佛塔，可以看到后方有个储存点，存档后沿着地图南方走，走到中途就会看到一扇窗开着，跳进去后会看到不少和尚在附近，往右边走会看到一个由两名和尚把守的阶梯，阶梯右边会有张桌子，调查一下会使用燧石点燃蜡烛，阶梯上的门就会打开(如果之前打和尚没有打到燧石，就要沿着右边走，会从一个小宝箱内取得)，门里面是个大厅，中间有『五生牯铃』，往右手边的楼梯上去就会到『千佛塔二.三层』。上楼梯之后，沿着?壁走，有一个烛台没点上灯，把它点燃会把往楼上的楼梯接上，之后继续前进，路旁有个小宝箱(封喉羽、透骨钉)，接着上第三层。第三层的地板有很多罗汉凋刻，如果走到错误的，就会被传回楼下，要走相同的图桉才不会被传走，(下面我打了一个图样走法，给大家参考)，走过第一个区块后，右边有个僧人，挂掉他然后点亮烛台，接着挑战第二区块，通过后击倒僧人走上楼梯，通往『第四层』。以下的○代表错误格子，●代表正确的通过路线。第一个罗汉区块：○○○●●●●○●○○●○●○○●●●○○○○○○第二个罗汉区块：○○○○○○○○●●○○○●○○○●●○●●●○○第四层要先绕过九弯十八拐的书柜，然后到中央点亮烛台，旁边有个上锁大宝箱(含灵果、八味檀香散、封喉羽'行军丹、元祖星空)，沿着?壁往地图左边走，会看到第二个需要点亮的烛台，点亮后爬上楼梯前往第五层。第五层又有罗汉图要通过，通过到中间时先点亮中央的烛台，再继续往右边的楼梯前进第六层。以下的○代表错误格子，●代表正确的通过路线，ｘ代表无意义的区域（发文会被缩空格）。○○●●●○○○●●●○●●●○●○○○●○●○○○○○●○○○●○●○ｘｘ楼○○○○●●●○●○●●→ｘ梯○○○○○○●●●○○○ｘｘｘｘｘｘｘ↓ｘｘｘｘｘｘｘ烛台来到六层，看起来像是个讲道的地方，柱子上有『吉祥如意符』，沿着地图南边走过去左边，把沿路的三个烛台点亮就可以往『第七层』前进。第七层要先走过罗汉图到最右边，然后再从下面走到中央南边去点亮烛台，接着回右边，楼梯后面有小宝箱(紫菁玉蓉膏、透骨钉)，之后就进军『第八层』?印?以下的○代表错误格子，●代表正确的通过路线，※为僧人，◎为烛台，ｘ是空地（发文会被缩成一团，所以用x隔开)。→●●○○○●●●○○●●↓ｘ○●○○●●○●●●●○↓ｘ○●○○●○○○○○○○↓ｘ○●●●●○○○○○○○↓ｘｘｘｘｘｘ楼ｘ○○○○○○●●●○○○↓ｘｘｘｘｘｘ梯ｘ○○○○○○●○●●●●← ┌点亮后 →↑○○○○○○○●○○○○○○ｘｘｘ○○○○●○○○ｘｘｘｘ○○○※○○○ｘｘｘｘｘｘｘ◎第八层一上来转个弯就看到储存点，可见又有事情要发生啦！存档后，朝中央过去就会发生剧情，经过一番凄美的剧情后，人已来到陈州。◎陈州剧情后人在陈州的客栈二楼客房内，走下楼后发生剧情，梦璃加入队伍后前往城内南方的城门口旁，与怀朔等人发生剧情后，御剑前往『播仙镇』。◎播仙镇剧情后菱纱觉得身体不适，众人决定在播仙休息一晚，此时可以按照惯例先四处补给装备道具，锻造一下新装备，武器店内有小宝箱(青铜护腕、袖箭)，武器店外过河的民宅内也有小宝箱，到处跑一跑拿一拿之后，进到客栈发生剧情，剧情后可以到客栈二楼最左边的客房内拿小宝箱(骷髅鼓、丧门钉)，客栈老?娘有委?任务可以接，小吃店的吉顺也有委?任务，事情都解决之后，就可以出发前往播仙镇南边的传点，前往『紫微道』。第一章可接到的委?任务如下：┌银器聘礼┐地点：陈州 店舖名称：璎珞斋 老?姓名：郑灿英寻找物品：银角梳 (????琼华派玄珠心镜购买鎔铸图製作)奖励：紫阳冠┌吉顺大饼┐地点：播仙镇 店舖名称：食品店 老?姓名：吉顺寻找npc姓名：夏拉 (播仙镇客栈旁楼梯上去的葡萄架)奖励：手抓茶*30、奶茶*30┌月圆窃婚┐地点：播仙镇 店舖名称：车马驿[客栈] 老?姓名：狄丽拜尔寻找npc姓名：塔依夫 (播仙镇绿洲酒肆内，客栈隔壁那间就是酒肆，第三桌)奖励：沁雪白绫衫---------第一章完---------转自 </t>
  </si>
  <si>
    <t xml:space="preserve">怎么才能更新到2771????????现在2770更新包在哪里？ </t>
  </si>
  <si>
    <t>天晴到是有更新包下载，但下了以后玩不了要重装游戏就别怪我了。</t>
  </si>
  <si>
    <t xml:space="preserve">英语从句中，that和which到底有什么区别呢一般来说that </t>
  </si>
  <si>
    <t>1.在名词性从句中，它们的区别是很大的。  that是“只有语法意义，没有词汇意义——也就是说她不作句子成分”。 which是“哪一个”的意思。2.在定语从句中的区别：  以下情况只用that不用which。1）当先行词受形容词最高级、序数词、all/every等不定代词修饰时。2）当先行词是all/every等不定代词时。3）当先行词指人又指物时。 以下情况只用which不用that。1）在非限定性定语从句中。2）作介词的宾语时。3）当先行词是that/those时。</t>
  </si>
  <si>
    <t xml:space="preserve">当你郁闷的时候,你会怎么发泄?一个人安静的呆着?打人?扔东西?…? </t>
  </si>
  <si>
    <t>每个人都有发泄自己郁闷情绪的方法。我以前一直在找一种最适合自己的缓解情绪的途径，效果都不是很好。直到不久前我办了一张健身卡，才知道当自己情绪不好的时候，跑到健身房去叮咛哐啷的弄得自己满身大汗的，就感觉什么郁闷都没有了，这也许是一种好的并适合我的情绪发泄方法．你也可以试试．</t>
  </si>
  <si>
    <t xml:space="preserve">晚上吃夜餐好不好？睡觉前少吃点东西好不好呢？ </t>
  </si>
  <si>
    <t>我们所谓的晚上不能吃东西，指的是在睡觉前3小时内不能吃东西，因为那会影响胃对食物的消化和吸收。 并且睡前忌吃的五种食物一、咖啡因；二、辛辣食物；三、油腻食物；四、有饱腹作用的食物；五、。经常吃夜宵，对身体的害处多过好处，其中四大害处对健康非常不利： 危害一：容易生石 人的排钙高峰期常在进餐后4～5小时，若夜宵过晚，当排钙高峰期到来时，人已上床入睡，尿液便滞留在输尿管、膀胱、尿道等尿路中，不能及时排出体外，致使尿中钙不断增加，容易沉积下来形成小晶体，久而久之，逐渐扩大形成结石。 经常喜欢吃夜宵，如果进食的是高脂肪、高蛋白的食物，很容易使人体内血脂突然升高。 危害二：夜宵营养难于消耗 夜宵都吃得比较好，虽然营养丰富，但也暴露出另一个问题，即营养如何消耗。据科学研究报告，在吃夜宵时吃大量的肉、蛋、奶等高蛋白食品，会使尿中的钙量增加，一方面降低了体内的钙贮存，诱发儿童佝偻病、青少年近视和中老年骨质疏松症，另一方面尿中钙浓度高，罹患尿路结石病的可能性就会大大提高。况且，摄入蛋白质过多，人体吸收不了就会滞留于肠道中，会变质，产生氨、硫化氢等毒素，刺激肠壁，诱发癌症。再加上饮酒，则更容易与“酒精性脂肪肝”结缘。 危害三：胆固醇明显增多 经常喜欢吃夜宵，如果进食的是高脂肪、高蛋白的食物，很容易使人体内血脂突然升高。人体的血液在夜间经常保持高脂肪含量，夜间进食太多，或频繁、屡次进食，会导致肝脏合成的血胆固醇明显增多，并且刺激肝脏制造更多的低密度脂蛋白。运载过多的胆固醇到动脉壁堆积起来（包括阴茎动脉），也成为动脉粥样硬化和冠心病、阳痿的诱因之一。 同时，因为长期夜宵过饱，会反复刺激胰岛，使胰岛素分泌增加，久而久之，便造成分泌胰岛素的β细胞功能减退，甚至提前衰退，发生糖尿病。这些病症均能影响性功能，导致性衰退。 危害四：诱发失眠: 夜宵过饱可使胃鼓胀，对周围器官造成压迫，胃、肠、肝、胆、胰等器官在餐后的紧张工作会传送信息给大脑，引起大脑活跃，并扩散到大脑皮层其它部位。 因此，想拥有健康最好的方法是不吃夜宵或少吃夜宵。如果晚上确实需要补充营养，最佳选择是碳水化合物，即淀粉和糖类，如一片面包，一杯牛奶或清淡的稀粥。因为这类食品会间接地改善脑的化学反应，令身体分泌胰岛素，从而发挥镇静安神作用，对失眠者尤为有益。</t>
  </si>
  <si>
    <t xml:space="preserve">苏州的有线通和电信ADSL哪个更适合我亲戚要装宽带，他那里可以选 </t>
  </si>
  <si>
    <t>我觉得肯定是电信的ADSL好系统稳定性强.肯定比有线通好有线通就相当别的网通铁通那些一样.我个人认为还是电信的好</t>
  </si>
  <si>
    <t xml:space="preserve">好看的网游小说 </t>
  </si>
  <si>
    <t>网游之风流骑士，网游之传奇再现，猛龙过江，都挺YY</t>
  </si>
  <si>
    <t xml:space="preserve">求教PES4的问题PES4中怎样罚好任意球,有什么技巧?有什么过 </t>
  </si>
  <si>
    <t>如果你用的是手柄的话,可以试试这个方法我讲的是右脚内脚背任意球选一个任意球精度90以上，弧度最好上80的球员。把角度调离想射的地点右边一点，然后点射门键，力量一半左右（27以上就一半多一点，25—26米刚好一半，25米以下就一半少一点）。左手大拇指点住方向左别放，食指点住L1键别放（L1健在罚任意球时作用是球速加快）。多练练，熟练了命中率就高了。左脚内脚背任意球就把以上所提到的方向全部点相反的就行。任意球基本用内脚背射，除了卡洛斯式任意球要在35米外用外脚背射命中率较高。不过我不会。祝你成功，练会任意球这项绝技，想不厉害都不行。想想看，对方又不敢向你犯规，不犯规就只有让你单刀，想不进球都不行，除非你的前锋太对不起人了。呵呵</t>
  </si>
  <si>
    <t xml:space="preserve">生殖健康生过宝宝戴上节育环后,房事时有时会感觉小腹酸痛,是否与戴 </t>
  </si>
  <si>
    <t>您好！ 性生活后腹痛，不排除是子宫肌纤维反射性的收缩，导致的子宫收缩痛，建议您不必担心，必要时到医院检查一下B超，看一下环的位置。</t>
  </si>
  <si>
    <t xml:space="preserve">男的属羊，女的属猪，求8月搬家吉日 </t>
  </si>
  <si>
    <t>夫: 属羊1979（己未）年。妻: 属猪1983（癸亥）年。阳历2008年8月份适宜你们搬家的日子：8月16日、8月26日、8月28日或8月31日。分析如下：1、阳历2008年8月16日，农历（阴历）七月十六（戊子）日：戊子日是夫生肖的贵人；戊子日的贵人是夫生肖；戊子日是妻生肖的禄；戊子日和妻生肖五合。“入宅仪式”时请生肖属马的亲朋好友占时避开。2、阳历2008年8月26日，农历（阴历）七月二十六（戊戌）日：戊戌日的贵人是夫生肖；戊戌日和妻生肖五合。“入宅仪式”时请生肖属龙的亲朋好友占时避开。3、阳历2008年8月28日，农历（阴历）七月二十八（庚子）日：庚子日是夫生肖的贵人；庚子日的贵人是夫生肖；庚子日是妻生肖的禄。“入宅仪式”时请生肖属马的亲朋好友占时避开。4、阳历2008年8月31日，农历（阴历）八月初一（癸卯）日：癸卯日和双方生肖三合。“入宅仪式”时请生肖属鸡的亲朋好友占时避开。“入宅仪式”指入宅当天新居上香祭祖时。恭喜乔迁之喜，祝事事大吉。</t>
  </si>
  <si>
    <t xml:space="preserve">为什么：大盘上涨时大家高谈阔论，下跌时都三缄其口？大盘上涨时，不 </t>
  </si>
  <si>
    <t xml:space="preserve">哈哈哈...向学长报个到, 俺两边全是满仓,今天俺的股票也第一回轮到跌停了, 基金没转也没赎,股票俺是不贱卖的, 俺对自己的龙头企事业股票是有信心的, 除非中国经济崩溃了,那就算为国捐躯了.  </t>
  </si>
  <si>
    <t xml:space="preserve">50立方米烘干机多少钱 </t>
  </si>
  <si>
    <t>到销售中心咨询一下</t>
  </si>
  <si>
    <t xml:space="preserve">电脑无声声音，视频游戏控制器前面有个黄色叹号，删掉了，想安装声卡 </t>
  </si>
  <si>
    <t>试试驱动精灵或驱动人生。一般的话删除驱动，然后重新启动电脑，再装驱动应该可以的。如果确实装不上只有重装系统了。</t>
  </si>
  <si>
    <t xml:space="preserve">电脑改时间,没有适当的特级权不能改电脑改时间,显示"没有适当的特 </t>
  </si>
  <si>
    <t>影响网页打开速度的因素主要有如下几方面： 1、网络防火墙的设置不允许多线程访问，例如目前WinXPSP2就对此默认做了限制，使用多线程下载工具就受到了极大限制，BT、迅雷都是如此。因此，同时打开过多页面也会出现打开网页速度慢的问题。 2、系统有病毒，尤其是蠕虫类病毒，严重消耗系统资源，打不开页面，甚至死机。 3、本地网络速度太慢，过多台电脑共享上网，或共享上网用户中有大量下载时也会出现打开网页速度慢的问题。 4、使用的浏览器有BUG，例如多窗口浏览器的某些测试版也会出现打开网页速度慢的问题。 5、访问的网站负荷太重，带宽相对太窄，程序设计不合理，也会出现打开网页速度慢的问题。 6、用户和网站处于不同网段，例如电信用户与网通网站之间的访问，也会出现打开网页速度慢的问题。 7、网络中间设备问题，线路老化、虚接、路由器故障等。 8、是否和系统漏洞有关，也不好说，冲击波等病毒就是通过漏洞传播并导致系统缓慢甚至瘫痪的。</t>
  </si>
  <si>
    <t xml:space="preserve">发达国家的摄影业有在国外呆过的吗？知道那边商业摄影行业好做吗？ </t>
  </si>
  <si>
    <t>欧美发达国家的市场，肯定比国内更成熟！</t>
  </si>
  <si>
    <t xml:space="preserve">有什么天然的方法可以收缩毛孔?不要化装品的,要天然的,如水果之类 </t>
  </si>
  <si>
    <t xml:space="preserve">    1.冰敷——把冰过的水用化妆棉沾湿，敷在脸上或毛孔粗大的地方，可以起到不错的收敛效果。     2.毛巾冷敷——把干净的专用小毛巾放在冰箱里，洗完脸后，把冰毛巾轻敷在脸上几秒钟。     3.用水果敷脸——西瓜皮、柠檬皮等都可以用来敷脸，它们有很好的收敛柔软毛细孔、抑制油脂分泌及美白等多重功效。     4.柠檬汁洗脸——油性肌肤的人可以在洗脸时，在清水中滴入几滴柠檬汁，除了可收敛毛孔外，也能减少粉刺和面疱的产生。(但注意浓度不可太浓，且不可将柠檬汁直接涂抹在脸上)     5.化妆棉+化妆水——事先准备1小瓶无油化妆水再装上化妆棉，一小时后，以化妆棉喷上化妆水轻拭出油的部位，对于毛孔粗大的你来说是清爽又有效的。 　　6.鸡蛋橄榄油紧肤——将一个鸡蛋打散，加入半个柠檬汁及一点点粗盐，充分搅拌均匀后，将橄榄油加入鸡蛋汁里，使二者混合均匀。平日可将此面膜储存在冰箱里，一周做1-2次就可以让肌肤紧实，改善毛孔粗大，促进皮肤的光滑细致。 　　7.栗皮紧肤——取栗子的内果皮，捣成末状，与蜂蜜均匀搅拌，涂于面部，能使脸部光洁、富有弹性。 </t>
  </si>
  <si>
    <t xml:space="preserve">Omg是什么意思？？急急急急急急急！！！！十万火急！！！！快，不 </t>
  </si>
  <si>
    <t>“Oh my god."的缩写“我得老天爷呀！”或是“电阻欧姆”还可能是overhead mounted gun顶置炮</t>
  </si>
  <si>
    <t xml:space="preserve">什么是歌德巴赫猜想??? </t>
  </si>
  <si>
    <t xml:space="preserve">当年歌德巴赫写信给欧拉，提出这么两条猜想： （1）任何大于2的偶数都能分成两个素数之和 （2）任何大于5的奇数都能分成三个素数之和 很明显，（2）是一的推论 （2）已经被证明，是前苏联著名数学家伊·维诺格拉多夫用“圆法”和他自己创造的“三角和法”证明了充分大的奇数都可表为三个奇素数之和，就是著名的三素数定理。这也是目前为止，歌德巴赫猜想最大的突破。 在歌德巴赫猜想的证明过程中，还提出过这么个命题：每一个充分大的偶数，都可以表为素因子不超过m个与素因子不超过n个的两个数之和。这个命题简记为“m+n” 显然“1+1”正是歌德巴赫猜想的基础命题，“三素数定理”只是一个很重要的推论。 1973年，陈景润改进了“筛法”，证明了“1+2”，就是充分大的偶数，都可表示成两个数之和，其中一个是素数，另一个或者是素数，或者是两个素数的乘积。陈景润的这个证明结果被称为“陈氏定理”是至今为止，歌德巴赫猜想的最高记录 </t>
  </si>
  <si>
    <t xml:space="preserve">电脑出现chkdsk该怎么办？请问大家这个chkdsk是什么意思 </t>
  </si>
  <si>
    <t>Chkdsk--检查磁盘当前状态命令功能：显示磁盘状态、内存状态和指定路径下指定文件的不连续数目。是不是出现让你运行Chkdsk工具？如果是，应该是系统垃圾文件造成的，即使你运行Chkdsk，估计也不会有效果一般是 C:\WINDOWS\Prefetch 文件夹下的垃圾文件造成的，删除该文件夹下的所有文件，一般就可以解决。也可以点击下载双击运行这个清理工具</t>
  </si>
  <si>
    <t xml:space="preserve">在EXCELL中怎么开根号？还有在计算器中怎么开根号？谢谢 </t>
  </si>
  <si>
    <t>在excel中比如求5的开根号在单元格输入=5^0.5或=5^(1/2)回车.在计算器中.点查看选科学型.然后输入若要计算5的平方根，则按： 5，x^y，0.5,=(无逗号)</t>
  </si>
  <si>
    <t xml:space="preserve">以知O为坐标原点,角AOB=30度,角ABO=90度,点A的坐标? </t>
  </si>
  <si>
    <t>根据题意,三角形OAB是直角三角形，且OA=2,AB=1,OB=√3,于是可以得到B点的坐标为(3/2,±√3／2)，将O、A、B三点的坐标代入二次函数的解析式，得c=02a+b=09a+6b=±2√3解得a=±2√3/3b=-(±4√3/3)于是，二次函数的解析式为y=2√3/3x^2-4√3/3x或y=-2√3/3x^2+4√3/3x.很抱歉，你的补充问题仍然看不懂，故无法作答。C点究竟在哪里？D点更是没有交代。</t>
  </si>
  <si>
    <t xml:space="preserve">如何保养阳伞太阳伞怎么保养，感觉有点脏了，能用水洗吗？如何才能把 </t>
  </si>
  <si>
    <t>你好！1.太阳伞的主要功能是抵挡紫外线，因制作太阳伞的面料比较精细，里面含有一些细小颗粒，所以最好的洗涤方法是用清水冲，不能用刷子刷。 2.若非必要.勿清洗太阳伞.一定要清洗的话，最好用清水洗一下伞面，尽量不要把水弄到伞架上，以避免伞架生锈。 3.雨伞溅上泥以后，晾干后用软刷子刷去污泥。布伞和绸布伞宜用酒精溶液或稀洗衣粉溶液洗刷，然后用清水洗净，晾干。绸布伞不能撑开洗刷，否则干后容易破裂。 4.布伞忌用汽油、煤油洗刷；深颜色布伞可用浓茶水洗刷，花布伞可用氨水洗刷，有污迹时，可用醋、水各50%的溶液清洗。 5.最好办法是不要买浅色的伞，这样就不用费劲儿了。 祝快乐！</t>
  </si>
  <si>
    <t xml:space="preserve">临场提点纽伦堡降盘无胜走10 </t>
  </si>
  <si>
    <t xml:space="preserve"> 通过初盘分析，纽伦堡的主胜威廉希尔有些偏高，同意楼主观点。</t>
  </si>
  <si>
    <t xml:space="preserve">右手腕骨裂37后该怎么处理？37天前摔倒右手抓地，手腕处挫伤，晚 </t>
  </si>
  <si>
    <t>如仅是骨裂没有错位可以暂不拍片复查，也没有什么特殊治疗，局部热敷是一个不错的方法，可消肿、止痛、加快恢复。</t>
  </si>
  <si>
    <t xml:space="preserve">成人发烧抽搐翻白眼是因为什么? </t>
  </si>
  <si>
    <t>你好!根据你所描述的症状看可能是癫痫。癫痫是由于大脑神经元突发性异常放电导致意识、运动、感觉、自主神经功能及精神等短暂的反复发作性功能障碍。可能是癫痫的表现,请你不要太担心及时去医院做相关检查,确诊后再对症治疗,可能是得了癫痫病吧，癫痫就是有这几种症状。</t>
  </si>
  <si>
    <t xml:space="preserve">车老开锅，车跑一会水箱有气让后开锅，是不是缸头垫子坏了？ </t>
  </si>
  <si>
    <t>这现象一般就是缸垫松动或者已坏，建议换缸垫。</t>
  </si>
  <si>
    <t xml:space="preserve">关于大号带小号抓鬼本人132DT经常看双那喊带小号抓鬼。我也想带 </t>
  </si>
  <si>
    <t>带高BB 然后其他人防 上来把小怪清了 最安全的就是把鬼给反间了 要是觉得那样难打了就不反也行 一个鬼一般死不了人 主要就是上来以最快时间把小怪清了就OK了 如果队里有个加血门派那一般就死不了人了</t>
  </si>
  <si>
    <t xml:space="preserve">名人敬业与乐业的事例写些关于名人敬业与乐业的真实事例,速度!!! </t>
  </si>
  <si>
    <t>越王勾践大败后，十年里发愤图强，卧薪尝胆，终于报仇雪恨，来掉了吴国。从这个故事不难看出，一个人遇到失败，只要不断吸取经验教训，成功的喜悦就总能属于他。司马迁受刑写《史记》，曹雪芹贫困窘迫写《红楼梦》，双目失明的奥斯特洛夫斯基在病榻上写出了《钢铁是怎样炼成的》，摇着轮椅的张海迪大姐姐自学成才，为人针灸治病。但是。。。。。。。。你想要现代还是古代呀？？？？我。。。。。。。好像答离了题。。。。。。。</t>
  </si>
  <si>
    <t xml:space="preserve">dnf漫游怎么加点漫游刷图加点 </t>
  </si>
  <si>
    <t>男 膝撞，等级：5 膝撞强制，等级：1 浮空弹，等级：5（我个人喜欢用的技能，准备加到10吧，5的浮空高度还真受不了）浮空弹强制，等级：1（消耗的不多，而且也很好用） 左轮精通，等级：满 快速填装，等级：1 致死，等级：1 踏射，等级：1 回旋踢，等级：5（改版后主要走射击漫游路线，加5只是为了出朝天脚，当然也可以加满，加满还是因为打机械牛BOSS的时候，很好清理掉机器人，大家根据自己的选择来加咯） 瞬踢，等级：5（作用主要是退怪，和其它射击技能比，即使加满瞬踢，伤害也不怎么样） 强制 - 瞬踢，等级：1 朝天脚，等级：1（非常好用的技能，用起来很安全，加1主要是为了聚怪，加高了伤害一般） 死亡左轮，等级：满（漫游刷图的基础，满上！而且改版后持续30秒，冷却也是30秒，可以无限一直处于死亡左轮状态，只是锐眼……） 远程格挡和自动反击不加（这两个技能主要是PK的，而且都改为手动了，刷图才没有空去理会呢，注意跑位就好) 快速拔枪，等级：5 爆头一击，等级：满（刷图第一输出，绝对要加满） 回头一击，等级：1(这个肯定要加，45技能强制，而且增加爆头伤害) 强制-爆头一击，等级：1(这个可以根据自己的爱好吧，加和不加都影响不大) 移动射击，等级：满（改版后是30颗子弹限制，但是速度非常快，在死亡左轮的状态下，伤害很可观） 多重爆头，等级：满(新的无色技能，绝对要满的，号称单体输出最大的技能，而且和乱射一样自身霸体) 乱射，等级：满（不用说，改版后好技能效果更帅了，伤害也不错） 鹰枪，等级：满（传说中的45技能，很帅，伤害很高，绝对第一输出，而且冷却时间也很快，满上) 疯狂屠戮，等级：满（满吧，反正SP很多，等级低的可以先不满) -------【机械】--------------------- RX-78追击者，等级：1 -------【弹】--------------------- 银弹，等级：1 G-14手雷，等级：1 -------【重火器】--------------------- M-137格林机枪，等级：1 BBQ，等级：1（纯刷图加1级BBQ可以了，想要PK的肯定要加5出强制） -------【通用】--------------------- 后跳，等级：1 强制 - 后跳，等级：1 受身蹲伏，等级：1 物理暴击，等级：满（加满吧，SP多得不得了。) 女 后撩踢：5级【BBQ前置】 浮空弹：5级出强制，【爆头一击的前置】出强制是为了扫地，加高也没多大意义。 钉刺射：5级【觉醒前置】 上旋踢：5级，加高也没多大意义。 刺踢：5级出强制足以，退怪用用。 左轮精通：10级，不加满就不叫漫游了。 快速拔枪：5级，刷图鸡肋技能，要不是【枪舞】的前置，刷图绝对不加。 爆头一击：18级出强制，高伤技能，穿刺力和暴击率非常出色。 音速劫击：5级，【觉醒前置】 移动射击：9级，不解释。 多重爆头：13级，出色的输出技能。 枪舞：11级，这个技能多的人只加了个3出【双鹰】，其实漫游的SP很充足，如果是纯刷图的话，这个技能虽然伤害比男枪的【乱射】低，但是，加高毕竟也是一个输出。 双鹰回旋：8级不解释。 隐匿切割：6级，配合一把远古1左轮，效果很好，很强大。 双枪极舞刃：7级，毕竟是刷图，也是一个输出技能，满吧，跟刺客的看起来差不多，伤害也是可以的。 机械： RX-78追击者：刷图系统自带的1级。不解释。 战术： 银弹：1级，1级足以，很好，很完美。 G-14手雷：系统自带1级不解释。 重火器： M-137格林机枪：系统自带1级不解释。 BBQ：1级，刷图保命用的。 通用： 物理暴击：10级，增加漫游百分之10的暴击率，刷图绝对满！ 受身蹲伏：1级，完美技能，不解释。</t>
  </si>
  <si>
    <t xml:space="preserve">炼金BL350充375配方在哪里？我去了刀锋山的雷神要塞，找了所 </t>
  </si>
  <si>
    <t>雷神要塞的大门出去方向的右手边，有个屋子，进去之后找一下，就在屋子里，有大蓝，特效睡眠，特效防御药剂卖，这些可以冲到370.然后靠转化源生之能之类的可以冲到375.</t>
  </si>
  <si>
    <t xml:space="preserve">我在大连去哪可以找到好点的汽车改装店啊？ </t>
  </si>
  <si>
    <t xml:space="preserve">我就是大连人，在这里有一家大连德利改装店的改装技术还不错，可以考虑去看看，有经验丰富的改装师傅，而且价格也挺合理的，老板也不错，很认真负责，值得考虑一下。 </t>
  </si>
  <si>
    <t xml:space="preserve">北极和南极那个大？ </t>
  </si>
  <si>
    <t>北极大，南极稍微扁一些。。。。。。。。。。。。</t>
  </si>
  <si>
    <t xml:space="preserve">孩子3岁8个月，晚上睡觉总是打呼，平时呼吸声也较粗，到医院听过都? </t>
  </si>
  <si>
    <t>极可能是扁桃体肥大，造成的，用匾洮康彻愈组合治疗扁桃体即可恢复。你好，咳嗽多由于呼吸道炎症引起，治疗以抗生素和止咳化痰的药为主，可以口服头孢克洛颗粒和小儿止咳化痰颗粒治疗。平时多喝水，注意体温变化。（为您解答,希望帮到您,如有用,请选下方“对我有用”谢谢采纳.）宝宝夜间咳嗽可用药物治疗或者食疗的方法治疗，药物治疗和食疗都可以有效缓解小儿夜间咳嗽。比如念慈庵蜜炼川贝枇杷膏，喝上一口清清凉凉，嗓子不再痒!蛇胆川贝枇杷膏可选择让宝宝液化吸入化痰药物。中药川贝炖雪梨也有利于化痰止咳，可取梨1个，将头部切下做盖，挖出核心，放冰糖10克、川贝末6克，盖上梨头部，放碗内上火蒸熟，食梨饮汁。另外您要注意给宝宝多喝水，平时喂些艾贝斯乳铁蛋白来帮助抵御呼吸道病菌的清侵袭。</t>
  </si>
  <si>
    <t>请问下飚车A车TBR</t>
  </si>
  <si>
    <t xml:space="preserve">白痴 不会说就别说 阿波罗最快 261 下坡 262 不懂的别说 还268 你跑给我看看 我前面的笨蛋 你家B车能跑到260 </t>
  </si>
  <si>
    <t xml:space="preserve">600362急急急，帮帮忙哪位高手帮帮忙我今天33.10的成本买 </t>
  </si>
  <si>
    <t>该股目前的平均价位是30.30元/股，你成本相对较高，只能等等了。目前还不能说该股就没有解套的可能。应当在30元附近补仓待涨。</t>
  </si>
  <si>
    <t xml:space="preserve">我应该怎样改进我的说话方式和语气？我今年23岁，可说话和语言措词 </t>
  </si>
  <si>
    <t>请你先做一件事就是每天早上主动的向同事,朋友问好,再使用微笑武器.然后不要吝啬的表扬别人,试着相信别人....</t>
  </si>
  <si>
    <t xml:space="preserve">做隆鼻手术大概需要多少钱呢？ </t>
  </si>
  <si>
    <t>1、隆鼻多少钱和手术方法有关隆鼻可以分为自体软骨隆鼻整形手术，假体隆鼻整形术，不同的鼻型畸形当然需要不同的治疗方法，手术的难度也各不相同，鼻隆整形费用是多少也自然不同了。2、隆鼻多少钱和受术者所选择的材料有关目前临床常见的隆鼻材料有硅胶假体和自体软骨，而且假体材料还有国产的，合资的和进口的，这就决定了不同的鼻整形费用是多少。3、隆鼻多少钱和医生的技术有关好的隆鼻医生能够保证手术的成功率和效果，不能说知名的隆鼻医生和一个刚毕业的实习生是一个手术费用。鼻整形手术是一门比较复杂的外科手术,因此不应当随意的选择整形医院,而是需要从医院的资质、医生的技术、整形后的实际效果等多方面进行综合考虑。如有问题可以咨询。　　选整形医院需要从医院的资质、医生的技术、整形后的实际效果等多方面进行综合考虑。除此之外，隆鼻不能单纯的考虑鼻子的造型，而是需要综合面部其它器官、脸型，甚至个人的气质等因素综合在一起设计鼻部造型，这样才能得到满意的隆鼻效果，单纯隆鼻是无法达到满意效果的，在选择的时候应当特别注意。任何手术都是有风险的，为了避免手术出现风险，最好的方法就是在手术前选择一家正规的整形美容医院和一位有责任感的专业整形医师，同时做好术前术后准备，这样才能保证手术安全手术效果万无一失!做鼻整形最好楼主去找有经验的医生去问问，选择一家正规的医院才可以为手术的成功加上多一层的保障！</t>
  </si>
  <si>
    <t xml:space="preserve">饮了多美滋是否容生啖?我家宝宝现在九个月啦,一直饮惠氏,但是好热 </t>
  </si>
  <si>
    <t>如果可以的话,换换工雅培的试试,而且品质也是很有保证的,美国销量最大的.口感不是很甜,会有很多营养的沫沫的.而且它里面的脂肪是植物性的,而多美滋的是动物性的.孩子吃了不是那种面包胖.身体特结实.</t>
  </si>
  <si>
    <t xml:space="preserve">100分问题这个桌面式立体环绕声音响怎么了？先简单介绍一下我的电 </t>
  </si>
  <si>
    <t>驱动问题，用XP驱动程序回滚功能，前提是打开了XP系统还原功能。或者重装驱动！</t>
  </si>
  <si>
    <t xml:space="preserve">苹果电脑的qq下载我在qq官网上下载了2008qq最新版本，不知 </t>
  </si>
  <si>
    <t xml:space="preserve">苹果电脑需要使用苹果版的QQ。（你下载Windows版的QQ自然不行啦）◆ 推荐使用专门支持的苹果版 QQ------ isQ isQ 是腾讯公司 OICQ 服务的 Mac 平台客户端软件，isQ 使用 QQ 现有的号码服务和通讯资源，在 Mac 桌面实现与 Windows PC 的 QQ 即时通讯。 isQ 基本运行环境 操作系统：Mac OS X v10.2 或者更高；Safari 1.0 或者更高 硬件要求：Power Mac G3 或者更高 网络要求：56K modem 或者更高 官网下载地址------   </t>
  </si>
  <si>
    <t xml:space="preserve">7月5日去青岛旅游穿什么衣服？听说要穿长袖、长裤，有那么冷吗？我 </t>
  </si>
  <si>
    <t xml:space="preserve">穿短袖T恤和短裤，不会冻着! 换洗衣服带两件就足够了,祝你旅途愉快。 </t>
  </si>
  <si>
    <t xml:space="preserve">高三历史请帮忙中国古代史上的藩镇割据不太懂请帮忙谢谢了 </t>
  </si>
  <si>
    <t xml:space="preserve">藩镇割据 --------------------------------------------------------------------------------     唐中叶以后，部分地方军政长官据地自雄，不服从朝廷命令的政治局面。唐代宗广德元年(763)，接受了一批安吏部将投降，并同意他们就地担任节度使：李怀仙为幽州(今北京西南)卢龙节度使，驻幽州；李宝臣为成德节度使，驻恒州(今河北正定)；田承嗣为魏博节度使，驻魏州(今河北大名东南)。唐朝的“藩镇割据”从此开始。唐玄宗在位(712～756)时期，为防止周边各族进犯，大量扩充防戍军镇，设立节度使，赋予统领、财政支配及监察管内用县的权力，共设九个节度使和一个经略史。在这种畸形局面之下，爆发了安史之乱。安禄山就是凭借着在北方长城一线守边，身兼范阳；平卢、河东三镇节度使而发动叛乱的。安史之乱平息后，其党羽纷纷投降唐朝，朝廷无力彻底消灭这些势力，便以赏功为名，搜以节度使称号。除著名的“河北三镇”外，当时唐朝内地的许多节度使也各占一方，对抗朝廷，成为割据势力。他们在辖区内任意扩充军队、委派官吏、征收赋税。节度使的职位常常父死子继，或由其部将承袭。这些割据势力利用手中的兵权、财权，威胁朝廷，甚至起兵反叛。藩镇割据的局面一直延续到唐朝灭亡以后。 </t>
  </si>
  <si>
    <t xml:space="preserve">请问有哪些东西是无色无味的？？ </t>
  </si>
  <si>
    <t>空气、氧气、饮用水</t>
  </si>
  <si>
    <t xml:space="preserve">我用的是傲游浏览器我在打开时，有些网站上的Flash我打不开，有 </t>
  </si>
  <si>
    <t>启动傲游---工具---MAXTHON选项---广告猎手---把启用网页内容过滤前的钩去掉---应用---确定</t>
  </si>
  <si>
    <t xml:space="preserve">从广州白云机场怎样到后街？地铁应该坐几号线？什么交通方式都行，地 </t>
  </si>
  <si>
    <t>没有地铁，只能在机场乘机场快线到东莞市区，然后再从市区（东莞总站，就在东莞候机楼的附近）乘公交车去后街。这样比较经济也最快了。要想省钱，那就从机场乘机场快线到广州的各个车站然后再转客运直达车去东莞了，不过比第一种方法也省不了多少钱。</t>
  </si>
  <si>
    <t xml:space="preserve">14的单谁对的多分给谁01德甲沃尔夫VS斯图加02德甲不来梅VS </t>
  </si>
  <si>
    <t xml:space="preserve">01 德甲 沃尔夫 VS 斯图加 03 02 德甲 不来梅 VS 汉诺威 3 03 德甲 沙尔克 VS 法兰克 30 04 德甲 卡尔斯 VS 波　鸿 10 05 德甲 赫　塔 VS 纽伦堡 03 06 德甲 罗斯托 VS 勒　沃 0 07 德甲 科特布 VS 汉　堡 1 08 德甲 比勒菲 VS 多　特 3 09 法甲 勒　芒 VS 马　赛 0 10 法甲 里　尔 VS 朗　斯 30 11 法甲 里　昂 VS 南　锡 3 12 法甲 雷　恩 VS 图卢兹 30 13 法甲 斯特拉 VS 卡　昂 1014 法甲 瓦朗谢 VS 尼　斯 3    </t>
  </si>
  <si>
    <t xml:space="preserve">烙饼硬是什么原因？我烙的饼总是很硬，也是用温水活得啊，怎么不松软 </t>
  </si>
  <si>
    <t>主要是技术不过硬,看下面的做法.千层饼的做法：      原料：面粉500克，盐5克，猪大油些许。      做法： 1、烫水至80度，活一多半面粉，注意要柔软的感觉； 2、面稍微凉，兑凉水活剩下的面；关键一定要柔软（此处应最注意），醒面20分钟； 3、面板铺开，把面摊匀成3-4毫米厚，把猪大油、盐依次均匀的刷在面皮上； 4、把面皮从一端开始卷起，搓成直径4-6公分的面卷，然后从两端开始，相反方向，对卷，卷到中央，叠放起来，均匀的摊至5-8毫米厚度 5、铁锅放少量油，烧热，把饼放进锅里，慢火，反复，直至熟透，起锅即可。</t>
  </si>
  <si>
    <t xml:space="preserve">发票问题我单位租的是个人的房子作为公司办公，由于是个人的房子没有 </t>
  </si>
  <si>
    <t>没有发票，房租费用不允许税前扣除，在年底汇算清缴时做纳税调整即可，如果没有做纳税调整，让税务局查出来，要补交所得税，并加收罚款和滞纳金</t>
  </si>
  <si>
    <t>提问3说说这架AN</t>
  </si>
  <si>
    <t>这是一架苏联安东诺夫An-12LL试验机，主要用于试验对潜通讯中继。在其背部有多条中长波张线天线，翼尖和垂尾顶端的整流罩总有高频和极高频天线；尾舱门安装有绞车，用于收放牵引式长波天线。该机的试验结果，为苏联红海军航空兵的图波列夫Tu-142MR“熊-J”对潜通讯中继机（见附图，注意垂尾顶部整流罩外形）的通讯设备的研制打下了基础。</t>
  </si>
  <si>
    <t xml:space="preserve">能弱弱的问一下，新地MALL在哪吗 </t>
  </si>
  <si>
    <t>新地mall - 潜山路与祁门路交口（希望能帮到你，麻烦点击 “好评”，谢谢^_^）</t>
  </si>
  <si>
    <t xml:space="preserve">英语句子翻译1你不必逐字逐句的翻译全文，只要将大概意思翻出来就可 </t>
  </si>
  <si>
    <t>第一句参见我上一篇的5吧2 一旦养成坏习惯，改掉它是很难的。(get into)Once you get into a bad habbit,it is very difficult to reform.3无论遇到什么困难，一旦下定决心，我决不轻易放弃。(once)No matter what difficulty I may face,once I make up my mind, I will never give up easily.</t>
  </si>
  <si>
    <t xml:space="preserve">柴油是怎么炼出来的? </t>
  </si>
  <si>
    <t>原油通过蒸馏与精馏,  蒸馏是液体混合物加热，其中轻组分汽化，将其导出进行冷凝，使其轻重组分得到分离。蒸馏依据原理是混合物中各组分沸点(挥发度)的不同。    蒸馏有多种形式，可归纳为闪蒸(平衡汽化或一次汽化)，简单蒸馏(渐次汽化)和精馏三种。其中简单蒸馏常用于实验室或小型装置上，它属于间歇式蒸馏过程，分离程度不高。    闪蒸过程是将液体混合物进料加热至部分汽化，经过减压阀，在一个容器(闪蒸罐、蒸发塔)的空间内，于一定温度压力下，使汽液两相迅速分离，得到相应的汽相和液相产物。精馏是分离液体混合物的很有效的手段，它是在精馏塔内进行的。    2、原油常压蒸馏特点  原油的常压蒸馏就是原油在常压(或稍高于常压)下进行的蒸馏，所用的蒸馏设备叫做原油常压精馏塔，它具有以下工艺特点：    （1）常压塔是一个复合塔  原油通过常压蒸馏要切割成汽油、煤油、轻柴油、重柴油和重油等四、五种产品馏分。按照一般的多元精馏办法，需要有n-1个精馏塔才能把原料分割成n个馏分。而原油常压精馏塔却是在塔的侧部开若于侧线以得到如上所述的多个产品馏分，就像n个塔叠在一起一样，故称为复合塔。   （2）常压塔的原料和产品都是组成复杂的混合物  原油经过常压蒸馏可得到沸点范围不同的馏分，如汽油、煤油、柴油等轻质馏分油和常压重油，这些产品仍然是复杂的混合物(其质量是靠一些质量标准来控制的。如汽油馏程的干点不能高于205℃)。35℃~150℃是石脑油（naphtha）或重整原料，130℃~250℃是煤油馏分，250℃~300℃是柴油馏分，300℃~350℃是重柴油馏分，可作催化裂化原料。&gt;350℃是常压重油。</t>
  </si>
  <si>
    <t xml:space="preserve">谁看过美国电影《游戏》？什么情节？算惊悚片？ </t>
  </si>
  <si>
    <t>中央6正在播放。剧情：　　今天是旧金山巨子尼古拉费奥顿48岁的生日，但是他一点儿也不快乐，因为昨天晚上又梦见了父亲当年跳楼自杀的情景。实际上，许多年来，尼古拉从没有摆脱过小时候与父亲在一起生活的回忆，这使他经常心情郁闷，脾气古怪。他的妻子丽莎为此离开了他；他的弟弟康拉德也与他多年没有了来往。尽管他事业有成，但仍独身一人生活着。　　尼古拉把坏情绪带到了办公室。秘书玛莉小姐和别的雇员向他祝贺生日快乐，他无动于衷；所有的社交活动，他都一一拒绝。当听到弟弟要约他吃晚饭时，他才答应了。　　康拉德与尼古拉是完全不同的人，他性情活泼乐观，甚至有点儿放荡不羁。康拉德知道尼古拉生活优越，不缺什么，就为他安排了由所有侍者演唱的生日歌，还送给哥哥一张“消费者康乐卡”作为礼物，说会给他提供新鲜的人生经历，建议他去试试看。尼古拉虽然不善于表达感情，但仍答应了他的请求。　　一天，尼古拉偶然发现大厦的44层就是“消费者康乐中心”。他信步上去，被一位吉姆先生热情接待，向他介绍了服务项目。原来这里专为顾客定做游戏，提供顾客生活中所缺乏的内容，让顾客得到独特的人生体验。尼古拉觉得这个游戏对自己没有什么妨碍，也为了对弟弟的礼物有个交待，就接受了各种测试，准备参加这个游戏。为了稳妥，一向谨慎的尼古拉还请教了几位商业朋友，他们都说几年前曾经玩过这个游戏，说当初自己是瞎子，玩了之后才看清了这个世界。　　回家的路上，尼古拉的眼前依然是父亲跳楼的情景。带着幻觉，他仿佛看见门口有父亲的尸体，下车一看，原来是一个与人一般大的木偶娃娃，尼古拉把它拖回了家。从那怪模怪样的木偶嘴里，他发现了一串写有“康乐服务”的钥匙，但不知道有什么用。就在这时，电视里的播音员对他说起了话，告诉他康乐中心还会不断送礼物来，在他所在的任何地方都会有监视镜头，让他不要问目的，因为找到目的就是目的。尼古拉讨厌这种戏弄，他烦躁地扯掉电线。　　尼古拉约康拉德到洒店见面，他却未到。尼古拉正欲离开，被一个端着托盘的女侍者撞了个满怀，将酒都洒到了他的身上，两个人吵了起来。女侍者被老板解雇，走出酒店，尼古拉却追了上去，原来他收到一张条子，要他别放过这女人。两人正在街上争执时，忽然一位老人倒在地上，他们忙去帮助，女侍者还为那老人作了人工呼吸。可谁知就在他们叫来救护车与老人一同到医院后，所有的灯都熄了，几分钟后，灯亮了，但所有的人包括那老人都不见了。尼古拉这才明白，这又是游戏的一部分。他只好和女侍者摸着黑在大楼里寻找出路，可电梯不运行，门锁打不开，连恶狗也不停地朝他们狂叫，最后他们想方设法跳到垃圾箱里才逃了出来。与女侍者分手时，她告诉尼古拉，是有人给了她400元让她把酒洒在他身上的，她的名字叫姬丝汀。尼古拉沮丧地回到家，发现家里来过人。摇滚乐不停地响着，到处有霓虹灯的闪光。他在楼上见到一张字条：步先父后尘，我决定长眠。尼古拉惊恐地跑出家，正好碰到了康拉德，他们决定开车离开这里。在车上，康拉德告诉哥哥，他也是被康乐服务中心欺骗了，他们有各种各样的把戏，付了款也不让你安静。走到半路，汽车突然坏了，尼古拉让弟弟到后备箱拿工具，康拉德却发现了许多康乐中心的钥匙。他认定尼古拉与康乐中心是串谋，他就是罪魁祸首。无论尼古拉怎样解释，康拉德都不听，他指责尼古拉多年来忌恨自己，总要做他的家长。骂完后，他就甩开尼古拉走了。尼古拉独自乘上出租车，但却被带到了陌生的地方。他警告着司机，但车却越开越快，直开到河里为止。而司机却在汽车掉到河里之前自己窜了出去。被锁在车里的尼古拉急得乱叫，他想到了康乐中心的钥匙，果然打开了车门，游上了岸。好不容易逃生，尼古拉决定报警。 　　可当第二天尼古拉带着探长到44层楼时，被告之这里从来就没有过“康乐服务中心”，甚至没有在水中找到汽车。“没有证据，更没有动机，”这就是探长的回答。 　　父亲的死继续困扰着尼古拉，自己的安全也受到了威胁。他想到了那个女侍者姬丝汀，设法找到了她。但立刻就发现她的住处是刚刚布置过的，仍然到处都是监视镜头和窃听器。为了了解真相，他把姬丝汀带到外面，立刻遭到了一伙人的追杀，他们只好跳上汽车飞快地逃离。在车上，姬丝汀承认自己是被康乐中心雇用的，还说康拉德也是其中一个，目的就是制造事端分他的心，好乘机窃取他的财产。尼古拉一听就急了，立刻与律师通话，要他给瑞士的银行打电话，并报上了自己的密码。　　在尼古拉的别墅躲藏时，姬丝汀给了他一杯咖啡。可待律师回话说他的资金没有被转移时，尼古拉已经困得睡了过去，他知道是咖啡里放了药。姬丝汀得意地对尼古拉说，她就是来骗取密码的。 待尼古拉醒来，发现自己被关在一个地窖的破木箱里，身上穿着别人的破旧衣服。他费力地爬了出来，才发现周围是墓地和废墟。原来那里是墨西哥，而他不会说西班牙语，根本无法打听真情。带着气愤无奈的心情，他来到了大使馆，想得到帮助。但接待人不能相信他的话，认为他没有证件、没有护照、没有钱，却戴着一块名表，是个可疑的人尼古拉只好用这块父亲留下的金表换了些钱，搭乘顺路车来到了三藩市。他找到前妻，向她讲述了自己的不幸，得到同情和理解。他告诉前妻，经过这几天的折磨，终于明白了为什么她要离开他，因为他太没有人情味了。正说着，尼古拉发现酒店里的电视上正是那个康乐中心的吉姆在做药品广告，他原来是个电视演员。 　　尼古拉费尽周折才在动物园里找到了吉姆，他承认自己是被雇用的，但不知道其他的计划。尼古拉逼他把自己带到了康乐中心的总部，还擒获了警卫和一把枪。在楼顶大厅里，他看到姬丝汀和好几个参与整他的人，决心在这里拼个分明，就把姬丝汀劫持为人质，要向围上来的人开枪。这时，姬丝汀大声地告诉他不要开枪，说这只是一个生日晚会，是一个真正的游戏。但尼克拉再也不想相信了，他朝着刚刚打开的大门开了一枪，应声倒下的竟是弟弟康拉德。 　　尼古拉伤心极了，他没有想到自己竟亲手杀死了弟弟。这时，父亲跳楼的景象又出现在眼前，他毫不犹豫地象父亲的样子跳了下去……谁知他竟然掉到了楼下早已被人布置好的保护包里，丝毫未损。有人十分客气地把他扶起，他才发现这里原来是个豪华的酒店，周围还有许多人热情地鼓起掌来，这下可把尼古拉搞糊涂了……　　弟弟康拉德重又出现在他的面前，当然也没有一点儿伤。他高兴地告诉哥哥，这一切都是他精心安排的，为的就是帮他摆脱多年的心理疾病，不要再去想父亲自杀的事情；也为了让他改一改古怪冷漠的坏脾气，使生活更轻松愉快。康拉德再一次祝哥哥生日快乐，前妻和他的其他朋友也都来向他祝贺。尼古拉这时才意识到了亲情的价值，感动地与弟弟拥抱起来。忽然，他想起了姬丝汀，听说她正在门外等出租车，要到澳洲去，就追了出去。　　看到姬丝汀，尼古拉百感交集，他发觉自己已经对这位小姐有了感情，想邀请她吃饭。但姬丝汀说要以工作为重，不能耽误了班机。原来姬丝汀也是个演员，专以做这种助人为乐的游戏为职业。尼古拉被她的善良真诚所打动，决定陪她去机场。　　出租车里，回荡着西班牙节奏鲜明欢快的乐曲，尼古拉和姬丝汀又开始了新的历程……</t>
  </si>
  <si>
    <t xml:space="preserve">加急??題我朋友的????.....　　我朋友的????七??多 </t>
  </si>
  <si>
    <t>是不是单纯米粉啊，我家宝宝也不喜欢吃，但是给他和点蔬菜粉或者水果粉，他就吃了，我给他吃米粉的时候就和上合生元的蔬菜或者水果粉，有时候就给米粉里加点果汁，有味道宝宝也喜欢吃。</t>
  </si>
  <si>
    <t xml:space="preserve">我想中奖有时候还真是要点运气吧没赛的两场没问题但不来梅升平/半咱 </t>
  </si>
  <si>
    <t>加油！下次好运。</t>
  </si>
  <si>
    <t xml:space="preserve">北京那几家商场或商店买ＮＩＫＥ和ＡＤ　的户外包或鞋那个比较便宜实? </t>
  </si>
  <si>
    <t>nike在西四环的欧尚有一个打折店，里面的东西全部都有折扣，买鞋和衣服都非常的值，最低折扣有2折的，而且有些最新款也有小幅度折扣。</t>
  </si>
  <si>
    <t xml:space="preserve">排三开奖393可惜我买了353呢啊 </t>
  </si>
  <si>
    <t>晚上不知道啥原因爱问知识人页面打不开！无法进入（直到刚才才进得来）！大家的是否有类似情况！！！</t>
  </si>
  <si>
    <t xml:space="preserve">如何删除字体？如何删除字体在WINXP下？ </t>
  </si>
  <si>
    <t>在C:\windows\fonts\的目录下有所有的字体，当删除时要小心，不要把有用的字体删除掉。  .sys为系统字体，最好保留！！！</t>
  </si>
  <si>
    <t xml:space="preserve">物理问题冰棍冒出的白气是向下飘还是向上？为什么? </t>
  </si>
  <si>
    <t>在无风的情况下是向下，冰棍冒出的白气是空气中的水蒸汽遇冷液化而成的，冰棍把周围的空气冷却，冷空气下沉，所以白气向下运动。当在有风时，白气随风飘。</t>
  </si>
  <si>
    <t xml:space="preserve">上传视频和上传FLASH是一样吗?我在自己的电脑里做了好多FLA </t>
  </si>
  <si>
    <t xml:space="preserve">一样的。通俗简单的上传方式：　　用户只需简单的注册，即可登陆进行视频的上传。　　如果拥有新浪通行证，那么用通行证也可以在登陆后进行视频的上传。新浪播客&lt;如何上传视频&gt;的说明书：　　 谢谢您的提问，祝您一切顺利！欢迎光临我的博客 </t>
  </si>
  <si>
    <t xml:space="preserve">用PHOTOSHOP写的字怎么改变字体大小和颜色?我是PHOTO </t>
  </si>
  <si>
    <t>在ps里输入汉字后请不要删格化，在此之前可以任意改变字体字型，具体操作方法是选种文字，菜单栏自动出现字型字号，微调字间距的方法是选种按着ctrl键，在按左右箭头可微调。</t>
  </si>
  <si>
    <t xml:space="preserve">360浏览器怎么感觉特别快？！ </t>
  </si>
  <si>
    <t>你好，确实很快啊！ 而且还比原来的IE安全多了 我觉得很好 加上360安全卫士上网很安全了 360下载：  360安全浏览器：se.360.cn若还有问题可以给我留言 希望我的回答能对您有所帮助~</t>
  </si>
  <si>
    <t xml:space="preserve">什么时候我们可以移民了？？我在网星3区有个号我想到网星一区去找我 </t>
  </si>
  <si>
    <t>个人意见；最近WX的工作量很大 开了转造型功能 又在举办全星系PK塞 而且回档的事也经常发生 目前服务器不太稳定 北1每周都要连续维护2次 过些时间等系统稳定了WX就会再次开放了 做为营运商肯定是以赚钱为目的的</t>
  </si>
  <si>
    <t xml:space="preserve">肋骨的里面肉疼怎会回事儿？女性，右侧最后一根肋骨里面的肉疼，痛感 </t>
  </si>
  <si>
    <t>那是肋间神经疼，可以好长时间的没什么太好的治疗方法，注意休息，可以用肌肉松弛计 和一些消炎止疼的药物治疗</t>
  </si>
  <si>
    <t xml:space="preserve">什么是工厂现场管理 </t>
  </si>
  <si>
    <t>1、生产现场管理就是如何对生产的现场作业进行有效的管理，它是制造型企业的管理的核心内容。2、我想你应该是想问工厂现场管理的方法，即如何提高管理的效率。现在现场管理的方法大体包括OJT、看板管理、5S管理等等。3、如果你对生产管理有兴趣，建议你去买本生产管理的书籍或者现场管理的书籍，里面都有介绍这些方法。以上建议，供参考。</t>
  </si>
  <si>
    <t xml:space="preserve">请问北京饼店哪一家的老婆饼最好吃？北京有许多饼店都卖老婆饼，尝过 </t>
  </si>
  <si>
    <t>好利来的比较正宗，除了糯米馅的，还有洋葱味的</t>
  </si>
  <si>
    <t xml:space="preserve">70枪估价，看看2把分别值多少？1卡=2400W，还有个70相5? </t>
  </si>
  <si>
    <t>1.楼主 图上的那把枪总体说挺好的  粉了差了点 就是忽视还值钱  不过70的总是70的装备  应该值2K了 2.70相5，金5，伤害1400,粉敏9  这个别粉了自己用就绿了把  如果卖的话 这毕竟是粉装 至少3K转手 希望楼住满意 错的地方多多包含</t>
  </si>
  <si>
    <t xml:space="preserve">打游戏的时候鼠标晃来晃去的是什么问题！！！是集成的显卡问题还是鼠 </t>
  </si>
  <si>
    <t>应该是显卡问题你说的应该不是鼠标晃来晃去应该是显示有迟延吧也就是鼠标先动 图像后动</t>
  </si>
  <si>
    <t xml:space="preserve">GM在的话也可以看看,这个技能就这样从此消失了吗?大家都知道催眠 </t>
  </si>
  <si>
    <t>楼主和楼上的们看起来很多人是4章以后玩的!原来的催眠技能可是非常厉害的PK利器!同时还是升级打怪控场救命的法宝!直接原因就是其速度非常快,成功率高!催眠被废之前,可以说PK场上就是WS和弓手的天下!几乎平分秋色!而且更主导WS,因为其他所有职业都怕催眠,尤其战士!催眠可以垒加!战士的噩梦一样,经常出现战士连一招都没出还来不及接近WS就被杀,WS成功催眠对方就可以随意施展负面魔法,尤其诗人本身速度就快,其他WS也怕诗人!同时群体催眠也很快!在攻城时的术士和诗人非常厉害!旗下!城内!非常可怕(当时75满级,所以没有智慧这个被动技能90%以上会中)而群催在怪物暴动的控场也十分有效!单练时保命都显而易见!(现在群催也只是在一堆被动怪前敢用)当时的烧怪也很简单!上面所有的好处全都建立在这个技能快的基础上,所以问题出现了!主要是PK场上的问题!其他职业的抱怨不满,大叫职业不平衡!强烈要求改催眠!最终改了!当时大家很不适应!其实我也觉得既然原来的冲突就是在PK上,何必把该技能完全废除?至少打怪升级时可以和原来有一样的效果吗!像现在这样老WS们浪费了这么多SP学了一个完全没用的技能何必,要废就彻底点,永久删除这个技能,同时把学这个技能的SP还给大家!(讨论原来的PK问题时本人只说了通常或主导趋势,当然存在个人PK技术装备,当时的运气中不中技能等等因素在内,所以谁赢都有可能,说的不足的地方请谅解)最后还是觉得最好的方式是把该技能删了吧!把SP还该大家好了!现在这个技能真没什么用了!</t>
  </si>
  <si>
    <t xml:space="preserve">＆这个符号是什么意思？如题 </t>
  </si>
  <si>
    <t>&amp; 是和，与的意思，英文符号相当and这个词。 A &amp; BA, B, &amp; CA, B, C, D, E &amp; F</t>
  </si>
  <si>
    <t xml:space="preserve">当自己生活中受到了挫折什么时候应该独自承受，什么时候可以向人去倾? </t>
  </si>
  <si>
    <t>当你觉得别人能做到而你自己却不愿做时，就不要向别人倾诉，想想自己该如何去做。当你觉得别人同样也做不到时，你可以向你信任的人倾诉，但不要强求别人的理解，只是泄出心理的烦闷，因为真正能解决自己困惑的人最关键的仍然是自己。其实每件事对每个人的挫折都会有方法来解决，只是有时人们不去想，或者不敢想，甚至以自己的经验判断不可想的错误想法而根本不去做，逃避其实是每个人的弱点，而那些挫折的成因，甚至有些制造这些挫折的人也会以所谓的经验来迷惑让你不能解脱，始终为其所控制。人的成熟可以用承受挫折与痛苦的程度来判断，而不完全是对社会现实有多少了解程度来决定。顺风顺水者不一定成熟，逆风不顺者不一定是不现实。</t>
  </si>
  <si>
    <t xml:space="preserve">牙龈出血、便血是什么原因？近日发现刷牙时出现牙龈出血，而且伴有便 </t>
  </si>
  <si>
    <t>牙龈出血   牙龈出血，多由胃热或阴虚引起。由胃热引起者，轻症无明显不适，牙龈轻度红肿，仅在刷牙时容易出血，色鲜红，量不多，宜煎服生地黄、莲翘各15克，鲜茅根、鲜芦根、鲜荷叶各30克。胃热较重者，牙龈渗血量多，牙龈红肿疼痛，伴有口苦而渴、大便结、小便黄等，可煎服生石膏、生地黄、连翘各15克，黄连、升麻、当归各6克，仙鹤草、鲜茅根各30克。 在服用上述清胃凉血药的同时，经常吃点鲜枣，喝些绿豆汤，在暑天用西瓜皮煎汤代茶饮，都有助于减轻出血。由阴虚引起者，牙龈渗血时发时止，牙龈微微红肿，伴有心烦、手足心热、咽干舌燥、腰酸胀等，宜用滋阴泻火的方药：1、知柏地黄丸；2、二至丸；3、知母、黄柏、丹皮、山药、茯苓、山茱萸、泽泻各10克，熟地黄、旱莲草、女贞子、仙鹤草各15克煎服。大便带血原因多多　　人人都知道痔疮可以引起便血，但便血不全是因痔疮所引起。引起便血的原因是多方面的，可以说凡是消化道的疾病都可以引起便血。便血分可见和不可见，不可见的便血一般称之为潜血阳性，可见的是人的肉眼能看见的，包括血的颜色和量、与大便是否相混合等。从便血的颜色和量又可以分出是上消化道出血或下消化道出血。上消化道包括食道、胃、十二指肠、胆道、胰腺等；下消化道是大肠和小肠。　　上消化道出血，一般颜色比较深，发黑，并与大便相混，医学上称为柏油便。上消化道一般常见的出血部位有：食道静脉曲张出血，胃及十二指肠溃疡出血、食道癌、贲门癌、胃癌、癌(腺)体破坏出血、胆道出血等。血量有多有少。便血的特点是颜色发黑，因为红血球被消化液所破坏，如胃液、十二指肠液、胆汁、胰液等液体破坏、分解，变成了非血球的有机物质。它们再与被消化的食物相混，进入小肠及结肠被消化吸收。血与食物残渣相混成为大便，排出体外，这样的大使就成为黑色的了。　　下消化道出血分为良性疾病出血和肿瘤性疾病引起的出血。它们引起的便血，从颜色和量上也不—样。肿瘤引起的便血，从颜色上看不是鲜红色，而是像果酱色，颜色较暗。这是因为瘤体组织较脆，易烂，易脱落。在食物残渣及大便通过时的阻力作用下，引起瘤体组织坏死、脱落，或与之相混，或敷于表面，一起排出体外。所以，血的颜色也不是鲜红色的。　　良性疾患，包括内、外痔，肛裂，大肠息肉，肛瘘等，便血颜色也不完全一样。根据血的颜色及血量的多少也可以区分开。内痔出血量较多，显鲜红色，排便时出血，停止排便后出血一般也停止，并且敷在大便表面，或单独是血，肛门不疼痛。肚裂出血，呈鲜红色，但量较少，肛门疼痛，血敷在大便表面，或手纸上有血。大肠息肉引起的便血，一般看息肉长在哪个部位上，比较靠小肠，颜色就比较深一点，靠结肠就浅一点。结肠炎引起的便血一般为脓血便，量可多可少，颜色不鲜、较暗，敷在便表面，脓与血相混。肛瘘引起的便血，也是脓血使，但它是间断性的，不定期或定期发作，量可多可少，发作时或发作前有臀部、肛门内或肛旁疼痛感，也可以有发热，不能坐等症状。外痔只有在发生血栓后才可以引起出血，量不多，颜色可鲜可暗。　　如发现便血，一定要到检查，不要自己诊断，以免延误病情，丧失了治疗的好时机。　</t>
  </si>
  <si>
    <t xml:space="preserve">上司爱在同事背后说坏话怎么办？上司爱在同事背后说另一个同事的坏话 </t>
  </si>
  <si>
    <t>亲爱的朋友，你好！你的这个问题我来说几句法，本人呢也是快人快语，说得不正之处，请批评指正。遇上这种上司你应这样来理解和对待此事，因你的上司毕竟是属于管理阶层人员，要管理各式各样人呢，你的上司能见人说人话，见鬼说鬼话，不足为奇吧，作为一个管理者他必须学会察言观色，能在不同的环境和身份扮演一条“变色龙”的角色是正确的，如果是为人处事太死板，是不能笼络人心，也是不能胜任管理工作需要的，特别是官场上那种人扮演那种角色早已不是什么奇怪的事了。当然我不是说赞扬这样的人，做什么事都要一个“度”。过度了当然不可取，如果都是谎言连篇，当然此种令人深恶痛疾的。你这样想上司那样做总是有他的目的，某种角度来说也一种圆滑处事吧，比如上司在你的面说你工作是何等的努力，人又是何等的漂亮聪明等等，你当时的心情好快乐啊，此时你的上司又拿第三者人与你作比较说到，他又是如何如何比不过你，简直是笨猪一头，我想此事你的心情是乐开了花。当你的上司在第三者人的面又说你如何不好，也许不是真的那样，因为你的上司是想笼络第三者人的心才这样做的，上司的内心上不一定就是对你不好，再说你未必就是不好，如果你真的优秀的，难道怕别人说吗，凡事一笑而过，时间长了。或许上司再也从你身上找不出“毛病”来与别人作比较了，当然做人是要有尊严的，如有过分的恶毒语言涉及人身名誉，你就可以动作中华共和国武器来维护自己的人生权利，切记的是不要立即与上司针风相对，那样结果只有自己吃亏的，好比鸡蛋与石头相碰。你也没有必要把此事（事情不是严重的情况下）向更上一级领导反映，因你的最高领导不一定听你之说，如果反应的次于数多了，还会误认为你真就是那么“不好”一旦被你的上司知晓了，给你穿“小鞋”到时你就吃不了兜着走了，真道是“县官不如现管”啊！    总之“大肚能容容天下之事，笑口常开笑世上可笑之人”</t>
  </si>
  <si>
    <t xml:space="preserve">恋人们要天天见面吗我和我男朋友在一起快两年了前些年我在外地读书， </t>
  </si>
  <si>
    <t>我和他在一起也快两年了，这时间应该不能算热恋，可是我们的感情还是热恋的甜蜜滋润着两个幸福的人。恋爱让人生活在浪漫与幸福之中不知不觉中，岁月也在随风流淌。一个朋友问我天天见面对感情有多大作用？我面对这个问题还真的难以回答，天天见面常相斯守是多少情侣梦寐以求，更让多少痴情男女辛劳奔波，热恋中的人天天在一起，用爱情的温度酝酿着甜蜜。我打电话问他同样的问题，她说，这样好了，我们平时就不见面了，一起度周末就好了！这样两个人都会有自己的时间和空间。   就这样我们保持着这个约定，现在我们的感情很好啊，身边的朋友都说我们还像热恋一样，我们听了都很开心。</t>
  </si>
  <si>
    <t xml:space="preserve">如果???男女朋友同一??祖宗,相隔有7代或以上,結婚?ο乱淮? </t>
  </si>
  <si>
    <t>　　婚姻法规定只要相隔五代就可以结婚，这是经过科学论证的，因为五代以后双方所携带共同致病因子的概率已经十分低了，对下一代的影响几乎可以忽略不计。</t>
  </si>
  <si>
    <t xml:space="preserve">word中的格式菜单下的行距中的最小值和固定值,二者之间有何区别? </t>
  </si>
  <si>
    <t xml:space="preserve">关于Word行距：最小值 ：最小行距应该同所在行的最大字体或图形相适应。 固定值 ：固定的行间距，Microsoft Word 不进行调节。 多倍行距 ：行距按指定百分比增大或减小。例如，设置行距为 1.2 将会在单倍行距的基础上增加 20%。 单倍行距 ：将行距设置为该行最大字体的高度加上一小段额外间距，额外的间距的大小取决于所用的字体。 1.5 倍行距 ：为单倍行距的 1.5 倍。 两倍行距 ：为单倍行距的 2 倍。 </t>
  </si>
  <si>
    <t xml:space="preserve">如何跟女朋友相处我跟朋友相处的是后总有点不自在，总感觉到脸红，感 </t>
  </si>
  <si>
    <t>刚开始总是有一点，但如果你是个男孩子的话，尽量放主动一点，为了你喜欢的人，有什么不可呢！相信自己能行 对吧？你可以通过一些谈话来解除这种不必要的束缚，笑话啊等等！讲一些生活当中的趣事啊，多和你女朋友出去走走，会有不错的效果哦！祝你和你女朋友幸福快乐！</t>
  </si>
  <si>
    <t xml:space="preserve">什么是黄褐斑 </t>
  </si>
  <si>
    <t>黄褐斑也称为肝斑和蝴蝶斑，是面部黑变病的一种症状，是发生在颜面的色素沉着斑。黄褐斑形成的原因主要是因女性内分泌失调，精神压力大，各种疾病（肝肾功能不全，病、糖尿病）等以及体内缺少维生素及外用化学药物刺激引起。 　　黄褐斑是世界疑难杂症，严重困扰亿万女性的面子问题。许多有过祛斑经历的女性往往花了很多冤枉钱，结果越治越严重，于是渐渐失去信心，认为黄褐斑无法治愈。专家指出，黄褐斑完全可以根治，关键要选对药，比较有名气的如 好皮肤中药软膏 ，会达到一个比较好的效果。编辑本段黄褐斑介绍　　黄褐斑主要因女性内分泌失调，精神压力大，各种疾病（肝肾功能不全，妇科病、糖尿病）等以及体内缺少维生素及外用化学药物刺激引起。对于皮肤的黄褐斑，主要本着预防与治疗结合的方法。调理好女性内分泌环境，保持心情舒畅，积极预防妇科疾病等是预防黄褐斑的有效手段。治疗黄褐斑，分为食调、药疗、物理治疗等方法，但最有效的方法是激光和中药结合调理。 　　同时，在生活中应注意不要长时间在阳光下暴晒，多吃新鲜水果蔬菜，少食辛辣等刺激性食物。保持精神愉快，多运动，积极治疗慢性肝肾疾病，纠正月经不调，调节内分泌功能障碍。而对黄褐斑的治疗，除了专门针对消除斑点的治疗以外，更多的还应注重内分泌的调节，有关专家指出，神经系统、内分泌系统，消化排泄系统是人体的主要三大系统，维系着人体各项功能的正常运作，这三大系统相互联系、相互依存，一旦失调，将会株连整体，既然黄褐斑与人体内分泌系统有直接的关系，那么，防治黄褐斑，就应该去斑与调节内分泌两手一起抓！     黄褐斑严重危害女性幸福。据了解，黄褐斑在面部的蔓延不亚于间接毁容，多数女性因此失去美丽和魅力，变得缺乏自信，抑郁自卑，不愿意面对朋友，久而久之压抑的情绪导致内分泌进一步失调，催生更多的黑色素堆积在面部，这样就造成了黄褐斑越长越多的现象。 　　黄褐斑让生活和工作都受到极大影响。黄褐斑女性多发于30岁至45岁女性，因为脸上的黄褐斑导致夫妻生活不和谐，老公出轨，继而影响婚姻。据不完全统计，每年因女性患有黄褐斑，丈夫无法忍受而出轨，最终导致离婚的案例多达数万。黄褐斑同样对工作造成严重影响，据在黄褐斑特诊中心求治的曾女士介绍，她曾经是某外企业务副总，经她洽谈签订的业务金额高达数亿之巨，被公司誉为业务女皇，生活工作一直要风得风要雨得雨，可自从黄褐斑出现后，这一切都变了，过于恐怖的黄褐斑已经让她无法面见客户，不得不让她离开公司，失去工作仅是其一，可悲的是一直对自己宠爱有加的老公开始常常彻夜不归……幸福生活岌岌可危。由此可见，黄褐斑带给女人的不仅仅的失去美丽，更多的是让原本灿烂的生活黯然失色。</t>
  </si>
  <si>
    <t xml:space="preserve">曾经背叛过你的女人又回来了，你是否还接受她？ </t>
  </si>
  <si>
    <t>如果是我，我就不会，因为心理有阴影，即使自己觉得不在乎，它还是在那里压着，也许有一天你们争吵说不定就会翻出来，变本加厉，伤害她，也伤害自己</t>
  </si>
  <si>
    <t xml:space="preserve">我好朋友的老公过生日，送什么恰当呢？是这样的，他们两口子跟我还有? </t>
  </si>
  <si>
    <t>你好，既然你们的关系这么铁，那一定要送个有心意的礼物了，比如一个特别定制的蛋糕，请他们吃顿大餐，给男生买条皮带什么的，都还不错吧，关键看心意到了就行了~！！希望我的回答对你有用，请点“好评”鼓励一下哦~！水晶艺术品</t>
  </si>
  <si>
    <t xml:space="preserve">一般的公司使用计算机有哪些规定？ </t>
  </si>
  <si>
    <t>计算机以及计算机使用管理规定第一条  公司计算机以及计算机网络资源是公司用于工作目的的投资，只能用于工作。个人由于一般业务学习、新闻、娱乐等而需用计算机以及计算机网络的必须在自己家中进行。为规范公司计算机以及计算机网络的管理，确保计算机以及计算机网络资源高效安全地用于工作，特制订本规定。第二条  本规定涉及的网络范围包括公司各办公地点的局域网、办公地点之间的广域连接、公司各片区和办事处广域网、移动网络接入、Internet出口以及网络上提供的各类服务和Internet电子邮件、代理服务、Notes办公平台等。第三条  行政部信息中心作为公司网络的规划、设计、建设和管理部门，有权对公司网络运行情况进行监督和控制。网络中心有权对公司网络上的信息进行检查和备案，任何引入与发出的邮件，都有可能被备份审查。第四条  各部门计算机以及计算机外设设备的购置需填写信息化设备(U盘、移动硬盘、打印机、刻录机等)申请单，由行政部信息中心，统一规划、选型、购买。第五条  各部门信息中心信息员负责计算机以及计算机外设设备保护（打印机、音响等）及保养。除信息中心的信息员外，任何人不得随意拆卸所使用的计算机及相关的外设设备。第六条 任何计算机不得安装与工作无关的软件（如游戏、QQ、等），一旦发现上班时间玩游戏、娱乐者，一律罚款200元，再次发现者罚款400元，以此类推。第七条 各部门信息中心信息员负责对其部门计算机病毒必须进行的定期升级。第八条  1.任何人不允许在网络上从事与工作无关的事项，违反者将受到处罚。同时也不允许任何与工作无关的信息出现在网络上，如出现要追查责任；2.公司网络结构由行政部信息中心统一规范建设并负责管理维护、任何部门和个人不得私自更改网络结构，办公室如需安装集成器等必须事先与信息中心取得联系。个人电脑及实验环境设备等所用IP地址必须按所在地点信息中心管理员指定的方式设置，不可擅自改动，擅自改动者将受到处分；若擅自更改IP地址，或造成与其他IP冲突者，一律罚款50元，再次发现者罚款100元，以此类推。3.严禁任何人以任何手段，蓄意破坏公司网络的正常运行，或窃取公司网上的保护信息；4.公司网上服务如DNS、DHCP、WINS等由行政部统一规划，任何部门和个人不得在网上擅自设置该类服务；5.为确保广域网的正常运行，禁止通过各种方式，包括利用邮件、FTP、Win2000共享等在广域网中传送超大文件；6.严禁任何部门和个人在网上私自设立BBS、NEWS、个人主页、WWW站点、FTP站点及各种文件服务器，严禁在公司网络上玩任何形式的网络游戏、浏览图片、欣赏音乐等各种与工作无关的内容。违反者将收到处分；7.任何部门和个人应高度重视保护公司的技术秘密和商业秘密，对于需要上网的各类保密信息必须保证有严密的授权控制；8.公司禁止任何个人私自订阅电子杂志，因工作需要的电子杂志，经审批后由公司研究所图书室集中订阅和管理。第九条  1.对于蓄意破坏网络正常运行，蓄意窃取网上秘密信息的个人，作辞退处理，并依法追究法律责任；2.对于在公司网上散布淫秽的、破坏社会秩序的或政治性评论内容的个人，作辞退处理。情节严重者将移交司法机关处理；3.对于私自设立BBS、NEWS、个人主页、WWW站点、FTP站点等各种形式网络服务的责任人，或玩网络游戏的个人，一律罚款200元，再次发现者罚款400元，以此类推。4.对各种工作用文件服务器的申请，需经系统主管审核，由行政部批准后放可设立，擅自申请者将处以降薪一级的处罚；5.对于在网上设立各种形式的网络游戏服务的责任人，6.对于由管理不善引起公司秘密泄露的责任人，处以罚款、降薪、降职等处理；7.对于私自更改网络结构，擅自设置DNS、WINS等服务的责任人，处以罚款、降薪等处罚；8.任何员工发送与工作无关的电子邮件，有意接收与工作无关的邮件，一律罚款50元，再次发现者罚款100元，以此类推。9.对于其他任何利用网络资源从事与工作无关的行为，一律罚款50元，再次发现者罚款100元，以此类推。10.任何部门未经许可不得在网上挂任何应用系统。</t>
  </si>
  <si>
    <t xml:space="preserve">装饰技能能值多少钱同上 </t>
  </si>
  <si>
    <t>那张纸的正常价位是100W-MB台服的是买叉叉包就可以学习到...</t>
  </si>
  <si>
    <t xml:space="preserve">关于shift键的问题是不是按住SHIFT的同时再按要删除的兵的 </t>
  </si>
  <si>
    <t xml:space="preserve">把红血单位后撤，选中编队1，按shift不放，点红血的兵，此时，队列里就没有那个兵了，再按ctrl 1（重新编队1）就ok了 ctrl 1是重新编队(原有的1队无效)shift 1是在已有1队的基础上将选中的单位增加到1队里.楼主没有重新编队,想删除的单位当然还在1队里.  </t>
  </si>
  <si>
    <t xml:space="preserve">当面对这么没有耐心的他我该放弃吗我跟男友在一起一年多了，开始接触 </t>
  </si>
  <si>
    <t>说实话，你跟他的情况和我跟我老婆谈时的情况非常像，我们当初也动过手的……所以我比较能理解你现在的感觉。但请允许我以一个男人的立场来分析你们之前的问题，或许你中从可以找到问题的解决之道。首先，我认为你的男友应该是你说的那种脾气很好很有耐心的人，毕竟细心和包容不是轻易能够装出来的，何况你们也一年多了，我想你们的问题之前就应该有苗头了，只是他对你的包容和耐心掩盖住了问题的爆发，虽说女人任性一点应该也说的过去，但我觉得你肯定不是只任性一点吧，我觉得你们之间的争吵可能起因是他的错，但之所以能够吵起来，我想更多是因为你的得理不饶人吧，从他和你超过架后‘都会象什么事没发生一样’的那种态度上来看，他应该是不喜欢吵架的，应该是觉得事不大，吵过就算了，但你恐怕不是这样想的，而且第二天还吵，那应该多半和你的任性有关了，哪个男人愿意天天吵架，难道谈恋爱就是为了吵架的？我希望你也能站在他的立场考虑下你们之间的问题，从你说‘他对我的迁就包容无处不在’这句话能看出你是一个多么任性的女孩子，应该是那种什么事都得争先，什么事都得听我的，我说了算的那种女孩子，（如说错，望海涵）但是一个男的就算脾气再好，再能包容人，再有耐心，也是有限度的，也有压抑不住的时候，也会爆发，哪个男人没脾气呢，越是当初包容的多，爆发自然就越疯狂，他打了你自然是他不对，他打你的时候，我敢说心里肯定恨你恨的牙根疼，爱你爱的越深，恨你恨的越切，打的就越恨，打过之后心里就越痛苦……，但即使如此，他还要压抑自己，过后还要当什么事都没发生，证明他希望这些事没发生过，希望以后也不再发生，好好和你谈恋爱，好好爱你呀！其实如果他真是对你失去了耐心，不再爱你了，很简单，和分手就可以了，但他宁愿打你，让彼此痛苦，也不愿意和你分手，足见他有多么的爱你，你说对吗？！呵呵，我老婆看到我在回答你的问题了。老婆说：我以为只有我和我老公当初打得那么凶呢，原来也是大有人在啊，给你些建议吧，我觉得你是不是平时总是粘着你男友呀，适当的多给他一些放松的时间和空间吧，自己也要培养一下个人爱好，不要什么事都要他陪着你，你也该改改自己的脾气了，说不定你比我当年还任性呢，不要太拿小事当大事，身为女人也要试着理解男人，包容男人，不能一味的任性。我和我老公当年可是一天一小吵，三天一大吵，差点把他逼疯了，我身上也没少受伤，呵呵，但我们最终还是幸福的在一起了。我相信你的男友是个和我老公一样的好男人，如果他都被你逼的这样了，别的男人就更受不了你了，别把他逼走啊，否则你会后悔的，希望你们也能幸福的在一起，加油！</t>
  </si>
  <si>
    <t xml:space="preserve">心绞痛怎么治疗┨效果最佳无副作用的治疗方法我爸爸的朋友前一段得了? </t>
  </si>
  <si>
    <t>心绞痛是中老年人一种常见病，除了采用食疗治疗外，采用激光治疗仪不失为一种简便有效的方法，但是激光治疗仪一定要坚持，才能发挥作用。净雪激光治疗仪就是一个不错的选择</t>
  </si>
  <si>
    <t xml:space="preserve">白癜风植皮大约需要多少钱呢？ </t>
  </si>
  <si>
    <t>一样，有的患者花几千就可以治好，有的患者花了很多万也治不好。费用的收取主要和以下因素有关：第一：各个治疗医院费用会不太一样。第二：和患者的病情有关。第三点：和治疗方法的选择有关。白癜风的治疗费用是说不清楚的，但是有一点是很明确的，白癜风是一种很难治疗的皮肤病，每个患者都应该坚持治疗。祝早日康复！不同的病情，白斑部位黑色素缺失程度不同，白斑大小的不同，治疗费用也是不同的，这需要到白癜风专业治疗白癜风的科研机构检测出发病诱因及白斑部位黑色素缺失程度后才能知道。费用都是按国家标准收取的，不会多收和乱收取费用的。无论你去哪家白癜风医院治疗，最好选择专业正规白癜风医院，检查出黑色素缺失原因和皮肤受损情况针对性治疗。祝早日康复!</t>
  </si>
  <si>
    <t xml:space="preserve">推荐今期之四胆(稳)AC米兰0拉齐奥3锡耶纳1塞维利亚3 </t>
  </si>
  <si>
    <t xml:space="preserve">   AC米兰1 拉齐奥31 锡耶纳3塞维利亚3  </t>
  </si>
  <si>
    <t xml:space="preserve">求教家装电路一个问题我有一个问题弄不明白，家装电路要分几路，如照 </t>
  </si>
  <si>
    <t xml:space="preserve">    现在的家庭装修时，一般将用电线路分的很细，大多数的电路都是独立布置的。这还要看你的经济承受能力了。线路细分，材料比较浪费，但对线路的保护和控制是有好处的，它能使你控制、维修检查变的更清楚、方便，还能有效地保护线路和所使用的电器。简单一点的装修（你不想花太多的钱，家里的电器又不多的话）：所有的照明一路，所有的插座一路，卫生间一路，空调各一路，厨房单独一路。以上的线路是不能少了。如果想做的再具体点的：厨房1路、冰箱独立1路（接到总开关的上面，再接分保护开关。这样做是为全家人外出旅游等，关闭总电源后保证你冰箱内的食品不变质）、客厅照明1路插座1路空调1路、卫生间1路、电热水器1路、分别每个房间的照明插座共用1路、空调1路。按本方法布置，可保证你万无一失。即使有1路故障的话，其他线路仍然能正常使用。</t>
  </si>
  <si>
    <t xml:space="preserve">电信2双子黄TL估计3~2不掉攻敏。能卖多少 </t>
  </si>
  <si>
    <t>20W左右吧 前天刚10W买了个4D不掉攻血的</t>
  </si>
  <si>
    <t xml:space="preserve">荐个股:600795国电电力,请朋友们各抒己见荐个股:60079 </t>
  </si>
  <si>
    <t xml:space="preserve">国电电力（600795）:该股投资价值还可以。该股的估值区间在16.77—18.45元之间，股价目前处于低估区，可以放心持有。  成长能力一般，未来三年发展潜力不大。如果真的有大机构介入，可能会拉升股价。但是要注意投机的风险。  这支股票周五拉升，估计下周一、二会有一个不错的表现。周三可能回落。目前可以买入。 </t>
  </si>
  <si>
    <t xml:space="preserve">最大安装游戏后复制EXE执行文件到游戏目录是什么意思我下载了《大 </t>
  </si>
  <si>
    <t>这么说的话 在你的解压目录下应该有一个exe文件 可能是破解文件什么的吧。先安装游戏，然后把这个exe文件，拷贝到你安装的目录下覆盖安装的那个同名文件。</t>
  </si>
  <si>
    <t xml:space="preserve">血缘和亲情，哪个重？我说的故事比较长，请您有点耐心；但绝对是我身 </t>
  </si>
  <si>
    <t>能理解你的心情。在这个大家庭中，一心一意的，你只有依靠自己的老公，没想到他不跟你一条战线。其实吵架的时候，什么绝情的话都说得出来，给自己也给老公一段时间缓冲一下吧。小姑对你来说断了就断了，对老公，那毕竟是他的妹妹。反正今后住开了，最多逢年过节来往，睁只眼闭只眼算了，这么多年过来了，何必在好不容易出头的时候把自己的小家庭搭进去。老公那里，冷静下来的时候把你的委屈告诉他。我的小姑也十分的不懂事，公婆还帮着她，老公也知道我的委屈，好在我们不住在一起，现在一年也碰不上几次面，碰到了客客气气的也就算了。夫妻之间，没什么过不去的。男人往往很倔，硬来不行，送你八个字：以柔克刚，软硬兼施。</t>
  </si>
  <si>
    <t xml:space="preserve">怎样才能知道一个女孩的心我很喜欢我同办公室的女孩子,她生日时我也 </t>
  </si>
  <si>
    <t>感觉她对你也有一点意思的，不妨试探一下</t>
  </si>
  <si>
    <t xml:space="preserve">在word文档里怎样做超链接 </t>
  </si>
  <si>
    <t>打上网址回车就有如果汉字加链接 你右键单击 超链接 把网址加上去希望你玩的开心</t>
  </si>
  <si>
    <t xml:space="preserve">芬达有苹果味的吗？ </t>
  </si>
  <si>
    <t>有</t>
  </si>
  <si>
    <t xml:space="preserve">　　我平时经常大喊大叫，现在又在嗓子发育的青春期，感觉嗓子有点哑? </t>
  </si>
  <si>
    <t>咽喉既是正常呼吸必经之路，又是重要发声器。所以人人都要注意保护嗓子，尤其是教员、演员、广播员，更要注意。 首先要注意坚持室外活动，以增强肌体对疾病的防御能力，避免咽炎、喉炎的发生。 其次是养成咽喉部卫生习惯。饭前饭后要作咽部清水含漱，平时多喝茶，保持咽部清洁。抽烟、喝酒要适度，否则会刺激咽喉部组强而产生慢性炎症。 如果嗓子发生不适、刺痒、干燥或有烧灼感，可采用热熏气疗法。方法是将口腔对着有热气的茶杯或茶壶呼吸，很快就可使不适现象消失。也可将复方安息香酊约三十毫升用沸水约五百毫升冲在一个大缸子中，对着热气呼吸。有可能还可采用菊花、金银花或胖大海泡水当茶喝。 无论何种原因引起的声音嘶哑，其共同的特点都伴有声带及周围组织的充血、肿痛，下列方法疗效较佳。 1．拌吃银耳。将白木耳洗净泡胀，撕成条块状，先用开水烫过，再用凉开水漂洗，之后加醋拌吃，每日两次，食量不限，2 日后即可好转。 2．拌吃芹菜。把芹菜洗净，切后，烫过加醋拌吃，每次一小盘，每日2次。 3．饮浓凉茶水。将茶叶25克用开水冲一大杯浓茶水，冷却后经常饮入。 4．风油精吸人。将风油精倒在洁净的手帕上数滴，放在鼻孔上吸入，每日4～6次。 5．冷敷脖颈。用冷水或冰水浸湿毛巾，敷在前颈喉头上，20分钟左右，每日3-4次。 3.那就只好试试鸡蛋茶了—— 鸡蛋茶（治嗓子疼嗓子哑） 取新鲜鸡蛋一只，磕到饭碗里打成鸡蛋液，烧一些滚烫的开水，浇到蛋液里 把鸡蛋冲成蛋花儿，加少许白糖和香油 ，趁热喝下这就是传说中的鸡蛋茶。 4.如何保护您的嗓子 声音沙哑失声是那些需要长时间讲话或不正确使用喉咙的人，时常碰到的困扰。如果持续沙哑超过两周以上，最好找医师检查与治疗。 一般而言，禁声休息是治疗声音沙哑的最佳方法，至于声带长茧也并非一定要开刀，可先做语言治疗，当结节过大或语言治疗无效时，才必须接受喉内视镜显微手术。 以下是一些日常生活上保护嗓音的妙方：一) 限制工作之外的说话时间，减少不必要的长时间聊天或打电话。二) 使用适当的音量说话，善用麦克风以应付不足之音量。三) 说话速度要慢，说话之间要常停顿吸气，一句话不要拉的太长。四) 说话音调不宜太低或过高，而且每一句话的重音不要放前缀。五) 悄悄话是不正确的说话方式。六) 长时间讲话时，应多喝温开水保持咽喉湿润。七) 尽量用腹部(即丹田)轻松发声，不要用胸部或绷紧脖子肌肉的方式讲话。八) 不抽烟、喝酒，勿吃辛辣油炸类食物，如浓茶、咖啡、辣椒、巧克力、冷饮等。九) 应避免用力清喉咙、咳嗽等动作。十) 充足的睡眠，就寝之前不要吃太多东西。十一) 适当之运动，常保持心情愉快与放松。十二) 感冒时应尽量减少说话，此时更须多喝温开水与声带保养。十三) 喉糖、罗汉果、枇杷膏或澎大海 5.那么如何保护嗓子呢？专家们提出了如下建议： 1、大量喝水，避免饮用酒精和咖啡。保持体内水的平衡可以充分地滋润声带。 2、不要吸烟，即使是被动吸烟也应该避免，因为吸烟能够明显增加患喉癌的风险。 3、不要过度用嗓。不要尖叫不要在嘈杂的区域高声讲话。如果感觉嗓子发干或者说话嘶哑，那就停止讲话。讲话的声音要保持正常，不要过高或过低，低声讲话对于保护嗓音来说也是不利的。 4、不要过多地清嗓子。因为当您作这种动作的时候，气流就会猛烈地震动声带，从而损伤声带。如果您觉得喉咙难受，那么就小口地饮水或是吞咽。但如果您必须不停地清嗓子，那就去找医生检查一下，也许是反流性疾病、过敏症等疾病在作怪。 5、当您因为感冒或者感染而嗓音嘶哑的时候，尽量不要讲话。 6.如何保护嗓子 咽喉既是正常呼吸必经之路，又是重要发声器。所以人人都要注意保护嗓子，尤其是教员、演员、广播员，更要注意。 首先要注意坚持室外活动，以增强肌体对疾病的防御能力，避免咽炎、喉炎的发生。 其次是养成咽喉部卫生习惯。饭前饭后要作咽部清水含漱，平时多喝茶，保持咽部清洁。抽烟、喝酒要适度，否则会刺激咽喉部组强而产生慢性炎症。 如果嗓子发生不适、刺痒、干燥或有烧灼感，可采用热熏气疗法。方法是将口腔对着有热气的茶杯或茶壶呼吸，很快就可使不适现象消失。也可将复方安息香酊约三十毫升用沸水约五百毫升冲在一个大缸子中，对着热气呼吸。有可能还可采用菊花、金银花或胖大海泡水当茶喝。</t>
  </si>
  <si>
    <t xml:space="preserve">星辰武器3孔开4孔需要多少寒铁？ </t>
  </si>
  <si>
    <t>167个</t>
  </si>
  <si>
    <t xml:space="preserve">谁知道新开的彩票,开宝箱的具体每个LV是什么奖品吗?如题~请问各 </t>
  </si>
  <si>
    <t>惊奇箱L2 小鸭子变身卡一张惊奇箱L3 红魔吓人箱娃娃一个or蓝魔吓人箱娃娃一个惊奇箱L4 玩具惊奇蛋 [称号：时间的舞者]惊奇箱L5 老鼠王蛋糕 [+5000魔 ，料理]惊奇箱L6 纯白吓人箱娃娃一个惊奇箱L7 魔石转换器 [随时卖魔石，5折]惊奇箱L8 大地翼龙变身卡惊奇箱L9 烈风翼龙变身卡惊奇箱L10 纯白设计图交换卷惊奇箱LV11:试做型腐尸 [宠物]惊奇箱LV12 改造大炸弹 惊奇箱LV13 牛鬼 惊奇箱LV14 改造型牛鬼</t>
  </si>
  <si>
    <t xml:space="preserve">喝咖啡有助于睡眠好奇怪啊为什么我一喝咖啡就特别困想睡觉呢？咖啡不 </t>
  </si>
  <si>
    <t>我曾经也和你一样,咖啡对我也起不了什么作用,不晓得什么原因,建议你先停下喝咖啡,可以试试一些补脑的保健品,或者别的... ...我自己是先不管这个了,能躺会儿休息就休息,下完课后闭闭目,然后到外面走走.这样上课似乎更好一点.要不就做自己很在行的科目,做的很顺手,就不打瞌睡了,姐姐的同学建议姐姐打瞌睡时候听听那些劲歌也可以,或是嚼嚼口香糖你可以试试学习虽然很苦的,不过有一种思想上的收获不什么都美,是吗姐姐希望你能坚持住,祝你在学习上更上一层楼,加油哦另外千万记得考前不要喝咖啡</t>
  </si>
  <si>
    <t xml:space="preserve">日本学生为什么要穿水手服,长统袜? </t>
  </si>
  <si>
    <t>我个人认为,日本属于岛国,四周濒临大海,而水手是大海里的勇士,可能寓意着日本人希望孩子们都像水手一样机智,勇敢.....</t>
  </si>
  <si>
    <t xml:space="preserve">木瓜怎么吃好?知道木瓜有美容作用.但是怎么吃呢?越方便简单越好哦 </t>
  </si>
  <si>
    <t xml:space="preserve">木瓜牛奶： 1 材 料： 木瓜150克，牛奶200cc.（约１大杯），香草冰淇淋（１小盒），糖１小匙（可加可不加） 做 法： 木瓜去皮、切块。放入果汁机中加入200cc.鲜奶，糖、冰淇淋适量，用中速搅拌几分钟即可。由新鲜木瓜.鲜奶制成，绝对新鲜香浓，当场饮用，若需外带，置放不超過30分钟（冬天）和20分钟（夏天），以保最佳风味。鲜奶中的钙质，木瓜中的维生素C，都是人体中所需的营养成份，适合天天饮用。新鲜木瓜冬天?r会略带苦味，是正常現象，请安心食用。 2 材 料：木瓜半个，蛋黄1个，蜂蜜1大匙，牛奶200ml，柠檬半个。 做 法：木瓜切成块，连同牛奶、蛋黄一起打成汁，再加入柠檬汁及蜂蜜， 以使果汁更入口。本品若加上一点威士忌酒，味道更好。可作为正餐饮用。 3 材 料：木瓜360克，鲜牛奶两杯，白砂糖适量，碎冰块适量。 做 法：1.选取新鲜熟透木瓜，去皮、去核，切成大块状，备用。 2.将木瓜块、鲜牛奶、白砂糖及适量碎冰一齐放入果汁机中，打碎成浓汁，即可饮用。 功效：润肤养颜。 木瓜果盘： 把八成以上熟木瓜切开数瓣，去皮，刮瓤，切成鲜果盘。口感软滑、多汁，又香又甜。如果一次吃不完，剩下的部分最好不要去皮、刮瓤，可用保鲜纸包上放入冰箱冷藏，几天内尽快吃完。不要冷冻保存，以免口感不好。部分经过冬寒的木瓜可能会略带苦味，是正常现象，敬请安心食用。 木瓜牛奶椰子汁 材 料：木瓜1/2个，鲜奶250cc，蜂蜜1大匙，椰子汁50cc，碎冰块1/2杯。 做 法：木瓜去皮对剖、去籽、切块，将所有材料放入果汁机搅拌约30秒，即可倒出饮用。 功 效：含有丰富的维生素C，胡萝卜素，能有效恢复疲劳，对消化不良者也颇有助益。 木瓜鲜奶露 材 料：木瓜600g，鲜奶1杯，椰汁半杯，糖200g，玉米粉3汤匙。 做 法：木瓜去核去皮切粒。 用两杯清水加糖煮滚，然后放入木瓜粒，再加入鲜奶、椰汁，用慢火煮滚。用小半杯水开匀玉米粉，逐步加入奶露中，煮至成稠状即可。 功 效：常食用木瓜制作的食品可使皮肤光滑。 木瓜橘子汁 材 料：木瓜1个，桔子130g，柠檬50g。 做 法：先将木瓜削皮去籽，洗净后切碎，捣烂取汁备用。 再将桔子和柠檬切开，挤出汁液与木 瓜汁混合，搅匀即成。 功效：饮用本品能使肌肤光滑，还有助于消化，润肠，是老幼皆宜的。 木瓜麦片牛奶汁 材 料： 去皮木瓜半个，全脂牛奶400毫升、麦片1汤匙、糖酌量。 做 法： 木瓜切粒，与全脂牛奶 搅成汁後，加入即溶麦片，再酌量加入糖。 木瓜炖牛排 　　材 料：木瓜1个，牛排200克，蒜末，辣椒少许，蚝油，高汤，米酒适量。 　　做 法：用盐、玉蜀黍粉和鸡蛋，将牛排先腌味4小时，再将牛排切成条状。将木瓜切成条状，先用小火过油。用蒜末、辣椒将油锅爆香后，将牛排下锅，再加入蚝油、高汤和少许米酒。最后，用太白粉勾芡，再加入木瓜拌炒一下即可。 　功 效： 木瓜炖牛排结合蛋白质与维他命。牛肉性温，因此和水果一同入菜较能免于燥热之气。牛肉含丰富蛋白质、钙、磷、铁和维他命A等，木瓜则有大量的维他命C，两者一同食用可使营养均衡。 木瓜蜂蜜糖水 材 料 ： 木瓜1个、蜂蜜适量、水适量 做 法 ： 用水洗?Q木瓜。将木瓜皮刨去，去瓤，切片。将木瓜放入煲中，加適量水。. 煲?L后改用中火煲30分钟。放 落蜂蜜调味。搅匀糖水，即可饮用。 功 效： 木瓜味甘，性平微寒，功能助消化，健脾胃，润肺、止咳、消暑解渴。蜂蜜?t生能清热；熟则性温，能补中，甘而平和，能解毒；柔而濡泽，能润燥。舒筋去湿，滋润五脏，而对十二指肠溃疡，咳嗽、吐泻亦具食疗作用。 木瓜综合牛奶果汁 材 料：木瓜100ｇ、香蕉1/3根、柳橙半粒、牛奶150CC、冷开水50CC、冰块适量 做 法：木瓜去籽挖出果肉；香蕉剥皮；柳橙削去外皮，剔除籽，备用。把准备好 的水果放进果汁机内，加入牛奶、冷开水，搅拌打匀后即可倒入装有冰块的杯中 饮用。 功 效：木瓜中的β胡罗卜素，结合香蕉的维生素E，可帮助解毒、纾解头痛、改善视力、皮肤发痒、头发掉落等恼人问题，比吃药更自然健康，又没副作用。 银耳炖木瓜 材 料：银耳15克，木瓜（中等大，最好是自然熏熟）1只，北杏10克，南杏12克，冰糖适量。 做 法：将银耳用清水浸透发开，洗净；木瓜削皮去籽，切成小块；南北杏仁去衣，洗净，连同银耳、冰糖一起放入炖煲内，加适量开水炖煮20分钟后即可食用。 功 效：滋润养颜。经常食用能养阴润肺，使皮肤得到滋润，防止皱纹过早出现，保持皮肤幼嫩，延缓衰老。尚可治疗燥热咳嗽、干咳无痰、痰中带血等症。 ?霭枨嗄竟?万年長青(4人份) 材 料：青木瓜200克（約1/4??）， 紅萝卜30克，碎花生粒10克，香菜、蒜少许。 调味料：盐、香油、醋、糖适量 做 法：1.青木瓜、紅萝卜切细丝，用盐醃一下。2.用冷开水洗净 3.香菜、蒜切末拌入青木瓜中，加香油、醋、糖调味，即可裝盘。 木瓜鲜鱼汤 材 料；木瓜 1个（约1斤重），鲜草鱼 约1.2斤，干百合 1两，胡萝卜 1个，黄杏 8钱，党参 1两，姜 2片 做 法：先将所有原料洗净，木瓜去核切成块，待水滚开后将所有原料放入锅内，然后用文火炖两个小时便可饮用。　 水果沙拉 　做 法： 　1、选一个形状美丽的木瓜，一剖两半，挖去瓜肉，成为天然容器。 　　2、芒果、木瓜、凤梨、香蕉、奇异果切片备用。 　　3、把综合水果放入木瓜碗中，滴入莱姆汁，依口味掺些糖，拌上沙拉即成。 酸辣木瓜色拉 原 料：绿木瓜150克，胡萝卜50克，生菜叶若干，蒜茸适量，碎干辣椒末适量。 调 料：鱼露，柠檬汁，糖 做 法：1、生菜洗净后切片后垫在盘底。2、将木瓜，胡萝卜切成均匀的细丝。3、木瓜，胡萝卜 丝和鱼露，柠檬汁，蒜茸，辣椒末搅拌均匀，盛在生菜叶上。 特 点：清淡爽口，酸辣开胃 木瓜莲子乳 　　木瓜的作用：乳汁外用擦治湿疹、癣等皮肤病效果良好，用番木瓜擦脸、洗手可去除蛋白质、油质积留污秽，是一种良好的皮肤清洁剂；还可以促进新陈代谢、抗衰老、美容护肤养颜；最受欢迎的功效就是丰胸！ 原 料：熟木瓜600克，新鲜牛奶3杯，莲子肉25克，红枣2枚，冰糖适量 做 法：选择新鲜熟木瓜，去皮核，切成粒状，备用。莲子肉、红枣分别用清水洗净。莲子去心，保留红棕色莲子衣；红枣去核备用。将木瓜、莲子肉、红枣放入炖盅中，加入新鲜牛奶和适量冰糖，隔水炖至莲子肉熟，即可食用。 清炖冰糖木瓜 材 料： 　(1)木瓜(2)冰糖(3)水． 做 法： 1.将木瓜去皮、去籽、切成块状。2.与(2)、(3)材料一起煮20分钟，即可食用。　 木瓜炖鱼翅 采用香甜的木瓜配鱼翅，即美味又美观。 章鱼木瓜鸭汤 本汤水能清热去湿，对肠胃湿热、皮肤痕痒、湿疹等有疗效。 材料：干章鱼二两，木瓜一斤四两，老鸭一只，瘦肉半斤，姜二片，盐适量。 做法： 1 干章鱼浸软，清洗干净。 2 木瓜去皮、去核，清洗干净后切厚件。 3 洗干净瘦肉和老鸭，飞水后再冲干净。 4 烧滚适量水，下章鱼、木瓜、瘦肉。、老鸭和姜片，水滚后改慢火煲二小时半，下盐调味即成。 木瓜烧带鱼 此菜具有养阴、补虚、通乳作用。适于产后乳汁缺乏者食用。 材 料：鲜带鱼350克，生木瓜400克，葱段、姜片、醋、精盐、酱油、黄酒、味精各适量。 做 法： 1、将带鱼去鳃、内脏，洗净，切成3厘米长的段；生木瓜洗净，削去瓜皮，除去瓜核，切成3厘米长、2厘米厚的块。 2、沙锅置火上，加入适量清水、带鱼、木瓜块、葱段、姜片，醋、精盐、酱油、黄酒、烧至熟时，放入味精即成。 特 点：味鲜，鱼嫩，清香爽口。 木瓜羊肉汤 材 料：木瓜、羊肉各1000克，草果3克，豌豆300克，米500克，白糖200克，食盐、味精、胡椒面各适量。 做 法：１、将米、草果、豌豆淘洗干净，木瓜取汁待用。 　　　 ２、将羊肉洗净切块，放入铝锅内，加入米、草果、豌豆、木瓜汁，在加水适量，先置武火上烧沸，后改用文火炖之，至豌豆烂、肉熟，放入白糖、食盐、味精、胡椒面即成。 服 法：食肉及豆等，饮汤。 功 效：健脾除湿。适用于脾湿下注之腿足肿痛、麻木不仁等症. </t>
  </si>
  <si>
    <t xml:space="preserve">verifyingDMIPOOLDATE....在第二次安装系统 </t>
  </si>
  <si>
    <t>是BIOS设置出了问题，英文大概是说没找到软驱驱动开机不断近delete键，进入BIOS设置界面不同的主板,BIOS界面都不同，仔细些，找到第一启动项，把floppy更成disable,反正是找与软驱（floppy)相关的项就可以，因为现在电脑都没得软驱，所以把这些项全关了就可以了，全设成Disable</t>
  </si>
  <si>
    <t xml:space="preserve">高中历史学习之惑我是江苏一高中高二文科学生，如今我们学历史是这样 </t>
  </si>
  <si>
    <t>你好象已经知道答案了，是来抱怨的吧^0^。其实有什么时候，“道理”都是很无奈的，比如说，虽然这样不可以，这样不正确，你却不得不这样做，不然倒霉的是你……我很这样的授课方式，甚至有点深恶痛绝，还有，你觉得很多历史书里说的观点是对的？？你很聪明，聪明人的话过多的话就不用说了，现在在建立世界观，历史也是其中一部分，历史的内容也含有几类，结果、过程与反思。结果你要记住，这关乎人的素养（因为你是中国人，对自己历史不了解其实是比较丢脸的），而过程是需要讲解的，不过你也是要听听，因为真实的情况可能并不是那样。道理是人家整理出来，为你建立世界观的，你可以先接受。人是一步一步走出来的，一下子知道事情的真相不见得是个好事情，我觉得如果你学历史，知道怎么同时事情的过程自己推出一定的道理，并能够记住主要的历史事件，你的历史就已经学到家了。我说过你现在是在建立世界观，将来你会慢慢修正的，甚至，你会推翻现有的大部分，这都没有问题，关键在于你知道怎么样通过你自己的分析，得到你需要的答案。还有，之所以让你背全书，你很明白，是为了通过考试嘛，我们的考试还很白痴，大部分内容在日后不会给你很大帮助，这可以很明白的告诉你。不过你要清楚的是，这是我们的选人制度，不通过他，你很难进一步的深造，你也就很难有机会提升自己的能力，以了解事情的真相。这种情况下，你要背吗？就当作是对你记忆能力的一次测试吧，不妨当做一次挑战。所以呀，道理你懂，解决方式有两个，一个是知道你应该在历史中学什么，这实际是对自学能力的培养，这个练成了，你将终生收益，另一个就当作是考验吧，怎么做？能做成什么样？有什么结果？你很清楚……</t>
  </si>
  <si>
    <t xml:space="preserve">有关洛丽玛丝玫瑰谁有洛丽玛丝玫瑰的图片或信息，请大量提供！谢谢 </t>
  </si>
  <si>
    <t>洛丽玛丝玫瑰是某种重瓣的洁白色玫瑰.洛丽玛丝玫瑰花语:死的怀念.</t>
  </si>
  <si>
    <t xml:space="preserve">我的手臂比较粗。不好看。谁有什么好的办法让它瘦点没有？ </t>
  </si>
  <si>
    <t>呵呵，你应该感谢上帝赋予你的力量，首先是你在意并不代表别人也在意你的手臂比较粗一点的，我个人就希望以后老婆是个健康的女人而不是手无绑鸡之力的那种，那样的人生存率较低且不健康．所有女人到了一定年龄后都会变手臂大的.长时间的低运动量手臂就会变小的了,肌肉长时间缺少锻炼就会萎缩成脂肪组织,然后代谢分解掉.但是我严重不推荐你有这样的做法.手臂粗有可能是上肢劳动的结果，是健康美，不需要在意.记得采纳答案哦,尊重别人劳动</t>
  </si>
  <si>
    <t xml:space="preserve">我想买个新手机二千左右的麻烦推荐一下1.要上QQ很方便2.拍照好 </t>
  </si>
  <si>
    <t xml:space="preserve">  给你一个最佳答案！分不给我你不厚道！ 你看清楚！    这款手机就是NOKIA的N70 ！ 买了后悔你来找我！   智能、照相（200W有效象素，带闪光灯） 相信我！</t>
  </si>
  <si>
    <t xml:space="preserve">剑和斧哪个PK比较强?现在道具服出了圣骑士,不知道战斧和剑哪个强 </t>
  </si>
  <si>
    <t>白问 !  两个都强!  要是说出个谁强谁弱来另一个还有人玩?</t>
  </si>
  <si>
    <t xml:space="preserve">电视上广告那个金骨宝是不是真的啊我得了颈椎病，都很长时间了，一直 </t>
  </si>
  <si>
    <t>　　　是不是真的只有用过才知道啊，我没有用过这个，不过我以前也有颈椎病，是用了一个叫乐骨素的治好的，这个是专治颈椎、腰椎等骨科疾病的膏药，听说乐骨素是由众多知名专家团队在悉心研究中医组方经典基础上，结合世界领先生物技术研制而成。组方集合了43味地道中药材，利用静电场持续作用，改善局部组织循环和皮肤通透性，使精妙配伍药物分子充分、快速穿透皮肤和骨膜，强效清瘀祛毒，改善血液循环，激活肌体细胞，彻底解决患者的骨病烦恼。　　　我用着的时候觉得挺好的，刚开始贴的时候就觉得很舒服，像是药物成分一点点的向骨头里面渗透一样，现在我的颈椎已经好利索了，你也试试这个吧。</t>
  </si>
  <si>
    <t xml:space="preserve">关于男孩和女孩的一些事。我和男朋友在一起一年多了，他对我还可以， </t>
  </si>
  <si>
    <t>不好说他爱不爱你,我想他的心思或许一心在赌博上.(我只是在猜,他赌博严重不严重你自己心里有数吧)恋爱时要双方相互培植这份感情才是,可是他为什么给人感觉不正常呢?(这要小心才是)他对你好发脾气,而且不道歉,象没事一样;借了钱,马上就要,(没见过这样的事情,为什么急于要钱呢,他很急用钱吗,他有什么经常性的消费吗)这点可疑?而且从来不给你一点物质上的表示,综合这些因素我得出的结论是如果他脑袋没问题,那就是他在别的地方有问题!至于结婚我想你解答了这些疑问后再说,否则太可怕了.(和他在一起是不是一点温情没有,一点面子没有,而且是不是有点委屈呢,明明是他不够男人,还说你小气,这是不是让你很郁闷呢,感情求的是一种美好的体验,不是来体验别扭来了,不是来看人家脸色来的.)我想以后结婚也是你哄他玩,而不是他会哄你的.或许他是个自私的家伙!我的回答不是在搞破坏,因为我只是听你的只言片语不能说明我的观点没有错误,所以最后还是你自己拿主意,本人回答这样的问题真是如履薄冰的!</t>
  </si>
  <si>
    <t xml:space="preserve">请问数码照相机上的电池（充电）多少钱一节？ </t>
  </si>
  <si>
    <t>这个没有准确的,主要看电池的容量,容量大的就贵,像我买的2500毫安电池花了50多</t>
  </si>
  <si>
    <t xml:space="preserve">我月经一个多月没有来去医院查要没有怀上请问我该怎么办？我现在还不? </t>
  </si>
  <si>
    <t>女性内分泌失调常导致月经不正常。如果月经量少，血在子宫内滞留的时间较长，血液已不新鲜，红细胞被破坏，则经血颜色黑紫；相反，如果月经量多，出得急，经血能未在子宫腔留，则颜色鲜红且有血块。月经期由于盆腔器官充血，妇女可以有下腹及腰骶部沉重下坠的感觉，个别还可以出现尿频、尿急等膀胱刺激症状及恶心腹泻等胃肠功能紊乱现象。在一般的情况下，这些不适并不影响妇女的工作和学习。那么，月经不正常的因素是什么呢？精神因素月经是在中枢神经系统的控制下进行的，过度的精神刺激会干扰中枢神经系统的正常工作，从而影响对卵巢的调控，导致月经紊乱。营养状态营养饮食的好坏，直接影响女性全身的生长发育，对女性初潮年龄和月经血量的多少产生重要影响。疾病因素生殖器官本身的疾病（如子宫发育不良、子宫内膜结核、子宫肌瘤、颅脑外伤等）或全身器质性疾病（如严重贫血、肺结核、糖尿病等），都会引起月经紊乱现象，表现为月经过少、闭经，或月经周期不规律。环境因素工作条件、生活环境及气候变化都可影响月经变化。劳动过重、休息不好或气候过冷过热变化突然，都会引起月经紊乱。还是到医院作个检查的好！</t>
  </si>
  <si>
    <t xml:space="preserve">“终身受用”和“终生受用”那个对？哪个正确？有何区别？ </t>
  </si>
  <si>
    <t xml:space="preserve">明确地告诉你，第一个是对的。只是通常人们都用错了。此类问题比较普遍。比如，不寒而栗、再接再厉等等，都容易从意思理解去造字，其实是错的。现在的广告更是造成歧义，但那是广告效果，学语文的时候可不能搞错，否则，要扣分的：） </t>
  </si>
  <si>
    <t xml:space="preserve">怎样练一手好字我现在在一家公司上班，每天都要写字，可是我的字体太 </t>
  </si>
  <si>
    <t>：你好。你问：怎样练一手好字 你不要着急，按下面的步骤一步一步认真练，就行了。如果你的楷书已经写得不错了，那就练行书。如果楷书写得还不好，那当然是先练楷书。 首先要准备一本字帖，（一定要是你喜欢的字体的字帖，可以到书店去挑选）。 第一步，描。用铅笔在字帖的字上描写。同时记住每个字的字形。每天最少大本的描一页，小本的描两页。把一本描完了，用橡皮把铅笔印擦掉。 第二步，摹。用字帖中的白纸蒙在字上用钢笔摹写。要把一本摹完。 第三步，临。把字帖立在面前，在纸上照着字贴上的字写。要把一本临完。 第四步，写。自己可以独立的写了，可以形成自己独立的字体。哪个字写得不好看，可以参考一下字帖的字的写法，也可以自己多写几个，比较一下那个好看，以后就按这个写。 楷书练完了，按照同样的方法练行书。行书字帖的字体应该和楷书的一样。 重要的是坐的姿势必须正确,握笔的姿势必须正确,写字用的纸放的位置必须正确.否则是练不好字的. 根据我们的经验，只要这样用心认真练习的，三四个月就可以写出一笔不错的钢笔字来。毛笔字这样短的时间是不行的。</t>
  </si>
  <si>
    <t xml:space="preserve">求金山快译2006注册通行证和密码如题 </t>
  </si>
  <si>
    <t xml:space="preserve">   我给你发邮件。。到时候注意一下附件就行了，给你的补丁就在里面，到时候看下使用说明就行啦。 呵呵^_^</t>
  </si>
  <si>
    <t xml:space="preserve">谜语单口相声。（打一成语） </t>
  </si>
  <si>
    <t>自言自语。。。。。。。。。。。。。。。。。</t>
  </si>
  <si>
    <t xml:space="preserve">老人大不出便怎么办吃什么啊~ </t>
  </si>
  <si>
    <t>用蜂蜜搅成水分3次服下</t>
  </si>
  <si>
    <t xml:space="preserve">物业费的收取我是前年在一小区买的房子，一直没有装修，当然也没有住 </t>
  </si>
  <si>
    <t>你好，看前期物业协议是怎么签署的，有按全额物管费收取，也有按控制物管费收取，谢谢!</t>
  </si>
  <si>
    <t xml:space="preserve">业务员的问题在做业务时，应当先做那些准备工作？ </t>
  </si>
  <si>
    <t>首先要了解要做的产品，然后真诚对待每一个客户。另外在我的共享资料中有这方面的文章，可以去看看，不要积分的！</t>
  </si>
  <si>
    <t xml:space="preserve">我是一名初中生,我们班里有许多同学早恋了,早恋真的好吗?为什么他? </t>
  </si>
  <si>
    <t>看到的东西是大众的,可不一定是完全正确的.就像你说的口中同学,他们会为自己的早恋付出一定的代价.初中是学习的良机,不要把美好的时光放在不当的事情里,当你再过10年,你会发觉,现在的他们真的是在浪费年华...不要太好奇,你总会有这么一天的...</t>
  </si>
  <si>
    <t xml:space="preserve">要多少级才能使用米诺基亚村传送石急如题 </t>
  </si>
  <si>
    <t xml:space="preserve">   村庄名 传送价格 战斗系/生产系传送条件 1 哥拉尔城 伊尔村坐船到达 - 2 鲁米那斯村 无传送水晶 - 3 米诺基亚村 800 45/25，***白之宫殿位置图 4 雷克塔尔村 未开 - </t>
  </si>
  <si>
    <t xml:space="preserve">赵家老爷子是谁扮演 </t>
  </si>
  <si>
    <t>您好，您说的赵家老爷子是指哪部剧的？</t>
  </si>
  <si>
    <t xml:space="preserve">怎么搞出Excel里面的隐藏游戏以前我电脑老师从Excel里面搞 </t>
  </si>
  <si>
    <t>那是用excel表格和vba做出来的游戏，相当于是一个独立的excel文件，excel本身是不带游戏的！</t>
  </si>
  <si>
    <t xml:space="preserve">请问哪有类似QQ龙珠那样打球球的单机版游戏?给出游戏的名称就行了 </t>
  </si>
  <si>
    <t>叫祖玛,新浪里有两个,一个9M,一个13M.选择下载.</t>
  </si>
  <si>
    <t xml:space="preserve">假如我是真心爱他，他犯错了，我会原谅他吗？假如我心里真的和在乎他 </t>
  </si>
  <si>
    <t xml:space="preserve">  爱一个人是很难的。要看他犯的错,是什么级别;什么性质。如果他的错,已经是你不能容忍的,那就得重新考虑与他的关系了。过于忍让，往往会有反效果。</t>
  </si>
  <si>
    <t xml:space="preserve">智统方120级可以带四玄武啦!!!!!!!!RT不信的可以自己算 </t>
  </si>
  <si>
    <t>带四只乌龟要760点统，统120级加红有426点加上100元老杖25官职20首饰和360的智力转化的统共有751点，错不了多少了</t>
  </si>
  <si>
    <t xml:space="preserve">白精灵巫师的强效魔力恢复到底什么用啊技能说明是：使用恢复术时，M </t>
  </si>
  <si>
    <t>是西林回蓝时候用的举例：56级巫师和56级收集，由58级西林回蓝，巫师能回到140+，具体不记得，而收集只能回到106的蓝，怎么能说一样呢，希望你再仔细看看</t>
  </si>
  <si>
    <t xml:space="preserve">书店中卖不出去书如何处理？新华书店中的书，相当多的是无人买的，请 </t>
  </si>
  <si>
    <t>新华书店和一些大些的书店里的书，都是出版社提供的，是先销售后结财的形式。买不动的书会被下架，退回出版社，亏得只是出版社，而不是书店。所以，现在的出版社印书也是很小心，印量不会太大，除非是有名的作家的书才会多印。当然，这种特殊性待遇只给有名的大书店，一般的小书店则不同，是要自己出钱进购书的，买不动只能自己认了。</t>
  </si>
  <si>
    <t xml:space="preserve">今年的公务员工资改革什么时候开始? </t>
  </si>
  <si>
    <t xml:space="preserve">今年7月1日开始调整。但这项工作有些滞后，慢了一些。别着急，会从7月份开始补的。但没多少钱，期望值不要太高。处级约300-400元。欢迎光临我的博客： </t>
  </si>
  <si>
    <t xml:space="preserve">我的博客无法发表文章了!我的博客大开都是正常的但是无法发表文章了 </t>
  </si>
  <si>
    <t>你好 最近（13-18日）新浪在维护BLOG 明天（29日）可能就没事了 不过新浪博客的维护说不太准 有可能维护产生的异常会延续很长时间 请耐心等等 出现的异常包括： 登录名或密码错误 评论和留言看不着 看不全或无法发表 管理博客进不去 不能对博客进行修改 文章无法发表 或文章意外消失 或字体更改 图片和相册无法显示 进入博客时会卡住或死机 英文文章不能通过审核 昵称显示为乱码 模板不显示 错位或显示为乱码 等等 请放心 它不会对你的博客有丝毫影响 只是打开的页面有问题 其实文章和图片都没有丢失 而且也不是所有的博友都受影响 只会是一部分 慢慢就好了 没事的 提示：最近博客异常 如果有重要文章或资料要上传 请最好不要赶在这时候 尤其是英文文章 如果发表 请务必注意保存到草稿箱里 也最好不要在这时候对你的博客进行设置 可能不容易设置成功 请试试这种方法： 打开博客的时候 原来输入的域名是  现在输入这个域名  常规解决办法： 1.请多刷新几次 或者把浏览器关掉再打开 2.换一个畅通的时间段试一试 3.打开IE属性 把临时文件 历史记录 cookies都删掉 4.调整浏览器安全级别低一些 5.在博客正常的时候 把博客里一些不必要的FLASH 插件 模板等等都删掉 6.如果在博客首页不能登录  可以先输入你博客的域名  然后再登录改版后 许多功能和字样位置都变了 这很正常 适应适应就好了 如果博客还有问题 可以试着给新浪博客信箱发邮件或给他们留言 会很快得到解决的 留言板:  信箱:sinablog@  sina系统维护 部分用户会受到影响 我的博客也不例外 点击了很多的文章题目 然后都找不到服务器出现新页面 可页面出现提示： 对不起 您访问的文章不存在或者已被作者删除 或者是：很抱歉 您输入的登录密码错误 请重新输入等等一系列的出错提示 不过大家对此早就习惯了 因为这对博客是不会造成太大影响的 顶多是一时半会儿的事情 也许是今天也许是明天 就又恢复了 内容是不会丢的</t>
  </si>
  <si>
    <t xml:space="preserve">尿频尿急之前患过肾结石，长期不爱喝水，吃辛辣刺激食物。现在常觉腰 </t>
  </si>
  <si>
    <t>结石是否已排出？</t>
  </si>
  <si>
    <t xml:space="preserve">成都廖记棒棒鸡的投资环境如何？看到市场上廖记棒棒鸡生意好，我也想? </t>
  </si>
  <si>
    <t>成都廖记棒棒鸡还是值得投资的，是个成熟的品牌，加盟一个好的品牌就相当成功了一半，廖记棒棒鸡在成都很有市场，价格低口味正，是个老字号，消费者都比较放心，不过现在投资餐饮最好先了解，知己知彼才能百战百胜嘛，你还是去那边实地考察一下，地址是：成都市金牛区石灰街6号国贸广场13F</t>
  </si>
  <si>
    <t xml:space="preserve">还没有搞好就只有给人骂拜托了，我不明白你们为什么还没有把服务器或 </t>
  </si>
  <si>
    <t>今天下午1点来钟就好了，我看到少林官网和论坛的公告了，而且游戏已经正常了。骂有啥用？咱可是文明的小孩儿呢。</t>
  </si>
  <si>
    <t xml:space="preserve">艺术照片,有没有人知道海南三亚一品看起来拍照蛮有感觉？大家说呢？ </t>
  </si>
  <si>
    <t>是很有感觉··因为他们的拍摄技术很高。做出来的视觉效果也很不错··所以一直都在他们店拍照。我身边的很多朋友也都去了··都说很不错·</t>
  </si>
  <si>
    <t xml:space="preserve">什么人适合这个游戏？由于工作的关系，我每天只有2个多小时的在线时 </t>
  </si>
  <si>
    <t>我想每天只有２个多小时在线玩ＷＯＷ的人是很多的我现在大概每天就只玩２个多小时下大副本的时候就肯定没有保证了不过可以去打打战场做做任务这个游戏十分有趣可能咱们装备没有他们的好但是可以找到游戏的快乐就好</t>
  </si>
  <si>
    <t xml:space="preserve">北大资源学院毕业证什么时候发 </t>
  </si>
  <si>
    <t>7月底</t>
  </si>
  <si>
    <t xml:space="preserve">斯科尔斯大家评价下这位有实力却很低调的球员。为什么那么多年从来没 </t>
  </si>
  <si>
    <t>可能是对曼联很有感情  心和血都融入了曼联的红色!!!  别人想拆散都拆不了</t>
  </si>
  <si>
    <t xml:space="preserve">个人购汇有没有限制外汇局规定一年内可以小额购汇50000美元，这 </t>
  </si>
  <si>
    <t>1、外汇局规定一年内可以小额购汇50000美元？答：这指的是买入外汇。目前，国家放宽购买外汇，如果您有正当要求，可以到中国银行中心支行营业部联系，他们会热情帮助您代为申请和购买。2、往B股帐户里最多一年可以存入和转出多少外币？答：不受到限制。外汇渠道的来源很多，譬如亲戚朋友赠送，劳务收入，私人往来和向银行购买。银行是认钱不认人，只要您的外汇来源合法，没有人会管您的。往B股帐户里最多一年可以存入和转出多少外币，是您自己的事情，不受到限制。</t>
  </si>
  <si>
    <t xml:space="preserve">这些是什么进程？sys14.exenslookupi.exeal </t>
  </si>
  <si>
    <t>用360 超级兔子将其启动项去掉不然用msconfig也可以</t>
  </si>
  <si>
    <t xml:space="preserve">我想空闲时在淘宝开个小店，不晓得咋样，有同行吗？指点一下江山。行? </t>
  </si>
  <si>
    <t>可以呀 开淘宝什么的 很轻松了 你可以找1574433156 咨询可以的。不过现在大的品类不太好做，可以考虑一下卖点冷门的，比如说游戏周边的衣服啦，饰品啦，或者民族风格的纪念品，要不就是本地的特色产品。另外推广的话，新开店可以报名参加小卖家的活动，做些价格低的，成本一两块的东西，做个9.9包邮，跟快递合作一单应该是五六块钱，这样一单还能赚个一两块钱。关键是这样可以先把量赶上去，自然评价就上去了，流量也多了。等做大了利润多了就直接做直通车，效果更好，不过花费很大（若您对我的答复满意，请点击下方“好评”，谢谢您的采纳。）</t>
  </si>
  <si>
    <t xml:space="preserve">28级巡守去哪练级快请高手高手高高手解答我现在28级精灵巡守突刺 </t>
  </si>
  <si>
    <t>建议你拿腰弩到绝望废墟单练到32左右,然后拿突刺到克塔组队.近战的一般只能团队组练,想单练的独吞经验和财宝的只能拿弓,以后可以考虑转银月</t>
  </si>
  <si>
    <t xml:space="preserve">關于qq的??題?!````不知道?什麽,我的qq???酉戮Q </t>
  </si>
  <si>
    <t>你好其他号码正常就证明不是版本问题，如果只是掉线但是可以登陆的话,就可能是腾迅服务器问题,因为它正对某个号段进行维护，而你的号码就在其中,我碰到过这样的情况,特别是在节假日人多的时候，过一段时间就会好的。</t>
  </si>
  <si>
    <t xml:space="preserve">20岁，从来没有手淫过，正常吗？ </t>
  </si>
  <si>
    <t>还没听说男人必须要手淫，难道性交不是更好吗？</t>
  </si>
  <si>
    <t xml:space="preserve">怎么才能得到女生的丝袜呢？谢谢？请有经验的赐教 </t>
  </si>
  <si>
    <t>给你说拉   怎么还问啊  百度上的XIAOMINSIWA</t>
  </si>
  <si>
    <t xml:space="preserve">五悦景区三清山店怎么样，求具体介绍 </t>
  </si>
  <si>
    <t>五悦景区连锁酒店是全国首家的景区连锁酒店。五悦三清山店位于三清山金沙服务区内，距金沙高速索道仅400多米。酒店设备齐全，服务周到，有专业的自助游服务顾问帮助制订个性化的旅游线路，并有周边景区优惠门票代订、景点的租车、拼车服务。24小时不间断热水，大屏幕的LED液晶电视，免费高速网络，客用品严格执行“一客一换”的卫生标准，确保您能获得高品质的住宿体验。</t>
  </si>
  <si>
    <t xml:space="preserve">读党校好不好 </t>
  </si>
  <si>
    <t xml:space="preserve">我老爸就是党校老师哦，他都不让我进去念。 他说党校是给那些已经在职，然后想要镀金的人来说比较好，如果你还没有工作，就不要去了。 你所谓的不承认的确有类似情况，因为工作单位一般招人都是招全日制大学的研究生，党校不属于这一块。 现在研究生越来越多了，读党校完全没有竞争力，会找不到工作的，PP~~所以还是老老实实考别的吧！！！ </t>
  </si>
  <si>
    <t xml:space="preserve">肛门有什么别称？ </t>
  </si>
  <si>
    <t>后庭,腚眼,屁眼儿,菊花,后门，谷道，</t>
  </si>
  <si>
    <t xml:space="preserve">为什么上网老出现提示安装“FLASHPLAYER8”程序，这到底? </t>
  </si>
  <si>
    <t>这是你浏览的网页有flash动画，提示你要下载FLASH PLAYER8安装。如果你不想安装又不想这个提示出现，则可这样设置：（参考我上传的图片！）</t>
  </si>
  <si>
    <t xml:space="preserve">诛仙是免费游戏吗？ </t>
  </si>
  <si>
    <t>是免费的，游戏杂志写了，永久免费《大众软件》！</t>
  </si>
  <si>
    <t xml:space="preserve">wondows下怎么找回以前用redhat9.0的硬盘空间？我的 </t>
  </si>
  <si>
    <t>我的电脑（右击）—属性--管理--磁盘管理点击以后是不是看到了，右击它选择调整为活动，然后再右击格式化以后就可以了。</t>
  </si>
  <si>
    <t xml:space="preserve">有关遗产的分配老公的父亲因车祸不幸去世，留下一套房子及2万多的欠 </t>
  </si>
  <si>
    <t>1、房产的问题。哥哥取消赠予，是不可以的。如果有证据证明哥哥当时不知道父亲已结婚，那么房产由你丈夫、哥哥、婆婆均分，即每人1/3。如果没有证据，那么只能是这样：婆婆一半，另外一半由你丈夫、哥哥、婆婆均分。你说父亲除了那笔赔款和房产之外，别无遗产，那么：如果赔款&gt;负债的1/2，那么赔款-负债*（1/2）=遗产。遗产是婆婆一半，剩下的一半，你丈夫、哥哥、婆婆均分。另外1/2负债，由婆婆承担。2、但要特别注意，如果赔款&lt;负债的1/2，那么赔款全部用来偿还负债。负债*（1/2）-赔款的差额部分，由你丈夫、哥哥、婆婆均摊。每人均摊的金额，不得超过每人所继承的房产价值（即不得超过总房产的1/3）。另外1/2负债，由婆婆承担。3、另外，婆婆自己的孩子没有继承权。除非其尽了赡养义务，当然如果其还未有收入，就不可能了尽过赡养义务了。</t>
  </si>
  <si>
    <t xml:space="preserve">求犬夜叉的图，有他变成妖怪的更好拉！ </t>
  </si>
  <si>
    <t xml:space="preserve">kan </t>
  </si>
  <si>
    <t xml:space="preserve">家庭财产处理问题我有一个朋友他结第二次婚了，他以前有孩子，也有自 </t>
  </si>
  <si>
    <t>你去看一下婚姻法具体规定，新的规定。</t>
  </si>
  <si>
    <t xml:space="preserve">有什么好的计量经济学论文题目？简单一点的我需要用计量经济学的知识 </t>
  </si>
  <si>
    <t>当地的居民消费水平分析</t>
  </si>
  <si>
    <t xml:space="preserve">7069进下请问抓宠物的时候是抓比自己等级高的怪成功率更高还是抓 </t>
  </si>
  <si>
    <t>您好：    建议您捕捉和您等级差不多的宠物成功率比较高，相关的具体信息请您参考论坛或者在游戏中和其他玩家进行交流！    感谢您的支持，祝您游戏愉快！</t>
  </si>
  <si>
    <t xml:space="preserve">我的Q宠启动不了，求助～～～～～我领养有Q宠，可是换了台电脑后， </t>
  </si>
  <si>
    <t>估?你?腦裏的?却嫣×?很卡吧</t>
  </si>
  <si>
    <t xml:space="preserve">为何电子带负电？负电是一种什么东西？正电又是一种什么东西？ </t>
  </si>
  <si>
    <t xml:space="preserve">电只是物体原来就具有的一种性质，两种相反的性质，只不过是人类把其中一种叫做负电，一种叫正电。人类自己加上去的。+质子=中子，电子是从中子中分裂出来的，分裂后就有了这两种性质，人类将电子上所带的性质叫做负电。用丝绸摩擦过的玻璃棒带的电荷叫做正电荷.用毛皮摩擦过的橡胶棒带的电荷叫做负电荷.电荷的定义:物体有了吸引轻小物体的性质，就说它带了电，或有了电荷，带电的物体叫带电体。以下只是扩展以下，其实我也不懂。电荷的量子性:　1913年，密立根（R.Millikan）进行油滴实验，测定了带电的油雾滴上的电量，大量的实验数据证实每个油滴上所带电量总是e的整数倍。1919年，发现了质子，确定它是带正电且电量为e的粒子。精密测量证明，质子的正电荷和电子的负电荷在电量上精确相等（达到10-20的精确度）。近代粒子实验表明查明：所有粒子或带+ne，或带-ne（n=0,1,2???），或为中性。因此，在自然界中，e是电量最小的元电荷，可称为电荷的量子。而任何电荷的电量总为元电荷e的整数倍，这一事实称为电荷的量子性。1964年，盖尔曼（M.Gell-Mann）首先提出，一些粒子是由称为夸克和反夸克的更小粒子组成，并预计夸克和反夸克的电量应取±1/3e或±2/3e。现已在一些粒子物理实验中证实了夸克的存在，只是由于夸克禁闭而未能检测到单个的自由夸克。 </t>
  </si>
  <si>
    <t xml:space="preserve">游戏中的技能有熟练度吗?我和朋友PK,他级别比我高2级,敏捷力量 </t>
  </si>
  <si>
    <t>没有这种事了,主要是你们加的体力不一样,这样你的防也不一样,还有那个人物上面的PK绿条防御值也就不一样了,所以你们对砍时就会有差别.</t>
  </si>
  <si>
    <t xml:space="preserve">什么叫伤食？怎样治？ </t>
  </si>
  <si>
    <t xml:space="preserve">   伤食又称食伤，食积。指因饮食不节损伤脾胃所致的病症。初起多见胸脘痞闷，嗳气腐臭，恶心呕吐，大便失常.治伤食验方 一、面食伤食：用炒麦芽20克，煎水饮服。或把萝卜籽炒熟捣烂，每次用12克，水煎服。二、豆食伤食：可用生萝卜捣汁，每次半杯，连服两次即可。三、谷食伤食：取米饭（小米、粳米）锅巴适量，烧焦研末，用温开水送服，每次5克，日服3次。四、汤圆伤食：用炒焦的麦芽30克，煎水分次饮服。五、鸡蛋伤食：可用神曲30克，用开水泡饮。或用醋一汤匙兑米汤喝。巧解“伤食” 　　一、取一只苹果，洗净后生吃。     二、取橘皮10至15克，泡水后饮用。     三、取山楂150至200克，去核后，加水煎煮，再去渣后取汁饮用。     四、取一汤匙食醋，放入米汤中饮用，促进消化。 </t>
  </si>
  <si>
    <t xml:space="preserve">有一首外国小孩唱的歌不知道是哪国语言，但歌词中，让国人听了总是像 </t>
  </si>
  <si>
    <t>哈哈，你说的是约伊．格鲁特曼Joy Gruttman-《鳄鱼小赖皮Das Kleine Krokodil-Schnappi》：  超级可爱的童声歌曲，是由1998年出生的德国小女孩约伊．格鲁特曼（Joy Gruttman），在四岁时随便哼唱的，她的姑姑艾里斯把它录了下来，将它放在网上当作一种家庭娱乐。 后来登上德国流行榜榜首，成为历来打入流行榜十大的最年轻歌手。 MP3下载 视频下载 bin Schnappi, das kleine Krokodil我是鳄鱼宝贝小赖皮Komm aus 膅ypten, das liegt direkt am Nil来自尼罗河畔的埃及Zuerst lag ich in einem Ei本来我躺在一颗蛋里面dann schni-,schna-,schnappte ich mich frei然后就这样??鲆бУ乩吹秸飧鍪澜?Schni Schna Schnappi??鲆б±灯?Schnappi Schnappi Schnapp小赖皮小赖皮咬啊咬Schni Schna Schnappi??鲆б±灯?Schnappi Schnappi Schnapp小赖皮小赖皮咬啊咬 Ich bin Schnappi, das kleine Krokodil我是鳄鱼宝贝小赖皮Hab scharfe Z鋒ne, und davon ganz sch鰊 viel我有尖尖漂亮的牙齿Ich schnapp mir was ich schnappen kann我不放过所有我可以咬的东西Ja ich schnapp zu, weil ich das so gut kann咬啊咬因为我就是这么厉害啊 Schni Schna Schnappi??鲆б±灯?Schnappi Schnappi Schnapp小赖皮小赖皮咬啊咬Schni Schna Schnappi??鲆б±灯?Schnappi Schnappi Schnapp小赖皮小赖皮咬啊咬 Ich bin Schnappi, das kleine Krokodil我是鳄鱼宝贝小赖皮Ich schnappe gern, das ist mein Lieblingsspiel我喜欢咬啊咬这是我最喜欢的游戏Ich schleich mich an die Mama ranSchni Schna Schnappi??鲆б±灯?Schnappi Schnappi Schnapp小赖皮小赖皮咬啊咬Schni Schna Schnappi??鲆б±灯?Schnappi Schnappi Schnapp小赖皮小赖皮咬啊咬 Ich bin Schnappi, das kleine Krokodil我是鳄鱼宝贝小赖皮Ich schnappe gern, das ist mein Lieblingsspiel我喜欢咬啊咬这是我最喜欢的游戏Ich schleich mich an die Mama ran我偷偷爬到妈妈的旁边Und zeig ihr wie ich schnappen kann然后表演我有多会咬给她看Schni Schna Schnappi??鲆б±灯?Schnappi Schnappi Schnapp小赖皮小赖皮咬啊咬Schni Schna Schnappi??鲆б±灯?Schnappi Schnappi Schnapp小赖皮小赖皮咬啊咬 Ich bin Schnappi, das kleine Krokodil我是鳄鱼宝贝小赖皮Und vom Schnappen, da krieg ich nicht zu viel这样咬啊咬其实我没得到什么Ich bei dem Papi kurz ins Bein我轻轻咬一下爸爸的脚Und dann, dann schlaf ich einfach ein然后呢…然后我就这样睡着啦~~Schni Schna Schnappi??鲆б±灯?Schnappi Schnappi Schnapp小赖皮小赖皮咬啊咬Schni Schna Schnappi??鲆б±灯?Schnappi Schnappi Schnapp小赖皮小赖皮咬啊咬 Schni Schna Schnappi??鲆б±灯?Schnappi Schnappi Schnapp小赖皮小赖皮咬啊咬Schni Schna Schnappi??鲆б±灯?Schnappi Schnappi Schnapp小赖皮小赖皮咬啊咬</t>
  </si>
  <si>
    <t xml:space="preserve">围绕《诗经》中《采薇》的主题写一段话，最好有哲理字数在150字以 </t>
  </si>
  <si>
    <t xml:space="preserve"> 历史能告诉我们什么 《采薇》以优美而淳朴的意境向我们展示了一种古老的爱国主义精神.虽然生活枯燥而痛苦,虽然内心深处充满了对战争的诅咒,但是,对祖国的责任和义务感从始至终贯穿着整个主题.   有时候我想,历史上的战争真地就如我们现在从教科书上看到的那样是非分明吗?比如:匈奴真地就那么可恶而善战吗,是不是当时我们的统治者过于昏庸,国力过于衰弱而招致外敌的侵入呢....再比如稍近些的南宋的灭亡,我们可不可以认为,岳飞将军的抵抗是一种不自量力呢,那种没希望胜利的战争,搭进了难以计数的无辜的生命....   我们的人民是淳朴的,这个是真实的.对历史事件的褒贬,难道文字传达给我们的都是正确的吗?  ----------完全个人感想....</t>
  </si>
  <si>
    <t xml:space="preserve">下雨的时候蚂蚁为什么要搬家???蚂蚁是不是特傻???非要把家安在 </t>
  </si>
  <si>
    <t>日常高地干燥不适宜居住，低地湿润适合做窝蚂蚁在山顶建豪华别墅，在低地建听香水榭，很聪明滴</t>
  </si>
  <si>
    <t xml:space="preserve">富勒姆VS阿森纳澳门盘口2.16受让半球/一球.53如果场临升为 </t>
  </si>
  <si>
    <t>你这个问题问我，我真的很头痛，不过感谢你的信任，牙一咬，胡说一句：客让半/一低水，受热的是下盘！</t>
  </si>
  <si>
    <t xml:space="preserve">痛风应该怎么治疗啊？痛风应该怎么注意啊？生活上？？？ </t>
  </si>
  <si>
    <t>得痛风主要失因为血酸过高，可以在饮食上注意一下： 第一、 坚决不吃含高嘌呤的食物，如啤酒、海鲜、动物内脏等； 第二、 可放心吃低嘌呤食物如蔬菜、水果等。鸡蛋、牛奶（酸奶除外）嘌呤含量少，是痛风人群蛋白质优良来源，可放心吃； 第三、 可适当吃鸡、鸭、鱼、肉，但不喝汤，吃肉时最好先用开水焯一下去掉嘌呤类成分。治疗痛风建议用中医治疗比较好，中医比较治本，而且效果也不错，孔氏痛风康复汤治疗这一类疾病效果比较不错，方便的话可以试试，希望可以帮助到你</t>
  </si>
  <si>
    <t xml:space="preserve">我来提问佩贤你现在在哪里读书？ </t>
  </si>
  <si>
    <t>?V?|中山地?^</t>
  </si>
  <si>
    <t xml:space="preserve">2个月宝宝经常侧睡会造成偏颌吗？2个月男宝张奶奶您辛苦了，请问宝 </t>
  </si>
  <si>
    <t>孩子可以偏睡，但是应该左右方向轮换。</t>
  </si>
  <si>
    <t xml:space="preserve">000040深鸿基10.6元卖进,后市如何操作000040深鸿基 </t>
  </si>
  <si>
    <t>10.6元?盘中上摸均价线出，4.57以下接回</t>
  </si>
  <si>
    <t xml:space="preserve">F22和F35有什么区别吗？ </t>
  </si>
  <si>
    <t xml:space="preserve">    F/A-22是美国空军研制的新一代战斗机，它将成为21世纪初的主战机种。F/A-22飞机的技术特性是：采用全隐身与气动综合布局、持续的超音速巡航能力、过失速机动、短距起降、先进的机载设备和火控系统与综合航空电子系统。它的任务包括：夺取制空权，向美军作战提供空中优势，在战区空域有效实施精确打击；防空火力压制和封锁、纵深遮断，近距空中支援。    F-35有“世界战斗机”之称。3年前，美军的“通用低成本轻型战斗机”和“联合先进攻击技术”的新战机理念在洛·马－诺·格公司联合研制的X-35上初现，美军便选中它并命名为F-35联合打击战斗机（JSF）。F-35联合打击战斗机将成为美军以对地攻击为主的多用途战斗机，具有全天时、全天候地攻击陆海空任何目标的能力。   在未来的战场上，F-35联合攻击战斗机将与F-22“猛禽”战斗机联手，形成类似F-15与F-16的高低搭配。</t>
  </si>
  <si>
    <t xml:space="preserve">蒋梅主持的一项节目，是央视核心栏目之一 </t>
  </si>
  <si>
    <t>蒋梅主持影视同期声~~</t>
  </si>
  <si>
    <t xml:space="preserve">羽绒服到底是鸭绒好还是鹅绒好?谢谢 </t>
  </si>
  <si>
    <t>当然是鸭绒好!</t>
  </si>
  <si>
    <t xml:space="preserve">我是宫外孕吗我上月是1号来的到现在没来腰特别的累有出血 </t>
  </si>
  <si>
    <t>有可能，去医院看看，这种事大意不得</t>
  </si>
  <si>
    <t xml:space="preserve">大便带血？？？最近几天我的女朋友，大便带血，也不疼请问是怎么回事 </t>
  </si>
  <si>
    <t xml:space="preserve">凡血自大便下,或在便前,或便后,或单纯下血,或血便混杂,均称为便血.一般来说,便血较多提示,下消化道出血,颜色大多鲜红或较鲜红,上消化道出血所排出血,颜色大多暗红,或黑呈柏油样.人由於感受外邪,湿热侵及肠道损伤血络,则成便血,或饮酒过度,长期大量吃一些辛辣厚味食品,酿湿生热,热盛迫血妄行致便血.如血在大便后滴下,与粪便不混合者,多见于内痔.血与粪便混合,伴粘液者,多见于慢性结肠炎,便血伴有剧烈腹痛,应注意坏死性结肠炎,肠套叠.按你反映情况,应该是湿热下注,治疗应清热除湿.治疗湿热方剂有龙胆泻肝丸,三仁汤,五苓散等.最好到正规医院通过望,闻,问,切,辩证论治,对症治疗,比较稳妥一些.病虽相同人的体质差异也是不同的,不能墨守成规. </t>
  </si>
  <si>
    <t xml:space="preserve">听说标致307，标致206和爱丽舍16V，富康16V的发动机都是? </t>
  </si>
  <si>
    <t>标致206的发动机和307,爱丽舍、富康１６Ｖ的发动机是一样的这款发动机是标致雪铁龙共同研发的TU5JP4发动机,特点是小排量,大功率,低油耗,环保,高能,高效.206只是改进了进气和电喷系统的软件，另外发动机的节气门由拉线式样的改成电子油门，其他均和爱丽舍一模一样!没有可变气门正时系统，没有涡轮增压，此发动机也就是1990年代的技术，和目前中国汽车市场主流车型的发动机技术几乎差不多.</t>
  </si>
  <si>
    <t xml:space="preserve">我在做爱的过程中总是没感觉怎么办就是怎么也没有高潮兴趣倒是挺大的 </t>
  </si>
  <si>
    <t>这个就不要进入太快，先前爱抚持续长些，慢慢来。另外，可选用带突出颗粒的套套用。只要让对方有了感觉，自己自然就打回感觉了</t>
  </si>
  <si>
    <t xml:space="preserve">海豚为什么会顶球? </t>
  </si>
  <si>
    <t>您好！因为海豚的脑部非常发达，不但大而且重。    (以下资料是以海豚和灵长类动物进行比较.)    海豚大脑半球上的脑沟纵横交错，形成复杂的皱褶,大脑皮质每单位体积的细胞和神经细胞的数目非常多,神经的分布也相当复杂。例如,大西洋瓶鼻海豚的体重250千克，而脑部重量约为1500克（这个值和成年男性的脑重1400克相近)脑重和体重的比值约为0.6，这个值虽然远低于人类的1.93，但却超过大猩猩或猴类等灵长类。     至于海豚大脑半球上由脑沟所形成的皱褶，根据研究显示，大西洋瓶鼻海豚的皱褶甚至比人类还多，而且更为复杂，它们的大脑皮质表面积为2500平方厘米，是人类的1.5倍.海豚脑部神经细胞有密度与人类或黑猩猩的几乎没有差别。换句话说，海豚脑部神经细胞的数目，比人类或黑猩猩的还要多。因此，无论是从脑重量和体重的比，或是从大脑皮质的皱褶数目来看，大西洋瓶鼻海豚脑部的记忆容量，或是信息处理能力，均与灵长类不相上下。然后是通过后天的学习和训练，就会顶球了     希望你能满意!</t>
  </si>
  <si>
    <t xml:space="preserve">有关抗日的问题?抗日战争分为哪几个阶段?列举每一个阶段的主要历史 </t>
  </si>
  <si>
    <t>抗日战争是１９３７年７月至１９４５年８月，共分三个阶段。 第一阶段：从１９３７年７月卢沟桥事变到１９３８年１０月广州、武汉失守，是战略防御阶段。 卢沟桥事变揭开了全国抗战的序幕。当时，日本侵略者把国民党作为主要作战对象，所以由国民党军担负的正面战场是抗击日军进攻的主要战场。在全国抗战初期，国民党表现了一定的抗日积极性，先后进行了平津会战、淞沪会战、忻口会战、徐州会战、太原会战、武汉会战等重要战役，并取得了台儿庄战役的胜利，阻滞了日军的推进，粉碎了日军３个月灭亡中国的狂妄企图。但是，由于国民党在政治上实行单纯依靠政府和军队的片面抗战路线，在上则采取单纯防御的战略方针，所以，尽管国民党军队的许多官兵对日军的进攻进行了英勇的抵抗，但正面战场的战局仍非常不利，先后丢失了华北、华中的大片领土，国民政府亦迁都重庆。而中国共产党代表中华民族的根本利益，提出一条依靠人民群众的全面抗战的路线。１９３７年８月下旬，共产党领导的红军主力改编为国民革命军第八路军，开赴华北抗日前线；１０月间，南方各省的红军游击队也改编为新四军，开赴华中前线。八路军和新四军深入敌后，开辟敌后战场，主要从战略上配合国民党军作战。      第二阶段：从１９３８年１０月至１９４３年１２月，是战略相持阶段。随着战局的扩大，战线的延长和长期战争的消耗，日军的财力、物力、兵力严重不足，已无力再发动大规模的战略进攻。敌后游击战争的发展和抗日根据地的扩大，使日军在其占领区内只能控制主要交通线和一些大城市，广大农村均控制在以八路军、新四军为主的中国军队手中。１９３８年９月，中国共产党召开了六届六中全会，毛泽东提出了中国共产党在民族战争中的地位问题，批判和克服了王明的右倾机会主义路线，坚持了独立自主的原则，保证了抗日战争的胜利进行。在此阶段，日本的侵华方针有了重大变化：逐渐将其主要兵力用于打击在敌后战场的八路军和新四军，而对国民党政府则采取以政治诱降为主的方针。日本侵略军集中了大部分兵力和几乎全部伪军，对中国共产党领导的敌后抗日根据地进行了残酷的“大扫荡”。抗日根据地军民开展了艰苦的斗争，坚决地进行反“扫荡”、反“蚕食”斗争，敌后战场逐渐成为抗日战争的主要战场。在日本政府的诱降下，国民政府内亲日派头子汪精卫公开投降。１９４０年３月，他 在南京成立了伪国民政府，组织伪军，协同日本侵略军进攻抗日根据地。同时，国民党的反共倾向也日渐增长，蒋介石采取“消极抗日，积极反共”的政策，掀起了三次 反共高潮，妄图消灭共产党和敌后抗日根据地。中国共产党坚持“发展进步势力，争取中间势力，孤立顽固势力”的方针，领导解放区军民一面抗击日伪军的“大扫荡”，一面打退了国民党的三次反共高潮，巩固和发展了抗日根据地。至１９４３年１２月，日军在兵力严重不足的情况下，被迫收缩战线，华北方面军停止向抗日根据地的进攻。      第三阶段：从１９４４年１月解放区战场局部反攻至１９４５年８月日本宣布无条件投降，是战略反攻阶段。１９４４年，共产党领导的敌后军民在华北、华中、华南地区，对日伪军普遍发起局部反攻。与此同时，国民党正面战场却出现了大溃败的局面，先后丧失了河南、湖南、广西、广东等省的大部分和贵州省的一部。１９４５年，八路军、新四军向日军发动了大规模的春、夏季攻势，扩大了解放区，打通了许多解放区之间的联系。当时，由于国民党军队主力分散在中国的西南、西北大后方地区，日军占领的大部分城镇、交通要道和沿海地区都处在解放区军民的包围之中，因此全面反攻的任务，自然地主要由敌后抗日根据地的人民军队来进行。１９４５年５月，苏军攻克柏林，德军正式向盟军投降，第二次世界大战欧洲战场的战争宣告结束。１９４５年８月，美国军队在太平洋战场上对日作战胜利，逼近日本本土。８月６日和９日，美国在日本的广岛、长崎投掷了两颗原子弹。８月８日，苏联政府对日宣战，出兵中国东北。８月９日，毛泽东发表了《对日寇的最后一战》的声明，要求八路军、新四军及其他人民军队，在一切可能的条件下，对一切不愿投降的侵略者及其走狗实行广泛的进攻。１９４５年８月１４日，日本政府照会美、英、苏、中四国政府，宣布接受《波茨坦公告》。８月１５日，日本天皇裕仁以广播“终战诏书”的形式正式宣布日本无条件投降。９月２日，日本投降的签字仪式在停泊于日本东京湾的美国战列舰“密苏里号”上举行。９月９日，在南京陆军总部举行的中国战区受降仪式上，日本驻中国侵略军总司令冈村宁次代表日本大本营在投降书上签字，并交出他的随身佩刀，以表示侵华日军正式向中国缴械投降。至此，抗日战争胜利结束。</t>
  </si>
  <si>
    <t xml:space="preserve">大家都来吃火锅呵呵麻辣的 </t>
  </si>
  <si>
    <t>呵呵，同喜同贺！</t>
  </si>
  <si>
    <t xml:space="preserve">40%虎刺我有一个，我想换法神手镯怎么换？我在老区，裁决大概价2? </t>
  </si>
  <si>
    <t>龙纹绝对可以换了,白虎现在还是蛮值钱的,道士几乎人手一根,碰到没有白虎的道士你就要多点</t>
  </si>
  <si>
    <t xml:space="preserve">我对象在大连当兵已8年，现在是三级士官，如果我们今年结婚我是否会? </t>
  </si>
  <si>
    <t xml:space="preserve"> 应该是不可以。外地户口要落户大连可购房落户。对于购房落户，在大连市内购买不得低于800,000RMB的商品房。详情可以咨询大连市民政局有关部门。希望你能早日梦想成真。</t>
  </si>
  <si>
    <t xml:space="preserve">如题，oracle中数据表空间和索引表空间的区别？其代码又是怎样? </t>
  </si>
  <si>
    <t>oracle中 数据表空间和索引表空间的区别是表和索引分开在不同的表空间存放,放表的叫数据表空间, 放索引的叫索引表空间,  如果能分别存放在不同的硬盘上性能会更好,其与代码并无关系。希望能帮助你！</t>
  </si>
  <si>
    <t xml:space="preserve">3.02之后的猎人FB输出天赋怎么加 </t>
  </si>
  <si>
    <t>前夕基本是玩兽王的BB,讲到DPS就稳固改为2.0施法,瞄射瞬法所以天赋方面和技能使用还是很难讲还有的是想玩到前夕天赋还要等最少两个月或者以上</t>
  </si>
  <si>
    <t xml:space="preserve">变态龙.大家速度给点意见我有个很大胆的想法,如果我练纯龙舞,拿3 </t>
  </si>
  <si>
    <t>你放心   这样可以   我朋友这么练的  如果连力都不加更好  10分钟内没人动的了你  即便是黄金  想杀你也是费死个劲不过   这样的话你就是个墩子   没有任何实际用途   纯混</t>
  </si>
  <si>
    <t xml:space="preserve">余士维何许人也我听过他的管理培训的讲座，他自己的企业办得怎么样？ </t>
  </si>
  <si>
    <t>一个出现在中国管理界缺乏偶像时代的人物</t>
  </si>
  <si>
    <t xml:space="preserve">冬天装修应注意哪些问题？ </t>
  </si>
  <si>
    <t>1、主要注意天气，阴雨天不要装，水泥不易干。2、气温在零度以下不要装，水泥易结冰，影响装修制量。</t>
  </si>
  <si>
    <t xml:space="preserve">德鲁伊练法？本人玩暗黑2/1.11版本，第1个角色是死灵（容易上 </t>
  </si>
  <si>
    <t>狼人型： 狼人变化20、变形术20、狂怒20、野性狂暴20、召唤灰熊1，其余加橡木智者。狂怒主战。 力量300（暴力狂狼），敏捷加到狂怒命中率6000，其余加体力，精力不加。</t>
  </si>
  <si>
    <t xml:space="preserve">大家觉得可采面膜效果怎么样啊！适合哪方面的人群呢？ </t>
  </si>
  <si>
    <t>中药味比较大，适合皮肤不敏感的人使用效果一般</t>
  </si>
  <si>
    <t xml:space="preserve">赔率的诱惑笔者在5月17日意乙做出一场临场推介：特里埃VS安科纳 </t>
  </si>
  <si>
    <t>新手都这么入行，看来我要退啦。有时间推荐一下09059的胆，我也跟几组谢谢啊</t>
  </si>
  <si>
    <t xml:space="preserve">希腊神话中雅典娜的故事 </t>
  </si>
  <si>
    <t>您好！下面是雅典娜的故事：雅典娜：（罗马又称密涅瓦Minerva）Athena，三处女神之一，起初被视为女战神，后逐渐变为智慧女神和雅典城的守护女神。 雅典娜是从希腊语Athenaa或Athenaia缩略而来，在伊奥尼亚方言中也写成Athene或Athenaie。是希腊神话中的智慧女神，相对应于罗马神话的米诺娃Minerva。雅典娜传授给人类纺织、油漆、雕刻、制陶等技艺。 出生 雅典娜的出现非常传奇。在希腊神话中，宙斯因为害怕生出的儿子比自己强大，就将妻子吞入腹中。顿时觉得头痛欲裂，于是命令火神劈开脑袋，雅典娜就身披铠甲从中跃出。 雅典的守护神 雅典娜与海神波塞冬相争，因出示第一棵橄榄树而获胜，成为雅典的保护神。雅典卫城中的帕提侬神庙就是用来祭祀她的。 有一次，宙斯得了严重的头痛症。包括药神阿波罗在内的所有山神都试图对他实施一种有效的治疗，但结果都是徒劳的。众神与人类之父宙斯只好要求火神赫斐斯托斯打开他的头颅。火神那样做了。令奥林波斯山诸神惊讶的是：一位体态婀娜、披坚执锐的女神从裂开的头颅中走了出来，光彩照人，仪态万方。她就是智慧与知识女神雅典娜，也是雅典的守护神。 雅典娜成为雅典的守护神的传说和女神与波塞冬之间的争斗有关。当雅典首次由一个腓尼基人建成时，波塞冬与雅典娜争夺为之命名的荣耀。最后达成协议；能为人类提供最有用东西的人将成为该城的守护神。波塞冬用他的三叉戟敲打地面变出了一匹战马。而雅典娜则变出了一棵橄榄树——和平与富裕的象征。因战马被认为是代表战争与悲伤，因此雅典就以女神的名字命名。女神很快将该城纳入她的保护之中。 雅典娜是、工艺和妇女手工之神，双手灵巧，无法忍受别人的挑战。一位名叫阿瑞克妮的莉迪亚族少女，似乎瞧不起雅典娜的本领，并常吹嘘如有机会定能击败女神雅典娜。一气之下，女神装扮成一位老妇，劝告阿瑞克妮应谦虚一些。但那位愚昧无知的女手艺人，竟勇敢地向她发出挑战。女神卸去伪装，接受了挑战。两位妇女立刻着手创作各自的作品。女神设计的图案叙述了她与波塞冬争斗的故事，而阿瑞克妮则编织了一张精细的网。之后，阿瑞克妮吃惊地发现自己输了，因女神的作品要好得多。她感到非常羞耻，便用一根丝线自缢。但在咽气之前，女神将她变成了一只蜘蛛，让她永远地编织。而且一般人都知道雅典娜是智慧和和平女神。其实，在希腊神话中，她最早竟是战争女神。这是怎么回事呢？姜守明先生介绍说，雅典娜被当作战争女神，还得牵涉到中国人都知道的一桩神话公案——特洛伊战争。特洛伊战争实际上是希腊国家产生之前的一场部落战争。希腊神话中说雅典娜和天后赫拉以及美神阿芙罗蒂特（维纳斯）争抢象征着美丽的金苹果。宙斯请特洛伊的王子帕里斯评判，帕里斯将它判给了美神阿芙罗蒂特，引起了雅典娜和赫拉的不满，于是她们支使士兵攻打特洛伊城，并最终攻下该城。雅典娜因此被誉为战神。“这个故事其实就反映了当时部落间为了财富的掠夺战争。” 而雅典娜被誉为智慧和和平女神，却是因为一场对雅典的争夺。相传雅典娜与海神波赛顿为争夺雅典的保护神地位，相持不下。后来，主神宙斯决定：谁能给人类一件有用的东西，城就归谁。海神赐给人类一匹象征战争的壮马，而雅典娜献给人类一颗枝叶繁茂、果实累累、象征和平的油橄榄树。人们渴望和平，不要战争，结果这座城归了女神雅典娜。从此，她成了雅典的保护神，并因此由战神变为智慧和和平女神。“雅典娜神的转变正体现了人类社会的文明和进步。”姜先生说，“随着生产力的提高，人们已经不需要向原始社会早期一样，频繁地相互掠夺了。” 雅典娜神像丢失1800年 ，从此，雅典娜就成了一座城市的守护者，这个城市因此取名为雅典。为了祭奠，雅典人雕刻了无数雅典娜的神像。其中最著名的是公元前5世纪著名的雕刻家菲狄亚斯为帕特农神庙雕刻的雅典娜女神像。据说她高12米，形象优美威严，身穿黄金战袍，头戴黄金头盔，胸前的护身甲上嵌着女妖美杜莎的头像，左手持长矛，右手托着胜利女神尼刻的小雕像，身边放着一个有一条巨蛇盘在上边的圆形女神盾。神像的脸、臂、脚都是用象牙雕成的。 希望我的回答对你有所帮助！</t>
  </si>
  <si>
    <t xml:space="preserve">求好听的流行音乐歌曲最好像后街的歌曲或者像Godisgirl那样 </t>
  </si>
  <si>
    <t>I lay my love on you—— westlifeAlways Come Back To Your Love —— Samantha Mumba All Rise——blueCreepin up on you——Darren Hayes(戴伦海斯)yesterday once more( 昨日重现)——卡本特</t>
  </si>
  <si>
    <t xml:space="preserve">银月和巨魔的声望怎么快速的提高啊 </t>
  </si>
  <si>
    <t>巨魔声望：桑金村新手任务  剃刀岭新手任务石爪山 一进去那里的小巨魔营地 萨布拉金  灰谷的最左上面 巨魔营地 佐拉姆海岸凄凉之地  葬影村菲拉斯  营地名字我忘了（玩LM2年了，BL任务忘了） 荆棘谷 格罗姆高营地 巨魔系列任务（就是让你杀什么眼睛 牙齿 头的那一大堆任务） ALX高地的蛮锤镇（杀巨魔任务 杀龙任务）辛特兰  （其中有个是 JJG的 后续） 营地名字忘了  在海边悲伤沼泽的 斯通纳德 （海岸边有个小营地 有巨魔任务）奥格瑞玛 布店对面的楼上 有个巨魔 让你去环行山杀迅猛龙貌似 各大主城 都有几个 加BL全声望的任务 （记不大叫什么名字了）银月  哈哈  我现在是 LM的拥护者血MM的声望  就 不知道了   呵呵巨魔的 绝对正确</t>
  </si>
  <si>
    <t xml:space="preserve">这个怎样下载粘贴到爱问中心感谢感谢！！！ </t>
  </si>
  <si>
    <t>这个怎样下载粘贴到爱问中心  就是这个flash。。。。。。。。。</t>
  </si>
  <si>
    <t xml:space="preserve">1你想想看，佛为什么从兜率降生到王宫，为什么舍离王位出家苦行，一? </t>
  </si>
  <si>
    <t>我们经常说的不执着，不是不让你想，而是不让你执着。很多人一听说不能执着，就不敢想这个、不敢想那个，控制自己的情绪和思想。如果什么也不想就变成傻子了，那是最愚痴的人，也很容易修偏。那些特别高深的法，都是不让你执着，直接让你放下一切，大圆满法也是，禅宗也是。禅宗的境界相当高，大圆满的境界更高，但是我们能达到么？一开始就不执着，连想学想修的念头都没有，怎么学啊？怎么才能修成啊？这些都是最高的层次、最高的境界，只有最上等根基的人才能做到，一般的人不可能。所以我们首先要执着，执着出离心、菩提心，经过执着的修法最后达到不执着的境界。很多人都用“不执着”的见解来要求自己，也不取舍因果，也不护持戒律，随随便便地。已经造业了！弥天大罪！这是佛法里讲的最大的罪过！这里有个误区，你证悟了，真正达到那个境界，懂得了这个道理，能把握住了，那个时候你才可以这么说，之前是不允许的。很多人根本没有基础，就直接修那些最高深的法，这是修偏了。你根本不会站，怎么可能会跑呢？我们在百日共修里，学的、修的主要都是前行的修法，把这些都修好了，修正行的时候很容易。我们的修行都在日常的当中，但是你要会学、会修、会放下。如果你真正放下了，什么也不用放弃，那个时候一切一切都是你的。没有放下的时候，你一切一切都要放弃，因为你心没有自在，都不是你的。你看，这暂时是我的财物、我的家庭、我的孩子，过几天、几个月、几十年，就分散了，都不是你的了，连自己的身体都要失去。当你真正自在了，那个时候不生不灭，一切一切都是你自己。什么叫大自在？你的心自在了，一切都自在，你的心是你自己的。“我的心是我自己的呀，现在也是！”现在不是你自己的！是别人的！你活在别人的眼光下，为别人活着，把握不住自己的心，总随外境转动，没有自由，所以活得累。心没有自在，就不是自己的，那个时候一切都不是你自己的。如果你的心自在了，自己把握住了，想放开可以放开，想收回可以收回来，心无边无际，无处不在，都掌握在自己的手里。关键是这颗心，一切功夫都下在心上。到底什么是出离心、什么是菩提心，你先把这些弄明白，然后运用到日常生活当中来。如果你的发心动机是出离心，那么你所有的一切都是出世间的，包括日常的琐事。如果你的发心不是出离心，还处在执着和贪恋当中，那么你所做的一切都是世间的，都是轮回。</t>
  </si>
  <si>
    <t xml:space="preserve">为什么我的机的网速有时快有时慢我的网卡也是新的,接口也很好,磁盘 </t>
  </si>
  <si>
    <t>网速的快慢跟磁盘碎片整理没什么关系，它可以访问磁盘的时间缩短，不过一般是感觉不到的。首先是你的网卡驱动装好，还有你是内网还是有独立IP的，还有就是你用的是那个网络，电信最稳定，铁通的不稳定，不过久算是你用的是电信的，网速有时快哟是慢也是正常的，同时通过电信上网的人多了就慢，反之就快。如果不是相差太夸张地话，可以肯定这是正常的。</t>
  </si>
  <si>
    <t xml:space="preserve">请大家帮忙：VB的一些问题 </t>
  </si>
  <si>
    <t>也要看情况，文本框是在要输入或是输出时候用，可多行显示。当然这个输入输出也可用其他的方式。工程 是用来建立应用程序的所有文件集合，即用来保存一个应用程序的所有属性以及组成这个应用程序的所有文件。</t>
  </si>
  <si>
    <t xml:space="preserve">银屑病能治好吗? </t>
  </si>
  <si>
    <t>银屑病俗称牛皮癣，是一种顽固性和复发性而较为常见的红斑鳞屑性皮肤病。该病病程较长且有复发倾向，久病缠身，严重影响人们的、学习、工作。究其病因各家学说不一。中医认为血热是主要根源，而血热的形成有多种因素，可因七情内伤，气机雍滞，郁久化火，以致心火亢盛，毒热伏于营血，或因饮食失节，过食腥发动风之物，脾胃失和，气机不畅，郁久化热，复受风热毒邪而病。热雍血络则发红斑，风热燥盛肌肤失养则皮疹脱屑，色白而痒；若病久阴血内耗，夺津灼液，则血枯燥而难荣于外；气血失和、络脉阻隔则肌肤失养；若血热炽盛、毒邪外袭、蒸灼皮肤、气血两燔，则郁火流窜，积滞肌肤，形成红皮。  　临床上多数患者皮疹表现为冬春季加重而夏秋季节自然减轻。而冬春季节气候寒冷、干燥，表皮血管收缩，皮肤血供差，肌肤失养所致。在个体免疫机能失调的情况下，可能导致该病的诱因是缺乏抵抗力从而致病。综上所述，只要抓住调节机体免疫和改善机体血热与血燥，调节人体免疫机能，提高皮肤抵抗力，同时皮疹配上相关的外用药做到标本兼治，牛皮癣就不难治愈。   能。但必须做到以下几点：1　尽量选择中药或中成药，尤其是初发患者。2　规律用药。因本病病程长、起效较慢，有时还没看出疗效患者已心急转投他处，只能使用药混乱反而加重病情，浪费时间，浪费钱财。患者宜多向专科医生咨询或看一些本病的科普常识。3　宜心态达观，情绪平和，正常工作和生活。4　饮食宜忌用辛辣刺激性食物及牛羊肉等一应发物。5　预防感冒，体育锻炼，保持身体的健康状态。</t>
  </si>
  <si>
    <t xml:space="preserve">四川省(川)车牌字母是怎样编号的?如题!! </t>
  </si>
  <si>
    <t xml:space="preserve">四川省（川） A 成都市 B 绵阳市 C 自贡市 D 攀枝花市 E 泸州市 F 德阳市 H 广元市 J 遂宁市 K 内江市 L 乐山市 M 资阳市 Q 宜宾市 R 南充市 S 达州市 T 雅安市 U 阿坝藏族羌族自治州 V 甘孜藏族自治州 W 凉山彝族自治州 X 广安市 Y 巴中市 Z 眉山市 </t>
  </si>
  <si>
    <t xml:space="preserve">问大家，是１.３基本新千里马好还是１.６基本家年华好帮帮 </t>
  </si>
  <si>
    <t>嘉年华虽然看上去比较中庸，各项性能参数看起来也没什么特别的，但它可是一款景点的欧洲小车，你可以去试驾一下，变速箱和发动机配合得非常默契，动力性能很不错，整体性能也比千里马强。但它的做工稍显粗糙，不如千里马的内饰精细。千里马的优点在于它的经济性，比较省油，但车身太单薄，车漆也很薄，头部空间比较小，后排坐腿部空间太小。我个人认为嘉年华比较好  :)</t>
  </si>
  <si>
    <t xml:space="preserve">系统配置里选择正常启动还是诊断启动或有选择的启动?哪些是必选项?? </t>
  </si>
  <si>
    <t>如果正常的话可以选正常启动，有特殊情况时可以考虑其他方式启动。</t>
  </si>
  <si>
    <t xml:space="preserve">我的鼠标不动了我的鼠标是没有问题的，就是在使用过程中，有时一下子 </t>
  </si>
  <si>
    <t>以排除系统的问题了 那么就剩硬件的问题了，自己试试替代法查查是哪里的问题，首先我想不是内存的问题 ，接口和线路老化的可能性比较大，拿你的内存和显卡插到别人的机子上试试就知道是不是你的坏了。另外查看线路接口有没有短路和露铜，自己动手试试吧</t>
  </si>
  <si>
    <t xml:space="preserve">氧氟沙星凝胶可以治单纯性疱疹吗 </t>
  </si>
  <si>
    <t>很明显，不能。氧氟沙星是治细菌感染的，而单纯疱疹是病毒感染，不对症的。治单纯疱疹主要用的是抗病毒药如阿昔洛韦。（若这个回答对你有用，请给好评，谢谢）</t>
  </si>
  <si>
    <t xml:space="preserve">关于"笑"的名言名句,笑的好处有那些?笑是人的一个表情,是表达内 </t>
  </si>
  <si>
    <t xml:space="preserve">    笑在胸腔，能扩张胸肌，加强肺部的运动，使呼吸正常。    笑在肚里，能使腹肌收缩又张开，及时产生胃液，帮助消化，增进食欲，促进人体的新陈代谢。    笑在心脏，能使血管和心脏加强运动，促进血液循环，使人面色红润，神采奕奕。    笑在全身，能让人全身的肌肉动作起来，使人愉悦，轻松，睡眠充实，精神饱满。    笑是运动，它的不断变化、发展，有助于人的身心健康，因而人们常说；笑一笑，十年少。    笑是阳光，是春风，是开心的钥匙，是人与人感情沟通的一座桥梁。    笑是理解，是尊重，是关爱，是温情。</t>
  </si>
  <si>
    <t xml:space="preserve">小孩肚脐眼疼怎么回事我孩子4岁,经常在吃东西后肚子疼,问她,说肚 </t>
  </si>
  <si>
    <t xml:space="preserve">  可能是孩子玩了脏东西，又摸到肚脐上，发炎了。最好去看医生，自己别乱用药。</t>
  </si>
  <si>
    <t xml:space="preserve">请男人回答的问题如果你是一个处男你娶了一个二婚的女人，在以后的生 </t>
  </si>
  <si>
    <t>你可不要听上面的在那里乱说哦。这有什么关系吗，关键是你们二个人相爱，她是不是处女这重要吗？重要的是你们二个很在乎对方呀。</t>
  </si>
  <si>
    <t xml:space="preserve">什么时候才能结婚!什么时候才能开放结婚!系统啊!!等了好久拉!! </t>
  </si>
  <si>
    <t xml:space="preserve">    等  到法定 年龄 就可以了  ？？？            </t>
  </si>
  <si>
    <t xml:space="preserve">网吧增值服务有什么作用？为什么要参加增值服务了，它又能给业主带来 </t>
  </si>
  <si>
    <t>就是花钱的吧我们这头网吧也有看一个电影1块钱，直接在会员卡里扣但是不用下载，而且有很多是不是你说的那种</t>
  </si>
  <si>
    <t xml:space="preserve">在网上怎么结婚?不知道有哪个大师能否告诉我,在网上怎么虚拟结婚, </t>
  </si>
  <si>
    <t xml:space="preserve">你好!你可以在边城里同居。两个人可以住在一个套房里。一起布置套房，一起浇花。还可以生BB呢 网址： </t>
  </si>
  <si>
    <t xml:space="preserve">鼻整形手术一般适合什么年龄做？ </t>
  </si>
  <si>
    <t xml:space="preserve">      你好！根据人群生长发育调查资料，男孩子在20岁，女孩子在18岁，身体发育基本定型，鼻骨发育基本见好，鼻翼软骨及鼻外侧软骨发育成熟而不会出现大的变化。所以做隆鼻手术限制年龄在这个阶段这时鼻梁仍存在缺陷，而自身又有实施美容隆鼻手术的要求，考虑进行隆鼻手术。    希望我的回答对您有所帮助！如果想了解更多“鼻部整形”的相关问题，可以点击咨询，我在线给你回答。      膨体隆鼻:近几年用的比较多的是膨体隆鼻，从医学角度讲膨体材料是目前最为理想的生物组织代用品，以前主要用于人体器官移植时的血管再造。膨体材料与人体相容最好，无毒、不致癌、不致敏，终身不需要更换。      在整形医学界，公认的最为公道的隆鼻材料当属自体的软骨。其中多用耳软骨、鼻中隔软骨及肋软骨。假如只需做鼻尖、鼻小柱多用自体的耳软骨或鼻中隔软骨就足够了，假如需要做鼻梁那就需要用到自体的肋软骨了</t>
  </si>
  <si>
    <t xml:space="preserve">公摊面积是否要计入房租朋友去年租赁一建材城二三楼做生意,开始交了 </t>
  </si>
  <si>
    <t>东东:你好！     现在这个可以在租赁合同中约定，不存在合法不合法的问题。何况建筑面积=套内建筑面积+分摊面积。     但是我国的传统：租赁面积的计租面积一般是使用面积，既不是建筑面积，也不是套内建筑面积。</t>
  </si>
  <si>
    <t xml:space="preserve">帮会标致能不能用动态的图片？？帮会标致能不能用动态的图片？谁能帮 </t>
  </si>
  <si>
    <t>目前尚未发现有能工会用能动的标志过。。。</t>
  </si>
  <si>
    <t xml:space="preserve">WOW最新的网通服和电信服是哪个服？何时开的？ </t>
  </si>
  <si>
    <t>最新的第8区是电信区 不会再开网通区的，第8区如果在本月26号没有开的话那肯定就是要和资料片同时开了。</t>
  </si>
  <si>
    <t xml:space="preserve">从东直门去长城怎么走？ </t>
  </si>
  <si>
    <t>去八达岭：44（800）路到德胜门换919（延庆）到；去居庸关：44（地铁）到前门，坐集散中心的车；去慕田峪：916到头，换怀柔的小公共。</t>
  </si>
  <si>
    <t xml:space="preserve">别人下线了，怎么给他留言啊，麻烦说的详细点。寄售那有个好东西，我 </t>
  </si>
  <si>
    <t>你好看好了那个人叫什么名字，然后在游戏好友里把他加为好友（游戏界面按F键是打开好友界面，下边有个放大镜似的图标点一下，然后输入那人的名字查询之后就可以添加了），最后在好友里边给他留言，他下次上线的时候就可以看到了，方法与qq留言是一样一样一样滴~~留言之后，你还可以在好友菜单下边点“系统菜单”，钩选“好友上下线提示”选项，这样，如果那个卖家在你在线的时候上线的话，系统就会第一时间给你做出提示了。不知道通过我给你讲的方法，你是否成功给那个卖家留言了呢？</t>
  </si>
  <si>
    <t xml:space="preserve">音响的线断了之后再接回去是不是会影响音质 </t>
  </si>
  <si>
    <t>只要接的可靠不会影响音质.</t>
  </si>
  <si>
    <t xml:space="preserve">求问大家有什么好看的电影呀最好是那种可以哭个晚上的�我是不是我? </t>
  </si>
  <si>
    <t>《假如爱有天意》《忠犬八公》《美国队长》《霍比特人》《惊天魔盗团》《蜘蛛侠》《地心引力》《遗落战境》《明日边缘》我一般是去人人影视，电影天堂找好看的。希望能帮到您，竭力为您回答，请赐我一个好评，谢谢亲。</t>
  </si>
  <si>
    <t xml:space="preserve">为什么人会反复患感冒呢？ </t>
  </si>
  <si>
    <t xml:space="preserve">厦门大学周六日是否对外开放？ </t>
  </si>
  <si>
    <t>厦大周六和周日均对外来参观者开放，另暑假期间，每天都对外开放。</t>
  </si>
  <si>
    <t xml:space="preserve">现在做墙体保温都用什么材料呀？我的朋友听说现在有做墙体保温都用新? </t>
  </si>
  <si>
    <t>一、外墙保温材料：1、硅酸盐保温材料 2、胶粉聚苯颗粒 3、钢丝网采水泥泡沫板（舒乐板） 4、挤塑板　　二、屋面材料：1、xps挤塑板 2、EPS泡沫板 3、珍珠岩及珍珠岩砖 4、蛭石及蛭石砖　　三、热力、空调材料：聚氨酯、橡塑海绵、聚乙烯、聚苯乙烯泡沫、玻璃棉、岩棉　　四、钢构材料：聚苯乙烯、挤塑板、聚氨酯板，玻璃棉卷毡等。</t>
  </si>
  <si>
    <t xml:space="preserve">请问在坎村练级带什么水晶呢？谢谢 </t>
  </si>
  <si>
    <t>攻人最好带水火，克蜂，别的和树精和磨菇都是互不相克，魔系的最好带纯风的</t>
  </si>
  <si>
    <t xml:space="preserve">网页问题，高手请进前几天进万方数据库查了一些资料，并从那里下载了 </t>
  </si>
  <si>
    <t>利益问题吧！</t>
  </si>
  <si>
    <t xml:space="preserve">我右手破皮了，去游泳馆游泳会不会感染上什么疾病？？？？谢拉！~~? </t>
  </si>
  <si>
    <t>一般情况下，不会有事的。但你去咏池游的，最好等手好了再去。这样就不会感染了。我喜欢大海。我的手脚常常弄到流血破皮等等。但没关系，大海有海盐，可以消毒。所以我不怕。我很少去游泳场游，游的人多``有疾病你也不知道，我建议以后要游泳还是去沙滩游。</t>
  </si>
  <si>
    <t xml:space="preserve">请问馨承则灵大师有关窗帘和床单的配色问题卧室的窗帘已挂上了,紫色 </t>
  </si>
  <si>
    <t>你好紫色窗帘搭配紫色床罩当然好看，而且最好花色图案一样才更好，显得更加整齐统一..给你几张图片看看，就是告诉你，搭配颜色的时候一定不要孤零零的，要有的呼应，这样显得协调..</t>
  </si>
  <si>
    <t xml:space="preserve">关于免费服务器的问题，是不是一到25级就必须转服务器了？我是在3 </t>
  </si>
  <si>
    <t>不是一定要转，但角色达到25级两周后还没申请转服的会强制转服。而且每周四维护后级别会降到25级。</t>
  </si>
  <si>
    <t xml:space="preserve">为什么我一点开始游戏就显示.DIRECTX生成失败啊?哪位大哥或 </t>
  </si>
  <si>
    <t>DIRECTX版本过低 换成9。0C版本的试试。</t>
  </si>
  <si>
    <t xml:space="preserve">我的战斗贼加点想法，请大家给点意见我的加点想法，主要是舍弃了5点 </t>
  </si>
  <si>
    <t xml:space="preserve">·强化凿击 3/3 级没用，不如加反射吧？因为你不PK，不如来闪避来的实在。强化疾跑 2/2 级 也没用，那是PK用的。以下差不多是对的（打怪用）--------------------------------------------------------------------------------刺杀 天赋 (17 点)强化剔骨 - 3/3 点使你的剔骨技能所造成的伤害提高15%。恶意 - 5/5 点使你的致命一击几率提高5%。无情 - 3/3 点使你的终结技有60%的几率为目标增加一个连击点数。无情打击 - 1/1 点你的终结技有每连击点数20%的几率恢复25点能量值。致命偷袭 - 5/5 点使你的邪恶攻击、绞喉、背刺、鬼魅攻击或出血技能的致命一击所造成的额外伤害提高30%。战斗 天赋 (34 点)强化邪恶攻击 - 2/2 点使你的邪恶攻击技能所消耗的能量值减少 5 点。闪电反射 - 4/5 点使你的躲闪几率提高4%。偏斜 - 5/5 点使你的招架几率提高5%。精确 - 5/5 点使你的近战武器击中目标的几率提高5%。还击 - 1/1 点在招架了敌人的攻击之后可以使用的技能，对目标造成150%的武器伤害，并使其被缴械，持续6秒。双武器专精 - 5/5 点使你的副手武器造成的伤害提高50%。剑刃乱舞 - 1/1 点使你的攻击速度提高20%。另外还可以对附近的一个额外的敌人造成伤害。持续15秒。剑类武器专精 - 5/5 点使你在用剑类武器击中敌人后有5%的几率进行一次额外的攻击。武器大师 - 2/2 点使你的单手剑和匕首武器技能提高 5 点。侵略 - 3/3 点使你的邪恶攻击和剔骨技能的伤害提高6%。冲动 - 1/1 点使你的能量值回复速度提高100%，持续15秒。敏锐 天赋 (0 点)无 </t>
  </si>
  <si>
    <t xml:space="preserve">女宝宝15个月便稀，气味特臭，平时老放屁，嗓子有呼噜声，该怎办？ </t>
  </si>
  <si>
    <t>胃肠问题。如果你不想去看医生的话，就吃些有益菌。</t>
  </si>
  <si>
    <t xml:space="preserve">搜索引擎的全部语法有哪些，查找MP3的什么每个搜索引擎的语法通用 </t>
  </si>
  <si>
    <t xml:space="preserve">不通用，的高级搜索语法   一、把搜索范围限定在网页标题中——intitle    网页标题通常是对网页内容提纲挈领式的归纳。把查询内容范围限定在网页标题中，有时能获得良好的效果。使用的方式，是把查询内容中，特别关键的部分，用“intitle:”领起来。例如，找林青霞的写真，就可以这样查询：写真 intitle:林青霞    注意，intitle:和后面的关键词之间，不要有空格。     二、把搜索范围限定在特定站点中——site    有时候，你如果知道某个站点中有自己需要找的东西，就可以把搜索范围限定在这个站点中，提高查询效率。使用的方式，是在查询内容的后面，加上“site:站点域名”。例如，天空网下载软件不错，就可以这样查询：msn site:     注意，“site:”后面跟的站点域名，不要带“http://”和“/”符号；另外，site:和站点名之间，不要带空格。    三、把搜索范围限定在url链接中——inurl    网页url中的某些信息，常常有某种有价值的含义。于是，你如果对搜索结果的url做某种限定，就可以获得良好的效果。实现的方式，是用“inurl:”，后跟需要在url中出现的关键词。例如，找关于photoshop的使用技巧，可以这样查询：photoshop inurl:jiqiao上面这个查询串中的“photoshop”，是可以出现在网页的任何位置，而“jiqiao”则必须出现在网页url中。    注意，inurl:语法和后面所跟的关键词，不要有空格。    四、精确匹配——双引号和书名号    如果输入的查询词很长，百度在经过分析后，给出的搜索结果中的查询词，可能是拆分的。如果你对这种情况不满意，可以尝试让百度不拆分查询词。给查询词加上双引号，就可以达到这种效果。例如，搜索 上海科技大学 ，如果不加双引号，搜索结果被拆分，效果不是很好，但加上双引号后，“上海科技大学”，获得的结果就全是符合要求的了。     书名号是百度独有的一个特殊查询语法。在其他搜索引擎中，书名号会被忽略，而在百度，中文书名号是可被查询的。加上书名号的查询词，有两层特殊功能，一是书名号会出现在搜索结果中；二是被书名号扩起来的内容，不会被拆分。 书名号在某些情况下特别有效果，例如，查名字很通俗和常用的那些电影或者小说。比如，查电影“手机”，如果不加书名号，很多情况下出来的是通讯工具——手机，而加上书名号后，《手机》结果就都是关于电影方面的了。    五、要求搜索结果中不含特定查询词    如果你发现搜索结果中，有某一类网页是你不希望看见的，而且，这些网页都包含特定的关键词，那么用减号语法，就可以去除所有这些含有特定关键词的网页。例如，搜 神雕侠侣，希望是关于武侠小说方面的内容，却发现很多关于电视剧方面的网页。那么就可以这样查询：神雕侠侣 -电视剧     注意，前一个关键词，和减号之间必须有空格，否则，减号会被当成连字符处理，而失去减号语法功能。减号和后一个关键词之间，有无空格均可。   雅虎高级搜索语法       2006年7月17日  -------------------------------------------------------------------------------- title:     “title:”用于针对标题进行搜索。例如：搜索 title:张学友 ，搜索引擎会返回所有标题中包含“张学友”的网页。由于网页的标题通常会准确的描述网页的内容，所以使用“title:”进行搜索的效果可能更精确。   link:     “link:”用于查找所有链接到某个网址的网页。例如：搜索 link:  ，会得到所有链接到“ ”的网页；搜索 姚明 link:  或者 link:  姚明 ，会得到所有链接到“ ”的网页中，包含“姚明”一词的网页。请注意：搜索时不能缺少“http://”。 site: 或者 domain:     “site:”或者“domain:”用于限定搜索结果的来源。例如：搜索姚明 site:  或者 姚明 domain:   或者将“姚明”与site、domain语句调换位置（注意中间使用空格隔开），搜索引擎会返回在域名“ ”及其子域名中的、所有包含“姚明”一词的网页。 hostname:     “hostname:”的用法与“site:”、“domain:”相同，只不过使用“hostname:”时返回的只是在当前域名下的网页，而不包括其子域名中的网页。 url:     “url:”用于精确搜索url。例如：搜索 url:  ，搜索引擎只会返回一个结果——雅虎中国。        </t>
  </si>
  <si>
    <t xml:space="preserve">孕早期服用感冒药　　我在怀孕20天左右时因感冒服用了十几片感抗， </t>
  </si>
  <si>
    <t>　　药物或病毒对胎儿的影响主要与胎儿的生长发育阶段有关，受精后8-15天如果药物有影响则引起胚胎死亡、流产，受精后15-60天(相当于末次月经后的30至75天)，为致畸的高度敏感期。可监测胎儿发育情况，并在孕检时结合检查结果咨询产科医生，必要时行产前诊断。</t>
  </si>
  <si>
    <t xml:space="preserve">救命啊,我还爱他，怎么办?救命啊~~我还爱他怎么办?和男友分手半 </t>
  </si>
  <si>
    <t>其实你们一开始就缺乏沟通，当你提出分手时，是否有把你的顾虑告诉他？当一个男生再怎么爱你，但你一而再，再而三的提出分手他也会放手，且会慢慢沉封这份记忆。知道破镜难圆吗？你拿感情当游戏了。失去了才知道珍惜，不过还有机会。加油吧。呵呵！你们会回到从前的机遇渺茫。你要学会放弃这份爱情，可以把他转化为友情。在以后的感情路途一定要记住沟通，这样你会成功！还是愿你快乐</t>
  </si>
  <si>
    <t xml:space="preserve">跪求单相电动机的几个概念解析?什么是单相电动机的:1、效率　２、 </t>
  </si>
  <si>
    <t>已经在“物理”版块回答过了，再在这里重复一遍：单相电动机的效率是指：单相电动机轴上输出的机械功率P2与从电源输入的有功电功率P1之比。即，效率=P2/P1。单相电动机的功率因数cosφ：单相电动机从电源输入的有功电功率P1与视在功率S之比。cosφ=P1/S。单相电动机的输入功率计算值，应该是指输入有功功率计算值P1，它等于电源输入电压U1×输入电流I1×功率因数cosφ，即：P1=U1×I1×cosφ。单相电动机的堵转电流是指：单相电动机转子不动（被卡住），且对其通入额定电压时，流入电机的电流。这些定义都是在交流电路与电机学中进行专门说明的，不是用什么物理公式计算出来的。很难用只言片语解释清楚的，更不可能举例说明了。家庭用电设备的同时用电率是一个统计的参数，是指一般家庭用电设备同时使用的一个小于1的系数。是经过概率统计得出的参数。例如，同时用电率为0.8，就是指某些家庭用电设备同时使用的电功率与这些设备总的额定电功率之比。</t>
  </si>
  <si>
    <t xml:space="preserve">怎样保存这类网页里的内容已用方法另存为保存下的文件没有中间文章部? </t>
  </si>
  <si>
    <t>网文快捕。我的硬盘有破解版 安装之后就可以了，点击ie上的CyberArticle插件就可以提取</t>
  </si>
  <si>
    <t xml:space="preserve">高二生也能参加高考？高二生想参加高考，可以报考吗？ </t>
  </si>
  <si>
    <t>上高二能不能参加?事实上可以参加!每年都有很多这样的考生.但是政策是不允许的~所以如果你有条件的话,最好去托人办一下,最好是教委的,比如造一个其他学校的毕业证,作为往届生身份参加考试,也就是我们说的复习生,那样明年你真正高考才不会把你的年级搞错了.不然今年应该报不上名,即使报成了明年也会把你划为已参加过高考的往届生,会很麻烦.如果今年你想直接考走的话,参加体检是必需, 我在高二时高考了,感觉很好,能真正的体验一次,明白它的流程,注意事项,以及了解了当年题型,对这重要的考试就有了很好的体会.在第二年心情很平静,不必象其他人一样手忙脚乱.去试试看吧!祝你成功!回答者：cetsy_001 - 童生 一级 11-12 18:39可以，我学校老师家孩子就参加了。 你可以向学校提出申请，最好在高一时就要参加普高会考，如果学校同意你参加高考，你就可以与高三的同学一起参加高考，如果学校不统一，你可以问学校，你是否可以以社会考生的形式参加高考，总之，争得学校同意是最好的途径。 我觉得高二参加高考是不是好需要针对不同的人而说，我个人认为会有两种情况。一是; 有些人参加过高考之后会增加好多的经验，成绩不理想也会对以后的学习产生帮助。二是有些人的心理素质比交差，经过一次高考后会在心里产生畏惧，对以后的学习并没有好处。所以高二参加高考是好还是坏还要自己想好了再作。 高二可以参加高考的 最好是通过学校，像我们高中就有专门的高二高考的名额，不过不多，只能是成绩相当突出的。 在社会报名也可以，只需在户口所在地，经过报名体检等必要程序，就和高三学生一样参加了。 至于利弊吗，因人而异。当时我们班一共四个人高二高考，成绩都还不错，都超重点线数十分，但没有人走；高三真正的高考也都考得不错，影响并不大。 大家所说的高二高考的弊端，主要是怕分数太低影响真正的考试，可我觉得这主要还靠个人的心理素质，否则第一次的高考还让人紧张呢是吧 高考报名条件 考生报名参加高考应具备哪些条件？ 根据普通高等学校招生报考简章规定，报名参加高考考生必须具备下列条件：遵守中华人民共和国宪法和法律；高级中等教育学校毕业或具有同等学力；身体健康；认真阅读并愿意遵守报考简章及省招委会、高招办颁布实施的其他有关招生管理的政策、规定。 具有高等学历教育资格的高等学校的在校生；高级中等教育学校应届毕业生之外的在校生（符合报考少年班条件或者另有规定者除外）；因触犯刑事已被有关部门采取强制措施或正在服刑者；被高等学校开除学籍或勒令退学到本次报名结束之日不满一年者，不能报名参加高考。回答者：安来 - 助理 三级 8-2 23:55国家明令禁止不让二学生参加高考，但事实上每个省每年都有不少参加的． 但我认为没有必要在高二参加，除非你确定高二一定考上就走，否则弊远远大于利． 我本人就是一个例子 我今年毕业，去年也曾高二参加，当时想法和楼上那位一样，觉得可以体验，没有什么不好，但事实却非如此． 因为高二参加和你高三真正要考时的心情以及状态是截然不同的，高二绝对没有高三那种全力以赴的心态，体验不出真实气氛，一经查出，反而不利第二年高考．后果好点的话会被当往届生看待，就失去报考军校和国防生的资格了，有的地方甚至被记入考生诚信档案，更严重的有失去报名资格的． 所以，请你自己慎重考虑！ 路是自己走的，祝你走好～加油回答者：youyou1jing - 魔法学徒 一级 9-2 14:59鸣谢百度的同仁们希望能对你有所帮助~</t>
  </si>
  <si>
    <t xml:space="preserve">“秦始皇是否吕不韦的私生子”这句话有语法问题吗？“秦始皇是否吕不 </t>
  </si>
  <si>
    <t>alice3018：你好。你问：“秦始皇是否吕不韦的私生子”这句话有语法问题吗？  “秦始皇是否吕不韦的私生子”与“秦始皇是否是吕不韦的私生子”还有“秦始皇是不是吕不韦的私生子”哪一个更好？你问的是两个问题。你产生这两个问题的原因是对“否”的用法掌握不准。先看看《现代汉语词典》对“否”的解释吧。【否】fǒu ①否定：否决|否认。②&lt;书&gt;表示不同意，相当于口语的‘不’。③&lt;书&gt;用在问句尾表示询问：知其事否？④‘是否、能否、可否’等表示‘是不是、能不能、可不可’等意思：明日能否出发尚待最后决定。  现在我们可以判断了。第一个问题。..“秦始皇是否吕不韦的私生子”这句话是正确的，没有语法问题。..“秦始皇是不是吕不韦的私生子”这句话是正确的，没有语法问题。..“秦始皇是否是吕不韦的私生子”这句话是错误的。这句话等于说：“秦始皇是否是是吕不韦的私生子”。第二个问题。“秦始皇是否吕不韦的私生子”与“秦始皇是不是吕不韦的私生子”这两句话无所谓好坏，要看在什么语言环境里使用，根据层次来选择。</t>
  </si>
  <si>
    <t xml:space="preserve">TF问题请问下TF免费版的可以不可以自动买药在跑到挂机点挂机如果 </t>
  </si>
  <si>
    <t xml:space="preserve">打手都可以的 选择好挂机地点  回补地点并设置好买药的数量就可以了  返回挂机地点要录制脚本  在返回挂机地点那一栏里就有 新手切记录制完脚本要保存并添加脚本 这样才可以用  新手可能不知道怎么录制脚本 在这里说一下 就是买完药后点开始录制脚本 然后望挂机的地方跑 跑到位置点击停止录制 然后保存脚本 就哦了 在洞里就别录制了 直接用大土飞回去就可以了  返回挂机地点里也有  </t>
  </si>
  <si>
    <t xml:space="preserve">请问处男有必要守身么？我都23岁了还是的。我很在乎这点。 </t>
  </si>
  <si>
    <t>你的想法没错!!支持!!</t>
  </si>
  <si>
    <t xml:space="preserve">一个优秀的程序员应该必备的条件是什么？ </t>
  </si>
  <si>
    <t>JAVA SQL MYSQL ACESS VB VC ASP .NET你对我上面说的都很精通了~你就是一个非常优秀的程序员了！</t>
  </si>
  <si>
    <t xml:space="preserve">一个电话?刚才接了一个电话+01,那边声音不太清楚,大体意思是: </t>
  </si>
  <si>
    <t>对方所说的事与自己无关的话置之不理，如果自己正恰时有法院的事情，不妨询问一下，有事当然也就知道该问哪里（指具体地点）。执法需要必须的程序，其中一条必须是人面对面的执行交接或者交待，否则是违反执法性行为的纪律的，可以被追责的。如果不是面对面的直接接触，不论对方说的什么好听的话，皆可以用恐吓来形容，报警或者由法院具体实施适当的处罚条文进行制裁。</t>
  </si>
  <si>
    <t xml:space="preserve">在这样下去QC可以删掉了。。。。。杀手！！！一个让人听了就害怕和 </t>
  </si>
  <si>
    <t>靠，，，青城还不满足？那我这个仙禽咋弄？   我只有哭的份了。 青城还是可以的，练级快！多好！</t>
  </si>
  <si>
    <t xml:space="preserve">台湾的陈水```是如何赢得最高领导人的宝座？ </t>
  </si>
  <si>
    <t>全民公决 一人一票 当时竞选的还有 [连宋配] 连战和宋楚愈但是最后选情还是被陈`` 搞定了  没办法 大陆人民很失望</t>
  </si>
  <si>
    <t xml:space="preserve">羊水偏少应该怎么办　　我怀孕满29周时B超显示胎儿双顶经68毫米 </t>
  </si>
  <si>
    <t>　　B超相当于27周左右，可能受孕时间稍晚，建议将孕早期B超进行对比，看是否应推迟预产期。如准确无误，应进行能量治疗。</t>
  </si>
  <si>
    <t xml:space="preserve">学习程序设计的问题新手想学习程序设计,需要学些什么,学习什么语言 </t>
  </si>
  <si>
    <t>先学C吧，基础来的。现在有前途的是JAVA语言。以后会怎么样就不知道了。</t>
  </si>
  <si>
    <t xml:space="preserve">预测火箭VS太阳，姚明得分 </t>
  </si>
  <si>
    <t>27</t>
  </si>
  <si>
    <t xml:space="preserve">从能量转化的角度分析,为什么节能灯比白帜灯省电? </t>
  </si>
  <si>
    <t xml:space="preserve">    白炽灯的发光效率很低，因为绝大部分电能转化成了不能照明的热能，而它发光的原理就是钨丝在电流的热效应下灼烧发光产生的。所以白炽灯发明后，人们就不停的努力改进它，同时设法利用稀薄气体放电现象制造效率较高的光源。到上个世纪四十年代制成了日光灯，它的发光效率比普通白炽灯高4—5倍。    节能灯的原理与日光灯的相近。日光灯也叫低压水银荧光灯，灯管内充有水银和少量的氩气，管的内壁涂有荧光粉。通电后管内定向移动的电子与水银原子碰撞，产生紫外线，紫外线照射到管壁的荧光粉上，荧光粉就发出了可见光。所以效率较高。    当然，节能灯不是效率最高的，近年来人们利用气体放电现象制成了长弧氙灯、高压钠灯。高压钠灯是目前发光效率最高的电光源。但它的电能转化成可见光的效率不过30%。并且由化学能转化成可见光的效率不过9%，而在萤火虫身上，化学能转化成可见光的效率几乎可以达到100%！</t>
  </si>
  <si>
    <t xml:space="preserve">我从这次月经结束就开始服用碳酸氢钠片一直到排卵的前一天，我想知道? </t>
  </si>
  <si>
    <t>以牺牲健康换取生男孩儿的做法是权宜之计 如愿以偿后杜绝了也未尝不可 除氯化钠其它任何钠盐的摄取都会对身体造成不利影响 因体内游离氯流失降低了对钙的吸收能力是日后钙缺失的首要原因 缺钙百病生的道理不可不知 风物长宜放眼量 与其服用碳酸氢钠莫如服用碳酸钙同样起到调整体液PH值的作用 亦可规避了氯流失的弊端 只要适当延长服用时间 对冲补钙效率低的缺憾则是双赢</t>
  </si>
  <si>
    <t xml:space="preserve">咨询一下，糖尿病服用和养堂的产品管用吗我姥姥患有糖尿病，感觉和养 </t>
  </si>
  <si>
    <t>糖尿病患者应该多注意平日的饮食起居，在平日里要多加调理，和养堂的方剂对于养生保健也是很有效果的，并且不会有副作用，至于服用哪一种，你就该咨询一下他们的专家了</t>
  </si>
  <si>
    <t xml:space="preserve">生产经营许可证件属于哪个部门查管？工商局还是？谢谢！ </t>
  </si>
  <si>
    <t>主要是工商部门。属于的那个部门也可以查.</t>
  </si>
  <si>
    <t xml:space="preserve">农村初中教育留守儿童大家有什么看法？ </t>
  </si>
  <si>
    <t>我认为这个是没有办法的事情，许多父母在外面打工，不能和孩子在一起，想起来我都很难过老师要多和孩子交流，我觉得农村孩子不是很活泼。</t>
  </si>
  <si>
    <t xml:space="preserve">关于法律方面的问题有个朋友，他的妈妈和女儿在车祸中不幸丧生了，而 </t>
  </si>
  <si>
    <t>回答都是肯定的会，算。从侵权这方面来说，你朋友会得到死亡赔偿金及精神抚慰金。《最高人民法院关于审理人身损害赔偿案件适用法律若干问题的解释》第17条第三款的规定，受害人死亡的，赔偿义务人应当赔偿丧葬费、被抚养人生活费，死亡赔偿费以及受害人亲属办理丧事支出的交通费、误工费和住宿费等合理费用。 第28条规定“被抚养人的生活费根据被抚养人的劳动能力程度，按照受诉人民法院所在地上一年度城镇居民人均消费性支出标准计算。被抚养人为未成年人的计算至18周岁；被抚养人无劳动能力又无其他生活来源的，计算20年。但60周岁以上的，年龄每增加一岁减少一年，75周岁以上的按五年计算。被抚养人是指受害人依法应承担抚养义务的未成年人或者丧失劳动能力又无其他生活来源的近亲属。……”</t>
  </si>
  <si>
    <t xml:space="preserve">关于女排的讨论中国女排基本上是无缘本届世锦赛的四强了，请问大家对 </t>
  </si>
  <si>
    <t>女排曾经带给我们无数的荣誉，而眼下面临暂困难，依我看目前的问题主要有这么几个：排球赛对抗日趋激烈，队员身体条件很重要；国外对手对我们研究地很细致，对阵时的准备很充分；而我们对对手的研究和临战准备与国外有差距且我女排队员有想赢怕输的思想包袱；国内排球界对当今世界排球发展速度、趋势与国外强队间有认识上的差距；要想重振女排必先改变国内排球界对当今女排发展的认识，梯队培养和选材要做扎实做到“三高一面向”，走出去请进来不要再“夜郎自大”了！</t>
  </si>
  <si>
    <t xml:space="preserve">工会图片怎么弄？我新建了个工会，游戏里的工会前面的图片怎么弄啊？ </t>
  </si>
  <si>
    <t>您好：　　  先把您要上传的会标20*20JPG文件，保存到您的硬盘里，然后进入游戏在公会管理里面打/gopen，然后点管理，找到您保存的会标，点确定就可以了。　　  谢谢您的支持！</t>
  </si>
  <si>
    <t xml:space="preserve">上传到360云盘的文件夹怎么是exe </t>
  </si>
  <si>
    <t>一般都是中毒导致</t>
  </si>
  <si>
    <t xml:space="preserve">QQ对战平台中的红警2从哪里下载啊我下载的都不能玩啊 </t>
  </si>
  <si>
    <t xml:space="preserve">红警下载地址: </t>
  </si>
  <si>
    <t xml:space="preserve">去医院检查，照CT骨头没有问题，照出这个腰椎生理曲度存在，椎列连 </t>
  </si>
  <si>
    <t>按照报告的描述，没有什么大问题啊，最多一点椎间盘膨出。具体症状是什么？</t>
  </si>
  <si>
    <t xml:space="preserve">单放英语磁带,不听,不读不注意行不行?也有助于英语吗? </t>
  </si>
  <si>
    <t>可以啊，只要你愿意比别人多花个四五倍的时间或者你听纯粹是为了慢慢积累英语的感觉时间充足或者闲到很无聊听来玩其实也是可以提高英语水平的要不小娃娃们是怎么学的中文那种方法比较天然比较费时间也是有效果的只要你不着急</t>
  </si>
  <si>
    <t xml:space="preserve">清泉老师600158600158今天是否要先抛后补？ </t>
  </si>
  <si>
    <t xml:space="preserve">现在适合开店吗？1、有开过店的朋友请问一下，现在开店合适吗？我这 </t>
  </si>
  <si>
    <t>热与冷人都要消费都要出来晚上白天,开店不是为了存活一天或者一月,一季度一年.而是为了让店不断做强.因此不在乎季节只在乎你的店凭什么能让人向往.</t>
  </si>
  <si>
    <t xml:space="preserve">发夹跟发箍有什么区别 </t>
  </si>
  <si>
    <t>形状就不一样，发夹一般都是用于夹碎头发或两边刘海的，而发箍主要是搂整个额头的碎发的。</t>
  </si>
  <si>
    <t xml:space="preserve">房事后如何紧急避孕 </t>
  </si>
  <si>
    <t>其实如其要在房事怎么紧急避孕还不如说房事如何做好安全措施我觉得这样为你为她都好</t>
  </si>
  <si>
    <t xml:space="preserve">舒畅耍大牌!我不信我在电视上看到的,还被告上法庭拉! </t>
  </si>
  <si>
    <t>是在拍古装大型连续剧&lt;三滴血&gt;的时候没有请假,私自离开.</t>
  </si>
  <si>
    <t xml:space="preserve">联想Z485的笔记本电脑的蓝牙在哪里希望能有准确答案，能说的准确 </t>
  </si>
  <si>
    <t>联想Z485的笔记本电脑没有蓝牙硬件，不能支持蓝牙功能！</t>
  </si>
  <si>
    <t xml:space="preserve">孕31周外阴部疼痛怎么回事？向@徐阳大夫提问：徐大夫您好，我怀孕 </t>
  </si>
  <si>
    <t>您好，要注意有无耻骨联合分离的问题？</t>
  </si>
  <si>
    <t xml:space="preserve">硅胶可以做日常生活种哪些东西？ </t>
  </si>
  <si>
    <t>主要是做饰品和一些功能性的东西，最多的还是配件，手机套就是配件，还有遥控器按键，手机按键，电话按键，硅胶手表带，手腕，密封圈，硅胶手链，硅胶项链，餐盘，硅胶手套，硅胶奶嘴，游泳帽，潜水镜。</t>
  </si>
  <si>
    <t xml:space="preserve">IPS硬屏电视美观的?听同事说IPS液晶电视好,不知道那款的外观 </t>
  </si>
  <si>
    <t>IPS硬屏技术的液晶----电视行业的新宠~~来自全国各大卖场的销售数据显示, 装备了IPS硬屏技术的液晶电视在市场上掀起了一股"硬屏风",凭借其优异画质表现和优人一等的性能, ,领跑液晶电视市场！中国电子商会相关负责人表示，2008年奥运会年，费市场高清电视需求量增势明显。在产品技术水平革新及奥运大环境的双重影响下，消费者预期购买高清平板电视需求已经从2006年的18.7%增长到51%。预计今年平板电视的销售量将超过1300万台。　　从卖场调查结果来看，购买平板电视的主要用途之一就是收看奥运赛事，希望可以收看到更逼真更清晰的比赛画面，而对于比赛来说，高速的运动画面在所难免，所以对平板电视的要求就越来越高。液晶电视能播放更稳定逼真的电视画面就更为重要。以往的软屏液晶电视在动态画面效果上存在不足，在播放动作较快的画面时不稳定并出现拖影、残影现象，导致画面模糊，所以一直被消费者所诟病。 　　目前很多厂家已经开始关注此种问题，在面板的选择上加强了与 LG Display的合作，例如海尔、松下、LG等均采用先进的IPS硬屏技术，生产一系列平板高清电视。新开通的北京地铁5号线和10号线也都采用了具有IPS硬屏技术的液晶屏，作为奥运赛事的播放终端。 　　国家数字音视频及多媒体产品质量监督检验中心（第四研究所）专家表示，依据2008年3月最新发布的电子视像行业协会标准，对采用IPS面板的液晶电视动态清晰度项目进行测试后认为：采用了IPS硬屏的LCD电视机动态清晰度达到780线。该技术增强了LCD液晶电视机的动态显示效果；在观看体育赛事、动作片等运动速度较快的节目时能够获得更加稳定和清晰的画质。硬屏液晶电视还具有非常好的可视角度，在任何侧面角度内都可以观看到效果不打折扣的完美画质，适合家庭成员聚在一起观战。IPS硬屏液晶电视已经成为电视行业的新宠，并已经深入人心！</t>
  </si>
  <si>
    <t xml:space="preserve">男人最看最女孩子哪方面男孩子喜欢女孩子什么？希望自己的女朋友怎么 </t>
  </si>
  <si>
    <t xml:space="preserve">我相信还会和好的！我一向认为两个相爱的人如果没有过太过激的事都不会轻易放弃的！分手只是暂时性的！但是请记住：不要轻易的说爱，许下的诺言就是欠下的债！ 不要轻易的说不爱，也许幸福就被你关在门外！祝你们快快和好！      </t>
  </si>
  <si>
    <t xml:space="preserve">电脑常死机我的电脑没有木马和病毒但有时看视频或开多几个程序就关机 </t>
  </si>
  <si>
    <t>是不是cpu的散热不好啊，建议你拆开cpu的风扇，清理一下灰尘，还有看看cpu的硅胶还有没有，干了的话，重新上一次！电脑死机的原因有很多的，硬件的话，也不能排除是主板问题，电容老化也有可能死机等等、、、</t>
  </si>
  <si>
    <t xml:space="preserve">再次向您请教达哥，您好，就雅力士和飞度比较，两款车是手动档的变速 </t>
  </si>
  <si>
    <t>依个人的喜好而定的！像这种小排量的车要想有提速感和驾驶感的话还是选择手动的好些！</t>
  </si>
  <si>
    <t xml:space="preserve">中文翻译为英文？1、防火墙技术在计算机网络安全中的应用2、动态网 </t>
  </si>
  <si>
    <t>1. Application of Firewall Technology on Computer &amp; Network Safety 2. Dynamic Website Developing Technology in PHP &amp; Sqlserver2000</t>
  </si>
  <si>
    <t xml:space="preserve">120区是不是提前开放了，我看领东西上都有120区了？？盛大白金 </t>
  </si>
  <si>
    <t>没有 只有119区！！！！！！！！！！！！！！！</t>
  </si>
  <si>
    <t xml:space="preserve">急,我想玩7区部落,20分送上,24小时在线等我现在在七区黑暗虚 </t>
  </si>
  <si>
    <t>奥妮克希亚BL:LM 7:3排队还行 排队最多是星期2晚上 900左右平时晚上一直保持600 有时候星期天 服务器卡的话 会400野外小号 还是比较多的 因为最近我也在练</t>
  </si>
  <si>
    <t xml:space="preserve">为什么我的电脑运行很慢电脑开机速度很快，但是开机后要等很久才能点 </t>
  </si>
  <si>
    <t>最简单的方法是换个独立网卡，或者换个系统</t>
  </si>
  <si>
    <t xml:space="preserve">帮忙过最后一关哪位高手帮我过一下最后一关,还有就是问一下我的汽车 </t>
  </si>
  <si>
    <t>其实不是很难~你有M4或者AK47就可以了~最好先做了消防车任务得到防火后再做~我就不帮你过了~这个还是自己打好~~汽车展示厅需要你汽车驾校任务都70%以上后有人打电话叫你买下展示厅,之后就有CV的任务,做完CV任务后可以收集车,有3组,收集的车开到Easter Basin码头的货船里的红圈就可出口,收集时最好保证车子没损坏,钱数根据你的车子损坏程度而定.....</t>
  </si>
  <si>
    <t xml:space="preserve">能去追求别的男人的女人吗男的我不认识，女的是我一直深爱着的我跟那 </t>
  </si>
  <si>
    <t>为了自己的幸福“追”就一个字，我只说一次</t>
  </si>
  <si>
    <t xml:space="preserve">第一次怎么牵手，失败了怎么办，成功如何进行下一步没有过马路的机会 </t>
  </si>
  <si>
    <t>额 这个还真是复杂啊觉得牵手应该是要顺其自然的而不是一种谋划的吧不能为了牵手而刻意去计划出某种场景要是女生知道了心里会不会觉得很假呢？幽默是装不出来的啊，要自身巨有幽默的气质随便说的什么都会觉得很搞笑觉得你就是经常约她啊，然后觉得那个气氛很对就可以进行了。要是她把手甩开了不代表就是拒绝啊，可能是出自于女孩的一种矜持之心吧。比如说你们看电影，她上厕所你就偷偷把礼物放她包里。然后回家的路上聊天啊，然后就顺其自然的牵手~</t>
  </si>
  <si>
    <t xml:space="preserve">苦瓜的挑选？什么样的苦瓜好呢？怎么挑啊？ </t>
  </si>
  <si>
    <t>苦瓜身上一粒一粒的果瘤，是判断苦瓜好坏的特征。颗粒愈大愈饱满，表示瓜肉愈厚；颗粒愈小，瓜肉相对较薄。选苦瓜除了要挑果瘤大、果形直立的，还要洁白漂亮，因为如果苦瓜出现黄化，就代表已经过熟，果肉柔软不够脆，失去苦瓜应有的口感。在重量上，苦瓜以500克左右最好。具备以上条件的苦瓜一般不会太苦，非常适宜生吃。如果选到这种苦瓜，你可将内部海绵组织的部分切除，然后切薄片浸冰水存入中冰镇1至2小时，取出沥干蘸沙拉酱或蘸芥末酱来吃。　　苦瓜营养十分丰富，所含蛋白质、脂肪、碳水化合物等在瓜类蔬菜中较高，特别是维生素C，每100克高达84毫克，约为冬瓜的5倍，黄瓜的14倍，南瓜的21倍，居瓜类之冠。苦瓜还含有粗纤维、胡萝卜素、苦瓜甙、磷、铁和多种矿物质、氨基酸等。苦瓜的苦味，含有抗疟疾的喹宁，喹宁能控制体温中枢，因此苦瓜有清热解毒的功效。苦瓜还含有较多的脂蛋白，可提高人体免疫力，抵抗癌细胞的发生，经常食用，可以增强人的体制。　　苦瓜可烹调成多种风味菜肴，可以切丝、切片、切块，做作料或单独入肴，一经炒、炖、蒸、煮，就成了风味各异的佳肴。如把苦瓜横切成圈，酿以肉糜，用蒜头、豆豉同煮，鲜脆清香。我国各地的苦瓜名菜不少，如青椒炒苦瓜、酱烧苦瓜、干煸苦瓜、苦瓜烧肉、泡酸苦瓜、苦瓜炖牛肉、苦瓜炖黄鱼等，都色美味鲜　苦瓜制蜜饯，甜脆可口，有生津醒脑作用，苦瓜泡制的凉茶，饮后消暑怡神，烦渴顿消。</t>
  </si>
  <si>
    <t xml:space="preserve">我练了个“人类骑士”现刚41级也2转了，问要穿什么装备，拿什么剑? </t>
  </si>
  <si>
    <t>不管你是圣骑还是暗骑，全覆式5件套是必备的。其次是武器，价廉物美的首选是加强健的迷惑，加强健的夜叉就算了吧，既贵又不好看，再说是骑士嘛，还是拿把剑帅点，虽然瑟长也能拿，但不能加强健的哦,而且也挺贵的。部分C顶首饰可以通过做钱B任务得到，不过太BT了，不建议去做。可考虑买一般的C首饰或干脆还是用精灵套混到52，到时直接买B顶的。因为目前你是混KT1或2，以上装备我想比较适合。OK,觉的好就给分吧~</t>
  </si>
  <si>
    <t xml:space="preserve">给急字加偏旁组成什么字 </t>
  </si>
  <si>
    <t>给急字加偏旁组成：隐，稳</t>
  </si>
  <si>
    <t xml:space="preserve">爆弹师那时候出啊?同题`顺便问爆弹师是攻击型的吗? </t>
  </si>
  <si>
    <t>那个根本就不是SE开发的是WX开发的2个公司SE就会开发圣骑等收费职业看在SEC不太做D版这类事情爆弹师很难说会开出来</t>
  </si>
  <si>
    <t xml:space="preserve">C1驾驶证能开什么车能开北京福田驭菱吗双排座柴油的后边双胎的 </t>
  </si>
  <si>
    <t>CI  可以开低速载货汽车低速载货汽车（原四轮农用运输车）：指以柴油机为动力，最高设计车速小于或等于70km/h，最大设计总质量小于或等于4500kg，长小于或等于6m，宽小于或等于2m，高小于或等于2.5m，具有四个轮的货车。</t>
  </si>
  <si>
    <t xml:space="preserve">我上个月6号来的月经，在11号做了，那天月经刚好完，但没射进去。? </t>
  </si>
  <si>
    <t>不会怀孕的，因为都是在安全期做爱的，8号没来的原因可能是你太紧张了吧，还有就是你男朋友做爱的水平很高，让你总能不断的达到高潮，你的月经期也可能推迟的。</t>
  </si>
  <si>
    <t xml:space="preserve">张无忌最喜欢的女人是？ </t>
  </si>
  <si>
    <t>习乾坤大挪移心法是小昭之请；与周芷若定婚是奉谢逊只命；不与周芷若拜堂又为赵敏所迫；小昭离他而去，张无忌伤心；蛛儿逝世，张无忌难过；周芷若变样，张无忌痛心又惋惜；张无忌对赵敏是铭心刻骨的相爱！</t>
  </si>
  <si>
    <t xml:space="preserve">金缕衣，蓝染帽，在哪个地方掉啊？请各位告诉我啊 </t>
  </si>
  <si>
    <t>蓝染，只要有炸弹兵的地方就掉，眉钨，街亭，乌巢，还有炼狱的地狱尸犬也掉金缕衣纪灵掉</t>
  </si>
  <si>
    <t xml:space="preserve">30而立怎么才能做的最好 </t>
  </si>
  <si>
    <t>我也30了，不有自己的家，就一份平常的工作。但要知道，人要活出一种心态，心态好了就好，那做什么都行呀，</t>
  </si>
  <si>
    <t xml:space="preserve">失眠求解救|为什么一到这个点就失眠？？？ </t>
  </si>
  <si>
    <t>失眠、睡眠不足是对人体健康的一种潜在威胁。失眠的人，由于长期处于失眠、睡眠不足状态，严重引起感知方面变化。对于失眠留下的并发症有很多：1.失眠会引起神经衰弱，人精神恍惚，严重的容易引起抑郁症和神经分裂，会使人体调节机制变差。2.女性同胞会引起内分泌失调的症状，身体免疫变差。3.对人的身体健康又严重影响。针对失眠问题，要做到一下几点：① 以清淡而富含蛋白质、维生素的饮食为宜。 ② 参加气功、太极拳等强调精神力锻炼的，提高神经的调节能力。 ③ 生活有规律，定时上床，晚餐不宜过饱，睡前不饮茶和咖啡等刺激性饮料。 ④ 麦特咛等保健品，有很好的调节神经功能方面的作用，有助于改善睡眠。为了保证睡眠，平时应注意以下事项：   1、睡前可以喝一杯牛奶。牛奶有助于入睡，但对于牛奶过敏的人，可以吃个苹果或吃片面包，效果是一样的。平日多食用一些可以提高睡眠质量的食物，如红枣、百合、小米粥、核桃、蜂蜜、葵花子等。   2、坚持有规律的作息时间，周末不要睡得太晚。如果周六睡得晚周日起得晚，周日晚上可能就会失眠。   3、睡前不要猛吃猛喝。睡前约两个小时吃少量的晚餐，但不要喝太多水，因为不断上厕所会影响睡眠质量。晚上不要吃辛辣的富含油脂的食物，这些食物也会影响睡眠。   4、睡前远离咖啡和尼古丁。建议睡前八小时不要喝咖啡。</t>
  </si>
  <si>
    <t xml:space="preserve">驴余户（二字词一徐妃格）最近网络总出毛病，少制几谜看看效果如何。 </t>
  </si>
  <si>
    <t>砝码</t>
  </si>
  <si>
    <t xml:space="preserve">oem系统和普通的系统有什么区别么…… </t>
  </si>
  <si>
    <t>“OEM版”与“MSDN版”的根本区别是：光盘镜像中有没有“OEM密钥”、“OEM证书”。另外，只有在电脑的BIOS中加入“SLIC 2.1”(这是必不可少的大前提)“OEM版”才能发挥其特有作用：实现自行激活。简单的说，就是oem版有 OEM密钥、OEM证书、bios下加入SLIC 2.1OEM版可以升级为旗舰版的   诚心为你解答，给个好评吧亲，谢谢啦</t>
  </si>
  <si>
    <t xml:space="preserve">人有可能打得过熊吗？ </t>
  </si>
  <si>
    <t>熊比人的力气大多了，除非是打刚出生的小熊才能打得过。</t>
  </si>
  <si>
    <t xml:space="preserve">毕业档案交到劳动局后，劳动局要不要给我们开个类似收据的凭证啊？急? </t>
  </si>
  <si>
    <t>有没有这个没印象了.但是一定要记着他们给的档案号.以后查档案要用.不过档案放过去.也没什么机会用到吧.私企没用.公务员的话.单位自己会调</t>
  </si>
  <si>
    <t xml:space="preserve">请问黑龙之巢和打5转碎片的几个洞穴有几层?每层怪最低和最高是几级? </t>
  </si>
  <si>
    <t>那个..5转的洞我就不说了..那里没法练级的..黑龙是个练级非常好的地方~怪全是纯火的龙..练级带纯水..魔单冰可以到1800多..而且这里的怪攻击力也很低..一般攻击就打100-200吧..非常适合舞跳变大练..没传教也挺安全的..黑龙洞10-11层随机..怪最高是134..顶层怪平均等级133..可以一直练级160- -+..</t>
  </si>
  <si>
    <t xml:space="preserve">孩子的体温是否正常都说小孩体温比大人高，我女儿一岁了，有时候量体 </t>
  </si>
  <si>
    <t>偏高了，但也不能说你女儿不正常。如果没有感染性疾病，那你女儿可能是体温偏高的正常人。</t>
  </si>
  <si>
    <t xml:space="preserve">有什么方法使练妖的成攻率高有众多练妖经验和有长期练妖实践的高手进 </t>
  </si>
  <si>
    <t>..不清楚,因改没影响听说和五行.时辰还有你得12生肖宠物,还有召唤兽资质又关</t>
  </si>
  <si>
    <t xml:space="preserve">清问从桂林市区到两江机场，要坐什么车去？我不是本地人，我想从火车 </t>
  </si>
  <si>
    <t>火车站打摩托车到安新小区 民航酒店,3元，4分钟到在酒店门口等待机场巴士。机场巴士20。 40分钟到机场</t>
  </si>
  <si>
    <t xml:space="preserve">我的狗狗拉到脱肛了，怎么办？看到它可怜的样我真的很心痛。。。。。? </t>
  </si>
  <si>
    <t>直肠脱是指直肠的一部分或大部分向外翻出而碚垂开肛门外。如脱出的组织仅为直肠末端的粘膜时，称为脱肛。如脱出的组织为直肠后段全层肠壁，刚称为直肠脱。发病原因多为饲养失调，中气不足，元阳衰弱，气虚下陷以及肛门括约肌弛缓，腹内压增高，慢性便秘，下痢及剧烈努责，病理性分娩等引起本病。脱肛时，应用高渗盐溶液，0.1%高锰酸钾溶液，或2%明矾液洗涤干净。热敷，缓慢地把脱出粘膜还纳于肛门内。在肛门周围施行烟包缝合，留出一指宽的排粪口，经7~10天拆除缝线，应用本法时，须特别注意护理，如病狗排粪困难时，每隔3~6小时用温肥皂水灌肠，用手指取出直肠内积粪，以后灌入油剂，使粘膜滑润有助于排粪。给予软饲，禁止倒卧，一般7天即可治愈。</t>
  </si>
  <si>
    <t xml:space="preserve">女性下腹坠胀是怎么回事，原因是什么 </t>
  </si>
  <si>
    <t>下腹坠胀是女性常见病症，与盆腔冲血不无关系，盆腔冲血主要有以下原因，一是膀胱、生殖器官和直肠三个系统的静脉丛彼此相通，缺乏瓣膜，易导致盆腔冲血；二是体质不良，长期从事站立工作、子宫后位、长期便秘、早婚早育、孕产频频的女性，以及患有盆腔炎、附件炎、子宫内膜炎等炎症时，静脉血流量增多，盆腔静脉压力增高，影响静脉回流，也容易导致冲血；三是植物神经功能紊乱，可加重淤血状态。此外，不规律的性生活，也会导致盆腔冲血，引起下腹坠胀。单纯的盆腔冲血，如是由于不规律性生活引起的，可通过屈腿侧俯、卧位睡眠加以调整，同时加强体育运动、提高身体体质，节制夫妻生活等，尽量避免过度疲劳；如果长期便秘的女性，就要注意纠正易致便秘的不良生活方式，合理调节饮食，多吃粗粮、水果和蔬菜，多运动，以改善盆腔冲血症状。有专家还推荐了一个简单易行的方法，可以帮助有这类病症的女性，即采取平卧的姿势，用一个枕头垫高臀部，以帮助血液回流，半小时后冲血状态能迅速消散。对于长期有盆腔淤血症状的女性，还是建议及时到正规医院检查，以便医生对症下药腹痛伴腹痛腹泻可能是结肠炎。结肠炎腹痛一般多为隐痛或绞痛，常位于左下腹或小腹。其它表现有食欲不振、腹胀、恶心、呕吐及肝大等;左下腹可 有压痛，有时能触及痉挛的结肠。左下腹痛一般是乙状结肠、左卵巢及输卵管、左输尿管的问题。左下腹痛伴腹痛腹泻可能是结肠炎。结肠炎腹痛一般多为隐痛或绞痛，常位于左下腹或小腹。其它表现有食欲不振、腹胀、恶心、呕吐及肝大等;左下腹可 有压痛，有时能触及痉挛的结肠。左下腹痛一般是乙状结肠、左卵巢及输卵管、左输尿管的问题。</t>
  </si>
  <si>
    <t xml:space="preserve">火大刀高手进~~！！急！！~~！急~~！我是风起云涌的新手，想练 </t>
  </si>
  <si>
    <t>个人意见如下：武功：黑杀、离魂、鬼枪。三项。      因为这三项都有后期效果，攻击百分比也不错，技能点够的话练少许飞龙，为的是PK时不受罗马人的气，（针对罗马法师）。气功：     火系：保持和武功相差10到15级，主修炎刃、火附体、火系护体、反潜修少许（PK时针对罗马人的隐身技能）、火系远程攻就免了、最后一行修满。    雷系：保持和武功相差20级左右（技能点够可以多练），大刀一般都是全力火的，电刃建议不修了，练一下里面的奔雷步，鸣禅，和雷天闪、狂雷系属魔攻，不修。    冰系：保持和武功相差40级左右（技能点够可以多练），修护体和最后一个，其它效果PK时用的，打怪用不上。    仅供参考！</t>
  </si>
  <si>
    <t xml:space="preserve">来人推荐一款天然护肤品啊？ </t>
  </si>
  <si>
    <t>我用的是Mask House的套装，其中我比较看好Mask House 面膜，这个采用的天然植物原料，能促进面部血液循环，收行气活血之效。有助扫走因冬天所引起的面黄、暗哑等显老状况，解决血气不足的问题。</t>
  </si>
  <si>
    <t xml:space="preserve">我今天打开了个三爪卡盘里面有几对锥齿轮，大的锥齿轮的另外一面有个? </t>
  </si>
  <si>
    <t xml:space="preserve">    先拣好说的说。三爪卡盘安装是有顺序的，这样才能保证三爪在一个半径上。这样只要拧扳手，三爪就始终以机床轴中心为基准移动相同的距离。四爪则是拧动扳手只有一个爪移动。这样就说明了三爪卡盘适合装夹规则圆柱型产品，而四爪卡盘适合装夹矩形等不规则产品。    三爪卡盘里面有几对锥齿轮，大的锥齿轮的另外一面有个平面的螺旋纹，这是为了与三爪啮合，使三爪做直线移动。至于机械上标准称呼可能我已经说不准了，正要请教。</t>
  </si>
  <si>
    <t xml:space="preserve">今天我会是第1么~？有点不想玩了的感觉~拼搏为了什么~？朋友~？ </t>
  </si>
  <si>
    <t>玩不玩！决定于你自己 。网络本来就是虚幻的 很难找到之心朋友的。但是往往你决定不想玩了。把它卸载了。但是你在游戏的光辉岁月没有消失。。。。。。。。。。。</t>
  </si>
  <si>
    <t xml:space="preserve">怎样更改我个人的资料啊 </t>
  </si>
  <si>
    <t>点右边的个人中心，然后右边有个信息设置的边框，点它进入就可以修改了。</t>
  </si>
  <si>
    <t xml:space="preserve">请问FIFA2005经理模式中,升级球队方法?在UPGRADES </t>
  </si>
  <si>
    <t>每五点可以加一项数值，数值加到100就可以把相应的方面提升一级.加点时将光标对准你想加的教练按方向键左右就行了</t>
  </si>
  <si>
    <t xml:space="preserve">宝宝感冒了宝宝一岁半,昨天感冒了,流鼻涕,(清鼻涕)晚上睡觉鼻子 </t>
  </si>
  <si>
    <t>可以用吸鼻器去吸一下,不过我个人感觉不是很管用,最好的办法,拿嘴巴去吸,哈哈,自己的宝宝,牺牲一下也是要的啦.如果您对我的回答满意，欢迎到我们优衫网看看： 。</t>
  </si>
  <si>
    <t>有谁知道《魔法花园</t>
  </si>
  <si>
    <t xml:space="preserve"> 这里的地址应该足够多了，带有速度评价，找一个你最喜欢的地址下吧~~~另外，附带几个好的游戏下载网： 下载成功率很高，基本在90%，都是HTTP方式,下载速度也很快基本在300k左右 对于老游戏来说，是个非常好的地方。 联盟的资料非常齐全，但是存在时间长而缺少种子的现象.</t>
  </si>
  <si>
    <t xml:space="preserve">找个能查通话记录的网址 </t>
  </si>
  <si>
    <t xml:space="preserve"> 中国移动。输入你的手机号和密码就可以自己查了。密码不知道的去营业厅问一下。</t>
  </si>
  <si>
    <t xml:space="preserve">关于英语的学习问题在英语中，什么是表语？什么是状语？两者与宾语有 </t>
  </si>
  <si>
    <t>什么是表语。表语是指联系动词之后用来修饰、说明主语的成分，联系动词不是很多，平时可以注意记忆。不定式、动名词、现在分词和过去分词都可用作表语，但它们所表示的含义却各不相同。在形式上，位于系动词后的就是表语。从含义上讲，表语是回答主语“是什么”或“怎么样”的语法成分。如： 1.Albert Einstein was a famous professor of physics. 阿尔伯特.爱因斯坦是一位有名的家。 2.The problem remains unsolved. 问题仍未解决。 等你真正理解了什么是表语再来说不定式之类的问题什么是状语状语是用来修饰谓语的,用于修饰动词、形容词、副词或整个句子。通常表示行为发生的时间、地点、目的、方式、程度等。状语一般由副词、介词短语、分词和分词短语、不定式或相当于副词的词或短语来担当。其位置一般放在句末，但也可放在句首或句中。 它分为：时间状语，地点状语，原因状语，条件状语，目的状语，方式状语，让步状语,结果状语宾语就好理解了 宾语表示动作行为的对象，跟在及物动词之后，能作宾语的有名词，代词，数词，动词不定式等。 We like English.我们喜欢英语。English就是宾语总的来说你刚入门的话可以这么记:在联系动词后的就是表语(如果你不知道什么是联系动词就没办法了,只好死背);修饰动词形容词副词之类的就是状语;跟在及物动词后的就是宾语(不是倒装句之类的话)</t>
  </si>
  <si>
    <t xml:space="preserve">烤漆衣柜用什么漆烤漆衣厨用哪种漆、用哪种漆需要什么措施 </t>
  </si>
  <si>
    <t>用油性漆啊，喷3层</t>
  </si>
  <si>
    <t xml:space="preserve">格斗同样的装备PVP里到底剑厉害还是矛,请高手解答!技能各应该怎? </t>
  </si>
  <si>
    <t>这跟你的被动技能。和选者的pk对象有直接关系.其实矛攻击高.但是速度慢.如果你没加敏捷那么命中也低的很..剑攻击平均.没矛高。但是速度快.命中的几率自然就比矛多点。我个人意见...都差不多.看你自己用哪个顺手了。在个就是pk看技术和人品了。(暴机高不高了。)</t>
  </si>
  <si>
    <t xml:space="preserve">这句话什么意思呢，是非颇谬于圣人：论大道则先黄老而后六经。。。是 </t>
  </si>
  <si>
    <t>这是一个历史学家（班固）批评另一个历史学家（司马迁）的话。班固在《汉书·司马迁传》中指出：司马迁的《史记》，在关于古圣贤的是非判断方面中有错误的，比如：论天人大道是先黄老（即老庄学说——看破黄尘注）后六经（即诗、书、礼、易、乐、春秋　六部经典，代指孔孟之道——看破黄尘注）；叙述游侠则丢掉了真正的处士而让奸雄进入《游侠列传》；在记录物产、农商的《货殖列传》中推崇有势力的而羞辱了贫贱之辈。</t>
  </si>
  <si>
    <t xml:space="preserve">嘴唇的问题下嘴唇内侧有类似溃疡的块状物，不疼也不痒，是什么原因 </t>
  </si>
  <si>
    <t>可能是上火了多喝水，别吃辛辣食物过两天应该就好了</t>
  </si>
  <si>
    <t xml:space="preserve">什么是股票？？什么是股票的意义？？ </t>
  </si>
  <si>
    <t>股票是股份公司发给股东证明其所入股份的一种有价值的证券凭证。</t>
  </si>
  <si>
    <t xml:space="preserve">我和老婆没话说怎么办，请大家帮帮忙在外面我和别人有话说，回家后面 </t>
  </si>
  <si>
    <t>和她找共同的话题</t>
  </si>
  <si>
    <t xml:space="preserve">如何改变老公的依赖性?我老公在一个优越的家庭中长大,社会经验很缺 </t>
  </si>
  <si>
    <t>他总有自己的爱好吧，让他做自己想做的事情。人生就是1.找一份自己有兴趣的工作        2.从这份工作里赚到钱</t>
  </si>
  <si>
    <t xml:space="preserve">松节是怎样形成的?有什么用途?松树上长有圆溜溜的结巴，叫松节吗？ </t>
  </si>
  <si>
    <t>松节是松树主干长枝、主枝长细枝形成的。松节在药店卖商品时的形状，是经过锯、砍之后所呈状态。松节和松（针）叶一样都是药材，据研究它们有治风湿性关节炎和支气管炎的作用。用50度白酒一斤，泡100克松节（或针叶），半个月后，可以涂抹患病处。还有个单方：15克松节，6克当归，6克桂枝，6克羌活。煎水，治气管炎。《本草纲目》记载：松花味甘性温无毒。主润心肺，益气、除风止血。松脂（松油）味苦、甘，性温，无毒。安益五脏，除胃中伏热、咽干，多饮多尿，风痹死肌，痈疽恶疮等。从以上记述中可见松节（松叶）用途甚多。应注意的是服药应经医药师指导服用。</t>
  </si>
  <si>
    <t xml:space="preserve">天冷不想洗澡怎么办?天冷不想洗澡怎么办,请大家回答 </t>
  </si>
  <si>
    <t>你可以先去运动运动，如果你喜爱运动的话，出了一身汉，然后痛痛快快的洗个热水澡。如果你不喜欢运动的话，还有办法：一，你是男性还没有交女朋友的话，那你可要保持健康阳光南海的形象，要不可真的找不到女朋友！二，如果你有女朋友的话我相信你的女朋友绝对不会让你不洗澡的！三，如果你是女孩的话我想问这个问题的话会让大家笑话你的啊！</t>
  </si>
  <si>
    <t xml:space="preserve">年龄62岁，女性，医院拍片显示两脚骨刺，请问有什么好的治疗方法 </t>
  </si>
  <si>
    <t>骨刺在老年人群中普遍存在，就像老年人头发变白、皱纹增多一样，一般不会发病。但在少数的老年人身上，可能会造成神经受压，引起活动不利和疼痛，这样就应该引起重视。还有人尽管有症状，病变地却在肌肉、筋膜等处，并不在骨刺上。 既然少数骨刺能够引起症状，就需要治疗。于是，各种药物、理疗产品如雨后春笋般产生。但是能把骨刺彻底消掉吗？答案是：不可能。原因很简单，以测定，骨刺与人体骨骼结构成分一样。假如能把骨刺消掉，那么人体骨骼也会同样被消掉。 目前，治疗有症状骨刺的比较有效的办法是小针刀疗法。它通过纠正人体骨骼力学平衡，达到治愈骨刺的目的，是目前广大骨刺病人理想的治疗方法 在现实生活中，有些骨关节炎病人服用或涂搽“骨刺消溶药”、“骨刺软化药”之类的药物，以期消掉骨刺。一些病人在服药后症状也确实暂时缓解了。但是在X线片上骨刺依然如故，或看似骨刺变小了些。其实，这只是一种假象。症状缓解是药物消炎止痛、改善局部血液循环的缘故，骨刺变小与X线的投照角度及摄片条件的变化有关，骨刺本身没有变化。对这样的解释，病人还是疑惑未解，常常询问医生：有没有使骨刺软化或消溶的药物？要回答这个问题，首先要搞清楚什么是骨刺。 骨刺在医学上称为骨质增生、骨赘等，是指椎骨边缘或关节边缘、关节面及骨突处骨小梁增多和骨密度增高，因有时其增生形状像口唇或鸟嘴，故又叫做唇状突起或骨赘。骨刺主要出现在负重多的关节，如髋、膝和脊椎关节的边缘部位，老百姓所说的膝关节骨刺医学上称为膝骨关节炎。 骨关节炎病人一般会有关节疼痛和活动受限等表现，但其症状的严重程度与骨刺大小、多少不一定呈正比。有些病人没有骨刺出现，但症状却比有骨刺的人还要严重；有些病人骨刺非常严重，却没有任何症状。 目前，治疗骨关节炎的药物很多，但没有一种能溶解或消除掉骨刺的所谓特效药。骨刺是从正常骨骼中生长出的一种代偿性骨性物，与人体骨骼的硬度无差别，其微细结构也与正常骨骼相似，成分相同，无任何病理改变。懂得这些知识，药物能消骨刺的神话便不戳自破了。试想，如果某一药物能溶解或消除骨刺，那么必然也可以溶解或消除正常的骨骼组织，岂不是“城门失火，殃及池鱼”？ 那么，得了骨关节炎应该怎样治疗呢？若病人没有关节疼痛、麻木等症状，则不需要特殊治疗，但平时要注意劳逸结合，适当参加体育锻炼，改善神经、肌肉、骨关节的新陈代谢，延缓衰老进展的速度，并防止关节僵硬不灵活。若病人出现症状，则要避免或减轻病变局部的疲劳，并进行适当的治疗。 治疗骨关节炎的西药主要有两大类。一类是非甾体类抗炎药，这类药物的作用机理基本相似，为抗炎、消肿和缓解疼痛，由于每种药物的化学结构都不一样，所以它们在体内的作用也略有不同。另一类是改变病情药，这些制剂含有关节软骨中的一些基本成分，目前还在探索阶段。 中医治疗骨关节炎很有特色。中医认为，人到中老年生理功能减退，肝肾精血不足，致使筋骨失养，久而久之，容易发生骨关节炎。中医学对骨关节炎的药物治疗总体上有“补肾”“柔肝”“健脾”三类疗法，医生会根据病人的具体情况实施不同的治疗方案。此外，采用针灸、推拿等方法对缓解骨关节炎的症状也有一定作用。 在目前的医疗水平条件下，除了手术，其他任何药物和方法都不能除掉已经生成的骨刺，因此，病人切莫过分相信广告宣传。还要说明一点，并不是所有骨刺都需要手术切除，只有当骨刺压迫神经、血管而引起功能障碍时，才考虑手术切除。</t>
  </si>
  <si>
    <t xml:space="preserve">找酒店火车站附近酒店有哪些？介绍几家便宜的，干净就可以了！ </t>
  </si>
  <si>
    <t>不知道是哪里的啊，你上九游网查查看吧！按地域搜索就可以了</t>
  </si>
  <si>
    <t xml:space="preserve">实验问题将一块小砖块放入玻璃瓶中,并加入适量沙和水,拧紧瓶盖.用 </t>
  </si>
  <si>
    <t>小砖块与湿砂形成砖核砂球,待在瓶底.多余的砂与水混合附在瓶壁上.</t>
  </si>
  <si>
    <t xml:space="preserve">如果这辈子你错过了最爱结婚的那个人那你？如果这辈子你错过和你最爱 </t>
  </si>
  <si>
    <t>我想你应该听过这样一个说法“一个人一生中要遇到三个人，一个是你最爱的，一个是最爱你的人，一个是同度一生的人”如果错过了最爱的那个人，还是会结婚的，因为爱一个不一定要拥有她（他）。如果那个误会是为她（他）好，那就让她（他）误会下去吧。你的第三个问题就要因人而宜了。有一些遇到相同遭遇的人，更了解对方的感受走到一起，有一些却会触动相同的伤疤无法去面对眼前的人。</t>
  </si>
  <si>
    <t xml:space="preserve">设置BOIS时，系统无反应大家好，本人最近刚买了块昂达785魔笛 </t>
  </si>
  <si>
    <t>明显板子有问题，刚买怕什么，拿去店里换啊，自己弄多吃亏，要是弄坏了，你就亏大了</t>
  </si>
  <si>
    <t xml:space="preserve">工作问题本人工作好忙，如何令上级看重你？用辛苦的样子给上级看还是 </t>
  </si>
  <si>
    <t>这个很多人都会碰到的问题，建议你可以请上司吃饭讲讲你的状况，或者把你最近的工作状况及内容汇报給你的上司，表明你的态度及渴望的要求，要主动创造与上司碰面的机会，比如你可以拿你觉得满意的方案假装请教你的上司让他提出意见，如果他提出方案了你修改之后可以再次要他确认，这都是机会，就看你怎么去想，请吃饭只不过有些人觉得庸俗但不妨是一个契机，</t>
  </si>
  <si>
    <t xml:space="preserve">请帮忙翻译成日语由于时间比较长，经手的人也比较多，在这之中出现了 </t>
  </si>
  <si>
    <t>すごく?r間がかかりまして、担当した人も多かったし、途中で間違いが出ましたので、ご迷惑を?欷堡蓼筏粕辘吩Uございません。今後、何かご需要がございましたら、続けて連絡してください。私たちはきっと力を尽くして???辘筏蓼埂?</t>
  </si>
  <si>
    <t xml:space="preserve">东莞厚街到花都哪里坐车最快 </t>
  </si>
  <si>
    <t>座商务巴士走广园快速路的你就上，3个多小时就到了！</t>
  </si>
  <si>
    <t xml:space="preserve">请问为什么我每天早上醒来的时候嘴巴里面总有一股枯涩的味道!? </t>
  </si>
  <si>
    <t xml:space="preserve">（一）与“火气”大有关，应多吃些清凉解毒的食物，如绿豆汤、蜂蜜泡凉开水，多吃蔬菜与 水果等清凉的食物，少吃一些油炸的食物；（二）尽量不要熬夜，生活要有规律，保持开朗的心情；（三）睡觉之前记住要刷牙，养成良好的卫生习惯！ </t>
  </si>
  <si>
    <t xml:space="preserve">孩子呕吐怎么办孩子6岁早饭后呕吐一次一小时候又呕吐一次,体温36 </t>
  </si>
  <si>
    <t>知道引起小儿呕吐的常见原因吗 孩子患病时呕吐是最常见的症状之一，呕吐不仅使孩子非常痛苦还会影响孩子进食，家长也会为此十分紧张，因此家长应该学会初步判断引起呕吐的原因。在各种原因中最主要的有： 1、 喂养或进食不当：新生儿期喂奶过多，奶的配方不当，吃奶时吞入大量空气；婴儿及幼儿一次进食量较多或食物不易消化。 2、消化功能异常：全身感染性疾病，如果患有上呼吸道感染、支气管炎、肺炎及败血症等疾病时，在高烧、恶心、食欲减退的同时，常伴有呕吐。 3、消化道感染性疾病：胃炎、肠炎、痢疾、阑尾炎等疾病，由于局部刺激可引起反射性呕吐，此时多会伴有恶心、腹痛及腹泻等其它消化系统症状。 4、神经系统疾病：脑炎、脑膜炎、头颅内的出血或肿瘤以及颅脑外伤等中枢神经系统疾病也能引起呕吐，以呕吐前无恶心并呈喷射性为特点，但往往同时伴有神经系统的其它症状，如头痛、精神萎靡、嗜睡、甚至抽风、昏迷等。 5、精神因素：有些孩子可能会因为某些原因造成的精神过度紧张或焦虑引发呕吐，再发性呕吐这种病有时也与精神因素有关。 6、中毒：包括各种中毒，如食物中毒、有毒动物、植物中毒及药物、农药中毒等，几乎都有呕吐症状，但不同的毒物中毒又有其各自的临床特点，可供鉴别。 7、其他：内耳的前庭功能失调或美尼尔氏病(内耳膜迷路积水)呕吐比较剧烈，但多伴有眩晕、视物旋转；小儿先天性消化道畸形，如胃扭转、肥大性幽门梗阻等，此外，肠蛔虫症病儿发生肠梗阻或胆道蛔虫时呕吐也比较严重。 家长了解了上述各种引起呕吐的原因，即可结合自己孩子的表现进行分析，心中有了数，也就可以遇“吐”不慌了。 呕吐患儿如何护理 呕吐患儿如何护理？ 呕吐可见于很多疾病，如脑子有病、胃肠道有病、上呼吸道感染、吃的东西不合适等。孩子呕吐时，家长要注意以下几方面： ①要让孩子坐起，把头侧向一边，以免呕吐物呛入气管。 ②呕吐后要用温开水漱口，清洁口腔，去除臭味。婴儿可通过勤喂水，清洁口腔。 ③勤喂水，少量多饮，保证水分供应，以防失水过多，发生脱水。水温应冬季偏热，夏季偏凉，温水易引起吐。 ④注意饮食，不要吃得太多，尽量少食多餐。不要吃油腻酸辣食品，以免刺激胃肠。吐后应先用流食、半流食（如大米粥或面条），逐渐过渡到普通饮食。 ⑤注意观察呕吐情况，呕吐与饮食及咳嗽的关系，呕吐次数，吐出的胃内容等。 ⑥尽量卧床休息，不要经常变动体位，否则容易再次引起呕吐。 小儿的呕吐常见于消化功能紊乱，所以当小儿出现呕吐时，首先要暂时禁食，让消化道有一个休息的时间，可先给些淡糖盐水或淡茶水，过几个小时或1～2天也就好了。 如果乳儿偶于吃奶后有吐，可能是吞咽了空气，下次喂食时应将奶头塞没，不让吞咽空气，吮完后可抱起小孩轻拍背部，让空气排出后取右侧卧位，并略抬高上半身。如经常在吮奶后呕吐，但一般情况正常，可能有幽门痉挛，应在医生指导下，让小儿吃些解痉药；一般营养情况受到影响时，要防幽门肥大，应请医生检查。 如果反复剧烈呕吐，吐出黄水，一般护理仍不见好转，要防肠梗阻。如果同时伴有其他发热等情况，应该把详细情况向医生介绍。如发现呕吐物异常时，应将呕吐物一并带给医生，以便参考分析呕吐原因，及时正确处理。 儿童出现周期性呕吐怎么办？ 周期性呕吐多发生于3～10岁的儿童，诱发原因往往有饮食不规律，食后过度活动或精神刺激等。如果周期性呕吐不出现严重合并症，一般没有什么危险，随着孩子年龄增长，呕吐会逐渐趋于痊愈。 当孩子呕吐时，应少量饮些果汁、糖盐水，并禁食4～5小时。平时父母应孩子饮食有规律，饭后不要剧烈运动，在饭桌上不要训斥孩子，这对减少孩子周期性呕吐是有益的。以上几点你不妨参考一下,祝宝宝健康快乐!</t>
  </si>
  <si>
    <t xml:space="preserve">男性患了附睾炎对生育有没有影响？ </t>
  </si>
  <si>
    <t>　　相信大家对于附睾炎疾病都不会过于陌生,它是近年来较为高发的市感染疾病,临床上格局病程将其分为急性和慢性两大类型.两者之间可转化,即急性附睾炎疾病治疗不彻底,可转化为慢性附睾炎疾病.　　男性患了附睾炎对生育有没有影响　　中有一些患者朋友在初期并不知道自己患有此病,导致最后产生一系列恶果.还有些误诊耽误了治疗,致使病情恶化,给自己的生育埋下重大隐患.那么附睾炎是如何影响生育的呢　　下降精子的活动能力:男性患上附睾炎后,炎症可导致精子的活力下降,使死精子数量增多,造成畸形精子率上升,从而导致少精症不育.　　梗阻精子的行走通道:附睾炎的发生,可导致附睾尾部与输精管连接处出现不完全性或完全性梗阻,导致精子不能排出,形成少精症.　　形成抗精子抗体:附睾炎的发生,可使身体的自卫系统立即行动,形成抗精子抗体,杀死精子,导致精子数量变少,形成少精症.　　导致精子营养丢失:附睾管肩负着贮存精子和分泌附睾液的使命,对精子的生产极为重要.但是男性患有附睾炎后,附睾炎的分泌会受到影响,导致精子所需营养成分发生变化.</t>
  </si>
  <si>
    <t xml:space="preserve">请问社长是指的什么？我不爱看韩剧，所以韩剧中常常出现的“社长”我 </t>
  </si>
  <si>
    <t>社长是总经理、老板的意思。但很大型的企业最大的通常是会长。 小饭店的老板是不叫社长的。</t>
  </si>
  <si>
    <t xml:space="preserve">请问NBA球迷直播的网址是多少是一个视频直播NBA火箭比赛的网站 </t>
  </si>
  <si>
    <t xml:space="preserve">读书社应该开展些什么活动 </t>
  </si>
  <si>
    <t>1．可以自己绘制或剪贴书刊宣传画。2. 举办图书展览.3. 举办朗诵会.或者用文艺形式演出书中的某些精彩片断。4. 组织评书活动。交流一下对书中人物的看法。组织评书活动，可以提高阅读水平.5. 挑选有助于巩固扩大和加深知识的读物。6。可以结合当前形势、不同节日和周围环境的特点介绍书籍。  说的很片面，或许能对你有点帮助，呵呵。</t>
  </si>
  <si>
    <t xml:space="preserve">为什么在报亭买不到中小企业融资高层参考？ </t>
  </si>
  <si>
    <t>好像这本书只能去国培网才能买到，这是他们出品的，别的我也不太清楚。</t>
  </si>
  <si>
    <t xml:space="preserve">我的笔记本电脑“附件”后没有“通讯”我想设置接收与发送传真，可是 </t>
  </si>
  <si>
    <t>控制面板－添加或删除程序－添加/删除windows组件－传真服务（在前面打上勾）－下一步，它就自动安装，安装过程中可能提示你插入光盘，你找一个windows安装光盘插入光驱。确定－－－安装完成就有传真程序了。</t>
  </si>
  <si>
    <t xml:space="preserve">我两周后去上海，请问去哪买机票最便宜，大约多少钱 </t>
  </si>
  <si>
    <t xml:space="preserve">1. 春秋旅行网: 有好多地方到上海的特价票 2. 若春秋航班没有到你们那的机场, 可以去携程网上订购 </t>
  </si>
  <si>
    <t xml:space="preserve">笔记本电脑用英文怎么说啊??? </t>
  </si>
  <si>
    <t>notebook PC[计] 笔记本式个人电脑laptop膝上型电脑</t>
  </si>
  <si>
    <t xml:space="preserve">怎样提高高中英语水平？我就读高二，请问怎样才能有效的提高英语水平 </t>
  </si>
  <si>
    <t>读点英语原著小说，听英语歌看电影，总之就是多听多说多读。如果仅仅是为了考试，每个周坚持练一套题。比如英语报（有的话）每周一套。针对你的弱处狠抓，现在是你的好时期，高三很少有时间去提升了。还有一点，作文要写好。这个分不能白丢。</t>
  </si>
  <si>
    <t xml:space="preserve">氯化氢为什么叫盐酸？还有稀盐酸与盐酸有什么区别吗？为什么制取二氧? </t>
  </si>
  <si>
    <t>氯化氢为什么叫盐酸？还有稀盐酸与盐酸有什么区别吗？为什么制取二氧化碳要用稀盐酸？氯化氢气体溶于水形成的水溶液叫盐酸.稀盐酸是盐酸的一种,盐酸按浓度不同分为各种浓度的盐酸.其中浓度低的叫稀盐酸.为什么制取二氧化碳要用稀盐酸？楼上说的不对.原因是浓盐酸本身是一种易挥发的水溶液,在制成的二氧化碳中会有很多氯化氢气体,影响二氧化碳的纯度.</t>
  </si>
  <si>
    <t xml:space="preserve">感谢老师！今天25。38购了200股中国神华，不知后市如何操作？ </t>
  </si>
  <si>
    <t>25。38元买早了还会有低价！涨上来卖跌下去到底买！</t>
  </si>
  <si>
    <t xml:space="preserve">小规模纳税人所得税申报问题我们公司是小规模纳税人，所属行业是商业 </t>
  </si>
  <si>
    <t>按累计会计利润计算申报。</t>
  </si>
  <si>
    <t xml:space="preserve">11号全国数学竞赛了,拜求一道不等式证明.设x,y,z为正实数,? </t>
  </si>
  <si>
    <t>设x,y,z为正实数,且满足x+y+z=1.求证 1/(2-3yz)+1/(2-3zx)+1/(2-3xy)≤9/5简证 所证不等式齐次化,等价于Σ(x+y+z)^2/[2(x+y+z)^2-3yz]≤9/5    (1)(1)&lt;===&gt;5(Σx)^2*Σ[2(x+y+z)^2-3zx]*[2(x+y+z)^2-3xy]≤9[2(x+y+z)^2-3yz]*[2(x+y+z)^2-3zx]*[2(x+y+z)^2-3xy] (2)(2)展开为12Σx^6+24Σ(y+z)x^5-12Σ(y^2+z^2)x^4-48Σ(yz)^3+xyz[45Σx^3+15Σ(y+z)x^2-189xyz]&gt;=0  上式约去3得:4Σx^6+8Σ(y+z)x^5-4Σ(y^2+z^2)x^4-16Σ(yz)^3+xyz[15Σx^3+5Σ(y+z)x^2-63xyz]&gt;=0           (3)设x=min(x,y,z),(3)式分解为x[4x^3+12(y+z)x^2+8x(y^2+z^2)+35xyz+28yz(y+z)](x-y)(x-z)+[4(y+z)^4+31xyz(y+z)+8(y+z)x^3-(4y^2+4z^2-17yz)-8(y+z)x^3](y-z)^2&gt;=0.上式显然成立.</t>
  </si>
  <si>
    <t xml:space="preserve">今年的RMB的汇率目标是达到多少啊 </t>
  </si>
  <si>
    <t>大概在3-5%左右,这和我国经济??长物价上涨有关,但都在国家的宏观控制中,应该不会出现什么大得问题.</t>
  </si>
  <si>
    <t xml:space="preserve">有熟悉关于内分泌问题的专家吗？我的女儿今年6岁，最近我们突然发现 </t>
  </si>
  <si>
    <t>多囊卵巢综合症  你们怀疑的话，建议去看专科医生，因为延误治疗和心理上不良影响比较，前者要可能严重得多！你们不妨先不带小孩，先找一个熟点的专科医生咨询一下，然后向医生说明：希望避免小孩心理上不良影响，看病时希望医生配合。然后，你们夫妇两就随机应变了。</t>
  </si>
  <si>
    <t xml:space="preserve">83期足彩心水只推一场！谁也不愿意把自己的最有希望中奖的单子亮出 </t>
  </si>
  <si>
    <t>你厉害!!!!!!!!我跟单0</t>
  </si>
  <si>
    <t xml:space="preserve">问个哺乳期可否割痔疮的问题我老婆痔疮犯了，比较严重，可是儿子才4 </t>
  </si>
  <si>
    <t>哺乳期的女性如果患有了痔疮，需要积极的到医院就诊。至于哺乳期是否可以手术治疗痔疮，医生需要根据患者的实际情况来确定。痔疮的形成原因和迁延不愈和饮食有很大的关系,所以饮食调理和纠正不良的饮食习惯是预防及治疗痔疮的重要措施.意见建议:要节制辛辣刺激性食物,避免过食烧烤,肥腻,坚硬不易消化的食物,这些食物可使肠胃壅滞,经络不舒,血脉不畅,湿热下注,或损伤肠管黏膜,从而造成痔疮.要积极的预防便秘,经常吃些粗杂粮,杂豆,及含粗纤维多的新鲜蔬菜,水果,如：芹菜,青菜,菠菜,卷心菜,橘子,梨,无花果等能增加肠蠕动.咀嚼功能好的可多吃些凉拌菜,多饮水,吃些果冻,肉冻之类的食物,以使粪便软而润滑,便于排出</t>
  </si>
  <si>
    <t xml:space="preserve">家里石膏线被破坏了家里的石膏线本来好好的，结果装隔断的时候，工人 </t>
  </si>
  <si>
    <t>轨道上加一层幔帐，把石膏线档住吧。不然重新换线又刷漆的太麻烦了。</t>
  </si>
  <si>
    <t xml:space="preserve">关于要宝宝的问题我今年27岁，结婚不久，现在住在老公单位的一间房 </t>
  </si>
  <si>
    <t>我们年龄差不多，我认为是这个时候了，晚了不好！</t>
  </si>
  <si>
    <t xml:space="preserve">硅矽病的症状 </t>
  </si>
  <si>
    <t>“矽肺病”是人体呼吸时大量含游离二氧化硅的粉尘进入肺部所引起的职业病。该病常在空气中硅尘浓度较高的采矿、凿岩等工种中发生，在发病早期，病人胸闷、气短，部分病人会有干咳，出现肺功能衰竭；后期呼吸困难，极易气喘，全身无力，并伴有结核病等并发症。对于矽肺病患者，尤其在患病晚期，国内目前还没有有效的治疗方法。</t>
  </si>
  <si>
    <t xml:space="preserve">我们都应该醒醒沉迷于此游戏不能自拔的朋友，请你们醒醒吧！不要拿自 </t>
  </si>
  <si>
    <t>等了一天，估计要到明天了···</t>
  </si>
  <si>
    <t xml:space="preserve">小朋友的定义咩系小朋友 </t>
  </si>
  <si>
    <t>经历太少，甚至不知道东南西北、不知道如何称呼其长辈如父、母所称呼的血缘关系较远的长辈的相关的称谓；更宽泛的定义是阅历太差，年龄相对比别人小。</t>
  </si>
  <si>
    <t xml:space="preserve">万网的unix主机php屏蔽了哪些函数？ </t>
  </si>
  <si>
    <t>"为了系统的安全性，万网的unix主机php屏蔽了以下函数： system,phpinfo,passthru,popen,exec "</t>
  </si>
  <si>
    <t xml:space="preserve">这游戏受不受费？＞这游戏受不受费？ </t>
  </si>
  <si>
    <t>偶玩过这么多免费游戏也从来没有花过一毛钱,那位说什么免费多花点钱的,那是你们有钱,你们老板才有这种观点.游戏嘛,难度越大越好玩啊,什么都往爽的玩,那多米意思?只要你坚持住别花钱,到后期用游戏币或者装备也能换到花钱的道具的,这年头,老板有的是,收费游戏就是不管谁都剥削,而免费游戏则是专收老板的费用了.这世界,有老板真好!!!</t>
  </si>
  <si>
    <t>Q</t>
  </si>
  <si>
    <t>这个呢，怎么说。Q－zone，这个是腾讯弄出来的一个小花样。比如说，给你1百平的屋子，让你在里面随意写画。可是腾讯给了你更多功能，不　仅是乱画的权力，还可以写些日记里，放些照片，把它打扮的更加漂亮...这样说你明白嘛。有事请与我联系</t>
  </si>
  <si>
    <t xml:space="preserve">我的新浪微博提示异常无法登录，然后打客服电话又一直是正忙，我无语? </t>
  </si>
  <si>
    <t>请您不要着急，我们已接到部分用户对此类问题的反馈，针对相关功能异常情况我们已经修复，请您退出重新登录微博进行尝试即可。欢迎您有问题再次到互助专区提问。</t>
  </si>
  <si>
    <t xml:space="preserve">求四字词语：()鸟()鱼明礼（）（）二年级语言作业。急。 </t>
  </si>
  <si>
    <t xml:space="preserve">( 笼)鸟(池 )鱼 明礼（诚 ）（信 ） </t>
  </si>
  <si>
    <t xml:space="preserve">谜语元律（经济名词请说出为什么是你写的答案 </t>
  </si>
  <si>
    <t>货币政策元,扣货币律扣政策.</t>
  </si>
  <si>
    <t xml:space="preserve">请问吃安婴儿1号的宝宝是否可直接转2号奶粉?我宝宝快6个月了,一 </t>
  </si>
  <si>
    <t>宝宝6个月以上就可以吃二段的奶粉了，在转阶段奶粉的时候最好是逐勺的替换，就是一次吃五勺的，四勺放一段，一勺放二段，第二天替换两勺，如此类推，这是专家提议的。我家宝宝转的时候也是直接转的，没有替换，主要是看宝宝的肠胃功能，有的可以适应，有的适应不了，所以用替换的方法比较保险。</t>
  </si>
  <si>
    <t xml:space="preserve">原绝代双骄玩家去哪里领取补偿虚宝？我是以前的绝代双骄玩家，因为有 </t>
  </si>
  <si>
    <t>我也想知道,当初还说要补偿,现在一句话都没有了!我还是网通慕容九的八级家族长呢!</t>
  </si>
  <si>
    <t xml:space="preserve">什么是信托投资啊？ </t>
  </si>
  <si>
    <t>信托是指委托人基于对受托人的信任，将其财产权委托给受托人，由受托人按委托人的意愿以自己的名义，为受益人的利益或者特定目的，进行管理或者处分的行为。通俗地说，信托就是财产所有人出于对他人或组织（如：信托投资公司）的信赖，将自己的财产委托给他人管理或处分。他人在管理、处分该财产时，要根据财产所有人的意思，同时以自己的名义行。所得收益，由财产所有人或者财产所有人指定的其他人享有</t>
  </si>
  <si>
    <t xml:space="preserve">帮忙看一下我的宠~大家好,本人是网1金牛的,我有只红鬼1级练的掉 </t>
  </si>
  <si>
    <t>1练5当不掉魔的鬼也算不错了  现在是82级  如果有技能的话  你要在魔羯我80W收顺便说一下  魔本来就少 就算掉三当血也少不了几十血  我认为无所谓82级6当49掉2攻4防也很不错了 不知道上面的い幻凝ぺ雪 在哪个服务器  总之我们魔羯就算一只10几当的招牌49也要40W以上 何况6D不掉敏血魔的49  还是那句话 你要在魔羯我100W收了 如果你有意出手  就联系我 QQ  价钱就是上面的价钱了</t>
  </si>
  <si>
    <t xml:space="preserve">我们这样算是性交吗？我和男朋友在一起时，有时他很想要，但我是个传 </t>
  </si>
  <si>
    <t>生理解剖上说你还是处女，但从情感上说不是了。处女膜在阴道口稍进去一点的地方。小心哦…</t>
  </si>
  <si>
    <t xml:space="preserve">长期胃部不舒服我的情况是长期胃部不适，食量少，比较瘦，现在经常吃 </t>
  </si>
  <si>
    <t>请行消化道造影，或者内镜检查，需要明确病情，诊断明确，才能治疗。</t>
  </si>
  <si>
    <t xml:space="preserve">DAEMONTools4.06怎么用?我下了哈利波特4.解压后有 </t>
  </si>
  <si>
    <t>1、安装DT4.06（游侠网有简繁体版）2、屏幕右下角会出现DT的图标3、左键点击图标4、点击设备，选取你需要加载的镜像文件（CD1）5、ok</t>
  </si>
  <si>
    <t xml:space="preserve">我是新手,请问现在什么股票与垃圾处理有关,谢谢现在国家注重环保, </t>
  </si>
  <si>
    <t>000652  G泰达   这个公司有垃圾发电的能力与应用。公司双港垃圾焚烧发电项目是目前全国日处理规模最大的垃圾焚烧处理厂，并在全国同类项目中创下报批速度最快、自动化程度最高、建设成本最低的记录。它的建成不仅填补了天津市垃圾发电技术的空白，而且综合评价在全国垃圾处理行业中处于领先地位，并被国家建设部评为我国垃圾处理行业目前唯一的“全国科技示范工程垃圾发电锅炉 。600475  G 华光  有垃圾发电焚烧锅炉的产品。垃圾发电锅炉 2006年年初,国家发改委公布了可再生能源电力入网价格方案,生物质发电入网，价将比脱硫火电入网价每度优惠上浮0.24元.该优惠电价方案的确定,将提高地方投资建设垃圾发电、秸杆发电等项目的热情, 从而促进华光股份公司垃圾焚烧炉、其他生物质焚烧炉产品的销售.垃圾焚烧发电是指使用特殊的垃圾焚烧设备,以城市工业和垃圾为燃烧介质,在对垃圾进行焚烧处理的同时,利用其产生的能量发电的一种新型发电方式.由于这种处理方式具有环境与经济双重效益,已被发达国家广泛采用.据预测,十一五期间我国垃圾发电装机容量有望保持39%的复合增长率,2010-2020年之间有望保持8%左右的复合增长率.我国在2020年前有望新增垃圾发电装机容量330万千瓦左右,按每千瓦4500元的设备造价计算,中国垃圾焚烧炉的市场容量为149亿元，G华光的垃圾焚烧炉市场占有率全国第一, 在炉排式垃圾焚烧炉和循环流化床垃圾焚烧炉具有较强的技术实力,05 年上半年中标北京高安屯垃圾焚烧厂垃圾焚烧炉,垃圾日处理量达到800 吨,是目前全球日处理量最大的垃圾焚烧炉。</t>
  </si>
  <si>
    <t xml:space="preserve">新手求助我44级LR,现在在荒芜之地练级.很奇怪到处都没有任务可 </t>
  </si>
  <si>
    <t>荒芜的城在左上角（4，47），任务很多35，41附近有个营地43，54附近有个营地。在巨牙谷 中间那座山的山下50，79附近有个NPC斯通纳德不在荒芜，在悲伤沼泽。从JJC跑去  路线：JJC向上跑（40，5），去暮色森林，从LM的城（78，46）右边的路东行，穿过逆风就到了。斯通纳德在45，54 中间靠南我说的很清楚了，希望你有插件，能看到坐标</t>
  </si>
  <si>
    <t xml:space="preserve">天气预报最长能预测到几天后的天气？天气预报最长能预测到几天以后的 </t>
  </si>
  <si>
    <t>天气预报的时限分：1－2天为短期天气预报，3－15天为中期天气预报，月、季为长期天气预报，1－6小时之内则为短临预报（临近预报）。根据世界气象组织(WMO)的统一规定：短期指0～72小时(三天以内)；中期指第4天至第10天；长期指10天以上。    短期预报各气象台、站根据天气变化情况每天定时或不定时对外发布，一般为早间、午间、晚间三次；中期、长期预报视当地各部门服务需要给予发布。我国天气预报的日界划分在 20时(北京时)，因此天气预报时间用语中的白天是指08～20时，夜间是指20时到第二天的08时。此外,还可附加确切的时间用语,如上午、下午、早晨、傍晚、前半夜、后半夜等。</t>
  </si>
  <si>
    <t xml:space="preserve">新浪你到底怎么样，提个问题都不行 </t>
  </si>
  <si>
    <t>s;</t>
  </si>
  <si>
    <t xml:space="preserve">腰肌筋膜炎应该服用什么药品治疗？用什么膏药？急急急！！！ </t>
  </si>
  <si>
    <t>最好办法是穴位注射。一般2--3次就好。费用也就200元左右</t>
  </si>
  <si>
    <t xml:space="preserve">我要买全套化妆啦！高手请进我是敏感性皮肤，有时候会有点发红的那种 </t>
  </si>
  <si>
    <t>敏感性的肌肤最好减少，实在要化，也要把底保养好再化,只有把皮肤保养好了,那么化淡妆才好看,甚至可以说皮肤调理好后所呈现出来的自然光泽和柔和的红晕也胜似化过妆了. １、粉底:微姿 156元左右 抑制出油 不生痘痘；粉底要用好的,我大出血买了资生堂的。: 隔离霜一定要好：欧莱雅(夏天用,修颜,有颜色)120元 理肤泉/微姿(冬天用,无颜色)198元２、在画眉毛之前，先用小棉签将眉毛擦净（主要是将刚刚那些粉底之类底妆从眉毛上卸掉，让眉毛恢复本来的颜色），然后再用小镊子将杂毛摘除，或者用削眉刀将眉毛修型，之后再用眉笔沿着眉型从中间部位向后画（记住，不要从头开始画，那样太假了！），另外，如果想画时尚一点的话，就将眉骨稍微上扬一点，让眉毛更有立体感些。３、眼线笔推荐RED EARTH，130元。为什么不推荐便宜的给你是因为眼线和眼影这样的东西离眼睛非常近，如果质量稍微差一点的话，就会让眼睛周围过敏，甚至让眼皮肿起来，所以选择眼线笔的时候一定要选择质量好的。像我给你推荐的这款，笔芯很柔软，画在眼睛上不会弄伤眼皮，而且容易清洁和卸掉。颜色也很多，你是单眼皮，适合画眼线。而且会显得眼睛大而有神。单眼皮画眼线就可以很媚了４、眼影推荐RED EARTH，55元一个。颜色非常多，而且画上去有立体感，不伤害眼睛周围皮肤，不会过敏。如果你的眼皮本来就很薄的话，可以选择颜色亮些的，如果眼皮本来较厚的话，要选择冷色调的眼影。主意，涂眼影的同时要用亮白色的眼影将眉毛下面的眉骨处提亮，以显出立体感。而且要选择亮的颜色稍微沿着下眼线画一下，突出时尚感。红地球的眼影,唇膏你就知道什么是比较好的品质了眼影:色彩地带 20多元~50元内 颜色很多眼线笔:BABYFACE 22元 很容易上色 ZA 69元 不会掉色 但量太少５、睫毛膏：推荐欧莱雅的99元双头睫毛膏，效果简直太好了，不会印到你的下眼皮上而且还能很容易就卸掉，记住，刷的时候要隔30秒钟刷一次，一共刷4次。但是要注意的是，每次刷的位置不能一样，要分开位置刷，防止睫毛由于刷的太浓而粘在一起，那样就不自然了。刷的时候成Z字型拉伸。特别是下睫毛，向下拉伸，要比上睫毛多刷一次。如果你觉得睫毛很重要，想买些效果更明显的睫毛膏的话，就和你推荐植村秀的，虽然200多，但是效果惊人。但娥佩兰的调量睫毛膏用时,睫毛容易下垂６、腮红：推荐RED EARTH的，135元。效果非常好，而且推荐淡粉色的给你，因为这款擦上去感觉皮肤非常有光泽而且气色非常好，是那种婴儿红的感觉。非常棒，我在用。腮红:雅芳 55元 雅光色 不像别的牌子都有亮粒,会显得更油７、唇彩：推荐欧莱雅的或者是RED REATH的，价格适中。要买闪亮一款的，擦上以后非常诱惑！而且不油腻。一般来说，淡粉色的较为自然。现在欧莱雅有一款水润的，银色包装的口红，不错的，价格不是很贵，抹上的感觉也很亮很自然８、卸妆推荐DHＣFANCE、植村秀的,很好的,另外雅芳的也行.，有一款资生堂的卸妆乳，具体名称我忘了，价格在100元左右，也不错，是国内很多化妆师所推荐使用的。不管你化的是浓还是淡,回家后都要"立即"卸妆,然后涂上保养品,祝你越来越迷人！~</t>
  </si>
  <si>
    <t xml:space="preserve">请教：HRV手刹问题？我的凯越1.8T早上开车时，刚着车放下手刹? </t>
  </si>
  <si>
    <t>有可能是刹车片薄了或是刹车液面低了，建议你到4S检查一下。</t>
  </si>
  <si>
    <t xml:space="preserve">怎么才能从失恋中最快走出来女友和我分手了，分手以前我对她很好我也 </t>
  </si>
  <si>
    <t>时间是可以冲淡一切的，即使你现在很爱他，可是她既然这么不在乎你，你为什么一定要她呢？就算这样，你们在一起了，可是她一点也在乎你，不关心你，你和她都不会幸福的，学会放手，学会爱上一个爱你的人吧。。。。</t>
  </si>
  <si>
    <t xml:space="preserve">干山楂和菊花能一起泡茶喝吗因为总上火，想喝菊花下火，消化不好，喝 </t>
  </si>
  <si>
    <t>可以、山楂性平，可以与菊花兼容。</t>
  </si>
  <si>
    <t xml:space="preserve">嗓子痛怎么办?昨天有点发烧,去门诊打了针,吃了一天的药感觉好些了 </t>
  </si>
  <si>
    <t>嗓子痛多为链球菌感染，可以服用青霉素类药物、头孢类药物，如果过敏的话可服用红霉素类药物（平时没有胃病）。金嗓子、西瓜霜含片都可以快速有效的缓解疼痛。生活中要多喝水，清淡饮食。注意休息。也不要小看了嗓子痛要积极治疗，否则也会引起肾小球肾炎。</t>
  </si>
  <si>
    <t xml:space="preserve">再官网下了itunes安装的时候出现了这个问题求解释！！！ </t>
  </si>
  <si>
    <t>从没遇到过。看看是否可以重装这个installer组件。或者运行windows update更新一把，再试试安装itunes</t>
  </si>
  <si>
    <t xml:space="preserve">托欠工资问题我在莆田一家鞋厂上班，我们厂经常托欠工资，现在没有事 </t>
  </si>
  <si>
    <t>第一步：找老板去协商解决！当然能够解决最好！第二步：如果没有解决好可以去劳动仲裁局请求介入解决！第三步：上述两条都无法实施动用《中华人民共和国法》相信没有解决不好的问题的！最后别忘了递上你的辞职报告。我认为应该没有必要和你现任的老板继续有任何工作上的关系的吧！因为他（她）不可信！！！！</t>
  </si>
  <si>
    <t xml:space="preserve">指甲的问题指甲横向起波浪纹，请问这是什么毛病？ </t>
  </si>
  <si>
    <t xml:space="preserve">指甲上的健康秘密你知道吗？     指甲堪称身体健康状况的一块“晴雨表”，通过指甲的细枝末节可以观察身体状况的变化，不信?现在就好好审视一下自己的指甲吧! 健康指甲：     指甲本身扁平而有韧性，具有光泽，呈现淡淡的粉红色，大小适中，长度约为指节的一半，长宽比例约为4：3，边缘整齐。 纵纹：可能意味着维生素缺乏症或肠胃功能障碍，或是身体有炎症(例如风湿病)。 爱心提示：服用维生素合剂或补充维生素E和维生素B族。好好调理肠胃．或者去看医生查明炎症病灶。 横纹：多出现在患传染性疾病之后．也可能发生在手术后、精神危象后或营养不良等情况下。 爱心提示：消除病源。通过合理营养使身体恢复健康。 白斑：缺钙、内分泌失调等都可能导致白斑出现，甚至指甲修整不善而产生的气泡。压力或冲击也会形成白斑。 爱心提示：请医生诊断，查明原因。修饰指甲要采用适当的器具和技巧。 指甲分层：由各种真菌引发，腐蚀性制剂(如某些清洁剂、消毒剂)也会导致问题出现。 爱心提示：涂指甲油加以保护。使用清洁剂、消毒剂等擦洗时务必戴上橡胶手套，请医生检查有无真菌感染。 指甲变色：固定涂抹深色指甲油或因尼古丁污染所致；肝、胆有问题或有传染性疾病。 爱心提示：涂指甲油前要先涂底油。戒烟，实在无法戒除则用烟嘴吸烟。请医生检查有无健康障碍。     通过指甲．还能看出你身体上其它的一些健康隐患。 指甲大小：指甲偏大、手指又细的人，易患呼吸系统疾病；指甲狭长者，易患脊髓病，妇女则易歇斯底里；甲身宽阔而短，宽度大于长度，这种人多心脏较弱，易患知觉麻痹症，且易患腰腹部疾病，妇女则易发生子宫卵巢病变。 指甲形恋：从侧面看指甲，若是明显的扁平状．表示消化系统功能失调；甲身如筒附着在甲床上，易罹肿瘤。甲身嵌入肉内的人，肝脏机能衰退。如果甲身翻曲，向上翻曲的人多患有脊髓病或酒精中毒、风湿病；向下翻曲则表明患有气滞淤血或缺钙。 半月甲：半月甲人称“健康圈”，一般占指甲长度的1／5，呈白色。若变成粉红色，可能有病变。半月甲太大者，具有高血压、中风体质；过小或不明显者，则易患气喘，肺炎、痛风、消化系统疾病。十指都看不到半月甲的人，多患有贫血，神经衰弱、低血压等。 健康指甲美食建议     如果缺乏应有的维生素。微量元素等营养素，指甲可能会缺乏光泽、变得易断，易裂。大豆卵磷脂有助于滋补指甲根部血管。也可以每天服用富含维生素和矿物质成分的海藻胶囊，善存片等。保证指甲的正常营养。 维生素A：存在于禽蛋、奶酪，黄油和动物肝脏内，在甘蓝、蘑菇、胡萝卜、菠菜中也有。 B族维生素：在葵花子、谷类、坚果、动物肝脏、啤酒酵母中较多。 维生素C：猕猴桃、柑橘、苹果，酸枣、菠菜、辣椒等水果、蔬菜中含量较多。 钙：含在牛奶、奶制品、鱼、无花果、甘蓝和杏仁中。 铁：豆类、杏、干果．动物肝脏、蛋黄、菠菜等含量较大。 碘：存在于海鱼、海贝、牡蛎、菠菜，牛奶及加碘食盐中。 镁：香蕉、土豆、家禽、全麦粉及葡萄酒中含量较多。 锌：鱼、去皮动物、奶、瘦肉中较丰富。    人说“药补不如食补”，通过食物可以摄取绝大多数营养素。如果平时的饮食能按照营养需求比例进行合理的调配，蔬菜和水果的选择又做到了新鲜、无污染，那么将对身体健康大有裨益。养分会通过血液循环供给皮肤、毛发和指甲。但指甲每天只生长0.1毫米，至少要三五个月才能反映出补充营养后的效果。  </t>
  </si>
  <si>
    <t xml:space="preserve">小花仙寻找牡丹花种子（全部颜色）在哪里？？？急急急急急急急急急！? </t>
  </si>
  <si>
    <t>去塞拉那里买</t>
  </si>
  <si>
    <t xml:space="preserve">索爱手机Ｗ５５０的排线要多少钱？哪里有的卖？ </t>
  </si>
  <si>
    <t>50元至80元左右,要视你当地的收费为准.至于在哪里有得卖,你去手机维修店就有的,而且还会帮你换上去.</t>
  </si>
  <si>
    <t xml:space="preserve">FS高手进.52FS怎么升级快.在哪打什么怪,最省钱,升级又快? </t>
  </si>
  <si>
    <t>去拍卖,选一些+真气恢复的装备,加点都加灵然后1.不在没有MM状态的时候刷怪(耐打,回红蓝快)2.只刷天上或者水里的怪(经验多,血少,好打)3.把润泽学了,70左右就可以到10000蓝,一个真元爆发就给1000蓝.4.学好火鸟,编好连续技,怪打不到,你3下一个怪.5.尽量用小火做结束连续技,爱出东西(个人感觉,没有理论根据)</t>
  </si>
  <si>
    <t xml:space="preserve">登月及探月的次数及国家有哪些？除苏美登月外还有别的国家吗？人类共 </t>
  </si>
  <si>
    <t xml:space="preserve">人类探测月球的历史 1958-1976年，在冷战背景下，美国和前苏联展开了以月球探测为中心的空间竞赛，掀起了第一次探月高潮。在将近20年的时间里，美国和前苏联共发射83个月球探测器，成功45个，成功率为55.5%。1969年7月，美国阿波罗11号飞船实现了人类首次登月，把人类的第一个脚印踩上了月球。之后，阿波罗12、14、15、16、17和前苏联的月球号16、20和24进行了载人和不载人登月取样，共获得了382公斤的月球样品和难以计数的数据。月球探测取得了划时代的成就。 美国最早于1958年8月18日发射月球探测器，但由于第一级火箭升空爆炸，半途夭折了。随后又相继发射3个先锋号探测器，均告失败。1959年1月2日，前苏联发射月球1号探测器，途中飞行顺利，1月4日从距月球表面7500千米的地方通过，遗憾的是未能命中月球。月球1号发射两个月后的3月3日，美国发射的先锋4号探测器，从距月面59000千米的地方飞过，也未击中月球。 从1958年至1976年，前苏联发射24个月球号探测器，其中18个完成探测月球的任务。1959年9月12日发射的月球2号，两天后飞抵月球，在月球表面的澄海硬着陆，成为到达月球的第一位使者，首次实现了从地球到另一个天体的飞行。它载的科学仪器舱内的无线电通信装置，在撞击月球后便停止了工作。同年10月4日月球3号探测器飞往月球，3天后环绕到月球背面，拍摄了第一张月球背面的照片，让人们首次看全了月球的面貌。 世界上率先在月球软着陆的探测器，是1966年1月31日发射的月球9号。它经过79小时的长途飞行之后，在月球的风暴洋附近着陆，用摄像机拍摄了月面照片。1970年9月12日发射的月球16号，9月20日在月面丰富海软着陆，第一次使用钻头采集了120克月岩样品 ，装入回收舱的密封容器里，于24日带回地球。1970年11月10日，月球17号载着世界上第一辆自动月球车上天。17日在月面雨海着陆后，月球车1号下到月面进行了10个半月的科学考察。最后一个月球24号探测器于1976年8月9日发射，8月18日在月面危海软着陆，钻采并带回170克月岩样品。至此，前苏联对月球的无人探测宣告完成，人们对月球的认识更加丰富和完整了。 美国继前苏联之后，先后发射了9个徘徊者号和7个勘测者号月球探测器。后来，美国又发射了5个月球轨道环行器。 1969年，美国的阿波罗11号载人登月成功，成为人类对月球探测一个里程碑，一个划时代的标志事件。 随着冷战的结束，1976年以后，人类长达18年没有进行过任何成功的月球探测行动。 </t>
  </si>
  <si>
    <t xml:space="preserve">初3二次函数抛物线y=ax^2+bx的顶点在第二象限,则a__0 </t>
  </si>
  <si>
    <t>因为没有常数项,所以图象过坐标顶点,欲使顶点在二象限,故必须是图象开口向下,所以a&lt;0,又b/2a&lt;0,所以b&gt;0</t>
  </si>
  <si>
    <t xml:space="preserve">管理员肆意删帖,我已向新浪举报!我们的管理员同志,其实和我们一样 </t>
  </si>
  <si>
    <t>说的有道理!怎么可以这样随便删贴呢??</t>
  </si>
  <si>
    <t xml:space="preserve">为什么在家进不了的网页在单位能进?我的电脑最近在家里上网时进不了 </t>
  </si>
  <si>
    <t>上述情况还没解决的话,你看看重装傲游,或者使用别的浏览器...再不行,你就重装系统吧..这样什么事情都可以解决</t>
  </si>
  <si>
    <t xml:space="preserve">做腊八蒜时,蒜在醋里浸泡后出现的颜色是绿色还是蓝色? </t>
  </si>
  <si>
    <t>绿色和蓝色的我都见过，那种符合我不清楚，但是生活中见到的绿色较多，特别是见光后大蒜中有叶绿体出现，绿色的蒜瓣就比较常见了。</t>
  </si>
  <si>
    <t xml:space="preserve">AMDcpu的正常温度是多少?你们cpu的温度是多少啊?我开机一 </t>
  </si>
  <si>
    <t>可能是硅脂问题</t>
  </si>
  <si>
    <t xml:space="preserve">QQ三国杀马贼头领的任务马贼头领在哪里？我怎么在绝龙谷找不到啊？ </t>
  </si>
  <si>
    <t>这个游戏所有的BOSS刷的地方都是在BOSS地图的随即位置 没有固定刷在哪 每5分钟刷一次</t>
  </si>
  <si>
    <t xml:space="preserve">条码应用管理软件、产品效期管理及近效期提醒软件，各位大侠有什么好? </t>
  </si>
  <si>
    <t>推荐用金蝶K3条码仓库管理的呀~~金蝶K3实现条码化管理，馨宝软件——条码仓库管理软件与速达软件无缝衔接，数据库数据同步更新，主要功能介绍如下。货品进出库，扫描货品上条码即可完成货品的进库、出库单录入：采购开单入库：扫描入库产品上的条码，系统自动处理采集入库数据，完成采购入库;领料单出库：扫描要领的材料上的条码，系统自动处理领料出库数据，完成领料出库;验收单入库：扫描要入库的产成品上的条码，系统自动处理产成品入库数据，完成验收入库;销售开单出库：扫描出库货品上的条码，系统自动处理销售出库数据，完成销售出库;数据查询：查询各条码的货品的入库、出库明细清单;（查询各货品的入库、出库明细清单）货品条码编码：可灵活的按企业要求对货品条码进行编码;基础资料：货品资料、仓库资料、客户资料、供应商、生产车间等资料与速达软件一致。公司专业从事条码管理软件的研发与销售，结合数百家企业的管理经验，公司已研发出一系列的软件产品： 条码仓库管理软件、专业线化妆品管理软件、高级家用锁生产仓储物流管理软件、条码防窜货管理软件、条码物流管理软件、销售跟踪管理软件、售后服务跟踪管理软件、生产流程管理软件、监管码打印软件等;</t>
  </si>
  <si>
    <t xml:space="preserve">招换的问题。改版了法师五十二级还可以招魔狼吗？魔狼有没有降底攻击 </t>
  </si>
  <si>
    <t>从改版的信息上看，52级还可以招魔狼，至于是否改弱就没有提到。。。。两个 魔狼要10点魅力，3只要18点魅力召唤魔狼只数的公式是：魅力+6/8</t>
  </si>
  <si>
    <t xml:space="preserve">圣诞节教堂的活动一般是从什么时候开始举行? </t>
  </si>
  <si>
    <t>是从圣诞节的前一天晚上就开始了</t>
  </si>
  <si>
    <t xml:space="preserve">张根硕是双眼皮吗？如题 </t>
  </si>
  <si>
    <t>他是一单一双</t>
  </si>
  <si>
    <t xml:space="preserve">谁能给我解释下有关神秘商人的资料啊谁知道凤舞天骄里的神秘商人都有 </t>
  </si>
  <si>
    <t xml:space="preserve">最有用的是极限挑战，是刷声望的好东西。以下是神秘商人的资料神秘商人   神秘商人为一商人形象的 NPC ，会在每天的早上 9 点，中午 14 点，晚上 20 点出现。每次出现后持续 2 个小时。神秘商人出现后有全服提示：“神秘商人出现在了 XX （地点名）”。神秘商人会出售一些的特定的任务卷轴，但是每个神秘商人出售的任务卷轴也不完全一样，另外神秘商人会出售部分“神秘任务”中所奖励的物品。 神秘商人出售的物品均为通宝物品。   每个玩家每天有一次机会花费 2 通宝将神秘商人的位置通报给所有玩家，并得到 1 点声望奖励。   能够出现神秘商人的场景有：东冉村、武安、灵寿 、荡阴山 、掖 、饶安、泰山山顶、陈城、吴郡、大泽乡、崧高山、红民村、上蔡郊野、野王、雍南郊、顿丘平原                畸形的仇恨   兔子杀手  任务描述：由于东冉村的兔子繁殖的太快，造成了大量的草地被啃食，身为绿色和平组织的小凤认为这是不对的，要求你去清理下兔子。任务NPC：新手村 小凤2种任务卷轴。卷轴1使用等级需求： 20级任务目标：杀死199只兔子完成任务可以得到称号：“兔子灭绝者”任务奖励：见后附 卷轴2使用等级需求： 30级任务目标：杀死499只兔子完成任务可以得到称号：“绿色和平大使”任务奖励：见后附               畸形的仇恨   蜘蛛天敌  任务描述：东冉村的蜘蛛老是四处吐丝，结果小桦的妈妈总是说小桦打扫屋子不够彻底，小桦也总因为这个吃“竹笋炒肉”，帮助小桦消灭掉一定数量的蜘蛛。2种任务卷轴。卷轴1使用等级需求： 20级任务目标：杀死199只蜘蛛 完成任务可以得到称号：“沾满蜘蛛丝的人”任务奖励：见后附特殊奖励5份 竹笋炒肉 卷轴2使用等级需求： 30级任务目标：杀死499只蜘蛛完成任务可以得到称号：“家庭扫除好帮手”任务奖励：见后附特殊奖励7份 竹笋炒肉               畸形的仇恨   乌龟灭绝者  任务描述：由于东冉村的乌龟走起路来总是墨墨迹迹的，让静 秋 先生绊倒，静 秋 先生很是恼火，他希望有一个人能去惩罚一下动作缓慢的乌龟。 卷轴 1使用等级需求： 20 级 任务目标：杀死 199 只乌龟 完成任务可以得到称号：“与乌龟比速度的”任务奖励：见后附 卷轴 2 使用等级需求： 30 级 任务目标：杀死 499 只乌龟 完成任务可以得到称号：“尊老标兵”任务奖励：见后附                畸形的仇恨   锦鸡毒手  任务描述：由于东冉村大量的锦鸡，造成了早上五点左右，就鸡鸣不已，此起彼伏，搞的小阳想睡懒觉都不成，非常郁闷。 卷轴 1 使用等级需求： 20 级 任务目标：杀死 199 只锦鸡 完成任务可以得到称号：“一身鸡毛” 任务奖励：见后附 卷轴 2 使用等级需求： 30 级 任务目标：杀死 499 只锦鸡 完成任务可以得到称号：“懒虫守护者” 任务奖励：见后附                畸形的仇恨   猎鹿人   任务描述：东冉村小乐的奶奶被村外的鹿撞伤了，听说鹿血滋补，所以想让你搞点鹿血来，顺便惩罚一下这些跳来跳去的鹿。 卷轴 1 使用等级需求： 20 级 任务目标：杀死 199 只鹿 完成任务得到称号 “猎鹿人” 特殊奖励 5 个 鹿血 卷轴 1 使用等级需求： 20 级 任务目标：杀死 499 只鹿 完成任务得到称号 “超级猎鹿人”特殊任务 奖励 7 个 鹿血 任务奖励： 完成 20 级，奖励一颗 悟灵丹，高级中级低级，每颗概率均为 1/3 。 完成 30 级，奖励两颗 悟灵丹，高级中级低级，每颗概率均为 1/3 。   低级五灵丹： 15 分钟 20% 灵性获得提升 中级五灵丹： 15 分钟 50% 灵性获得提升 高级五灵丹： 15 分钟 80% 灵性获得提升                   极限挑战  守城副将对那些强大的怪物非常恼火，希望你帮他出出气。这是一系列难度很大的任务，完成任务可以得到声望和经验奖励。 接受任务后即可获得称号：一百遍啊一百遍。   任务卷轴使用级别需求： 50 级 58 级任务目标： 杀死 9 次崧高山的妖人谢维 奖励称号：执着的人 声望奖励 90 点 经验奖励： 50000   任务卷轴使用级别需求： 60 级 68 级任务目标： 杀死 8 次褒姒林的大嘴王啸天奖励称号：疯狂的人 声望奖励 120 经验奖励： 75000   任务卷轴使用级别需求： 70 级 78 级任务目标： 杀死 8 次盛乐的匈奴头子匈奴首领旗靳奖励称号：神志不清 声望奖励 160 经验奖励： 100000   任务卷轴使用级别需求： 80 级 88 级人物目标： 杀死 7 次盛乐的匈奴头子屠刀恶鬼奖励称号：癜疯边缘 声望奖励 220 经验奖励： 125000   任务卷轴使用级别需求： 80 级 99 级任务目标： 杀死 7 次衡山山洞的歧守奖励称号：非正常人类 声望奖励 500 经验奖励： 150000                紧俏物资   虎骨酒  郎中最近缺少药材，虎骨泡酒是绝佳的滋补品，郎中希望你去帮助他收集一些虎骨。 任务目标： 虎（收集虎骨） 收集 10 个虎骨 杀死 荡阴山 的老虎掉落虎骨   完成任务后可以选择从正常奖励和特殊奖励中选择一项：   正常奖励： 经验奖励： 6500 金钱奖励： 4000 特殊奖励：（需选择） 随机奖励 1-5 个虎骨酒   每种酒的概率：虎骨酒（优）：1/9虎骨酒（中）：2/9虎骨酒（差）：3/9虎骨酒（劣质）：2/9 虎骨酒（假酒）：1/9  属性： 虎骨酒（优）：60 点攻击力， 6 点生命恢复，持续 10 分钟。 虎骨酒（中）：40 点攻击力， 4 点生命恢复，持续 10 分钟。 虎骨酒（差）：20 点攻击力， 2 点生命恢复，持续 10 分钟。 虎骨酒（劣质）：1 点攻击力， 1 点生命恢复，持续 10 分钟。 虎骨酒（假）：无效果                紧俏物资   收集狼牙   因为听说狼牙可以辟邪护身，巧姐希望你去杀死荡阴山的狼并取回狼牙，用狼牙给自己的孩子做一些。 狼（收集狼牙） 收集 10 个狼牙 杀死 荡阴山 狼掉落狼牙   完成任务后可以选择从正常奖励和特殊奖励中选择一项：   正常奖励： 经验奖励：6500 金钱奖励： 4000 特殊奖励：（需选择）随机奖励 1-5 个珠宝 珠宝 ( 优 )：1/9 珠宝 ( 中 )：2/9 珠宝 ( 差 )：3/9 珠宝 ( 劣质 )：2/9 珠宝 ( 假 )：1/9   卖店价格： 珠宝（优）：10000 珠宝（中）：3750 珠宝（差）：1000 珠宝（劣质）：125 珠宝（假）：1                紧俏物资   收集妖狐皮   裁缝想做一件衣服献给 国 君，听说周室陵墓地宫的妖狐皮质地优秀，所以裁缝希望你去杀死周室陵墓地宫的妖狐，并采集它的皮 收集 10 张妖狐皮 杀死周室陵墓地宫的妖狐掉落妖狐皮   完成任务后可以选择从正常奖励和特殊奖励中选择一项：   正常奖励： 经验奖励： 6500 金钱奖励： 4000 特殊奖励：（需选择）随机奖励 1 个个性化头饰 头饰 _ 瓜皮帽 ( 黑 )：1/9 头饰 _ 武生帽：2/9头饰 _ 花环 ( 红 )：3/9头饰 _ 斗笠：2/9 头饰 _ 官帽（圆）：1/9   头饰的有效期为 1 天。                紧俏物资   收集豹爪   咸阳的一户人家拜托铁匠打造一口天地之间最坚固的宝剑，铁匠正在为天下最坚固的材料而发愁，传闻岐山的豹子非常凶猛，只因为他们的爪子异常尖利，铁匠希望你去杀死它们，并把他们的爪子搞来，他愿意用祖传的大力丸与你兑换。   豹（收集豹爪） 收集 10 个豹爪 杀死岐山的豹子得到豹爪   正常奖励： 经验奖励：6500 金钱奖励：4000   特殊奖励：（需选择）随机奖励 1-5 个大力丸 大力丸（优）：1/9 大力丸（中）：2/9 大力丸（差）：3/9大力丸（劣质）：2/9大力丸（假酒）：1/9   大力丸（优）：增加 180 点体力 大力丸（中）：增加 120 点体力 大力丸（差：增加 60 点体力 大力丸（劣质）：增加 1 点体力 大力丸（假）：无效                紧俏物资   收集熊皮  总管在筹备过冬物资，现在最缺少的是熊皮，他说荡阴山的熊皮质量最好，是保暖过冬的好东西，他希望你去杀死荡阴山的熊，并收集它们的皮毛。 熊（收集熊皮） 收集 10 个熊皮   杀死荡阴山的熊 掉落   正常奖励： 经验奖励：6500 金钱奖励：4000 特殊奖励 （需选择）奖励 1 个   上部藏宝图碎片甲：1/9中部藏宝图碎片甲：2/9下部藏宝图碎片甲：3/9 藏宝图 ( 劣质 )：2/9藏宝图 ( 假 )：1/9   配合神秘商人出售的藏宝图和怪物掉落的藏宝图可以找聊城的拼出完整的藏宝图。                 武林绝学   铁头功  领取任务 NPC ： 寿春：卫兵欧阳 任务目标怪物：寿春的秃鹫   真书 增益状态，假书 状态效果不好。 成功奖励：3/4 真书。1/4 假书 失败奖励：3/4 假书。1/4 真书 书可以使用 28 次                武林绝学   金钟罩   任务领取 NPC ： 邯郸：守门卫兵老黄 任务目标怪物：邯郸的秦任同伙   真书 增益状态，假书 状态效果不好。 成功奖励：3/4 真书。1/4 假书 失败奖励：3/4 假书。1/4 真书 书可以使用 28 次                武林绝学   草上飞  任务领取 NPC ： 临淄：守卫洪八 任务目标怪物：临淄的蜥蜴   真书 增益状态，假书 状态效果不好。 成功奖励：3/4 真书。1/4 假书 失败奖励：3/4 假书。1/4 真书 书可以使用 28 次                武林绝学   如来神掌  任务领取 NPC ： 洛阳：小说家吴知 任务目标怪物：巩邑的 蛇行双头怪  真书 增益状态，假书 状态效果不好。 成功奖励：3/4 真书。1/4 假书 失败奖励：3/4 假书。1/4 真书 书可以使用 28 次                武林绝学   小李飞刀  任务领 NPC ： 咸阳：守卫老段 任务目标怪物：咸阳的崆?   真书 增益状态，假书 状态效果不好。 成功奖励：3/4 真书。1/4 假书 失败奖励：3/4 假书。1/4 真书 书可以使用 28 次                   农妇山泉  •  农妇，山泉，有点田： 与梗阳的老人王二 第一部：寻找老人王二的初恋对象，东冉村的贺青花，找到后贺青花告知之前和王二的定情玉镯被村外的流氓抢走了，希望你帮她夺回来。   第二部：泉水 •  买瓶，可以在梗阳的刁赐买到装水用的铜瓶 •  取水，去崧高山的泉水源头采集半瓶泉水 •  取水，去衡山山东的宝露坛采集半瓶泉水   第三部：杀死梗阳的强盗替老人王二夺回丢失的田契   任务奖励： 草莓勋章： 女性玩家携带此物品与东冉村快嘴贺青花对话可以领取称号：草莓   蟋蟀勋章： 男性携带此物品与东冉村快嘴贺青花对话可以领取称号：蟋蟀             </t>
  </si>
  <si>
    <t xml:space="preserve">用什么软件制作ISO文件？ </t>
  </si>
  <si>
    <t xml:space="preserve">很多的，推荐你用迷你虚拟光驱  .该工具使用标准的ISO文件,当然也带了光盘压制成ISO和部分收纳ISO功能.绿色软件，无须安装,无须重启. 下载地址 </t>
  </si>
  <si>
    <t xml:space="preserve">关于酸的问题1MOL/m3的盐酸和1MOL/m3的硝酸的导电性谁 </t>
  </si>
  <si>
    <t>HCl略强一些，因为Cl-的导电能力比NO3-略强。一个数据：NaCl，NaNO3在稀溶液中的摩尔电导率依次为：        1.26×10^-2，1.21×10^-2 S•m2/mol</t>
  </si>
  <si>
    <t xml:space="preserve">电脑好卡我的电脑玩网络游戏好卡，请问是显卡的问题还是cpu的问题 </t>
  </si>
  <si>
    <t>卡的原因挺多，有可能是你的机器的配置不够高，要不就是你系统不行了，如果你的服务器（网通电信）选的对的话，网速的问题不是很大</t>
  </si>
  <si>
    <t xml:space="preserve">好喜欢这双鞋哪里有卖[爱你] </t>
  </si>
  <si>
    <t>到专卖店就有。</t>
  </si>
  <si>
    <t xml:space="preserve">鸡蛋放在醋里，两天后会是怎么样？如题 </t>
  </si>
  <si>
    <t>鸡蛋壳会变软,甚至消失.因为鸡蛋壳的主要成分是碳酸钙,与醋里的氢离子反应,生成可以溶于水的钙盐和其他物质.参考方程式:CaCO3(碳酸钙)+2CH3COOH(醋酸,醋的主要成分)=(CH3COO)2Ca(醋酸钙)+H2O(水)+CO2↑(二氧化碳)</t>
  </si>
  <si>
    <t xml:space="preserve">为什么我女朋友和我做爱的时候，到最后总说有想尿尿的感觉？她真的会? </t>
  </si>
  <si>
    <t xml:space="preserve">?道前有膀胱及尿道，後有直腸，所以有?r可能因?轶w位及角度的因素，造成?莖直接撞?粼谥蹦c或是膀胱上，所以女性?斜阋饣蚴悄蛞狻？梢钥?]改?自己的身體位置，或是和男友?贤ㄒ幌拢{整進入的角度，???X得有所改善。 </t>
  </si>
  <si>
    <t xml:space="preserve">我传的图片太大我往博客上传的图片为什么那么大呀，太占地方，要怎么 </t>
  </si>
  <si>
    <t>不知道你使用什么办法在缩小图片,如果是用压缩(winzip,winrar),建议你放弃,用图像处理软件吧. 我前两天刚刚回答了个差不多的问题,现把答案再贴给你看看,写得还算详细,相信对你有帮助:(photoshop改其实挺快,也不难) 图像在photoshop中打开以后,点击菜单里的image---image size(图像---图像大小---用惯了英文版的,中文的意思大概是这样),会出现一个面版,看见它的中下部没有,就是print size(打印尺寸)里,这里有你图像的长和宽,长宽的单位可以自己调节,一般都会用cm了,然后再往下有resolution(分辨率),你扫描是分辨率是可以自己定的,一般可能会默认成300dpi(dot per inch--分辨率的单位),如果是一般就只在网上发图,72dpi是足够的也是最常见的,要想图片质量更好,可以选择150或200,甚至300(当然,300时图片尺寸太大也可能jpg格式压不小,自己把握).这个面板的其它选项自己试试就能弄明白,很简单.调好以后,点击ok(确定). 这时要注意的是,图片没动尺寸只改小分辨率,图片大小变小了,会丢失一部分图像资料,也就是再放大后不那么清楚,如果你以后还会用到原图,请另存图片. 点击file(文件),save as(另存为),弹出另存为面板,选好你要储存的文件夹,在save as栏的下拉菜单中选择jpeg格式,点ok,弹出jpeg option面板,这里有一个image option(图像选项),quality(质量),我一般点击3到5,指得是图像的压缩程度,数字越大,图像压缩程度就越小,相应文件就越大,再点击ok,就真的ok了.可以用一个文件反复存多个jpg文件试试,看看每次不同压缩比例存完以后文件大小的不同,很快就会掌握. *建议不要压到1,压到3就差不多了.当压缩到1(或3)的时候文件还是过大,就一定是你的图片本身过大,需要调整大小或分辨率了(参看上文). 最后申明一点:所谓压缩以后图像有损失之类,是从原理上来说的,你压缩的比例,和你压缩的次数都会使图像丢失一些颜色信息,但是只要你原图本身很清楚,压缩以后再观看,肉眼是很难查别不同的.不会像想像中那么吓人(我曾经把60兆的tif图压成1兆多的jpg图--便于从网上传--照样去做印刷--还可以压得更小,可以看情况定). jpg压缩时正确做法是能不压小就不压小,但是真正会给图像造成肉眼可见的损失的,是改变图像大小或分辨率.所以上面我建议你另存文件.</t>
  </si>
  <si>
    <t xml:space="preserve">射手座应当与什么星座的人相结合？ </t>
  </si>
  <si>
    <t>射手座：是不喜欢被束缚的星座　  在精神及言行上憎恨束缚的自由者，应找一位宽大而可共享快乐，互相安慰的对象。光明磊落、明朗快活、慷慨大方，生活观一致的狮子座；具崇高理想及目的又能积极创造机会的白羊座；同属乐天性格的射手座，都会带来幸福。不相称的如消极悲观的双鱼座使你难以实现理想；肤浅而神经质的双子座，最后只有分离；过于细腻严谨的处女座会使你有束缚感。    不过这只代表你的太阳星座，只占40%的比例，还要参看你的月亮，上升，金星等，不可一概而论！</t>
  </si>
  <si>
    <t xml:space="preserve">为什么我的电脑在DOS下看不到其它分区，只有一个A区的呢？请教下 </t>
  </si>
  <si>
    <t>你的硬盘分区格式都是什么？NTFS格式？如果是NTFS格式，由于DOS下不能识别NTFS，所以在DOS下就无法显示。但如果不是NTFS格式，则可能存在硬盘主引导扇区的分区表混乱的问题。</t>
  </si>
  <si>
    <t xml:space="preserve">用PHOTOSHOP怎么把照片里人的皮肤改光滑啊？ </t>
  </si>
  <si>
    <t>·选区选好你要更改的区域。 ·按CTRL+ALT+D对选区边缘进行羽化。 ·用特殊模糊使皮肤变的光滑 对于羽化选区，可以防止周围区域在更改过程中出现过度色不协调的问题，羽化越大特效过度面积越大。·用CTRL+M调节脸部亮度，用可选颜色ALT+I+A+S,点黄降低面部黄色调，使脸部更清秀。·至于脸部严重杂点是模糊无法彻底清除的，这时候我们才会用到仿制图章，用法是：按ALT选择你要复制的点，点鼠标左键选中，再放开ALT直接粘贴到你要覆盖的点去，熟能生巧，刚开始可能会不习惯。</t>
  </si>
  <si>
    <t xml:space="preserve">你怎么不写小说啊我觉得你应该能写出小说，怎么不写呢？ </t>
  </si>
  <si>
    <t>呵呵，我感觉写小说是一个很浩大的工程。能写出小说的人，都很不简单，更重要的是我比教懒，和写小说相比我更愿意看小说，哈哈，所以你就加油吧，我等着欣赏你的作品。</t>
  </si>
  <si>
    <t xml:space="preserve">第11006期好朋友些想讨论的进来占位置先我先把位置放出来，15 </t>
  </si>
  <si>
    <t>哎呀呀，来晚了，好靠后，小球迷还是要照顾下老乡三！O(∩_∩)O哈哈~</t>
  </si>
  <si>
    <t xml:space="preserve">关于换手率与成交量某只股票的换手率突然上升，成交量放大，可能意味 </t>
  </si>
  <si>
    <t>价和量要结合着看才可以,只看量没什么意义的只记住一点,股票涨,就是供不应求;跌就是供大于求放量,说明买卖成交活跃.也意味着市场分歧很大.买和卖的人都很多.股价处于极度不稳定的状态.如果股票长期下跌后出现的放量上涨,说明市场由一致看空,转为多空开始平衡,甚至倾向多方;如果长期上涨后的放量滞涨,说明市场由一致看多,转为多空平衡.这只是两种情况,还有很多情况,可以照此推理</t>
  </si>
  <si>
    <t xml:space="preserve">关于发电站！海口的风力发电站在那个市？我国正在兴建全国最大的水力 </t>
  </si>
  <si>
    <t xml:space="preserve">1.海口的风力站在海口市海口南路的北边。2005-09-30海口南路的北边，耗资新台币十八亿元的台中风力发电站工程刻正进行着。台电预计在此设立的二十二套风力发电机组，沿着海口南路开始陆陆续续装置起来，装上风扇叶片的机组看起来像一个超级巨大的小叮??竹蜻蜓，尚未装上叶片的风力发电机组，光秃秃的铁柱，不知情的人还以为是特大号的电线?U。沿着海口南路一一架设起来的风力发电机组，不但标示着台湾往再生能源政策方向迈进的里程碑，台中风力发电工务所主任陈武雄说，俟风力发电所明年五月完工后，预计将成为台中港及清水镇新地标及观光景点，带动地方观光繁荣。2.我国正在兴建全国最大的水力发电站是三峡电站。三峡电站：我国装机容量最大发电能力最强水电站     新华网重庆２月７日电（记者 陈敏）三峡工程投产第一年，首批机组的实际发电能力已经超过了二滩水电站和葛洲坝水电站，成为中国装机容量最大、发电能力最强的水电站。     国务院三峡工程建设委员会办公室副主任卢纯近日作上述表示。     他在重庆市移民培训工作会上说，截至２００３年１２月底，三峡工程左岸电站已累计发电８６．２亿千瓦时，创造了一年内装机４２０万千瓦、连续投产６台７０万千瓦的水电安装和投产世界纪录。他预计三峡电站今年又将增加４台、力争５台机组投产发电，全年累计发电量将超过５００亿千瓦时。     </t>
  </si>
  <si>
    <t xml:space="preserve">小猫为什么喜欢咕噜咕噜的而且还一直蹭我家的猫是只小野猫，是我刚放 </t>
  </si>
  <si>
    <t>咕噜那是它觉得舒服踏实，跟你撒娇呢~要是小野猫就是想让你带它回家，跟你做朋友</t>
  </si>
  <si>
    <t xml:space="preserve">身份证重置：否何解?&amp;lt;号上6000+时间其他太一般我就不说 </t>
  </si>
  <si>
    <t>就是不能改身份证的意思，这种号建议别买，被找会的机会大于98%。</t>
  </si>
  <si>
    <t xml:space="preserve">修理费的问题完美世界里的装备损坏得又快，耐久度又底，最后修理费更 </t>
  </si>
  <si>
    <t>你打到东西卖商店的话 你先修了 可以高出很多的钱!!!!!!</t>
  </si>
  <si>
    <t xml:space="preserve">MSN能下载2012了吗？MSN2012有哪些功能更新？ </t>
  </si>
  <si>
    <t>好像还没看到2012版的</t>
  </si>
  <si>
    <t xml:space="preserve">谁知道这乐器的名字？前苏联的一些电影里经常可以看到红军战士围着篝 </t>
  </si>
  <si>
    <t>那也是开合风箱变音式手风琴，是最初的手风琴，名叫巴扬（БАЯН），　最初，俄罗斯的手风琴并不是一次就命名为巴扬（БАЯН），而是叫卡拉莫尼卡（ГАРМОНИКА），是最简单的手风琴，它左手的和声功能和右手的键盘都非常简单。最早的卡拉莫尼卡产生于18世纪末的俄罗斯，它们的制造者是圣.彼得堡的基洛什尼科。在19世纪初，手风琴逐渐在艾里茨别特格勒和图拉越来越出名。在图拉当地的工匠制作出来了最简单的手提式手风琴。　　图拉手风琴是所有的俄罗斯民族手风琴的基础，它的体积小，通过风箱不同的开关运动产生不同的音高，与口琴的原理基本相同。它是俄罗斯的民族乐器，当然后来也流传到了中国，比如我国少数民族的“俄罗斯族”就有这样的乐器找不到您说的那种款式的图片了，这是最接近的图片。</t>
  </si>
  <si>
    <t xml:space="preserve">喜欢一个妹子但是找不到话说怎么办？求建议。 </t>
  </si>
  <si>
    <t>约一班人一齐玩就得啦，甘米有野讲咯。自己也要平常心对待，这样先沟通到噶。妹纸是个喜欢说话的人吗？如果是的话你就观察她经常的话题，投其所好，这样比较好</t>
  </si>
  <si>
    <t xml:space="preserve">怎样锻炼胸肌 </t>
  </si>
  <si>
    <t>你好，想快速的练出胸肌，我教你比较科学，最简单实用，又健康有效的动作；胸部建议你多做：俯卧撑，上斜俯卧撑（手在高处脚在低处），下斜俯卧撑（脚在高处，手在低处），夹肘俯卧撑（肘部贴着身体两侧做），引体向上，双杠屈臂支撑，也可以双手持哑铃，做仰卧飞鸟，俯卧飞鸟，仰卧推举，划船，躯体硬拉；每次选择3个动作，各做4-6组，每组8-12次，组间休息1-2分钟，练习完注意放松胸部肌肉！ 注：俯卧撑双手撑地时与肩同宽（增加厚度），比肩稍宽（增加宽度）；抬高脚的距离一般在50公分以内选择适合自己的高度！PS：每周最少5天运动，可以适当休息两天。效果很好，见效很快哦！</t>
  </si>
  <si>
    <t xml:space="preserve">大唐发电如何操作请问大唐发电近期如何操作？？对他没有期望了 </t>
  </si>
  <si>
    <t>去年大幅炒作，今年换股操作。</t>
  </si>
  <si>
    <t xml:space="preserve">关于邮政汇款的问题。邮政汇款的汇款单有回执方式这一栏，到底是什么 </t>
  </si>
  <si>
    <t>这在汇款的时候邮局就已收费，收款人只需在收到款后在上面签个字通过邮局汇回，收款人无需付费。这属于邮局附加业务。</t>
  </si>
  <si>
    <t xml:space="preserve">外国的圣。安东尼奥是动物保护神吗？哪位可以提供相关的资料0分 </t>
  </si>
  <si>
    <t>2006年1月17日，在西班牙马德里的撒法力公园，人们正在庆祝当地传统的圣·安东尼奥(动物的保护神)节。图为一位教士正在祝福一条蟒蛇。</t>
  </si>
  <si>
    <t xml:space="preserve">拉齐奥必胜！！已经4个主场未胜，肆要拿下升班马抱一箭之仇，给球迷 </t>
  </si>
  <si>
    <t>你是垃齐奥的球迷嘛？哈哈 那么盼望哦</t>
  </si>
  <si>
    <t xml:space="preserve">王安石的《伤仲永》用了那些表达方式？各有什么作用？ </t>
  </si>
  <si>
    <t xml:space="preserve">叙述、议论 叙述：写仲永的变化 议论：强调后天教育的重要性 第1、2段写方仲永才能发展的三个阶段，即"为什么伤"，采用记叙的形式,为下文的议论提供论据。第3段写作者阐明的观点看法，即"伤什么"，采用议论的方式，说明道理。 </t>
  </si>
  <si>
    <t xml:space="preserve">我汽车制动的空压机好像有点不灵敏，但是去什么汽车修理店换空压机又? </t>
  </si>
  <si>
    <t>你的是什么车啊，是什么型号的空压机。我对汽车也有一点点了解，我建议你去深圳的青昊科技有限公司买，他们哪里有很型号 。。喵</t>
  </si>
  <si>
    <t xml:space="preserve">求一小D宏求一个现在版本的自然迅捷+治疗之触（13级）的宏。以前 </t>
  </si>
  <si>
    <t xml:space="preserve">/施放 自然迅捷 /这一个可以放个饰品!我的是 /施放 殉难者精华 /施放 治疗之触(等级 13) </t>
  </si>
  <si>
    <t xml:space="preserve">这个游戏要求的配置是多少啊？现在可以下载这个游戏了吗？ </t>
  </si>
  <si>
    <t xml:space="preserve">最低配置: 内存:256MB操作系统:Windows2000显卡:GEFORCE4,RADEON9000 </t>
  </si>
  <si>
    <t xml:space="preserve">怀孕8个月了，老是咳嗽怎么办已经试过了川贝炖梨。冰糖炖梨，川贝磨 </t>
  </si>
  <si>
    <t>八个月了，我建议你到医院化验血常规，看白细胞多高，如果是炎症性感冒引起的咳嗽需要服用适当消炎药，要是病毒感冒引起的咳嗽，需要及时抗病毒治疗，在没有弄明白是什么原因引起的咳嗽，最好不要乱用药物治疗，其次是，孕妇感冒是可以用药的，只不过用药要慎重，避免用空调电扇，祝你早日康复。</t>
  </si>
  <si>
    <t xml:space="preserve">ewido的注册与更新问题我下载了EWIDO3.5版本,解压后执 </t>
  </si>
  <si>
    <t>照道理讲，应该是有个“注册”的钮，按下这个钮以后，输入注册码，才可以完成注册。我也有个ewido反木马的程序，注册了。但后来后就没有用了，就不记得当时在怎么搞的啦。反正现在网上类似的软件内部竞争相当激烈，这个不行，就换一个用就是啦。</t>
  </si>
  <si>
    <t xml:space="preserve">帮帮忙,请问怎样恢复三星U600欧版(已刷成简体中文)的出厂设置? </t>
  </si>
  <si>
    <t>你好！三星手机一般的初始密码就是0000，如果不对的话，再试一试1234.理论上这两个里面肯定有一个是的。祝好运</t>
  </si>
  <si>
    <t xml:space="preserve">猎人风蛇宝宝的闪电是范围攻击吗?伤害有猫科的爪击高吗?还有猫头鹰? </t>
  </si>
  <si>
    <t>风蛇的闪电叫“闪电吐息”是单体的自然属性攻击魔法，拥有一定距离的射程。但是耗费能量太多了。猫头鹰...那是龙鹰啊老大！那个火是火焰属性的魔法攻击，耗费能量也很多不是拉拉风还行，不实用。爪击是王道，所以要实际的宠还是能学爪击+加速技能（潜行如果不刷副本的话也没必要了）的宠为优先。</t>
  </si>
  <si>
    <t xml:space="preserve">600710,请问紫云剑老师！请问老师，周一介入600710如何 </t>
  </si>
  <si>
    <t>600710周下介入机会不大，在等等短线可能回到7.50元介入安全一些，机械行业中线可以看好。</t>
  </si>
  <si>
    <t xml:space="preserve">一只股票成交量少而股价却大涨,这意味着什么? </t>
  </si>
  <si>
    <t>无量涨，可持股不动，放量滞涨跑出。</t>
  </si>
  <si>
    <t xml:space="preserve">长期使用茶碱缓释片有何副作用由于季节变化，对空气中有些成份过敏引 </t>
  </si>
  <si>
    <t>必要那么紧张，这个药只要服用的时候不要超过剂量和次数在一定时间内是不会有问题的．这个药没有成瘾性。当然是药就有3分毒！到了一定的时候毒素在体内堆积是有危险的． 【注意事项】1. 与其他茶碱缓释制剂一样，本品不适用于哮喘持续状态或急性支气管痉挛发作的患者。2. 应定期监测血清茶碱浓度，以保证最大的疗效而不发生血药浓度过高的危险。3. 肾功能或肝功能不全的患者，年龄超过55岁特别是男性和伴发慢性肺部疾病的患者，任何原因引起的心力衰竭患者，持续发热患者。(网   )使用某些药物的患者及茶碱清除率减低者，在停用合用药物后，血清茶碱浓度的维持时间往往显著延长。应酌情调整用药剂量或延长用药间隔时间。4. 茶碱制剂可致心律失常和（或）使原有的心律失常恶化；患者心率和（或）节律的任何改变均应进行监测和研究。5. 低氧血症、高血压或者消化道溃疡病史的患者慎用本品。【老年患者用药】老年人因血浆清除率降低，潜在毒性增加，55岁以上患者慎用。【药物相互作用】1. 地尔硫卓、维拉帕米可干扰茶碱在肝内的代谢，与本品合用，增加本品血药浓度和毒性。2. 西咪替丁可降低本品肝清除率，合用时可增加茶碱的血清浓度和（或）毒性。3.某些抗菌药物，如大环内酯类的红霉素、罗红霉素、克拉霉素、氟喹诺酮类的依诺沙星、环丙沙星、氧氟沙星、左氧氟沙星、克林霉素、林可霉素等可降低茶碱清除率，增高其血药浓度，尤以红霉素和依诺沙星为著，当茶碱与上述药物伍用时，应适当减量。4. 苯巴比妥、苯妥英、利福平可诱导肝药酶，加快茶碱的肝清除率；茶碱也干扰苯妥英的吸收，两者血浆中浓度均下降，合用时应调整剂量5. 与锂盐合用，可使锂的肾排泄增加。影响锂盐的作用。6. 与美西律合用，可减低茶碱清除率，增加血浆中茶碱浓度，需调整剂量。7. 与咖啡因或其他黄嘌呤类药并用，可增加其作用和毒性。</t>
  </si>
  <si>
    <t xml:space="preserve">用超粉会失败吗?一般超粉会粉出什么!还是和粉水一样是看系统给的! </t>
  </si>
  <si>
    <t xml:space="preserve">恩会，超粉和普通粉水一样  他就比普通的多1个功能 那就是能粉1个粉过的粉装备    比如你的装备是粉装备  你不喜欢那个粉属性  你可以 拿超粉直接粉  普通的就没有这个功能。。超粉在道具商城没有卖的 你可以在道具商城买灵晶盒  买这个盒子有几率出那个超粉 不过几率很小很小 </t>
  </si>
  <si>
    <t xml:space="preserve">鸳鸯锁片怎么火刀？我都40级了，才得到2个鸳鸯锁片，酒店的奖励有 </t>
  </si>
  <si>
    <t>酒馆任务一天更新一次，每天的0点。西凉和巴蜀这两张地图的酒馆按照几率出鸳鸯锁片的任务，如果持续不下线，任务不会更新显示。可以用道具行酒令刷酒馆任务，不过前提是你是RMB玩家！~</t>
  </si>
  <si>
    <t xml:space="preserve">不明白的东西状态初始化是什么意思 </t>
  </si>
  <si>
    <t>老大升一级只给一点属性点啊   如果你是战士 你一直加力量  那在转职之前的几级就加不了力量了  只能加别的属性 只有转职后才能继续加力量  所以在转职以后洗点 把所有属性点都加力量（只针对战士  风刀 加敏捷 法师加指挥 土精灵也加力量）   另外   PK的时候建议属性点全加生命  PS：写了这么多 一定要采纳啊~！~！~！~！~！~！</t>
  </si>
  <si>
    <t xml:space="preserve">GM给我个答案为什么我的BB会不见了BB为什么会不见出现2次这样 </t>
  </si>
  <si>
    <t>可能是你卡了吧我朋友玩地时候 也发生你这样滴事 上线后发现自己有6个BB当时他才30级</t>
  </si>
  <si>
    <t xml:space="preserve">吃长效避孕药的正确方法是什么 </t>
  </si>
  <si>
    <t xml:space="preserve">   长效口服避孕药初次服药于月经来潮的第五天午饭后服一片，间隔20天服第二次，以后就以第二次服药日为每月服药日期，每月服一片。</t>
  </si>
  <si>
    <t xml:space="preserve">结肠癌，肝上有肿瘤了结肠癌，做检查发现肝上也有很多小肿瘤了，病人 </t>
  </si>
  <si>
    <t>肝是肠癌最常见的转移灶，如果情况允许的话，还是争取手术。不能手术的话，可以用内科治疗把肿瘤缩小，尽量争取手术的可能性。治疗药物推荐可以考虑爱必妥这样的分子靶向药物，可以有效缩小肿瘤，增加手术可能性，延长病人的生命。</t>
  </si>
  <si>
    <t xml:space="preserve">请问您有《电子媒体的法律与管制》这本书吗？你好，想问您一下不知道 </t>
  </si>
  <si>
    <t>有，我会尽快上传。</t>
  </si>
  <si>
    <t xml:space="preserve">某可燃物2.8克,在空气中燃烧,生成3.6克水和8.8克的二氧化? </t>
  </si>
  <si>
    <t>二氧化碳中的碳元素和水中的氢元素一定来源于这个可燃物，而这两种物质中的氧元素可能来自空气，也可能来自其自身，需要进一步计算来确定。CO2中C的质量=8.8g*12/44=2.4gH2O中的H的质量=3.6g*2/18=0.4g该可燃物汞2.8g，因此通过计算其中不含氧元素碳：氢质量比=6:1原子个数比=(2.4/12)/(0.4/1)1:2分子式是C2H4，该分子为乙烯</t>
  </si>
  <si>
    <t xml:space="preserve">致命恶魔好，还是致命水晶好，分别什么价？ </t>
  </si>
  <si>
    <t>致命恶魔好.我们34区致命恶魔8E.水晶1.6E</t>
  </si>
  <si>
    <t xml:space="preserve">坐骑有什么用啊？(大话外传)难道就加一点速度和找好友啊不可以找n </t>
  </si>
  <si>
    <t xml:space="preserve">目前大外的坐骑就只有两个功能增加移动速度和瞬间移动到好友的身旁两个功能 </t>
  </si>
  <si>
    <t xml:space="preserve">关于侠盗飞车的问题!侠盗飞车之罪恶都市中怎么样才能健身,锻炼肌肉 </t>
  </si>
  <si>
    <t>你说的是圣安地列斯的,和罪恶都市是两码事啊,这两个虽然都是侠盗车手,但不是同一版本的</t>
  </si>
  <si>
    <t xml:space="preserve">求一个单机游戏不知哪位高手知道有rpg能连局域网而且好玩的 </t>
  </si>
  <si>
    <t>无冬之夜地牢围攻</t>
  </si>
  <si>
    <t xml:space="preserve">怪病从哪里来？1现在的肉食是非常不健康，因为饲养的这些家畜，几乎 </t>
  </si>
  <si>
    <t>中国农民的生活是最底层的，他们的收入是非常低的，很多家庭供不起上大学的孩子，自己本身文化水平也不高，他们赖以为生的就是地里的农作物，这些就是经济来源，所以他们使用农药提高产量，本身不是他们的过错，我觉得也是情非得已。</t>
  </si>
  <si>
    <t xml:space="preserve">水箱水处理器的技术特点是什么？ </t>
  </si>
  <si>
    <t>水箱水处理器采用先进的微电脑控制技术智能化全自动运行，无易损件，无需化学药剂，平时无须专人管理，设备作防雨防冻处理，可室外安装，在室内可远程监控设备运行。水箱处理器用于微生物(如菌藻)滋生水质的净化处理，其原理在于经 SCII-HB水箱水处理机电解散处理后，水中细菌和藻类的生态环境发生变化，生存条件丧失而死亡。1、高效脉冲低压电场产生活性氧，杀菌灭藻，广谱高效。 2、一次通过杀菌率高达99.99%，杀菌能力是普通杀菌剂的几十倍。 3、杀灭军团菌，达到国际标准，预防“军团非典"。 4、氧杀菌机制，无三致物质产生。 5、微电脑全自动运行。 6、不锈钢材质外壳，防护等级达IP54，可室外安装。 7、仅需电能，无需化学药剂，安全环保。 8、独特的长寿命设计，核心部件寿命是同类产品的5倍。</t>
  </si>
  <si>
    <t xml:space="preserve">长老技能问题在新手服刚练了长老号,快40了,技能多的我眼花,请大 </t>
  </si>
  <si>
    <t>必学的技能：被动技能除了精通轻装其他全点满。ZL一般不砍怪，你穿轻装没用的。不过建议学一两级，这样偶尔能在没法袍的情况下凑合凑合。但千万别学满。主动技能：回蓝的，加BF的，加血的也学满吧，如果没SP，可以舍弃集体治愈。不过二转后，个人建议在56可以学超级治愈之后，就不要学终极治愈了。我反正是没再用过终极的，全部用超级。虽然多花一个石头，不过省蓝。终极集体，还是学吧。组大团的时候有机会用到的。控场的：发呆必学。催眠术现在时间太长了，建议不学。树精，如楼上说的，二转之后就用不上了，不学也罢。另外，伊娃小夜曲，这个技能我自己是从来没用过。但有人用过觉得还是不错的。所以，如果SP多的话，你就学吧。不死生物逆转。你要下CY逆转就学，不转就不学。还有一些烧蓝啊，遣返等等技能，一般PK才用得到，你要练级为主，可以先放着。天之箭嘛，你要是想神权，就可以不学天之箭。毕竟天之箭很耗蓝，范围也小，不死系怪还不掉药草。神权可以练的范围大得多。哈，说了好多二转后的，才发现LZ问的二转前的。说下我的看法：急救术,力量强化,伊娃之吻,精神专注,心灵防护,保护盾,神圣武器,疗毒术,毒性抵抗,强愈术必学。治愈术,集体治愈术最好也是学了，实在没SP，集体的可以不学。敏捷术,因为后期可以学改善，那个时候敏捷也没用了，所以如果你是打算单练的，那么可以不学。如果是跟团长大的，那么还是学吧。毕竟骑士和弓都会需要敏捷。催眠术,树精之足,如我上面说的。可不学。</t>
  </si>
  <si>
    <t xml:space="preserve">凡士林弄到衣服上了怎么清洗?同上 </t>
  </si>
  <si>
    <t>凡士林是一种药用辅料，可做润滑剂，应该很好清洗的吧，您用洗洁精和洗衣粉洗过都不行嘛，应该可以洗掉才对的呀！</t>
  </si>
  <si>
    <t xml:space="preserve">是不是破裂了？如果一对夫妻结婚一年多因为老公不爱他当初结婚也是因 </t>
  </si>
  <si>
    <t>即使坚持也不是消极的坚持，意思是：我就不离，你能怎么着吧！只能使对方越来越反感，如果不离，看看能不能有办法去去缓和，慢慢的使丈夫爱上家、孩子、妻子，因为毕竟有孩子。如果真的彻彻底底破裂了， 那就离吧，虽然无奈，但漫漫人生，毕竟还有幸福的机会。</t>
  </si>
  <si>
    <t xml:space="preserve">在一键GOHST过程中出现Invaliddrivespecifi? </t>
  </si>
  <si>
    <t>朋友,你再次重装一键GHOST时,你先检查一下你的磁盘最后一个分区是否有足够的空间,一般情况下一键GHOST是默认安装在最后一个分区里的,你所说的这种情况我也遇过,后来也是把最后一个分区的空间调整一下就OK了,可以把一些大的文件移动到其他分区中试试.</t>
  </si>
  <si>
    <t xml:space="preserve">女人一定要双眼皮才算漂亮吗?美容都是割双眼皮，很少将双眼皮缝合成 </t>
  </si>
  <si>
    <t>可我左眼是双眼皮，右眼是单眼皮，就一定美貌与聪明并存吗？啊不！</t>
  </si>
  <si>
    <t xml:space="preserve">久治不愈的鼻窦炎有什么好办法久治不愈的鼻窦炎有什么好办法 </t>
  </si>
  <si>
    <t>鼻窦炎是鼻窦粘膜的非特异性炎症，中医辨证治疗本病配合针灸上星、合谷、迎香、肺俞等穴具有很好的治疗本病的效果，可以明显改善临床症状，平时要注意锻炼身体，劳逸结合，衣着适度，多呼吸新鲜空气，避免鼻子干燥，不轻易滴用鼻药。祝你早日康复你好：鼻窦炎,多是由于风寒引起的, 患病后会出现头疼,记忆力下降,流浓鼻涕等症状,对于鼻窦炎最好是用中医治疗,西医没有多好的办法,手术治疗容易复发,中药方剂效果很好,可以治愈.</t>
  </si>
  <si>
    <t xml:space="preserve">解一个关于X的一元二次方程越详细越好. </t>
  </si>
  <si>
    <t>解关于X的一元二次方程2x^2+(3m-n)x-2m^2+3mn-n^2=0-2m^2+3mn-n^2=-(2m^2-3mn+n^2)=-(m-n)(2m-n)2x^2+(3m-n)x-2m^2+3mn-n^2=2x^2+(3m-n)x)-(m-n)(2m-n)=[2x+(2m-n)][x-(m-n)]原方程化为[2x+(2m-n)][x-(m-n)]=0x1=-(2m-n)/2,x2=m-n用十字相乘法分解因式</t>
  </si>
  <si>
    <t xml:space="preserve">会是淋巴瘤吗？右侧颈部可见数枚肿块图像，最大一枚约12X5mm， </t>
  </si>
  <si>
    <t>首先考虑颈部淋巴结炎，结合B超诊断淋巴瘤依据不足；颈部淋巴结肿大多为继发性，建议B超检查甲状腺，并检查鼻咽口腔病变，必要时手术活检.</t>
  </si>
  <si>
    <t xml:space="preserve">为什么你用真心去爱一个人,可得到的却是不信任和猜疑,他该怎么做? </t>
  </si>
  <si>
    <t>这就是所谓感情的嘛!~一方付出的太多,往往就成了这个结果,其实每份爱情都有平衡期,或许他们现在正停留在这个期限之中吧,不过话说回来,每个对对方真心的人,多多少少在自己的心里是会有一点压力,或者是给对方一点压力,毕竟感情本来就不是什么真诚的东西,我并不是想说感情不重要,只是有的时候感情真的会给对方带来许多不信任和猜疑,你的朋友根本就不用苦恼,只要他(她)坚定自己的信念,自己是真的喜欢他(她),多为他(她)做一些让对方感动的事情就可以了等等.要是这些都用不上的话,那大概就没有什么别的办法了,就只能等对方自己想清楚了.</t>
  </si>
  <si>
    <t xml:space="preserve">4道基础些的化学题，请帮忙1.胆矾晶体的化学式是什么？2.供植物 </t>
  </si>
  <si>
    <t>1.CuSO4.5H2O2.CO23.若在验证某矿石是否含有碳酸钙的实验中，不使用稀盐酸而使用浓盐酸，可能导致实验失败的原因是什么？    在验证某矿石是否含有碳酸钙的实验中常用碳酸钙和稀盐酸反应生成CO2，将生成的气体通入到澄清的石灰水中，石灰水变浑浊。由此来判断矿石中含有碳酸钙，若用浓盐酸则挥发出的氯化氢气体和CO2气体，由于氯化氢气体溶于水生成盐酸，使得溶液成酸性，不能生成碳酸钙沉淀，所以澄清的石灰水不能边浑浊。使实验失败。4.下列叙述正确的是（）A.保持一氧化碳性质的最小粒子是一氧化碳分子B.20摄氏度时，硝酸铵溶解度是190g水中，是指20摄氏度时在100g水中溶解了190g硝酸铵C.100g20%的氧化纳溶液和100g10%的氯化钠溶液混合后，溶质的质量分数为15%D.2g某物质完全溶解于98g水中，所得溶液溶质的质量分数为2% A.保持一氧化碳（）性质的最小粒子是一氧化碳分子B.20摄氏度时，硝酸铵溶解度是190g水中，是指20摄氏度时在100g水（最多）中溶解了190g硝酸铵。或（成为饱和溶液）C.100g20%的氧化纳溶液和100g10%的氯化钠溶液混合后，溶质的质量分数为15%。我估计你打错了一个字该是氯化钠（100g20%的氧化纳）C是正确的D.2g某物质完全溶解于98g水中，所得溶液溶质的质量分数为2% 这个问题要分三种情况讨论。氧化物大于2% ， 结晶水合物小于2%.一般的盐等于2%</t>
  </si>
  <si>
    <t xml:space="preserve">怎么外阴都不一样啊大阴唇有松的也有紧的啊不是阴道 </t>
  </si>
  <si>
    <t>废话.你怎么不问每个人的脸长得都不一样.这都是天生的.能一个样吗.</t>
  </si>
  <si>
    <t xml:space="preserve">历史问题：宠涓为何只对孙膑施以膑刑而不是把孙膑杀掉？呵呵。请高人 </t>
  </si>
  <si>
    <t xml:space="preserve"> 这是东周列国志上记载的孙膑被实行膑刑后的一段话：孙膑已成废人，约日受庞涓三餐供养，甚不过意。庞涓乃求膑传示鬼谷子注解孙武兵书，膑慨然应允。涓给以木简，要他缮写。膑写未及十分之一，有苍头名唤诚儿，庞涓使伏侍孙膑，诚儿见孙子无辜受枉，反有怜悯之意。忽庞涓召诚儿至前，问孙膑缮写日得几何？诚儿曰：“孙将军为两足不便，长眠短坐，每日只写得二三策.”庞涓怒曰：“如此迟慢，何日写完？汝可与我上紧催促。”诚儿退问涓近侍曰：“孙君缮写，何必如此催迫？”近侍曰：“汝有所不知。军师与孙君，外虽相恤，内实相忌，所以全其性命，单为欲得兵书耳。缮写一完，便当绝其饮食。汝切不可泄漏！”诚儿闻知此信，密告孙子。孙子大惊：“原来庞涓如此无义，岂可传以《兵法》？”又想：“若不缮写，他必然发怒，吾命旦夕休矣！”左思右想，欲求自脱之计。野史里说想得到《孙子兵法》！《史记》中里没有记载为什么！也许是认为孙膑还有利用价值！</t>
  </si>
  <si>
    <t xml:space="preserve">星币能买东西吗我在免费道具里买了商店营业执照为什么我的背包里没有 </t>
  </si>
  <si>
    <t xml:space="preserve">星币是可以买很多东西。。但是东西常常没发出来。。。但是可以在客服提出补发： </t>
  </si>
  <si>
    <t xml:space="preserve">dota中，黯灭和冰眼法球效果可以叠加么？冰眼描述的时候说是远程 </t>
  </si>
  <si>
    <t>他们都是BUFF类的法球，受到攻击的单位会获得一个负面的BUFF，法球类的BUFF是不可以叠加的。而吸血和电锤都是触发类的法球，可以与冰眼叠加。可以这样简单理解：特殊攻击分为攻击特效和法球两种，攻击特效与攻击特效，法球与法球不能叠加。冰眼对于远程来说=攻击特效，黯灭=攻击特效+法球，吸血=法球，雷锤=法球，散失=攻击特效+法球。攻击特效与攻击特效不能叠加，所以冰眼与黯灭就不能够叠加了。</t>
  </si>
  <si>
    <t xml:space="preserve">大家觉得中立英雄需要改吗 </t>
  </si>
  <si>
    <t>不要改，但是我认为在加几个好。</t>
  </si>
  <si>
    <t xml:space="preserve">血型验证亲子关系我姐姐和我弟弟的血型都是O型，我父母的具体还不知 </t>
  </si>
  <si>
    <t>那只能看你父母的血型判断了。我是学医的，我给你写一个你自己看就明白了！父母都是O型，那么子女只能是O型。父母一方O型，一方A型，子女有可能的O,A型，父母一方O型，一方B型，子女有可能的O,B型，父母一方O型，一方AB型，子女有可能A,B型，一方A型，一方B型，子女可能O,A,B,AB型一方A型，一方AB型，子女可能A,B,AB型一方B型，一方AB型，子女可能A,B,AB型真的疑惑就只能通过亲自鉴定，血型不能证明一切</t>
  </si>
  <si>
    <t xml:space="preserve">寻天蝎座女孩.都说天蝎和双鱼有缘,究竟是不是这样?偶自然是双鱼拉 </t>
  </si>
  <si>
    <t>天蝎座的女性是个谜样的女子。她安静、具挑逗力，对异性有不可测的魔力。表面上无法捉摸的她，内心里有强烈而复杂的情绪，一旦认定某人，她就会狂热地效忠与奉献。谈到爱情，她的态度常是不成功便成仁，既壮烈又没有退路。　　她对爱情的浪漫理想是找到一位灵魂相属，和她一样有深度的伴侣。由於她的内心曾经自苦，她对有的男性特别来电，了解她内心隐秘的寂寞世界的男子尤然。　　受到欺骗时她会完全关上心门。咄咄逼人、不敏感的男性侵犯她的领域，她也会不假以辞色。她的领域感极强，也有自己对时机的看法。自以为是的男性遇到她，只有惨遭滑铁卢的份。　　她喜欢有魅力、也有深度的男性。对她而言，个性与亲近彼此的能力，远比英俊的面孔或高壮的身材来得重要。最令她心动的男性，往往以一种无法解释的宿命气息，触动她灵魂深处，成就这份前世情缘。　　害怕被抛弃、担心情人变心，是她心中的大患。由於她善於想像可能发生的危机，她经常担心自己会失去深爱的人。这种心理令她对可能威胁自己性魅力的其他女性，感到又嫉妒又想一争高下。天蝎座的女性必须多看别人的肯定反应，认清自己的魅力。　　由於常沉浸在困境中不能自拔，她往往在不顺利的感情中跳不出来，焦虑自己可能再也找不到这麽好的对象。她应该别向恐惧感低头，把注意力移到自己有把握的浪漫理想上。让它把她引至值得厮守的人面前，找到能珍惜她成熟度远超出实际年龄的情感的人。你能做到吗?呵呵......^-^</t>
  </si>
  <si>
    <t xml:space="preserve">在哪买基金费用最低?在银行网点,在哪家银行买的费用比较低?不用说 </t>
  </si>
  <si>
    <t>只要有身份证和资金就可以去银行办一张银行卡，然后将资金存入就可以买。 1、如果你有自己的电脑可以上网，那就可以在基金公司网站上直销基金，申购费率0.6%,转换方便，但必须用基金公司指定的银行卡，农行卡、建行卡、兴业卡或广发卡比较常用。 2、你也可以开通网银，通过银行网银来买基金，这属代销，一般来说没有优惠，申购费率1.5%-2%,但可免除你上银行排队之苦.交行网银上有优惠。 3、你还可以直接在银行柜台或证券公司营业部买基金，这属代销，一般没有优惠,申购费率1.5%-2%. 4、可以办理股票账户，在场内买基金，交易费率一般不超过0.3%，交易价格为实时价格，与股票交易一样，但只能买LOF、ETF等开基、股票和封闭式基金。 农行卡目前开通直销的已达三十家,申购费率0.6%：银华、招商、国海富兰克林、信诚、诺德、长盛、工银瑞信、南方、汇添富、万家、宝盈、富国、大成、国泰、长信、中海（原国联）、鹏华、易方达、嘉实、交银、华夏、中信、泰达荷银基金、景顺(申购费要2.5％)上投基金公司(申购费要0.9％)、广发、博时,华安,东吴,华宝。</t>
  </si>
  <si>
    <t xml:space="preserve">海天辅导班现在可以报名吗？ </t>
  </si>
  <si>
    <t>可以报的，全年不同时期有不同的班种，讲的知识也不一样，是按学生的复习进度开设的课程，个人很喜欢、</t>
  </si>
  <si>
    <t xml:space="preserve">世界上最古老的建筑是？ </t>
  </si>
  <si>
    <t>嘿嘿，是用脚踩出的路吗？（搞得有点象脑筋急转弯咯）</t>
  </si>
  <si>
    <t xml:space="preserve">为什么玩新仙剑奇侠传时老是出现程序错误而跳出玩新仙剑时总是玩到一 </t>
  </si>
  <si>
    <t xml:space="preserve">需要安装XP补丁 </t>
  </si>
  <si>
    <t xml:space="preserve">正规合法的网络兼职的收入水平是怎么样的 </t>
  </si>
  <si>
    <t>我感觉这个是要看自己的努力程度 我现在每月能收入5千左右但是我的团队里有一月有五位数以上的。关键还是看自己的努力程度~加油~</t>
  </si>
  <si>
    <t xml:space="preserve">为什么安装PHOTOSHOP以后再双击图标要打开时总是再次安装？? </t>
  </si>
  <si>
    <t>似乎是你安装的photoshop有问题你可以下载这个安装 祝你好运 ^_^</t>
  </si>
  <si>
    <t xml:space="preserve">大家进怀旧现在人多吗还有开到现在游戏升过级吗什么时候到3.0啊 </t>
  </si>
  <si>
    <t>现在怀旧的人慢慢过来道具了....我今天一上线就好多从怀旧过来的呢~!道具还是比较有前途的...</t>
  </si>
  <si>
    <t xml:space="preserve">现在女儿六个月多一点，因为我去上班就家婆一个人在家带小孩，经常让? </t>
  </si>
  <si>
    <t>学步车对大人来说是很省事，但是对于孩子学走路是没有用处的，孩子做学步车后就会失去重心，一旦脱离就会站不稳，孩子要想学走路就要先学会独自站立，能独自站立自然学走路就简单了。最好事不要让孩子做学步车。                               开封华夏爱婴早教中心原老师</t>
  </si>
  <si>
    <t xml:space="preserve">有谁知道怎样才会长胖？ </t>
  </si>
  <si>
    <t>早餐：一定要吃，很重要 　　偏好口味的人：1.现榨柳橙汁一杯2.低脂牛奶一杯3.浇满糖浆、果酱、奶油的煎饼一份。 　　喜欢中式口味的人：1.一碗皮蛋瘦肉粥或小米粥2.一杯豆浆或米浆。3.一颗水煮蛋 　　早上的点心：可使身体储藏能量 　　以下食物任选一份：葡萄干、核果、花生、香蕉。 　　午餐：快乐的进餐才能吃胖 　　偏好西式口味的人：1.苹果一个2.低脂牛奶一杯3.三明治一个4.生菜沙拉一盒5.高纤饼干一份 　　喜欢中式口味的人：1.奇异果一个2.一杯优酪乳3.一碗饭或一碗面4.水煮青菜一份5.高纤饼干一份 　　下午的点心：不要让小肚子饿着了 　　下列食物任选一份：奶昔一杯，高纤饼干几片、卤味小菜，或茶叶蛋一颗。 　　晚餐：尽量按时进餐 　　与家人一起用餐甜蜜的感觉，会让肉肉更快长出来,1.现榨果汁一份2.冰淇淋或优酪乳一份3.生菜沙拉或炒青菜一份4.一碗饭或一碗面5.一份瘦肉或鱼肉6.饭后再吃点菠萝、木瓜、或西红柿。 　　宵夜：最好在睡前两个钟头进食 　　在土司上涂满果酱、花生酱、奶油、大蒜酱。再喝一碗肉汤、牛奶或豆浆。吃个意思就行，吃得太饱了睡不着。吃完宵夜后，要刷牙漱口后再睡觉。只要坚持你一定会成功！！加油( ⊙ o ⊙ )啊！</t>
  </si>
  <si>
    <t xml:space="preserve">税务专管员说我们纳税申报异常异常描述：税负率（50.0/0.0）? </t>
  </si>
  <si>
    <t>税负率是纳税额/销售额*100%，你的税负率是50%，那可定是不对了</t>
  </si>
  <si>
    <t xml:space="preserve">我现在在国内一所大学读研究生，心理专业，打算研究生毕业去美国留学? </t>
  </si>
  <si>
    <t>呵呵，又是一个心理专业，还以为读的很少出国呢。其实出国读心理学挺不容易的，因为国外竞争很激烈，好找工作的方向都不给外国人读，担心你跟他们本国人抢饭碗，就是申请到了很难拿奖学金。如果不好找工作，你去读了毕业也很犯愁。国外的PHD通常要读5到8年。心理学的不同方向时间也不一样。临床的时间最长，5年到7年的样子，其他的教育，发展，社会，认知什么的要短一些，4、5年的样子。考试方面，你至少要考托福，这是语言；还有GRE，这是研究生入学考试。美国和加拿大的研究生院通常只要GRE的General的成绩，有一些牛校（比如耶鲁）还需要psychology subject（专业课）的成绩，如果你有实力又有时间最好都考下来，为你的申请增添砝码。关于考试的具体信息，你可以登录 上面查询，另外很多网站都有关于这两类考试的介绍，很详细，我在这里就不多说了。申请方面，你最好登录你要申请的学校的网站直接查找信息，非常方便，那上面会告诉你需要什么材料，什么时候可以申请，如何联系他们，通常你给系里或者研究生院的秘书发邮件他们都会热情地回答你的问题。你还可以看到有关教授的介绍，直接跟你感兴趣的教授联系。关于材料，比较麻烦，大致需要你的学位证书毕业证书，本科，研究生期间的成绩单，这些复印件都要拿回原来学校盖章才有效。另外还有至少3封教授的推荐信，还有一片你自己写的personal statement,大致陈述你为什么要去读书之类。还有简历。最后你把学校需要的材料整齐了，然后寄给他们，就可以等消息了。这是一个艰苦卓绝的过程，你要做好心理准备。祝你顺利！</t>
  </si>
  <si>
    <t xml:space="preserve">飞升后再到达150级一共有多少技能点？到底是160，还是175？ </t>
  </si>
  <si>
    <t>是175点,兄弟放心加.</t>
  </si>
  <si>
    <t xml:space="preserve">小学六年级数学甲、乙、丙三人种树，甲种的棵数是乙丙和的1/2，乙 </t>
  </si>
  <si>
    <t>解：设甲种了x棵树，乙种了y棵树    那么有x=（y+260)/2          y=(x+260)/3         故x=208,y=156         所以甲种了208棵，乙种了156棵</t>
  </si>
  <si>
    <t xml:space="preserve">魔FS的狂缩地哪里出 </t>
  </si>
  <si>
    <t>高级的FB出狂缩地</t>
  </si>
  <si>
    <t xml:space="preserve">老房拆迁，房东如何补偿暂住人修缮费？本人有一处老房，要拆迁，已经 </t>
  </si>
  <si>
    <t>不需赔偿，根据相关的程序，你可以向房管部门申请自己房子的证明。在一个月内将得到房管部门的书面答复。如果对处理结果不满意，也可以通过司法程序来维护自己的权利。这套房子的拆迁补偿款是你的</t>
  </si>
  <si>
    <t xml:space="preserve">十八岁的天空里面有个女孩叫林可喻。说说她的背景以及真实情况。再来 </t>
  </si>
  <si>
    <t xml:space="preserve">你好!    十八岁的天空林可喻的扮演者: 韩子婧基本介绍: 韩子婧 女 小名子婧 今年21岁身高 1.64 米 体重43 公斤毕业于上海学院 生活地区：上海市 职业：影视演员、广告模特、平面模特、主持 专长：表演 个性描述:最喜欢吃的东西：冰激凌 最喜欢做的事情：睡觉 最喜欢看的电影：罗马假日 最喜欢看的书：张小娴的书 最喜欢的动画片：灌蓝高手 最喜欢的漫画书：抱歉.本人不看漫画书 最喜欢的虚拟偶像：没有 最崇拜的人：没有 最恨的人 :说谎的人 最讨厌做的事：不知道哦。看情况了 最喜欢的颜色：白色 最大的优点：直接 最大的缺点：直接 最后悔的一件事：每次演完戏都后悔没演好 最喜欢听的歌：所有好听的歌 最喜欢的歌手：喜欢梁静如 最想去的国家：希腊. 最喜欢的动物：狗 最喜欢喝的饮料：雪碧 最想实现的愿望：好想拍古装 对自己的评价:还要加油.! 从艺经历: 《十八岁的天空》饰 林可喻 《梦工厂》饰 姚嘉嘉 女二号 《观世音传奇之观音妙缘》饰 蕙儿 女二号 《起 跑 天 堂》饰 韩子婧 女二号所拍广告：《必胜客西班牙PIZZA》 《脱普洗发水》 《南极人》 《NEC手机》 《罗门婚纱》 《秋之韵杂志》 生活照片10张： </t>
  </si>
  <si>
    <t xml:space="preserve">太自我的人有哪些表现呢？怎么才能与他们和平相处？但是又不想步步退? </t>
  </si>
  <si>
    <t>地球围着他转，他就是太阳，普照身边所有人，没了他大家就都死了，地球就毁灭了。那不是自我，是自以为是，不知道自己几斤几两，这样的人不适合深交，等他吃了亏，受了罪，吃了苦就知道了。以前我们宿舍就有这样的，我们全体臭着她，谁都不搭理，不到一周就捋过来了。要不你就圆滑的顺着他，依着他，捧着他，夸着他。进入社会就是这样得啦。。。懂不懂太极拳，你进我退，你退我进。。。祝你交友成功，实在找不到，就找我，我以前就是个太阳，现在甘愿做月亮，哈哈哈哈。。。</t>
  </si>
  <si>
    <t xml:space="preserve">问个猎人问题这次是帮朋友问的，他也是刚玩WOW，所以不大懂。他想 </t>
  </si>
  <si>
    <t>新手适合怎么样的天赋呢？练级毫无疑问的是使用兽王系天赋练级,LR是练级最快的,也就是主野兽控制副射击,详细天赋加法最后我会列出.猎人的装备上的属性追求哪几样？首先要考虑的是敏捷,敏捷永远是第一位的,其次是暴击率,切记力量是费属性对LR一点用都没有的.对于60级LR来说：1点敏捷=+2点远程强度；1点敏捷=+1点近战强度；33点敏捷=+1%闪避；52点敏捷=+1%致命一击；1点敏捷=+13点护甲；所以对于低级的LR来说各项属性加的还要多~~还有就是他想学附魔，我身上也就100G出头点，是否应该支持他学呢？应该再搭配个什么技能？ 不推荐,FM是个很烧钱的技能,后期有大量图纸也不见得赚很多钱,而且你们的钱也不多,所以真的要学等60级之后吧,学了还能单刷副本拆材料,现在还是学习采药,拨皮,采矿,工程 选两个吧(前期推荐双采,赚钱快)最后贴下LR所有天赋:主野兽副射击↓野獸控制:耐力?? 5点强化雄鹰 5点 ??化?突??物 2点狂怒?放 5点野獸迅截 1点凶暴 5点 ?f迫 1点野獸戒律 1点狂?y 5点狂野怒火 1点共计31点射击系震荡 5点效率 1夺命射击 5点瞄??1点?眼 3点致死射击 5点共计20点----------------------------主射击副生存↓震荡 5点效率 2点夺命射击 5点鹰眼 3点瞄准射击 1点致死射击 5点驱散射击 1点弹幕 3点遠程武器专精 5点强击光环 1点共计31点生存系野兽杀手 3点人性杀手 2点强化摔拌 3点诱捕 2点威慑 1点生存专家 5点强化假死 1点稳固 3点(稳固和假死可以按个人喜好替换为陷阱类天赋,自己看吧)共计20点-------------------------------------主生存副射击↓射击21强化震荡射击5/5强化猎人印记1/5夺命射击 5/5瞄准射击 1/1鹰眼 3/3致死射击 5/5驱散射击 1/1生存30偏斜 5/5强化摔绊 2/5诱捕 3/5陷阱增效 1/2强化假死 1/2生存专家 5/5威慑 1/1稳固 3/3杀戮本能 3/3反击 1/1闪电反射 5/5______________________________________野獸控制:强化雄鹰 5点射?? 31点震荡 5点效率 2点夺命射击 5点鹰眼 3点瞄准射击 1点致死射击 5点驱散射击 1点弹幕 3点遠程武器专精 5点强击光环 1点生存：15点人型杀手 2点野兽杀手 3点强化摔绊 2点诱捕 3点生存专家 5点</t>
  </si>
  <si>
    <t xml:space="preserve">请问2012年阳历的12月12号18时14分出生的女孩五行缺什么? </t>
  </si>
  <si>
    <t>先通过万年历什么的写出生辰，　　甲 乙 丙 丁 戊 己 庚 辛 壬 癸 子 丑 寅 卯 辰 巳 午 未 申 酉 戌 亥　　阳 阴 阳 阴 阳 阴 阳 阴 阳 阴 阳 阴 阳 阴 阳 阴 阳 阴 阳 阴 阳 阴　　木 木 火 火 土 土 金 金 水 水 水 土 木 木 土 火 火 土 金 金 土 水　　根据上面的对照找出相应的　　五行有正五行和纳音五行之分　　按天干、地支的自身属性所定的五行为正五行，如甲木、子水等；按干支结合生出的五行为纳音五行。纳音来源：六十甲子纳音，实即六十律逆相为宫之法。一律合五音，十二律即纳六十音。纳音的基本方法是：同类娶妻，隔八生子。这也是律吕相生的法则。干为天，支为地，音为人。　　六十花甲子纳音表　　甲子乙丑海中金 丙寅丁卯炉中火 戊辰己巳大林木 庚午辛未路旁土 壬申癸酉剑锋金　　甲戌乙亥山头火 丙子丁丑涧下水 戊寅己卯城头土 庚辰辛巳白腊金 壬午癸未杨柳木　　甲申乙酉泉中水 丙戌丁亥屋上土 戊子己丑劈雳火 庚寅辛卯松柏木 壬辰癸巳长流水　　甲午乙未沙中金 丙申丁酉山下火 戊戌己亥平地木 庚子辛丑壁上土 壬寅癸卯金箔金　　甲辰乙巳佛灯火 丙午丁未天河水 戊申己酉大驿土 庚戌辛亥插环金 壬子癸丑桑枝木　　甲寅乙卯大溪水 丙辰丁巳沙中土 戊午己未天上火 庚申辛酉石榴木 壬戌癸亥大海水　　二、　　首先，你要知道你的出生日期和确切的时辰。然后摆渡个万年历，根据万年历查出你的出生年、月、日的干支。　　根据下表一一对照干支：　　五行/天干/地支对照表　　天干： 甲-木、乙-木、丙-火、丁－火、戊－土、己－土、庚－金、辛－金、壬－水、癸－水　　地支：子-水、丑-土、寅-木、卯－木、辰－土、巳－火、午－火、未－土、申－金、酉－金、戌－土、亥－水　　然后根据你出生日子的第一个干支通过下表来查算你的时辰干支：　　时辰干支查算表　　时间时辰 五行纪日干支　　时间 甲己 乙庚 丙辛 丁壬 戊癸　　23－01 子/水 甲子 丙子 戊子 庚子 壬子　　01－03 丑/土 乙丑 丁丑 己丑 辛丑 癸丑　　03－05 寅/木 丙寅 戊寅 庚寅 壬寅 甲寅　　05－07 卯/木 丁卯 己卯 辛卯 癸卯 乙卯　　07－09 辰/土 戊辰 庚辰 壬辰 甲辰 丙辰　　09－11 巳/火 己巳 辛巳 癸巳 己巳 丁巳　　11－13 午/火 庚午 壬午 甲午 丙午 戊午　　13－15 未/土 辛未 癸未 乙未 丁未 己未　　15－17 申/金 壬申 甲申 丙申 戊申 庚申　　17－19 酉/金 癸酉 乙酉 丁酉 己酉 辛酉　　19－21 戊/土 甲戌 丙戌 戊戌 庚戌 壬戌　　21－23 亥/水 乙亥 丁亥 己亥 辛亥 癸亥　　你的出生日期第一个干支就是你属于何命，排出来的五行没有哪一个就是缺哪个。望设为好评 谢谢</t>
  </si>
  <si>
    <t xml:space="preserve">电脑C盘的Windows文件夹消失了前几天插别人U盘中毒了，杀掉 </t>
  </si>
  <si>
    <t>很大可能就是中毒了，可以用瑞星杀毒，最好开机按F8进安全模式下杀毒，这样效果会比较好。</t>
  </si>
  <si>
    <t xml:space="preserve">有哪个网站可以看"宫"啊免费的,不用下载,在线看的 </t>
  </si>
  <si>
    <t xml:space="preserve"> 打开上面这个网站，是可以免费在线看的，而且不用注册的，绝对免费！打开速度也很快，我已经帮你搜到&lt;&lt;宫&gt;&gt; 那一页了，直接点开看吧！里面还有很多别的好看的电视剧和电影，我已经在里面看了好多部电视剧了，非常好！希望可以帮到你啊~~~~~~~~~~~~~~~~~~~~~~ </t>
  </si>
  <si>
    <t xml:space="preserve">一个关于仙剑4锻造的问题```请问下锻造14级武器其中木炭和枫木 </t>
  </si>
  <si>
    <t>在杂货铺买,上面有左右的箭头,翻到另一页就有了~</t>
  </si>
  <si>
    <t xml:space="preserve">请问已买红褐色的番龙眼地板，其墙面、门、门套、电视背景墙、家具应? </t>
  </si>
  <si>
    <t>您的选择是淡色，地板的色彩又有些重了，提些我的建议第一，门及门套的色彩要低于地板，可以使用沙比利，虽然色彩还是有些重，但是过于跳跃的方式会显得室内色彩偏差太大。第二，墙体的色彩可以使用淡蓝如果要统一色彩可以使用淡紫，加白色顶，这样可以过渡地面色彩的形成。第三，家具的色彩如果在淡色墙体下，可以使用如白色或者红榉、赤杨杉、橡木、枫木。这样的分配可以把色彩重新拉回到淡色系中。</t>
  </si>
  <si>
    <t xml:space="preserve">1949年解放后上海外国商人状况如何? </t>
  </si>
  <si>
    <t>不多只是一些冒险家</t>
  </si>
  <si>
    <t xml:space="preserve">风3的人物问题.我比较喜欢酷酷的西撒.在风3里面的成员.蓝斯.. </t>
  </si>
  <si>
    <t>一个一个回答~~1、剑舞连击不是什么好招式，西撒比较强的招式是阴阳连击、雷神断影冲。不过说实话，西撒的确不如蓝斯厉害，他强的原因是耶米拉暗中给他的“预知”能力，整个就是在玩赖。2、帕鲁玛喜欢开玩笑，她和艾尔扎克是普通的朋友，并且不是旧识。她暗恋西撒，但是最后无果而终。她和希丝缇娜的作战位置相同，都是魔法师。帕鲁玛自幼就认识西撒，两人幼时曾共同，帕鲁玛与蕾菲娜是姐妹、雷欧哈特将军的养女，也就是西撒的姐妹。西撒的父亲是雷欧哈特，其实也是养父。帕鲁玛和凯琳是一届。GERMINATE：乌德斯、蓝斯、艾尔扎克、希丝缇娜、安洁妮、幽弥，其他人是SEED3、晕~~凯琳和西撒怎么会是一对~~SEED练习战中间凯琳和蓝斯的对白都没有看吗？凯琳和蓝斯的感情发展是明写的，对话全部摆出来，而西撒和九音的感情是暗写的。4、西撒和九音是一对，原因在风3中一次西撒和凯琳在蒸汽车顶的对话里说明。5、那个是-修伊！风4主角多了，修伊是一个。6、凯琳没死，她“死”后很快就被她自己的另一个灵魂辛德蕾拉，也就是露菲雅（还有迪斯雅的混合体）救活，不是被费恩唤醒的。后来凯琳确实又死去过，但是耶米拉让她再次转生为凯琳，和复活一样，而且还年轻了。7、贝莉卡是死神，和莉芙也就是拿枪的女孩没有关系。风2中来到风4的人物有：沙迪克（梅尔西迪斯）、裘卡（没改名）、爱斯特尔（耶米拉）、依莉特最后，强烈建议你玩风4——那可是菲利斯多篇的最后一部了！还有，不可以不玩魔导圣战~~！！SP和其他作品无关，倒是可以跳过。</t>
  </si>
  <si>
    <t xml:space="preserve">我没有来例假！怎么回事啊？是20岁,已经有两个月没有来例假了.肚 </t>
  </si>
  <si>
    <t>很可能是压力太大、太紧张。也有可能是着凉了或是作息时间发生改变。另外，根据个人经验这种时候就不能老想这个问题，越使劲想就越不来。可以吃大黄蛰虫丸，一周左右见效，推荐。也可以用藏红花，三天内见效，实在着急再用，这个药性较大。其实还是多要注意平时要有健康的生活习惯，开朗的心态。</t>
  </si>
  <si>
    <t xml:space="preserve">谁知道无骨鱼的做法？有一个视频介绍的无骨鱼做法很简单只是想不起来 </t>
  </si>
  <si>
    <t xml:space="preserve">无骨的做法：首先要将鱼拆骨。鱼的拆骨分生拆和熟拆两种。(1)熟拆是将鱼煮熟或蒸熟后取出鱼头、鱼骨、鱼刺。这种方法较方便。(2)生拆的方法是:先在鱼腮盖骨后切下鱼头，随后将刀贴着脊骨向里批进，鱼身肚朝外，背朝里，左手就抓住上半片鱼肚。批下半片鱼肚，鱼翻身，刀仍贴脊骨运行，将另半片也批下，随后鱼皮朝下，肚朝左侧，斜刀将鱼刺批去，如果要去皮，大鱼可从鱼肉中部下刀，切至鱼皮处，刀口贴鱼皮，刀身侧斜向前推进，除去一半鱼皮。接着手抓住鱼皮，批下另一半鱼肉。如果是小鱼，可从尾部皮肉相连处进刀，手指甲按住鱼皮斜刀向前推批去掉鱼皮。如果要做花色菜，如"八宝酿鱼"、"口袋鱼"等，则要取整鱼剔骨法。方法是:使鱼肚朝左、背朝右躺在砧上，刀贴鱼背骨横批进去，深及鱼肚，批断脊骨与肋骨相连处(勿伤皮)。然后鱼翻身，批开另一端脊骨与肉，在靠近头部的脊骨斩断或用手锄断，拉出脊骨，在鱼尾处斩断脊骨。随后将鱼腹朝下放在墩子上，翻开鱼肉，使肋骨露出根端，将刀斜批进去，使肋骨脱离鱼肉，将两边肋骨去掉后，即成头、尾仍存，中段无骨，仍然保持鱼形完整的脱骨鱼了。(1)鱼头 紧靠胸鳍后端，直线斩下。胸鳍要求留在鱼的头部。鱼头宜作红烧头尾、头尾汤、沙锅鱼头等。(2)鱼尾 紧靠臀鳍前端，直线斩下。臀鳍要求留在鱼的尾部。鱼尾宜作糟甩水、红烧鱼尾等。(3)鱼中段 以脊梁骨为准斩下，要求脊梁骨留在鱼的中段肉中。宜作鱼片、鱼丝等。(4)鱼肚档 以脊梁骨为准斩下，在肚膛中不留脊梁骨，实际上就是鱼头、鱼尾、鱼中段去掉后所留下的那部分。宜作红烧肚档、糟肚档等。介绍一种做法原料: 新鲜扁鱼剁椒 做法: 1)将扁鱼刮去鱼鳞,洗杀净. 2)在鱼身上两面,均匀的切小细刀.切断鱼骨后.并均匀的抹上盐. 3)热油锅,煎香姜片后,把鱼两面煎黄后捞出.(当然如果用多些油炸后,那鱼骨被炸酥松,就成了无鱼骨了) 4)留少许油.煸炒一下剁椒后.放入无骨鱼.加少量清开水.酒.糖.大火煮开,小火略焖一会入味即可 </t>
  </si>
  <si>
    <t>意甲终场比分：卡利亚里0</t>
  </si>
  <si>
    <t>我就错一场卡利呀力啊~~~~我想哭啊~~本来还想拿奖金还债的啊~~~没法活了啊</t>
  </si>
  <si>
    <t xml:space="preserve">想拷贝C盘的一个应用程序我那XP的电脑无法开机运行，想重装电脑系 </t>
  </si>
  <si>
    <t>安装在电脑中的软件要提取出来恢复成安装用软件难以做到（瑞星杀毒软件自带有这个功能的除外）。最现实的还是在重装系统后再重新安装软件。如果你的C盘里的这个重要软件有自定义的设定需要保存的话，可找到该软件的安装路径，把这个软件的整个文件夹备份下来，待重装系统后按原安装路径安装这个重要软件，最后把备份下来的整个文件夹复盖替换安装路径下的同名文件夹就行了。</t>
  </si>
  <si>
    <t xml:space="preserve">下载游戏客户端好慢求一个下载速度快的站如题现在在官忘一秒才十几K </t>
  </si>
  <si>
    <t>可以换个站点下,官方推荐里有好几个站点,自己选择一个速度快的</t>
  </si>
  <si>
    <t xml:space="preserve">积分可不可以买?积分可不可以买啊 </t>
  </si>
  <si>
    <t>不可以。</t>
  </si>
  <si>
    <t xml:space="preserve">诛仙宠物怎么样把斗气一重转到斗气二重？知道的朋友指点一下先谢了！? </t>
  </si>
  <si>
    <t>要想转二重，一重必须满99点99*2=198个豆子</t>
  </si>
  <si>
    <t xml:space="preserve">太阁五中文版怎么修改啊！！！以前的修改器不能用了！？ </t>
  </si>
  <si>
    <t>太阁的确是经典系列呢，下面是我找的一些修改方法，可以修改太阁51、能力修改：这个比较容易，最简单的方法是用16进制修改器，把SAVEDATA.TR5里的00000370改为FF。重新进入里就会有武将编辑，你喜欢怎么改就怎么改。（这是转别人的。）还可以按照：统帅、武力、政务、智略、魅力；的格式搜索。能力前面还有：名声、恶名、商人、忍者、海贼等勋功。2、金钱修改：用16进制修改器打开存档文件，找到：240——242是身上带的金钱数；244——246是存钱数。3、卡片修改：这里我不想直接给出地址，是把方法告诉大家。首先要知道一条公式：2^(X-1)=Y；即2的X-1次方，X为卡片所在页位置。（这里接用别人得出的公式）例：新武将以剑豪身份等场，会得到：强袭、刚力、铁壁、拔突、连斩；强袭对应所有卡片中的第一页第一张，也就是2^(1-1)=1连斩对应所有卡片中的第一页第二张，也就是2^(2-1)=2拔突对应所有卡片中的第三页第二张，也就是2^(2-1)=2刚力对应所有卡片中的第七页第二张，也就是2^(2-1)=2铁壁对应所有卡片中的第七页第五张，也就是2^(5-1)=16数数顺序：从第1行左到右，第2行左到右。然后看下面，秘技卡片一共是9页。即对应存档文件的格式：00，00，00，00，00，00，00，00，00同一页的数字相加后取16进制，如上例得3,0,2,0,0,0,12,0,0你没有该页里的卡片就为0。用3,0,2,0,0,0,12,0,0搜索，就会得到地址，可能不止一个，那就一个个来试吧，数值越大（卡片越多）精确度越高。如果是用FPE、GM等工具可以不用转换16进制。4、道具修改：这个用比较法，很容易就得到地址。地址：457C0——45C6F它是按照：道具名 数量 00排列；如，457C0； 91 02就是道具“松风”的名字；01是数量；00不用理它；只需要改数量就可以了，00就是你没有这道具啦！</t>
  </si>
  <si>
    <t xml:space="preserve">怀孕时吃了碳酸氢钠片对胎儿有危害吗同房前半小时吃了三片碳酸氢钠片 </t>
  </si>
  <si>
    <t>你是想要男孩吧？应该一月前开始吃吧，应该没事的，再说也不一定吃完就会受精了，以后同房前可以用碳酸氢钠冲洗的，这样就不怕有什么影响了，不过这种方法也不是绝对的哦！</t>
  </si>
  <si>
    <t xml:space="preserve">街头篮球帐号还灵游币街头篮球18SG点券技能几乎全5000W街头 </t>
  </si>
  <si>
    <t xml:space="preserve">   我要了，找梅花的越前！</t>
  </si>
  <si>
    <t xml:space="preserve">男友说中秋最想和心爱的女友一起赏月~~~可是明天我上夜班，我也很 </t>
  </si>
  <si>
    <t>为了男友，也为了自己有一个美好的回忆请假一天！</t>
  </si>
  <si>
    <t xml:space="preserve">杏林医隐老师救救我把我将我的病情详细的写一下去年一月份开始感觉有 </t>
  </si>
  <si>
    <t>象你这样的情况要是还说没问题,我真不知该是谁有问题了.你所住的地方用中药方便么?要是方便我会帮你的.具体的问题我们可以在短信里沟通,阿弥陀佛!!!</t>
  </si>
  <si>
    <t xml:space="preserve">“触目伤怀”的“怀”是什么意思？ </t>
  </si>
  <si>
    <t>我 想应该是“心”吧，“触目伤心”，看到的东西令自己伤心，想想是不 是很合理</t>
  </si>
  <si>
    <t xml:space="preserve">怎么看大盘跌了多少个点？在哪看？我是新手。我下载了国海证卷大智慧 </t>
  </si>
  <si>
    <t>一般在软件的最下方是沪深两市的点数窗口,您可以在那看见.如果您想看哪只基金,直接在界面输入基金的名称就可以查到了.顺便问一下,您是上海的吗?</t>
  </si>
  <si>
    <t xml:space="preserve">从九份回台北的车，需要坐多久才能到达去台北玩，想请问九份上车的话 </t>
  </si>
  <si>
    <t>大約90分?。台北捷運忠孝?团d站-一?出口搭基隆客運1062?公?（台北-金瓜石）?過瑞芳-九份</t>
  </si>
  <si>
    <t xml:space="preserve">如何处理生活学习中所面临的压力？学习生活中面临许多问题和压力，总 </t>
  </si>
  <si>
    <t>生活本来就是这样,有时候我们会觉得很累,感觉所有的事情对于我们来说都太难了;但是在另一些时候我们会觉得,生活是很美好的,所有的事情都很顺利,我们有很多的时间和很好的心情去享受它.这些都是我们生活中的一部分.而在我们这个时代,为了生存得更好,我们必须要付出更多了努力.这不仅是要已经工作了的人们更努力的工作,也要我们这些学生们付出更多的努力去学习如何生活和掌握知识技能.所以说,一定的压力,是对将来生活的一种适应性训练.你可以从中学会如何应付将来可能面对的问题.这对于一个人的成长是必须的.如果你觉得很累的话,就去跟亲近的人倾诉,家长或老师.或者找点事情放松一下,生活的另一条原理是你必须要找到生活的乐趣,也就是自己喜欢的事情.这让你在感到疲劳的时候可以找些事情来放松一下.让自己心情好起来.</t>
  </si>
  <si>
    <t xml:space="preserve">英雄帖打不开是为什么？我现在门派贡献已经7600了，拿了一个银字 </t>
  </si>
  <si>
    <t>可能是卡住了,多点几下就好了哦!呵呵~~~~~~~~~~~~`</t>
  </si>
  <si>
    <t xml:space="preserve">细胞呼吸的底物不一定是糖类吗？ </t>
  </si>
  <si>
    <t>不是，细胞呼吸又叫生物氧化。其底物很多，常见的单糖，脂肪酸，甘油，氨基酸等都可以成为细胞呼吸的底物，不过正常状态下糖是人体主要的供能物质（即细胞呼吸的底物），而其中又以葡萄糖最多。大多数细胞呼吸底物（包括糖，脂肪酸等）通过各种途径转变为乙酰辅酶A，再参加三羧酸循环，最后将以前途径中脱下的[H]交给氧生成水（无氧呼吸不是这样的）。少部分细胞呼吸底物（比如某些氨基酸的代谢产物）本可直接转变为三羧酸循环的中间产物从而直接参与三羧酸循环。无氧呼吸以葡萄糖为主，几乎没听过别的物质参与无氧呼吸。</t>
  </si>
  <si>
    <t xml:space="preserve">关于学生财产问题就是这个老师没收学生的手机.这是属于违法行为吧? </t>
  </si>
  <si>
    <t>1、没收财产，是刑法的概念，是一种刑事处罚措施。《中华人民共和国刑法》第三十四条　附加刑的种类如下：　　（一）罚金；　　（二）剥夺政治权利；　　（三）没收财产。　　附加刑也可以独立适用。2、收缴手机，是侵犯公民的财产权。是《宪法》和《民法通则》的概念。A、《宪法》第十三条　公民的合法的私有财产不受侵犯。　　国家依照法律规定保护公民的私有财产权和继承权。B、《民法通则》第七十五条　公民的个人财产，包括公民的合法收入、房屋、储蓄、生活用品、文物、图书资料、林木、牲畜和法律允许公民所有的生产资料以及其他合法财产。　　公民的合法财产受法律保护，禁止任何组织或者个人侵占、哄抢、破坏或者非法查封、扣押、冻结、没收。</t>
  </si>
  <si>
    <t xml:space="preserve">上海祛斑哪里好_激光祛斑最好的医院？ </t>
  </si>
  <si>
    <t>激光去雀斑后，应保持治疗区域的清洁，可用抗生素软膏保护创面，原则上不宜用水擦洗。禁止早期去痂，应任其自行脱落，同时避免阳光曝晒，在痂皮脱落后也可用防晒霜、维生素C等来防止继发性色素的形成。影响激光祛斑价格的因素有很多。斑的大小，仪器的好坏等等，还有医院的技术水平等等。还有就是仪器的因素，真正的光祛斑仪是进口的，这样才能确保治疗效果，激光祛斑价格会比国产的治疗费用要高，但也不是贵的离谱，普通白领也是可以接受的。所以不用担心激光祛斑价格会承担不起。激光祛斑可有效治疗胎记、雀斑、老年斑、黄褐斑、咖啡斑等各种各样的色素斑。激光去斑的效果对于不同的患者效果也是不同的。而选择正规的医疗美容机构既是对治疗效果的保证也是对自己的负责。因此正规的医疗美容机构和普通小诊所价格也是不一样的。建议选择正规的医疗美容机构，就算价格稍微贵一点但对手术的安全性和效果都是有保证的。激光祛斑的价格需要根据每个人的肌肤状况，根据她们所选择的激光疗法和祛斑医师来确定，不可一概而论。第一，做激光祛斑大概要花多少钱与肌肤状况有关。每个人的肌肤状况不同，她们面部色斑生长面积、生长程度以及色斑种类都是有差别的。如此，做激光祛斑治疗时，所需的治疗回数就会产生差异。而治疗回数不同，做激光的价格当然就会有差别了。第二，做激光祛斑大概要花多少钱与激光疗法的选择有关。当前做激光祛斑治疗时，求美者并非只有某种单一的激光疗法可以选择。随着现代医学美容技术和现代科技的发展，现有的激光疗法种类也在不断增多，点阵激光、像素激光等等，不同的激光疗法，它们的价格是不同的。第三，做激光祛斑大概要花多少钱与医师选择有关。技术精湛、经验丰富的专家在做激光祛斑治疗时，能够根据求美者个体情况进行激光波长、脉宽等数值的设定，让术后治疗效果达到理想状态。因而，由专家做激光祛斑治疗，治疗价格就会比普通医师高一些了。</t>
  </si>
  <si>
    <t xml:space="preserve">何谓零缺陷理论？ </t>
  </si>
  <si>
    <t xml:space="preserve">零缺陷理论是一种质量管理思想.零缺陷理论主张企业要发挥人的主观能力来进行经营管理，生产者和工作者要努力使自己的产品、业务没有缺点，并向着高标准高质量的目标奋斗.开展零缺陷运动可以提高全体员工对产品质量和业务质量的责任感，达到保证产品质量和工作质量的目的. </t>
  </si>
  <si>
    <t xml:space="preserve">硬盘分区表错误，不能引导进入系统。应怎样处理？ </t>
  </si>
  <si>
    <t>可以下载一个硬盘分区表修复软件，你搜索一下有免费下载的，然后在别的电脑上制作成一张启动软盘或者刻成启动光盘，把下载的分区修复软件也复制进去，就可以修复了。不过不容易成功呀。</t>
  </si>
  <si>
    <t xml:space="preserve">注意力放在耳朵上时间长了为什么会出现蚊子的嗡嗡声 </t>
  </si>
  <si>
    <t>这个应该是身体的过度使用导致的自身保护程序。</t>
  </si>
  <si>
    <t xml:space="preserve">几何题初三圆 </t>
  </si>
  <si>
    <t>连结BP，OP，∵AB是直径，∴∠APB=∠BPC=90°，∵BE=CE，∴∠EBP=∠BPE，∴∠OPE=∠BPE+∠OPB=∠EBP+∠PBO=∠EBO=90°[∵BC是切线，AB是直径]∴PE是圆O的切线。</t>
  </si>
  <si>
    <t xml:space="preserve">宝宝为何总揉眼睛？我宝宝从个把月开始就喜欢揉眼睛，有时候抱着也把 </t>
  </si>
  <si>
    <t>宝宝可能眼睛周围有湿疹,但不明显看不出来,但宝宝能感觉到痒.我家宝宝生下来眼睛周围就有湿疹,现在还没有好,老是喜欢揉眼睛,因为眼睛很痒.咨询一下医生吧!</t>
  </si>
  <si>
    <t xml:space="preserve">各位老师600547怎么办？现已深套中！ </t>
  </si>
  <si>
    <t>600547,和股票老师观点相反，下周会有巨大反弹，可谨慎逢高出货！</t>
  </si>
  <si>
    <t xml:space="preserve">劳动合同中劳务派遣指的是什么？ </t>
  </si>
  <si>
    <t>劳务派遣，是指劳务派遣单位与被派遣劳动者订立劳动合同后，将该劳动者派遣到用工单位从事劳动的一种特殊的用工形式。　　劳务派遣亦称员工租赁，即用人单位根据工作实际需要，向劳务派遣公司提出所用人员的标准条件和工资福利待遇等，公司通过查询劳务库资料及各招聘储备人才中心等手段搜索合格人员，经严格筛选，把人员名单送交用人单位，用人单位进行选择并确定。然后用人单位和派遣公司签订劳务租赁(派遣)协议，派遣公司和被聘用人员签订聘用合同。用人单位与派遣公司的关系是劳务关系；被聘用人员与派遣公司的关系是劳动关系，与用人单位的关系是有偿使用关系。</t>
  </si>
  <si>
    <t xml:space="preserve">我想拿我的名字起个英文名，我叫梁淑燕 </t>
  </si>
  <si>
    <t>Liang Shuyan</t>
  </si>
  <si>
    <t xml:space="preserve">桶装矿泉水和纯净水有什么区别？哪个好？ </t>
  </si>
  <si>
    <t>矿泉水内含有一定量的微量元素，矿泉水一般分为九种类型，有偏硅酸型，锶型，锌型等而纯净水内部含有任何的微量元素，就是纯粹的水。</t>
  </si>
  <si>
    <t xml:space="preserve">给小孩子起名我家小姑娘生于农历2008年3月12日23点10分， </t>
  </si>
  <si>
    <t>你好！    推荐几个，请参考。    连石晶    连石美    连石泓    连红曦    祝宝宝健康成长！祝你们全家幸福！</t>
  </si>
  <si>
    <t xml:space="preserve">肝癌的传染途径是什么？ </t>
  </si>
  <si>
    <t>不传染·！- -！</t>
  </si>
  <si>
    <t>晒一张转九的过滤中奖单</t>
  </si>
  <si>
    <t>厉害，可惜我不会缩水.......</t>
  </si>
  <si>
    <t xml:space="preserve">汽车飞度车如果停了四或五个小时的话,还需要对发动机预热吗?一般如 </t>
  </si>
  <si>
    <t>一般不用,如果预热的话一两分钟就足够了.给你个方法,以供参考.打开车门,发动车,关好车门,然后调整好坐椅,系好安全带,就可以走了.</t>
  </si>
  <si>
    <t xml:space="preserve">我如何知道我有当律师的潜力?我以前从事过三年的公安执法工作,后转 </t>
  </si>
  <si>
    <t>年龄不是问题，这个年龄正是做律师的时候。下面，作为一个正在执业的律师，谈几点看法：1、要看你有无较好的辩论口才，这比较重要；2、要看你有无较多的社会关系，这也很重要；2、要看你有无较强的社交能力，这还很重要；4、分析能力、逻辑思维...最重要的是通过司法考试，前提必须是本科。还想问什么，可以随时交流。欢迎你早日进入律师的行列。</t>
  </si>
  <si>
    <t xml:space="preserve">请问常州哪里有卖植村秀的?请问常州哪有卖植村秀的? </t>
  </si>
  <si>
    <t>我以前在购物中心买过，你去看看现在还有吗？没有专柜，是和别的品牌混合卖的，大润发我也看到有卖。</t>
  </si>
  <si>
    <t xml:space="preserve">帮我离开防沉迷我的帐号是linpei2233,新福建区,电信的, </t>
  </si>
  <si>
    <t>现在开防沉迷了是么....你在这说每用,应该是挂机就能挂出来吧..猜的啊,采纳我吧</t>
  </si>
  <si>
    <t xml:space="preserve">请问七仙女下河洗澡，董永看见了什么？他兴奋吗？ </t>
  </si>
  <si>
    <t>他看见了机会，也抓住了机会，最后却只能七夕相会！</t>
  </si>
  <si>
    <t xml:space="preserve">关于连击的问题？？？？？？？？我是一个６９级的魔导，只能连１１下 </t>
  </si>
  <si>
    <t>两个眼睛紧紧盯住最后那个小条， 注意力高度集中 多多练习后凭感觉就可以了</t>
  </si>
  <si>
    <t xml:space="preserve">79年对越战有没有值得反思的地方?谢谢! </t>
  </si>
  <si>
    <t>历史将记住这场侵略战争。军事上没有打赢，政治上则是彻底输了。要记得，小国也是不好惹的。</t>
  </si>
  <si>
    <t xml:space="preserve">想去买个手柄玩，听说这个游戏手柄方向键要买不要连着的，要误操作吗? </t>
  </si>
  <si>
    <t>没关系的 我都是这样的 照样还是能用！自己在游戏里面把设置改下就可以了！</t>
  </si>
  <si>
    <t xml:space="preserve">想在家里装电热水龙头，安全性能如何？正在考虑中，顺便求推荐优质的 </t>
  </si>
  <si>
    <t>LZ是个很细心的人哦。我家里当时装电热水龙头的时候我都没怎么考虑，装的是捷能达的。用了很久，一直都很好呢！冬天基本离不开他。我刚才在网上帮你查了一下：一般城市家庭都有5（20）A的电表和2.5平方线的电源插座，对于功率在4.5KW以下的捷能达电热水龙头来说，几乎城市每个家庭均可以安装和使用；同时一般自来水压力为2KG左右，也可满足捷能达电热水龙头的正常工作水压。可以放心安装哦！</t>
  </si>
  <si>
    <t xml:space="preserve">怎样合理的设置电脑的虚拟内存?我的电脑内存为256M，请问如何设 </t>
  </si>
  <si>
    <t>虚拟内存一般设置为电脑物理内存的2.5倍－3倍，科学的方法是设置在系统盘外。鼠标右键点击“我的电脑”选择“属性”打开“系统属性”对话框，点击“高级”，在“性能”栏点击“设置”，打开“性能选项”对话框，点击“高级”，在“虚拟内存”栏点击“更改”打开虚拟内存对话框，选择“自定义大小”把“初始大小”和“最大值”更改为你的电脑的物理内存的2.5倍－3倍。（注：把“初始大小”和“最大值”设成一样大小。）然后回车或点“设置”按钮。（注：最好把虚拟内存设在系统盘外,在打开虚拟内存对话框后，首先在驱动器卷标栏选择系统盘外的盘符，然后选择“自定义大小”后面操作同上）一切搞定，ok</t>
  </si>
  <si>
    <t xml:space="preserve">求N个笑话,一定要搞笑,100字左右/. </t>
  </si>
  <si>
    <t xml:space="preserve">〖龙龙买瓜〗人们都说龙龙这孩子聪明，在他刚满7岁的那年秋天，自己上瓜地去买瓜，挑了一个又大又好的瓜问价钱。“那要五角钱。”卖瓜人说。“我现在有一角钱。”龙龙说。“这样吧，”卖瓜人指着一个又小又青的瓜说，“那个瓜卖给你吧！”“好吧！我就要这一个，”龙龙说，“不过你现在不能摘下来，过半个月我来拿！” </t>
  </si>
  <si>
    <t xml:space="preserve">生孩子怎么样才能没有疤痕？ </t>
  </si>
  <si>
    <t>顺产-----------</t>
  </si>
  <si>
    <t xml:space="preserve">古代文字谁能告诉我：甲骨文中的“雷”字和西周时的“电”字分别怎样 </t>
  </si>
  <si>
    <t>电，其甲骨文字形为电光曲折伸延状。而雷字，甲骨文字形则是在“电”字的形体基础上加上表示雷声的符号（雷声用圆圈或田字形表示）。</t>
  </si>
  <si>
    <t xml:space="preserve">假设无风浪，海平面是平的吗？ </t>
  </si>
  <si>
    <t>　　从大范围来看，无风浪时，海面是球面，不会是平面。但是从微观上看，在有限的范围内，可以视作平面(在数学上，就是微分的概念)。</t>
  </si>
  <si>
    <t xml:space="preserve">急性淋巴白血病存活率是多少？ </t>
  </si>
  <si>
    <t>你好，急性淋巴白血病患者的自然病程较短，若不治疗，一般多在６个月内死亡，平均病程约３个月。但一般情况下患者经过化疗以后，预后有了明显改善。缓解率可达９５％以上，因此ALL已成为一种可治好的恶性肿瘤。 您好，急淋的治好率相对其他的白血病来说是比较高的.这种情况不推荐做骨髓移植,以化疗为主,可以在当地医生指导下加用中药治疗.具体的用药每个人均有所不同,无法详细告诉你各种药的剂量和品种.这个病不能治好只能缓解症状，一般化疗急性淋巴细胞白血病治疗的总疗程一般需要三年，大约30%到40%的成人可生存5年以上。</t>
  </si>
  <si>
    <t xml:space="preserve">练破坏者的朋友来请问破坏者的(精通双手武器11被动0018000 </t>
  </si>
  <si>
    <t>没有！只有精通双重武器，才能对双刀有攻击加成，兽人的这个技能只对双手剑（如焰形剑等武器）才有加成作用</t>
  </si>
  <si>
    <t xml:space="preserve">缺乏信任怎么办我的婚姻应该算是比较成功的婚姻,我在努力的经营着它 </t>
  </si>
  <si>
    <t>缺乏信任一般都是由于相互之间缺少必要的沟通所致，夫妻之间通过沟通可以减少很多不必要的猜疑和误会。也许时间久了双方缺少交流和沟通，开始可能会困难些，但只要有信心就一定能够做到的。</t>
  </si>
  <si>
    <t xml:space="preserve">请各位大师mm们帮忙计算一下几时测排卵好我是８月5日的ＹＪ，周期 </t>
  </si>
  <si>
    <t xml:space="preserve">级别：大师8月2日 13:42 您好！ 下面告诉您排卵期的计算方法，一个月经周期除去月经期、排卵期，就是安全期。在安全期性生活容易怀孕。 排卵期的计算方法如下： 　　 一是宫颈粘液法，在医院妇科，通过检查宫颈粘液来判断是否处于排卵期。 　　 二是基础体温法：每天早晨醒后测量体温，一般情况下，月经前半段时间体温较低，到达排卵期时更低，排卵后会逐渐上升。 　　 三是经期推算法。许多女性不知道自己的排卵期到底是哪一天，利用下面公式，经过一段时间的测试，很容易计算出来的。计算公式为： 　　 排卵期第一天：月经周期天数减去18天 　 排卵期最后一天：月经周期天数减去11天 正确的掌握排卵期，对于年轻女性来说很重要：想怀孕的，在排卵期的第一天开始，保持两天做爱一次的频率，坚持几个月，如无特殊情况，一般会怀孕的。而不想怀孕的女性，则需要错过这几天过性生活，这时候，排卵期就会被称为另外一个名词：危险期。  </t>
  </si>
  <si>
    <t xml:space="preserve">没有身份证如何办理登机手续？ </t>
  </si>
  <si>
    <t xml:space="preserve">没有身份证如何办理登机手续 想乘飞机身份证却丢了，怎么办？放假了，身份证忘在学校了怎么办？为了使这部分特殊旅客没有身份证也能乘机，在此教您几招： 　 一、由本人户口所在地公安机关开具身份证遗失证明，证明中写明姓名、年龄、家庭地址、有效日期等，贴上本人的近期免冠照片并加盖公安机关公章； 二、由身份证签发地公安机关出具报失证明，证明内容与第一条中所述相同； 三、携带本人户口本或工作证、介绍信以及其他能证明身份的有效证件，向民航公安机关（在机场候机厅内都有值班场所）申请开具临时登机证明。假若因在外地旅行期间上述有效证件都没有随身携带，可向就近民航公安机关咨询解决。 四、因为身份证小而滑，特别容易遗失在候机楼办手续的途中，而机场工作人员一经捡到便会马上交到派出所等公安部门，因此遗失证件的同志不妨及时与机场派出所等有关部门联系查找。 值得一提的是，在您丢失身份证后，应该及时办理有效证件，甚至可以直接找民航公安机关协商，但是千万别弄虚作假使用假证件。当心，聪明反被聪明误，训练有素的安检人员个个火眼金睛，专跟造假者过不去。如果被查出用他人证件，涂改、伪造证件，不仅仅是没收，而且还要取消乘机资格，依法交由民航公安机关处罚。 </t>
  </si>
  <si>
    <t xml:space="preserve">002021基本面有改观了吗， </t>
  </si>
  <si>
    <t>002021基本面没有改变呀，快进快出</t>
  </si>
  <si>
    <t xml:space="preserve">请教诺基亚6230i手机行家——如何将诺基亚6230i手机里的文 </t>
  </si>
  <si>
    <t>可以把文字信息先存入手机里的那张记忆卡，128M的那张然后通过数据线或者读卡器与电脑连接，就能存入电脑了（买这款手机的时候有送一个读卡器的，本人就是因为当时不知道，又去买了数据线，纠结啊~~）</t>
  </si>
  <si>
    <t xml:space="preserve">中国式摔跤的技巧及规则 </t>
  </si>
  <si>
    <t xml:space="preserve">中国式摔跤是以摔的技术为主体的，起源于徒手武术中的一门专门技术。它是中国武术中的踢、打、摔、拿四大主技之一。后来它和踢、打、拿分开了，集武术各个门派择取的精华徒手动作，自成一门。但现在和拳术仍有联系，只是各自发展了        据史书记载：最早在战果时期“以为戏乐，用相胯示”秦汉称“角抵”，晋代又称相搏、手搏、相扑。三国时期魏主曹操将摔跤引入兵营，作为练兵的科目，唐代敬宗、庄宗、文宗都喜欢摔跤，致使摔跤猛发展到轻盈、敏捷相当的水平。公元960年宋代，1110－1127年北宋末期《水浒传》中的第七十四回“燕青智扑擎天柱，李逵寿张乔坐衙”，燕青打擂争跤王，已将“摔”的技艺描述的淋漓尽致。书中所述动作就是现在中国式的散手跤，穿裆掼。书中所记“太原相扑擎天柱任原教师爷教着二三百个上足徒弟，二三十个相扑（摔跤）高手”。“当日燕青与宋江禀到：小乙自幼跟着卢员外学得这身相扑，好歹上台??一跤，输了，??死用无怨心。倘或赢时，也与哥哥增些光彩。”    所说宋代已将摔跤技艺升华及推向普及阶段。南宋岳飞据守雁门关抗金御敌，全军上下以跤健魄。至今遗有“雁门跤风”四字，也就是在这个朝代年间开始、摔跤竞技已形成，单独分门立派奠基者，笔者认为，按史书所记应推为八十万禁军教头卢俊义（卢员外）为跤祖。    中国式摔跤经历代演练，容纳各族及各个省份地区的摔法，于清朝已为朝廷所垄断并职业化。清代皇室从大漠草原步来，偏爱摔跤竞技，跤技高手经层层选拔，与宫廷武术大内高手精英，珠联璧合，进一步挖掘、研究、整理、演练、锤炼，使这一摔技，铸成、达到炉火纯青之境。所纳高手组成“善扑营”，也就是保护皇帝不挂刀的职业贴身御林军。“善扑营”的武士跤技高手称谓“布库”，摔跤技术定义形成并为鼎盛时期。    中国式摔跤从清代开始到现代在燕召河北最为流行，目前我国各地的中国式摔跤技术都是从京、津、保流传出去的，所以大家都知道河北是中国式摔跤的摇篮。华北为强，其摔技精湛又分为北平跤、保定跤、天津跤三大主流。       （一）、北平跤：天子脚下也称王，是承继清代“善扑营”的遗风形成，王者风范，技术动作大、出场架势小（跤架）形似狸猫夜巡。白猿欲窜，多用俗称“黄瓜架”，它即以力降十会，似苍鹰扑兔刚猛，又一巧破千斤，兔滚鹰翻，轻盈迅捷。    十九世纪三十年代，那时北平摔跤正是风行一时，北京跤名闻全国，当时北京天桥最强的摔跤高手一位是：沈三（沈友三），一位是宝三（宝善林），还有杨春恒等人。沈三练的是民间俗称“细胳膊跤”――武术加跤，神鬼难逃，即快跤：一巧破千斤，现术语称“散手跤”。宝三玩的是“粗胳膊跤”――功力型，以功力压快，刚中强，以力降十会，即现拿着摔的揸把（手）跤。沈三即现在剧中的主角甄三原形，沈三比宝三更胜一筹，北京天桥双杰美名至今流传。    自古燕赵多英雄      （二）、保定跤，也称保定府快跤：散手跤。它重视快速技术，是大架式出场（跤架）。保定跤上盘手法上擅用：撕、崩、捅、把位占先，下盘腿倒，上下配合，天衣无缝，打闪认针，妙计连珠，以快打快，刚中有柔，猛中含智，绵里藏针，长于以小制大，左道旁门，散揸相合，潜移默化，瞬间将对手制于末路。    这派摔跤高手近代有平敬一、张风岩、白俊峰、满老明、吴四等人。继后，名家大师有常东升、常东如、常东坡、常东起四兄弟和闫益善、马文奎等英雄前辈齐名。其中首推常东升，其摔技、解数浑身、动作潇洒、飘逸，获“花蝴蝶”之美称，常将对手制于无形之中败北。曾于台湾任军警界高级总教官先后在美国、法国、新加坡等国家建立“中国式摔跤馆”。    现代摔跤名将有王彦会，河北摔、跆、拳中心主任；张建忠、沈金刚、郭建生，河北柔道队主教练；周甫、杨建国、王胜利、安长青等“五虎上将”。     津门跤王、群星灿      （三）、天津跤：它是北平跤和保定跤中间型的跤，动作非常的粗野、刚猛、自然。将灵巧、速度。力量溶为一体。近代摔跤名师有李瑞东、卜恩富、天津卫四大张（即张鸿玉、张魁元、张鹤年、张连生）。那时天津好手很少与外地名手交锋，名声不如京、保二地那样显赫。天津跤手名扬异地，还得感谢北京跤友，让我们回到公元1940年那个北平的夏天，那年天津张连生只身一人到北平天桥、下跤场。多次摔败当地诸侯名将，顿时威名远扬，群雄高呼，接着雄关大开，又走进了津卫大侠张鸿玉、张魁元、张鹤年前去助阵，以武会友，英雄相惜，在一个美丽的夜晚，北京跤坛名手特意在馅饼周饭馆设宴请了四大张，英侠把盏相聚，星辉互映。北平跤坛从此留下了四大张的美名，四大张之名也就传开了京津保跤坛。    五十年代初，祖国百业待兴。中国式摔跤这一国粹由中华人民共和国体育运动委员会主任贺龙元帅批示，在全民健身群众活动的基础上全国各省相继建立了职业专业队，系统的弘扬升华了这一国粹。河北在天津的基础上建立了专业队，张鸿玉老先生任首席，河北队执鞭教练。张鸿玉老先生1925年，先拜六合门李洪斌先生门下，学习武术及擒拿正骨，后拜天津南市清和街牛肉铺掌柜王昆山老师学习摔跤，王昆山的老师即是清朝“善扑营”的“布库”小鬼崔与大老冯（冯得禄）。小鬼崔有几手绝招，即看家的绊子、与对手一照面即可将对手摔晕过去。大老冯跤法细腻，诡诈，常在对方没来及反映就将对方置于穷途。张鸿玉老先生与跤坛泰斗张魁元、张鹤年、张连生在天津培养出不少各民族全国冠军和运动健将，如崔福海，张冒清，杨海生，僧格，丹巴，金木岩，其才德等。本省及外省名将都将受教于他们。为我国体育摔跤事业做出了贡献，让我们深深的感谢怀念他们。    五十年代初至六十年代，由全国摔跤冠军的摇篮、人才济济的天津代表河北组队，后来形成闻名全国 的快、准、狠多边风格的天津跤，列队阵容战将有三军统帅，宝刀未老的大老九张魁元老前辈、衣不沾尘的杨子明、神鬼难拿的王恩信、跤坛天贼孟广彬、铁别子贾福才、威猛只将高福桐、闪电侠客蒋学刃等人。我国首批运动健将河北摔跤对占据三名：张魁元、杨子明、孟广彬，其中以杨子明最为突出，技术绻绵，在1956年全国摔跤赛中以十战全胜的成绩夺取全国冠军，在一次全国大赛中锁骨骨折的情况下，仍继续比赛，并赢得了胜利。将中国式摔跤的“快”字诀发挥升华到极至，直上九天，摘星揽月，漫游跤界星河。至今在世界中国式摔跤跤坛上留下他们可歌的一篇。   “中国式”摔跤是中华民族优秀传统文化的一部分。中国已经获得了2008年奥运会的主办资格，然而有一件事情无不刺痛国人的心。那就是偌大的奥运会舞台上没有一项是中国民族的运动项目。正直让世人尊崇，富有神秘东方色彩的中国功夫，而在这门类繁多的各项中国功夫当中，最能代表中华民族的国技，那就是——“中国式”摔跤。     “中国式”摔跤具有悠久的历史，源远流长，博大精深，是国粹，武术的一个重要分支。在汉朝就存在，当时的学名叫“步亏”，也叫“角力”。自古就有远踢近打，贴身摔的说法。摔跤不仅能培养人的力量、速度、灵巧、柔韧等身体素质，还能培养人的勇敢、果断、坚毅、顽强的拼搏精神。    现在全国各大城市对这一项目尤为重视，在山东举办了数次跤王杯争霸赛，在外国已有一百多个国家都在学习我们的国跤。为了弘扬这一项目，在锦州的迅速发展，为早日成为奥运项目，为振兴“中国式”摔跤这一体育运动项目的发展，培养这方面的人才，我们成立了中天“中国式”摔跤俱乐部。               </t>
  </si>
  <si>
    <t xml:space="preserve">我17级的精灵法师一个人去那练比较快/ </t>
  </si>
  <si>
    <t>这个时候换把圣者或伊娃去打树精和树精利比。升级不会慢。。。</t>
  </si>
  <si>
    <t xml:space="preserve">养了两只小鸭子，很好玩，但是？？？？我在9月23日买了两只小鸭子 </t>
  </si>
  <si>
    <t>一般情况下在家里饲养是没问题的，只是注意以下几点：１．经常注意通风，注意环境卫生；２．给它们提前打禽流感疫苗；３．常用干净凉水给它们洗澡；４．尽量避免它们和其它动物接触；５．经常注意归来时你们自己的清洁消毒问题；６．加强营养和活动．注意上述问题并作好相关事项应该是没问题的，希望它们会带给你更多的乐趣，爱护动物，有利人类．</t>
  </si>
  <si>
    <t xml:space="preserve">男人喜欢什么样的女人？29岁的，一般成熟度，热爱自然。这样男人会 </t>
  </si>
  <si>
    <t>1.萝卜青菜各有所爱。。。 2.好女人。。并不一定是完美的。。。但是会让人永远充满兴趣的。。。 3.若即若离是一定的啦。。。不过不要幅度太大太频繁了。。。这样的话男生会觉得你很善变的。。。而且不要太过于小鸟依人。。。体贴一点是好的。。。不过不要太体贴。。。这样他就不懂得重视你了。。要让他明白你不是他的附属品。。。女孩子既要善解人意又要保持独立。。不过不要拒绝他的好意啊。。。给对方都保持一定的距离。。。适度的距离产生美感嘛。。。</t>
  </si>
  <si>
    <t xml:space="preserve">内存用一块好,还是两块好?如果有两块内存的容量这和等于另一块内存 </t>
  </si>
  <si>
    <t>我觉得有条件的话还是用一个内存好，这样可以避免两条内存之间有不兼容的问题出现，可以保证稳定，兼容机稳定才是最重要的。要是你已经有一条内存，想再加一个，那就最好是买一个和老内存一模一样的，单面比双面的好，看你的实际情况了。</t>
  </si>
  <si>
    <t xml:space="preserve">有多少个人叫做杨海婷？在全世界里面，有多少个人的名字叫做杨海婷？ </t>
  </si>
  <si>
    <t>起码在我认识的人中还没有人叫这个名字不过重名的人很多，是无法计算的你真想知道我就建议你上当地的户口管理局查查就知道了</t>
  </si>
  <si>
    <t xml:space="preserve">怎么才能怀孕啊我和老公试了两个月，可以确定是在排卵期时在一起的， </t>
  </si>
  <si>
    <t>去医院检查一下是不是有问题啊</t>
  </si>
  <si>
    <t xml:space="preserve">请教清泉老师000680/600591/601628明天如何操作? </t>
  </si>
  <si>
    <t>000680/关注前高压力.600591/601628 均可冲高短线换股.</t>
  </si>
  <si>
    <t xml:space="preserve">汉阳钟家村做什么公交到光谷广场 </t>
  </si>
  <si>
    <t>武汉有两个光谷书城不知你说的是哪一个？1、在汉阳钟家村乘坐728路公交车到民院路站（14站）下车，再步行约450米到光谷书城。2、在汉阳钟家村乘坐203路公交车到白沙洲农副产品市场下车，再步行1.7公里到光谷书城。我估计你说的是第一个，附上第一个光谷书城的地图。</t>
  </si>
  <si>
    <t xml:space="preserve">0615，高卢雄鸡败走麦城、三狮糙哥低调前进今天晚上欧杯小组赛将 </t>
  </si>
  <si>
    <t>绝对不可能，法国单0</t>
  </si>
  <si>
    <t xml:space="preserve">西班牙前锋比利亚身高以及球鞋号码是多少？听说这是个小脚球员？ </t>
  </si>
  <si>
    <t>他的鞋38码，梅西37码，比我还小</t>
  </si>
  <si>
    <t xml:space="preserve">请问600158这几天换手率这么高,而且收盘价一天比一天低是怎么? </t>
  </si>
  <si>
    <t>放量滞涨，不容乐观</t>
  </si>
  <si>
    <t xml:space="preserve">胆小怎么变敢大？不知道怎么弄的。我胆特小，请问如何增强我的自信心 </t>
  </si>
  <si>
    <t>我教你,只要你听,一定行的,对你喜欢的人说:我喜欢你,然后用眼睛看着她不说话,看她什么反映,一定行好.这样你的胆子会越来越大的.</t>
  </si>
  <si>
    <t xml:space="preserve">过年送什么给爸妈？钱不要哦，我可送不了几万我爸妈不老哦，而且不抽 </t>
  </si>
  <si>
    <t>在过年时和他们在一起，比什么都重要！！爸爸妈妈与公公、婆婆和丈母娘、老丈人是不同的！！！过年给的钱和平时给的钱性质一样，因为你没有给父母压岁的权利和义务，平时多和父母在一起，过年时买点儿一般的年货，不要太多，重要是自己的心，在那时要和他们贴得很近。</t>
  </si>
  <si>
    <t xml:space="preserve">摩托车在行驶中他的发电机电压在多少??是125的,其它的也可以, </t>
  </si>
  <si>
    <t>只能给你这个参考了;东风BM021摩托车.当发电机在额定转速1500r/min时.电压达到6.2~~6.7V.当发电机转速升高至4700~~5500r/min时.电压调节器可使发电机电压自动保持在6.2~~8.4V的范围内.</t>
  </si>
  <si>
    <t xml:space="preserve">这句话如何理解？“新疆的采摘棉花报酬现在是按公斤算，采摘一公斤皮 </t>
  </si>
  <si>
    <t>靠..我捡棉花时1公斤最多给4毛钱最少只有1.5毛钱这还是01-04年的事即便是按 '棉籽率理论上62%' 来算1公斤皮棉=2.7公斤籽棉算下来1公斤棉花也有1.2元左右!现在钱TMD都不算钱了</t>
  </si>
  <si>
    <t xml:space="preserve">对于函数f(x),若存在x0属于R,使f(x0)=x0成立，则称? </t>
  </si>
  <si>
    <t>（1）x=2x+1，不动点为：x=-1。（2）g(-5)=-5 ===&gt; 25+5m-3=-5 ===&gt; m=-27/5。</t>
  </si>
  <si>
    <t xml:space="preserve">买100送50,相当于打了几折啊 </t>
  </si>
  <si>
    <t>表面看是打了五折.但谁又能知道他的成本到底是多少呢?天下就没有愿意陪钱的商人!俗话说:南京到北京,买者没有卖者精!打折再多,商家还是有赢利的!</t>
  </si>
  <si>
    <t xml:space="preserve">请概括天下苦秦久艺的原因. </t>
  </si>
  <si>
    <t xml:space="preserve">    第一，徭役繁重，大量人口脱离生产，田地多荒芜。    第二，刑罚严酷，致使数十万人成为囚徒，大量农民“亡逃山林，转为盗贼”。    第三，赋税十分沉重，除田租、户赋外，还有种种苛捐杂税。    第四，土地兼并严重，大量农民失去土地。</t>
  </si>
  <si>
    <t xml:space="preserve">我孩子2岁得了肺炎，是左肺都感染了，住院10天医生说可以回家了，? </t>
  </si>
  <si>
    <t>还有痰说明感染没好，还得继续治</t>
  </si>
  <si>
    <t xml:space="preserve">家装请教老师：木工已经基本完成，配色问题！1、厨房台板是黑金沙配 </t>
  </si>
  <si>
    <t>1、厨房台面是黑金砂，厨柜面板的配色还应考虑厨房的采光度、墙地面砖的颜色、天花颜色、空间大小……参考颜色见下图2、门与门框、房间橱柜都为面板都为斜纹柚木，墙面涂料颜色可用牛奶色，家具可选咖啡色或冰蓝色。</t>
  </si>
  <si>
    <t xml:space="preserve">QQ头像上显示的空间里的内容怎么去除我在空间写了东西，但后来删除 </t>
  </si>
  <si>
    <t>应该是把新写的日志设置为置顶,再重新登陆一下QQ就好了,这时应该显示的就是你刚置顶的了.</t>
  </si>
  <si>
    <t xml:space="preserve">犯错皆因抛媚眼（四字晏几道词句） </t>
  </si>
  <si>
    <t>过尽流波</t>
  </si>
  <si>
    <t xml:space="preserve">做阴茎包皮手术要注意什么？一般要多少钱？ </t>
  </si>
  <si>
    <t>包皮过长，易产生包皮垢，包皮垢的慢性刺激，可诱发包皮龟头炎，使包皮粘膜水肿、充血、糜烂、反复交叉感染甚至发生包皮嵌顿，如果不及时治疗，炎症可沿生殖道上行感染.包皮术后只要不感染，一般在七至十天基本上都能愈合（根据个人体质）,但水肿消退可能慢一点！ 伤口完全愈合并承受外力如夫妻生活生活需一个月。 恢复期间最好少动“色”心，不然自然的生理反应可是会让您吃足苦头! 饮食方面尽量吃清淡食物。</t>
  </si>
  <si>
    <t>FL</t>
  </si>
  <si>
    <t>旧的东西是否会退休还是要看他们是否会有需要他们的作战环境。相比较于海拉姆730 之类的火炮防御距离和防御成本也是没法子比的。在导弹越来越成熟的年代或许用于防空已经没有必要用730和密集阵之类的武器。大事不要忘记了还有“科尔号事件”，一艘价值数亿的用数码和电脑科技武装到牙齿的军舰竟然被成本不到3000美元的橡皮艇+马达+300公斤炸药组成的山寨袭击艇开了膛失去战斗力。这就是非对称作战。在自卫上还是730 或者更低端的人操20毫米火炮或大口径机枪的天地。毕竟相对于那些重型装备730这些火炮实在是太灵活了。只不过它们不会再“高高在上”了，或许还会在一层甲板上与水兵们亲密接触。但是如果是巡逻艇或是渔政船之类以对付低烈度目标或非军事目标为主要任务的舰艇上730可是大杀器。想想它恐怖的射速，几秒钟就可以在目标船只上形成密集的水墙。恐怕谁都得老老实实的。</t>
  </si>
  <si>
    <t xml:space="preserve">西列的任务做完之后还能去哪里接任务？去雨林都是些不可接的任务..? </t>
  </si>
  <si>
    <t>去林海接啊，不过最开始接任务的NPC在地图最下面的那个，不在村子里，然后到65吧可以接雨林任务了，好象是清度长老那接，70还可以到西列找老头接伏羲陵任务。</t>
  </si>
  <si>
    <t xml:space="preserve">急！幼儿园小朋友不小心伤害别的小朋友，谁负责任？妹妹的孩子四岁， </t>
  </si>
  <si>
    <t>你妹妹的孩子想负责也没能力,因此负责的事实上是你妹妹,主要赔偿医疗费、营养费，误工费等.学校应该负补充赔偿责任，要视过错程度而定。法律规定：第七条　对未成年人依法负有教育、管理、保护义务的学校、幼儿园或者其他教育机构，未尽职责范围内的相关义务致使未成年人遭受人身损害，或者未成年人致他人人身损害的，应当承担与其过错相应的赔偿责任。　　第三人侵权致未成年人遭受人身损害的，应当承担赔偿责任。学校、幼儿园等教育机构有过错的，应当承担相应的补充赔偿责任。第十七条　受害人遭受人身损害，因就医治疗支出的各项费用以及因误工减少的收入，包括医疗费、误工费、护理费、交通费、住宿费、住院伙食补助费、必要的营养费，赔偿义务人应当予以赔偿。</t>
  </si>
  <si>
    <t xml:space="preserve">萨斯菲尔德我爱你，终于进球了，哈哈，串串又活了。 </t>
  </si>
  <si>
    <t>应该感谢萨斯菲尔德。。。好运伴随你。串串又活了。。。。。。</t>
  </si>
  <si>
    <t xml:space="preserve">为什么北方人听不懂南方人方言,而南方人却听得懂北方人方言？ </t>
  </si>
  <si>
    <t>因为南方说话发言太怪，不是本地人很难听懂。</t>
  </si>
  <si>
    <t xml:space="preserve">诺基亚5800的手机QQ有没有合适它的版本（一定要能用的） </t>
  </si>
  <si>
    <t>登录手机腾讯网，选择2008手机版QQ，按机型选择诺基亚5800版本下载安装。</t>
  </si>
  <si>
    <t xml:space="preserve">★冷门教母★：今年的大趋势，晒单中奖！怎么看，就怎么买。。。。不 </t>
  </si>
  <si>
    <t>教母又红了， 昨天中了几单啊？？？？</t>
  </si>
  <si>
    <t xml:space="preserve">请问中国银行什么时候会加息? </t>
  </si>
  <si>
    <t>中国银行是一家商业银行,它没有加息的决定权.只有央行----中国人民银行才能决定是否加息.</t>
  </si>
  <si>
    <t xml:space="preserve">腰椎间盘突出基本上恢复了正常，哪里有相关的康复操？腰椎间盘突出用 </t>
  </si>
  <si>
    <t>腰间盘突出是一种慢性疾病，因此患者在日常中的调理和保养是非常重要的。 腰间盘突出患者在日常生活中的注意事项： 1、饮食均衡，蛋白质、维生素含量宜高，脂肪、胆固醇宜低，防止肥胖，戒烟控酒。 　　2、工作中注意劳逸结合，姿势正确，不宜久坐久站，剧烈体力活动前先做准备活动。 　　3、卧床休息，宜选用硬板床，保持脊柱生理弯曲。 　　4、避寒保暖。 　　5、腰椎间盘突出是运动系统疾病，预防原则要求减少运动，放松休息。 　　6、平时应加强腰背肌锻炼，加强腰椎稳定性。 　　7、在此，推荐一套简单易学的腰背肌锻炼操： 　（1）仰卧，两腿伸直轮流抬起，动作轻松稍快，以不引起疼痛为度，连做8-10次。 　（2）仰卧、屈膝、大腿贴腹，两手抱膝、腰背贴床，使腰肌和下背部肌肉放松，然后分开两手，两腿伸直，连做3-5次。 　（3）仰卧起坐，若起坐动作困难，可用两手扶床协助，坐起后身体不可前屈，连做3-5次。 常见的治疗腰椎间盘突出的方法有： 治疗原理：治疗腰椎间盘突出的疾病就是要通过恢复人体的生理曲度，从而达到从根本上治愈腰间盘突出的目的。 1.传统的治疗腰间盘突出的方法有药物治疗、贴膏药、牵引、理疗、封闭等保守治疗方法，保守的治疗方法治标不治本，疗效短，易反复加重，并不能从根本上减轻椎间盘所承受的压力，也不能使椎间盘还纳复位，因此并不能从根本上治愈腰间盘突出。 2.手术疗法，创伤大、风险大、费用大，手术治疗通常就是摘除突出的髓核，这样就会造成患病部位的髓核的萎缩，使椎间盘承受人体重力和缓解运动对人体器官的震动的作用减弱，这样就会造成其他椎体间的椎间盘的承受的重力不均产生病变，引发其他椎间盘并发症。同时手术治疗需要考虑许多因素，如：身体素质、性别、年龄、自然环境、经济的等因素。 3.要间康顺势整骨疗法：要间康多功能脊柱治疗仪汲取物理疗法、整骨疗法、接触疗法、指压疗法的精华，自成一家成为“顺势整骨疗法”，巧妙地借助自身重力和人体生理曲线模型，二度顺势，整骨牵引，科学营造能量康复场，激活骨免疫，促进人体健康平衡。 顺势整骨疗法与传统的药物疗法和手术疗法的本质区别是，顺势整骨疗法最终目的是恢复人体正常生理曲线，并且通过中医渗透缓解患者在治疗过程中的病痛，促进人体脊椎的恢复从而治愈腰间盘等腰部疾病。 治疗腰间盘突出需要逐渐的过程，因此从治疗效果和经济付出上考虑，可以试试采用仪器治疗，比如要间康腰椎间盘突出治疗仪，治愈效果很好的同时价格页很便宜，性价比很高。所有的产品都需要对症下药，不过建议你可以试</t>
  </si>
  <si>
    <t xml:space="preserve">你工作时心里累吗?我工作时心里特别累,工作想做好,同事关系想处好 </t>
  </si>
  <si>
    <t>公司里都是这样的,到处都是尔于我诈,很讨厌的,不要理会他们,一切随心情,高兴干好点,多干点,不高兴少干点,只要自己高兴就好了.</t>
  </si>
  <si>
    <t xml:space="preserve">对子上联:品千古美文下联:______________.Help </t>
  </si>
  <si>
    <t>我提供以下几个仅供参考：品千古美文； 尝百家肴馔。 品千古美文； 赏万里河山。 品千古美文； 酿绝世醇酒。 品千古美文； 赏绝代佳人。 品千古美文； 对万代佳句。 品千古美文； 解今生烦恼。</t>
  </si>
  <si>
    <t xml:space="preserve">多谢指教.我去医院做心电图还有彩超,医生说不清楚为什么会右心室增? </t>
  </si>
  <si>
    <t xml:space="preserve">    右心室增大常见的原因为二尖瓣狭窄、慢性肺原性心脏病、肺动脉狭窄、肺动脉高压、心内间隔缺损和Follot四联症等。 </t>
  </si>
  <si>
    <t xml:space="preserve">38期的最后定单！请大家很批！！！雷　恩5日23:15里　尔埃蒂 </t>
  </si>
  <si>
    <t>不错啊,都学会互补了!!!是个好单!!祝好运!!</t>
  </si>
  <si>
    <t xml:space="preserve">卡里亚里不输．理由请朋友们说？？？本场比赛难度很大，就现在的比分 </t>
  </si>
  <si>
    <t>我的一个32元的5倍单，买的是卡利亚单3。预想的是默契球：（1）主队早早进球，比分不动了；（2）半场比赛主队落后，下半场一开始就搬回一个，终场前决杀；（3）比分一直是0：0，终场前决杀。现在，三种预想都不是，所以，主队已经是肯定无胜了。我的160元被瓜分了。</t>
  </si>
  <si>
    <t xml:space="preserve">请问女性会做性梦吗?如果做多少岁会有,生理上会有什么反映!!谢谢? </t>
  </si>
  <si>
    <t>我是六十年代出生的女性，接近中年了。我可以给你肯定的回答：1、女性会有性梦的；2、我结婚以前从没做过性梦的，是三十岁之后才有而且后来越来越多，这跟性欲的逐渐增强确实有很大关系；3、做性梦时的反应，对于我本人来说就是---当时下面流些水，很湿很湿的，有时我还真有性梦中高潮的时候（当然不是每次都有，很少那样吧），但有一点是肯定的：非常兴奋、舒畅、下面流出爱液。我不知道怎么样更好地、更贴切地把我想说的感受表达出来，但我说的是我个人的真实体验。</t>
  </si>
  <si>
    <t xml:space="preserve">和喜欢陈道明的女孩怎么交流啊？同事帮我介绍了一个女朋友，今天晚上 </t>
  </si>
  <si>
    <t>哈哈哈,每个人都有自己心目的偶像,去想这个干嘛,你去跟她见面要用自己的魅力去吸引啊,跟喜欢偶像没什么关系的啊,你总不可能现在去找一些资料跟她有话题讲吧,哈哈哈,自然点让她感觉你心跳就可以啦哈哈哈</t>
  </si>
  <si>
    <t xml:space="preserve">求一区坏频道!RT! </t>
  </si>
  <si>
    <t>65是坏的 下午刚维护就65就坏了 我卡的600%玩了一下午升了1级</t>
  </si>
  <si>
    <t xml:space="preserve">A股市场盛极而衰工商银行将考验牛市成色　　继昨日全线冲击涨停的井 </t>
  </si>
  <si>
    <t>对，盛极而衰！ 尾市在权重股的主动打压下有所回荡，k线上为十字星体，应是上涨中继走势，后市行情仍可期！</t>
  </si>
  <si>
    <t xml:space="preserve">烫染头发后应该注意哪些问题？需要进行哪些特别护理吗？还有，烫染头? </t>
  </si>
  <si>
    <t>染烫后头发受损比较严重，洗头的洗发水和护发素可以买好一点的 针对染烫的头发的  还可以每周使用两次发膜 把头发束起来没问题  但是尽量不要把头发扎很紧 那样本来就不好</t>
  </si>
  <si>
    <t xml:space="preserve">紧急求助！！！！电脑开机后，屏幕什么也不显示，机箱还滴滴滴的响个 </t>
  </si>
  <si>
    <t>开机计算机滴滴滴的响,是硬件有故障,可以根据响声的不同判断是什么元件有问题.一般都是接触不良造成的,可以把主板上的卡\线\板逐个从新查一遍. 显示器的连线松动主板是不会响的.</t>
  </si>
  <si>
    <t xml:space="preserve">请教。我种的红色王侯三叶草只有一个真叶，是不是种子冰箱里两三年变? </t>
  </si>
  <si>
    <t>是不是刚长出的第一个真叶是这样的？以后长出来的会正常。</t>
  </si>
  <si>
    <t xml:space="preserve">美国学界对1971——1979中美关系的研究有哪些人 </t>
  </si>
  <si>
    <t>这个基辛格博士就是最出名得了，也是外交家</t>
  </si>
  <si>
    <t xml:space="preserve">为什么每次到壁山那个桥前的龟都说我不够重啊??? </t>
  </si>
  <si>
    <t xml:space="preserve">壁山的地图刚一进去的场景如我所示截图 最上边是入口处的存储点，旁边是乌龟，不用理那个乌龟，那个龟背上的“叁”说的是你的队伍里的人数至少3个人才可以开启机关放下那个吊桥。因此你现在是过不去的。等以后学会御剑飞行，队伍中有三个人的时候再回来即可。对面只是有一些东西和宝物而已，不是太重要。 走到画圈的位置（我没有走到画圈的位置，目的是为了让你明白自己应该去的位置，在那个乌龟的什么方位，因为截图大小限制，我只能走到这里才可以让你更清楚的看到全屏的方位） 当走到划圆圈的位置时，会在景天的头上出现箭头，这样的话，点击鼠标右键可以跳过河去，对面有个灯笼样子和米袋样子的怪物 我画的线就是进入壁山后的行走路线，走到画圈的地方，景天头上会有箭头提示，点右键跳跃就可以了 跳过小溪后，顺着荷叶形状的路继续向前走，会发现另外一个存储点，然后再往前就是唐家堡了 </t>
  </si>
  <si>
    <t xml:space="preserve">初三英语填词一道Theybehave_______(differ </t>
  </si>
  <si>
    <t>defferently</t>
  </si>
  <si>
    <t xml:space="preserve">windows启动时出现errorloadingoperatin? </t>
  </si>
  <si>
    <t>error loading operating system 是提示你载入系统是出错，也就是说你的硬盘在引导的时候就出问题了。你可能需要重建引导分区才行这个操作具有危险性，如非万不得已建议不要采用</t>
  </si>
  <si>
    <t xml:space="preserve">我们常用的标准键盘一共有多少个键位？ </t>
  </si>
  <si>
    <t>PC XT/AT时代的键盘主要以83键为主，并且延续了相当长的一段时间，但随着视窗系统近几年的流行已经淘汰。取而代之的是101键和104键键盘，并占据市场的主流地位，当然其间也曾出现过102键、103键的键盘，但由于推广不善，都只是昙花一现。近半年内紧接着104键键盘出现的是新兴多媒体键盘</t>
  </si>
  <si>
    <t xml:space="preserve">谁知道穷奇是什么呀？为什么穷奇可以2下就挂了我呢？我是38的武士 </t>
  </si>
  <si>
    <t xml:space="preserve">是万木岭的空中BOSS  50级左右打它就没事了  </t>
  </si>
  <si>
    <t xml:space="preserve">今年的公共基础知识还考吗！！！买书急需解答啊！！谢谢各位大侠！！ </t>
  </si>
  <si>
    <t>今年最新考纲没有把《公共基础知识》作为单独的考试科目但是在《行政职业能力测试》中的常识部分会包含一些作为想拿高分的同志，当然是多看多掌握比较好而且目前部分地方公务员考试还有《公共基础知识》这科，现在看了也没什么损失。个人建议：博览群书，全面开花</t>
  </si>
  <si>
    <t xml:space="preserve">车出现刮称逃逸如何处理 </t>
  </si>
  <si>
    <t>打122交通事故报警台电话说明情况，过一会就会有管片儿的警察联系你。如果你有行车记录仪最好，警察能根据车号找到逃逸车辆。如果没有，剐蹭眼中的话，警察会调取监控录像找肇事车。如果不是很严重，警察会劝你自己解决算了。但个人建议不能就这么算了，不然会助涨这种逃逸现象的发生。</t>
  </si>
  <si>
    <t xml:space="preserve">历史上的唐伯虎是什么样的？ </t>
  </si>
  <si>
    <t xml:space="preserve">历史上的唐伯虎：     说起唐伯虎，人们眼前多会浮现出民间传说和影视作品中演绎的形象：才华横溢、风流倜傥、浪漫非凡，"江南第一风流才子"、"三笑点秋香"、"家有九美"等等。但历史上真实的唐伯虎却是一生坎坷，并非《三笑》中塑造的那种喜剧角色。　　一.出身寒门考中解元　　　　唐伯虎（1470—1523），名寅，字伯虎，后字子畏，别号六如居士、桃花庵主等，我国绘画史上杰出的画家、家。明成化六年（公元1470年），唐伯虎生于苏州，其父唐广德是普通的苏州市民，在苏州皋桥开设酒肆做小生意，其母丘氏也是当地的小家碧玉。因他出生那年是庚寅年，故取名唐寅，因在家中排行老大，故又称唐伯虎。　　　　据苏州有关文史专家介绍，唐伯虎自幼天资聪敏，过目成诵，熟读四书五经，博览《史记》、《昭明文选》等史籍，闲暇时也学画山水花鸟。当时文徵明的父亲文林常去唐家的酒肆喝酒，见唐伯虎禀赋和才学过人，决定让唐寅与文徵明一起拜吴门画派创始人沈周为师。唐伯虎16岁时秀才考试得第一名，轰动了整个苏州城。因才华出众，唐伯虎与祝枝山、文徵明、徐祯卿被并称为“吴中四才子”，也称“江南四才子”。　　　　唐伯虎19岁时娶当地女子徐氏为妻，两人感情甚洽。唐伯虎25岁那年家中遭遇不幸变故，父、母、妻、妹在一年之内相继去世，这对他打击很大，悲痛之余，唐伯虎更加努力读书治学。明弘治十一年（公元1498年），唐伯虎29岁时参加应天府（现南京）乡试，中解元（第一名），一时声誉鹊起，名震江南，“冒东南文士之上”，春风得意。　　　　二.进京会试遭牢狱灾　　　　考中解元后的第二年，30岁的唐伯虎踌躇满志地进京参加会试，路遇同去赶考的江阴巨富家的公子徐经，两人相谈甚恰，遂结成莫逆之交。这位徐经，就是后来著名的旅行家徐霞客的曾祖父。“世路难行钱作马”，这富家公子徐经到京城后，以钱财贿赂会试主考程敏政的家僮，得到了试题。徐经文才不行，开考前请唐伯虎帮他写好了文章，而唐伯虎事先并不知情。毕竟纸里包不住火，此事不久就被人告发，两人都锒铛入狱。唐伯虎在大狱中吃了不少苦头，在他给好友文徵明的信中详述了当时的悲惨境状：“至于天子震赫，召捕诏狱，自贯三木，吏卒如虎，举头抱地，涕泪横集。”　　经过一年多的审讯，案情不明不白，最终虽未判定唐伯虎是考场舞弊案的主犯，但干系是摆脱不掉的。唐伯虎虽被释放出狱，但经过这番折腾已经声名扫地，科举仕途已无望。朝廷革除了他的“士”籍，把他发配到浙江偏远之地为小吏。　　　　因才得名，又因名罹祸，而立之年却“倒立”，突如其来的打击使唐伯虎心灰意冷。耻于去浙江当小吏，又感到没有脸面回家，31岁的唐伯虎开始游山玩水排遣苦闷，足迹遍布浙、皖、湘、鄂、闽、赣等省。　　　　三.归故里感受世态炎凉　　　　唐伯虎在外游荡了一年多，银子花光了，虽感“近乡情更怯”，最后也不得不硬着头皮回归故里。回家后，妻子（续弦）已弃他而去，唐伯虎又气又累，大病一场，性情也大变，破罐破摔，放浪形骸，狎妓聚饮，纵酒浇愁，一副“看透事态炎凉”的态势。史载，唐伯虎曾和祝枝山等扮为乞丐，沿街唱莲花落讨钱，钱讨来了，就上酒楼喝酒。明弘治十八年（公元1505年），已经36岁的唐寅续娶患难中的红颜知己沈九娘为妻，随后在苏州金阊门外桃花坞筑屋，取名桃花庵（遗址在今桃花坞大街）。　　卖文卖画之余，唐伯虎逐渐从人生低谷走出，他不再消沉，决定开始新的生活。唐伯虎对科举、权势、荣名等封建社会所尊奉的价值体系开始采取蔑视和对抗的态度，并有意识地强化了自己“狂诞”的形象。他写诗嘲笑利禄之徒“傀儡一棚真是假，髑髅满眼笑他迷”，自称“此生甘分老吴阊，宠辱都无剩有狂”，凡此种种，很显著地表现出一个脱略缙绅阶层行为范式的市井文人形象。后世产生了许多关于唐寅的虚构的传说，也正表明了他的性格存在与市民情趣相契的特征。　　　　唐伯虎晚年精神空虚，“皈心佛乘，自号六如”。明嘉靖二年（1523年），唐伯虎去世，享年54岁。唐伯虎身后很萧条，他死后归葬于横塘的宗族墓地，还是靠了好友祝枝山的相助。唐伯虎为世人留下了大批书画诗文，与唐伯虎有关的地名，在今天苏州地图上还能找到不少，如桃花坞大街、桃花坞桥弄、唐寅坟巷等。　　　　四.“风流绯闻”多为杜撰　　　　关于唐伯虎“江南第一风流才子”之名的由来，有人认为，唐伯虎出于对自己才华的狂傲自负，确实刻了一枚“江南第一风流才子”的印章，但也有学者考证认为，唐伯虎从未自刻过“江南第一风流才子”的图章，存世之印系别人伪造。后世学者普遍认为，唐伯虎“江南第一才子”是名副其实的，他的诗、书、画被称为三绝，艺术造诣高超，唐伯虎才气横溢是真的，他完全称得起“江南第一才子”。若说“风流”二字，也只是说唐伯虎文风飘逸，为人洒脱，落拓不拘，举止有放浪之行，仅此而已，实际情况并不是小说和影视作品中描写的那等“风流”。 </t>
  </si>
  <si>
    <t xml:space="preserve">想要个宝宝为什么这么难?我已经试孕第四个月了,本来以为很容易就会 </t>
  </si>
  <si>
    <t>放心吧,楼主,不要太紧张。要相信自已的身体一定没有问题的。情绪太紧张可产生一系列的问题呢。如不排卵或者卵泡长得不好等。。所以建议楼主放松心情。可以去旅游等等。我也是未准7个月了，心情不会那么紧张，因为该来的，总会来的！只不过是时间迟早而已。对不？</t>
  </si>
  <si>
    <t xml:space="preserve">不好意思，应该是600309烟台万华什么时候出货比较好 </t>
  </si>
  <si>
    <t>为什么要出啊，留着会有更好的收益</t>
  </si>
  <si>
    <t xml:space="preserve">有所舍弃的人生才是快乐的人生吗？ </t>
  </si>
  <si>
    <t>人在经历了一段生活的磨练后，应该能够感悟到，快乐与痛苦，其实不过是人对各种事物的看法不同而产生的不同心理感受。而贪意欲望过高过多，是使人陷入痛苦的渊源。如果能把个人的欲望降低一点，不去贪求攀比，量体裁衣式地规划生活，舍弃一些不切实际的追求目标，就会达到“知足常乐”的境界。抱着一种“予其欲望的痛苦着，不如逍洒地快乐着”的为人处世态度来看待各式各样的事物，（正如你所言的）有所舍弃，当然会逐渐快乐人生，愉快每一天，还能延年长寿哟。相互交流。</t>
  </si>
  <si>
    <t xml:space="preserve">益盟操盘手、大智慧、同花顺哪个好？话说这些都是目前主流软件了，益? </t>
  </si>
  <si>
    <t>其实三款软件都差不多，硬要说的话，还是益盟操盘手好些。因为个人感觉大智慧和同花顺的售后服务一般，不如益盟还会给培训。另外，我先声明，我不是广告，本人不用炒股软件，单纯因为个人习惯，但周边同事用益盟和大智慧炒股的很多。</t>
  </si>
  <si>
    <t xml:space="preserve">这种妇科病是什么病？？？谢谢前天取医院做了些妇科检查。查白带没有 </t>
  </si>
  <si>
    <t>宫颈糜烂除了与生小孩有些关系外，还跟你的性生活有关。尤其是月经期后二天或三天内就进行性生活的也容易引起宫颈糜烂。如果真的只是这些，我建议你现在开始多吃新鲜的熟红薯，有利于排宫毒。祝你早日康复！</t>
  </si>
  <si>
    <t xml:space="preserve">我的帕萨特1。8T，开空调时驾驶室内可以听到很响的尖声音检查发动 </t>
  </si>
  <si>
    <t>开空调时发出很尖的声音应该是皮带响。</t>
  </si>
  <si>
    <t xml:space="preserve">如何查看上证50指数是多少点网页上只有上证180指没有上证50指 </t>
  </si>
  <si>
    <t>000016是50指数的代码，目前投资指数只能通过ETF或LOF。</t>
  </si>
  <si>
    <t xml:space="preserve">做完爱，阴道会有气体出来，发出声音，这种情况正常吗 </t>
  </si>
  <si>
    <t>我与老婆做完爱之后,她一起身,阴道里也会发出类似放屁的声音,我想这是在做爱的过程中有气体积存在里面,一活动气体就被挤压了出来,故会发出声响,应属正常,不过,这种声音也很让人不舒服.但没办法,只好将就了.  另祝节日愉快!</t>
  </si>
  <si>
    <t xml:space="preserve">英语问题Ilikethesamebook___youhave.w </t>
  </si>
  <si>
    <t>asthe same ...as...固定用法，与...一样</t>
  </si>
  <si>
    <t xml:space="preserve">一个婚姻破裂的男人，桌上放着一把刀，请问他要作什么？ </t>
  </si>
  <si>
    <t>做饭</t>
  </si>
  <si>
    <t xml:space="preserve">开报刊亭需要什么手续?人家邮政局说不办理了，我不知道怎么办理咯？ </t>
  </si>
  <si>
    <t>报刊亭需占道设置，涉及市容市貌、安全卫生、精神文明等，由市政府协调有关部门联合论证，方可审批通过，邮局无权决定设置方案</t>
  </si>
  <si>
    <t xml:space="preserve">什么时候开新区啊 </t>
  </si>
  <si>
    <t>没见到官网公告国际版倒是经常开</t>
  </si>
  <si>
    <t xml:space="preserve">社会热点：关于追女孩子的问题100分我就是海盗，3个多月前，我偶 </t>
  </si>
  <si>
    <t>首先声明----回答这个问题是用心的，认真的，没有掺杂任何的其他因素。其次，也许别人有技巧，但是我没有技巧，只知道做什么事情都应该用心，爱情也如此，同样应该用心。最后，希望你看了别生气！宽以待人。忘记在哪里看到过这样的说法：说感情的发生是需要很多条件的，不是你想怎么样就怎么样的，有了这种想法的时候，你还一定要充分的考虑后果，毕竟社会不只是为你一个人在运行，很多时候，事情当真发生了，也许不是幸福，反倒是心灵的伤害！ 所以，我才一直怕伤害，很多人都怕伤害！我总觉得你心理满足的欲望大于实际行动！ 这其实是我们最正常的心理活动过程了！ 所以，也希望楼上那些愤怒的回答者理解一下。这或许是每个人在不同的时期，不同的阶段都会出现的情况。对待社会，对待，对待朋友，你或许还需要冷静一下。 还有提醒一下：宽以待人，请勿生气。骤然间发现曾经回答过的一个问题，被采纳了。骤然间回忆起来了。 也许这是我们不解以后的顿悟： 或许是必经的程序和过程， 就像电脑一样， 总要经过开显示器， 再开主机， 然后进入界面。 希望每一次的经历都可以让自己成熟一点， 理智一点。 这样也会让自己更加懂得珍惜的可贵</t>
  </si>
  <si>
    <t xml:space="preserve">做测评的作用：1.从艺术、事务、经营、研究、操作、社交六种取向中 </t>
  </si>
  <si>
    <t>你好！非常感谢，很受启发，您已经回答了您自己的提问。</t>
  </si>
  <si>
    <t xml:space="preserve">在期货公司开户后，是不是上海，郑州，大连这3个交易所的商品都能交? </t>
  </si>
  <si>
    <t>在期货公司开户后，是不是上海，郑州，大连 这3个交易所的商品都能交易?是的，可以都开通交易。中国就这3个交易所，对吗 ？是的。</t>
  </si>
  <si>
    <t xml:space="preserve">关于1.85版1.85版马上就要推出了，不知道哪个职业单独打宝会 </t>
  </si>
  <si>
    <t>个人感觉单独的3个职业都个有好处,有钱玩传奇的话玩战士,高级战士是无敌的,道士其次,而法师最次了,不像现在法师最牛了,而带英雄的话我认为,法师带道士英雄最好打装备也是最强的但不是道士带法师的英雄因为法师英雄太笨了,而且是最容易死的,而PK的话战士带战士英雄最强了,其它的只能是一般,1.85后还要更新的,还有好几项技能呢,像战士加快了30%的移动速度,法师的幻影,道士的铁幕,等等好多技能呢各有所长吧,</t>
  </si>
  <si>
    <t xml:space="preserve">陨石是怎样形成的？陨石从哪里来，他算不算是天体或者某种星？ </t>
  </si>
  <si>
    <t>陨石是宇宙中的尘埃或固体小块，在地球的引力作用下落到地球上形成的。这些尘埃可能是流星体、也可能是彗星彗尾留下的，也可能是小行星掉下来的。掉到地球上来就不叫天体了。在宇宙空间叫天体。</t>
  </si>
  <si>
    <t xml:space="preserve">收购和工匠拿个好赚钱啊他门多说工匠赚打钱啊收购赚小钱那收购能赚多 </t>
  </si>
  <si>
    <t>通常情况下赏金要比工匠赚钱。如果能种地并且种子供应稳定，就玩工匠吧！但是工匠最少要8级工才行，前期会比较郁闷！</t>
  </si>
  <si>
    <t xml:space="preserve">那种眼线笔好用?怎么化眼线才好看?我想买一支眼线笔,但是不知道那 </t>
  </si>
  <si>
    <t>ZA的旋转眼线笔便宜又好用。 嘉娜宝的双靓眼线＆眉笔也很好用，一头是眼线笔，一头是眉笔。 兰蔻的木头眼线笔口碑也很好，台湾很多师都用这款眼线笔。 露华侬有一款旋转眼线笔防水效果很好，我朋友游泳时用这款，眼线一点都没花。 再说说我的经验，如果你的眼睛超爱出油的话，最好在画完眼线后，用散粉扑在眼线上，这样即使用便宜的眼线笔，也可以很持久啦！ 说到防晕染，眼线液效果比较好啦，我最近用韩国品牌爱丽的双子星眼线液就很好用，网上的价格也很便宜。这款眼线液还搭配一支小小的旋转眼线笔，满足不同需要的你如何画眼线—基本手法 初画眼线时，每个人的画法都不尽相同。眼线画上去以后，会重复画好几次。所以建议初画眼线的你，先使用眼线笔描画。 1.握眼线笔 与握铅笔的方法是一样的，握得越前面越好控制线条，之前先把笔头磨圆。 2.轻拉眼皮 将镜子放在距身体20厘米处，眼睛向下看，用无名指把眼皮轻轻向上拉。 3.从眼尾画 贴着睫毛根部，由眼尾向眼角分段描画，每一段保持在2毫米左右。 4.反复描画 先用食指将眼角向鼻部方向拉，然后再从眼角描画至眼尾，使眼线看上去纤细。 5.画下眼线 先用无名指轻拉下眼皮，然后再紧贴睫毛从眼尾到眼角描画下眼线。 6.加强眼角 用眼线笔沿着睫毛根描画至眼角，制造出眼角处的眼线渐渐隐退的效果。 7.使用棉棒 用手把棉棒头压扁，从眼角至眼尾将眼线推匀，使线条自然清晰。 8.晕开眼线 与画眼线的方向相反，从眼角至眼尾晕开眼线，切忌用力过大。 ----------------- 画好眼线 画眼线是为了美化和突出眼睛,同时还可以通过画眼线的技巧,修整改变眼睛的形状。画眼线可以调整眼睛轮廓和两眼间距,可以加强眼睛的神采,使眼睛黑白对比强烈。比如,同样长的眼线,如果在眼线的中心部位画得粗一些,就能造成眼睛长度缩短,眼睛变大的感觉；如果将眼梢处的眼线延伸,就能造成眼睛狭长的感觉。这就是小眼画大、大眼画小的诀窍。通过画眼线还可以表达人的气质,比如,把眼线的重点放在下边,也就是下面的眼线比上面的粗一些,眼睛的位置降低,显得天真活泼；如果把眼线的重点放在上边,眼位升高,就显得成熟稳重。 画眼线的工具就是眼线笔。眼线笔有两种：一种是软性的，一种是硬性的。硬性带色眼线笔比较容易掌握,选择软芯防水眼线笔,把笔尖削薄,削细,沿睫毛根部描画,上眼线粗,下眼线略细。眼线笔描画显得柔和自然,适于生活妆。软性眼线笔,又称眼线液,选择防水眼线液由眼尾向内眼角描画,描画时手要稳,下笔要高于眼睛轮廓,眼线液的描画显得艳丽夺目,适于浓妆。 初学画眼线,首先碰到的问题是执笔的手容易发抖,造成粗细不匀、波浪起伏,达不到美化的效果。为了避免手发抖,可将执笔的小指顶在颧骨上,或者将肘关节支撑在桌面上,或者将肘部紧靠在墙上,使执笔的手固定,画眼线时脸不要动,让手上的镜子上下移动。 眼线画得好不好,不能只看睁开眼睛的时候,还要看闭上眼睛的时候是否自然。这就要进行自我检查。检查的方法是：手镜放在胸口处,镜面朝上,眼睛往下看,脸不要动,就能看见自己的眼睑,观察眼线粗细是否得当,以确保眼线的效果。眼线笔应以软性为宜，用专门的卷笔刀将笔尖削好，在靠紧眼睫处由眼角向眼尾描画。以东方人的肤色和眼睛的颜色来考虑，以深灰色和棕色更相宜。画眼线的一种方法是以5毫米为一段，往返渐进，直到眼尾。另一种方法是用眼线笔作点描，然后用海绵尖的小棒，将这些小点连成一条有晕影的线条。描画时，眼线笔应倾斜地行进，尽量靠笔的侧面着色。上眼睑画的眼线不要过于纤细，否则会使眼睛显得更小。切忌用粗眼线来修饰偏小的眼睛，这样不但会形成狐狸眼，而且失去了自然。” “画眼线是为了美化和突出眼睛，同时还可以通过画眼线的技巧，修整改变眼睛的形状。画眼线可以调整眼睛轮廓和两眼间距，可以加强眼睛的神采，使眼睛黑白对比强烈。比如，同样长的眼线，如果在眼线的中心部位画得粗一些，就能造成眼睛长度缩短，眼睛变大的感觉；如果将眼梢处的眼线延伸，就能造成眼睛狭长的感觉。这就是小眼画大、大眼画小的诀窍。通过画眼线还可以表达人的气质，比如，把眼线的重点放在下边，也就是下面的眼线比上面的粗一些，眼睛的位置降低，显得天真活泼；如果把眼线的重点放在上边，眼位升高，就显得成熟稳重。 画眼线的工具就是眼线笔。眼线笔有两种：一种是软性的，一种是硬性的。硬性带色眼线笔比较容易掌握，选择软芯防水眼线笔，把笔尖削薄，削细，沿睫毛根部描画，上眼线粗，下眼线略细。眼线笔描画显得柔和自然，适于生活妆。软性眼线笔，又称眼线液，选择防水眼线液由眼尾向内眼角描画，描画时手要稳，下笔要高于眼睛轮廓，眼线液的描画显得艳丽夺目，适于浓妆。 眼睑是人体皮肤中最薄的地方，因此在眼影化妆时，要尽量轻柔，不要用手拉下眼睑描绘，否则极易使眼睛周围娇嫩的皮肤过早出现皱纹。 画眼线时要将肘部支好，防止拿眼线的笔发抖，改来改去眼线就变粗了。此外脸不要动，而让手、镜上下移动。支稳肘部的方法有两种：一是把肘部支撑在台面上；二是将肘部紧靠在墙上。 画眼线的标准原则是上粗下细，比例以七比三为宜。 画下眼线时，应把镜子稍微抬高，眼睛转而向上看，这样既可免除用手指拉下眼睑之弊，还会使眼线画得极自然，需注意的是笔尖要圆润，用笔侧峰画曲线。 画上眼线时，把镜子放低，视线向下，可画到垂下的眼圈上。 眼线画得好不好，不能只看睁开眼睛的时候，还要看闭上眼睛的时候是否自然。这就要进行自我检查。检查的方法是：手镜放在胸口处，镜面朝上，眼睛往下看，脸不要动，就能看见自己的眼睑，观察眼线粗细是否得当，以确保眼线的效果。 上面都是理论，每个人可以最后总结出有自己的办法，我也有我自己的，不大用液体眼线。 先说上眼线 1。先稍微提拉起眉骨部位的眼皮，用软质的眼线笔填充睫毛根部之间 2。闭眼，用眼线刷沾眼影或者直接用眼线笔 由眼头画到眼中， 再由眼尾往眼中画， 越贴近睫毛根部越好 3。睁眼， 观察修改使顺畅。沾了卸妆水的棉棒，用来去掉多余的。眼线擦和 眼线刷用来适当延长眼尾部分和适当晕开线条 下眼线 不要拘泥在黑色上，直接用眼影都好 1。从靠近眼尾的后1/3处开始画起直到与上眼线的尾部完美接合。 2。晕开 内眼线（下眼睑内粉红湿润的部分） 黑色和白色是比较常用的</t>
  </si>
  <si>
    <t xml:space="preserve">乾造：庚申乙酉甲午丁卯工作事业运如何？乾造：庚申乙酉甲午丁卯此造 </t>
  </si>
  <si>
    <t>乾造：庚申 乙酉 甲午 丁卯 此造，以后的工作事业运如何？ 、杀重身轻，无印相化，层次一般。以后大运：戊子 乙丑 庚寅 辛卯 壬辰 癸巳 现在正处戊子大运中，很不顺，请教先生：以后哪个大运好？哪个差？ 戊运不佳，财杀相生，子运破酉刑卯，喜忌各半，平运。寅，卯运吉。丑运平中有吉。全盘来说，此造大运的五行喜忌是什么？（譬如说喜火运，忌金运）万分感谢！五行喜木火，但具体干支要看作用。</t>
  </si>
  <si>
    <t xml:space="preserve">在西安把我的物品快递到汕头需要多少天啊？急！！！！！ </t>
  </si>
  <si>
    <t>EMS,大概3-4天顺风、申通、民航等快递，最多3天。因为邮政不时随时投递，而快递公司是随时投递的。</t>
  </si>
  <si>
    <t xml:space="preserve">现在手头有400万的闲钱，预计在两年内将共有1000万，请问如何? </t>
  </si>
  <si>
    <t>1)投资银行产品，国债，基金2）聘请个人投资顾问，由他安排你监督3）寻求代客理财的个人和公司，需要你有辨别好坏的能力。</t>
  </si>
  <si>
    <t xml:space="preserve">怎么下载1.75的劲舞饿晕死了就是学不会怎么下有那个好心人帮帮我 </t>
  </si>
  <si>
    <t>去官方网站,就可以了，先下个迅雷或,用BT,BT会快很多,强烈建议!!!!!!!!!!!</t>
  </si>
  <si>
    <t xml:space="preserve">人类的第一张照片是什么时候诞生的？ </t>
  </si>
  <si>
    <t>人类的第一张照片是1826年诞生的</t>
  </si>
  <si>
    <t xml:space="preserve">帮帮忙，万分感谢哪位有下载好的仙剑外传，帮忙传到我的邮箱里，我的 </t>
  </si>
  <si>
    <t>传送时间非常之大 去网站下载 一下午OK.当然前提是要拨光驱的准备.</t>
  </si>
  <si>
    <t xml:space="preserve">女娲娘娘的生辰是几月几日？请回答标准答案别的不要多说谢谢！ </t>
  </si>
  <si>
    <t>阴历三月十五。。</t>
  </si>
  <si>
    <t xml:space="preserve">纯属好奇呵呵！我今天第一次去做产检，医生说我蛋白和钙有点偏低，其 </t>
  </si>
  <si>
    <t>这个不准,我现在每半个月检查一次,上半月在左边,下半月又跑右边了</t>
  </si>
  <si>
    <t xml:space="preserve">男人八字须怎么办?我的胡子是八字须,中间长不出胡子,旁边却长了不 </t>
  </si>
  <si>
    <t>最好把两边的胡须也刮掉。几任中央主席，那个也没留胡子，都挺好看。</t>
  </si>
  <si>
    <t xml:space="preserve">狂战高手进（本人新手）我看网上对狂战一般都是太刀和巨剑流，这2种 </t>
  </si>
  <si>
    <t>红眼的话...摁...巨剑蛮不错，物理伤害那个ＢＴ，缺点就是攻速太慢，如果和其他攻速飞快的职业（如白手、蓝拳）Ｐ的话..那会吃苦头的所以ＰＫ建议带太太刀缺点：攻击低得ＢＴ，刷图带巨好了我蛮喜欢带太，但我４０的紫太和紫巨都有，刷图ＰＫ轮着换｀｀红眼３５以后基本不费蓝，倒是那些技能超级费红...狂暴...暴走...最好刷图的时候不要被怪碰到...时装的话..带巨选攻速和物爆，带太也要物爆，ＨＰ最大值能＋就＋，以免造成以后贫血带来的烦恼..</t>
  </si>
  <si>
    <t xml:space="preserve">男人为何都喜欢说女孩可爱？我发现男人都喜欢说女孩可爱，但是很少直 </t>
  </si>
  <si>
    <t>如果直接说漂亮的话，就表达不出心中的喜爱之情，可爱的东西总是被人看过一眼就会喜欢上它，给人一种亲切的感觉，可爱能总体说出心中的心情</t>
  </si>
  <si>
    <t xml:space="preserve">excel如何统计同列中相同日期的个数比如A列日期现在我要计算里 </t>
  </si>
  <si>
    <t>操作说明：1、在B1输入公式“=COUNTIF($A$1:$A$14,A1)”，向下复制到B14。2、即可在B列显示同行A列日期的数量，结果如黄色区域。</t>
  </si>
  <si>
    <t xml:space="preserve">又是偶然发现不仅自己，以前有个同学也这样。在经期前在身上会有小红 </t>
  </si>
  <si>
    <t>有可能是蜘蛛痣。就是一种红色的血管痣。你可以试着用笔尖压那个红点，如果红会消失就应该是。和经期前的激素分泌有关，对身体没有影响。</t>
  </si>
  <si>
    <t xml:space="preserve">请教几个钓鱼的食谱黄油鲑鱼跟炖鲑鱼的食谱在哪里买？我是LM骨鱼汤 </t>
  </si>
  <si>
    <t>1.炖鲑鱼 技能320，黄油鲑鱼 技能350，貌似都是从NPC那里学的，你去沙塔斯天涯旅店看下，好像NPC叫凯蕾妮2.KLZ门口就有3.同第一个，你也去看下</t>
  </si>
  <si>
    <t xml:space="preserve">胸口闷，是什么原因？我朋友现在怀孕27周,昨天半夜突然觉得胸口很 </t>
  </si>
  <si>
    <t>我前段时间也是胸闷，特别是晚上，连续3天早上泡了些参茶喝就好了，我是属于气滞，行气就好了。</t>
  </si>
  <si>
    <t xml:space="preserve">问问。。华烁笔记本8000左右的有什么好配置。华烁笔记本8000 </t>
  </si>
  <si>
    <t>有一款华硕A8H55JN-DRT5500双核/512M/100G/7300独显/带802.1/130W象头/14寸镜面高亮大概8500</t>
  </si>
  <si>
    <t xml:space="preserve">广东省内哪几间职业学校比较好? </t>
  </si>
  <si>
    <t>我也想知道，同时问一下广大市政技术学院怎样？</t>
  </si>
  <si>
    <t xml:space="preserve">本期几场比赛要重视埃尔夫斯堡vs卡尔马稳定的一球盘，31应该稳过 </t>
  </si>
  <si>
    <t>看好达伽马的3 莫尔德还是需要防一下</t>
  </si>
  <si>
    <t xml:space="preserve">为什么台湾官员在宣誓的时候要行德国纳粹式的敬礼方式 </t>
  </si>
  <si>
    <t>没有的事儿。不一样。谁告诉你那是德国纳粹式的敬礼方式？那个人或者无知，或者在散播谣言。不是所有伸手都是德国纳粹式的敬礼方式。德国纳粹式的更向前一些。参见肖万长副总统的宣誓照片。</t>
  </si>
  <si>
    <t xml:space="preserve">宜兴什么地方有好紫砂壶卖？具体点好吗！ </t>
  </si>
  <si>
    <t>在锡惠公园外面的一条街上有很多买紫砂壶的,好不好就只有自己看了,我也不认识</t>
  </si>
  <si>
    <t xml:space="preserve">请问NBA俱乐部工资总额超过工资帽是怎么罚款的??好象纽约尼克斯? </t>
  </si>
  <si>
    <t>一、工资帽制度“工资帽制度”就是全联盟的工资总额以上一年度联盟收入X48%，再除以联盟球队数量，为各球队的工资总额。工资帽制度避免了老板实力悬殊造成比赛一边倒，同时，又避免了球员工资过高影响俱乐部收入。但是，工资帽制度也不鼓励俱乐部老板恶意压低球员工资，因为实际上是各俱乐部球员的工资由联盟支付，如果俱乐部不雇佣好的球员，球员工资支付数额在工资帽以下，俱乐部并不能得到多少好处。以2004—2005赛季的“工资帽”4387万美元为例，如果俱乐部只支付球员1487万美元工资，那么节省下来的2900万美元要由29个俱乐部平均分配，该俱乐部只能获得100万美元的好处，但是，由于缺乏大牌，俱乐部的收入有可能大幅度减少，所以片面减少球员工资也是对俱乐部的伤害 。二、奢侈税“工资帽”是一种工资封顶，但是这个帽不是“硬”的，而是“软”的。NBA联盟规定，俱乐部花费的球员工资可以超过工资帽，但当俱乐部工资总额超过联盟收入的55%除以俱乐部数量的数值时，超过部分必须向联盟交纳“奢侈税”。“奢侈税”的税率为100%，即每多花一块钱，就要向联盟交纳一块钱，这部分计入联盟收入用于大家分配。例如2004—2005赛季工资帽=前一年联盟收入X48%/29=4387万美元，奢侈税征收起点=前一年联盟收入X55%/29=5460万美元。三、另外你说的尼克斯为什么不交点罚款去争夺总冠军呢？第一要老板有钱，舍得花钱；第二，钱要花得合理，钱花得不合理没用，就算全部天才在一起也并不是最好的组合；第三，要有球队愿意把球员让给你，因为别的球队也需要这些球员。</t>
  </si>
  <si>
    <t xml:space="preserve">请问排卵期我是的月经日期是8月31日，10月1日，10月27日， </t>
  </si>
  <si>
    <t>一般为月经完后的第十四天</t>
  </si>
  <si>
    <t xml:space="preserve">56年布票有收藏价值吗?广西一尺、二尺、五尺，请问有收藏价值？ </t>
  </si>
  <si>
    <t>有收藏价值，但价不高。</t>
  </si>
  <si>
    <t xml:space="preserve">让尘埃带我走这歌词是那首歌里的？ </t>
  </si>
  <si>
    <t>刘若英唱的《原来你也在这里</t>
  </si>
  <si>
    <t xml:space="preserve">人事代理签订的合同和录用表格可以和劳动合同相互代替吗？ </t>
  </si>
  <si>
    <t>人事代理签订的合同和录用表格、劳动合同都属于可以证明存在劳动关系的证据，但三者根据其内容的不同，对于劳动者的权力义务约定也不同，因此不能相互代替，当三者有冲突时，以劳动合同的规定为准。</t>
  </si>
  <si>
    <t xml:space="preserve">法国拒签一次探亲，会不会影响工作签证？去年申请法国探亲被拒签，今 </t>
  </si>
  <si>
    <t>你应该知道上次拒签的原因，是材料不充分，还是有移民倾向？这次申请工作签证，上述情况你有没有改变？如果这次你已经准备充分，或可以证明你是没有移民倾向的，工作计划结束后，是按时回国的。那么，你完全可以获签ok。无需换护照。及即使换护照也没用，你的信息在他们的系统中。祝顺利~~</t>
  </si>
  <si>
    <t xml:space="preserve">跪求：鸟巢里面最近要举办什么类型的活动呢？ </t>
  </si>
  <si>
    <t>水立方有一个红楼梦的实景演出节目，鸟巢有陆川导演的大型魔幻爱情剧《鸟巢·吸引》，这几个都可以去看看；</t>
  </si>
  <si>
    <t xml:space="preserve">经常咳嗽可以锻炼腹肌？！如题，是这么回事吗？ </t>
  </si>
  <si>
    <t xml:space="preserve">    客观地说，的确如此。因为经常的咳嗽，会迫使腹部的肌肉组织经常进行被动的舒缩运动，因而得到了锻炼，可以比较发达。</t>
  </si>
  <si>
    <t xml:space="preserve">为什么我不能用木头修理我的船？？我的船是大白沙，现在20级，我想 </t>
  </si>
  <si>
    <t>先通过树木附近的打包人给你送到港口的船舱里,然后在海上航行时右键点船长证明开船舱,双击木头就可以了</t>
  </si>
  <si>
    <t xml:space="preserve">求翻译：宾客意见簿 </t>
  </si>
  <si>
    <t>宾客意见簿consumer's feedback</t>
  </si>
  <si>
    <t xml:space="preserve">如何算预产期？我是5月25日末次月经的,中间也用验孕纸试过很多次 </t>
  </si>
  <si>
    <t>您好，根据末次月经计算： 末次月经日期的月份加9或减3，为预产期月份数；天数加7，为预产期日。例如： 张女士的末次月经是2007年3月13日，其预产期约为：2007年12月20日。 李女士的末次月经是2007年5月28日，其预产期约为：2008年3月4日 孕妇也可以从末次月经第一天起向后推算到第280天就是预产期。 以上的月日都是根据阳历算的，如果您所给的不是阳历，请换算成阳历，所谓预产期只是孩子出生的大概日期。孕妇身体状况以及其它外界原因等，都会影响孩子出生日期的提前和推后，如果新生儿出生比预产期提前或推后l~2周时间，仍算正常分娩，只要做好产前检查就可以了，祝健康！</t>
  </si>
  <si>
    <t xml:space="preserve">关于天机洞谁告诉我怎样进天机洞？怎样封玉？有几个洞分别是些什么属 </t>
  </si>
  <si>
    <t xml:space="preserve">进天机洞要去买本天机卷到天机道人那里才会让你进.在洞里每杀死一个怪都会掉一个封魂玉的,不用自己去封玉.呵呵.天机洞共有四个.它们是:一洞：狼王（水） 巫神使者  左贤王 单于二洞：野猪王（土） 强盗大王（普） 义军头目（金） 鸟王（普）三洞 土:朱厌王.会稽守将.陆吾王 木:虎跤王(喷毒怪兽)四洞：蝙蝠大王（火） 穷期王（金） 护法石魔大王（普） 犀魁兽大王（木）进天机洞级别:洞1   30-69级   洞2   70-113级  洞3   114-139级     洞4   140级+ </t>
  </si>
  <si>
    <t xml:space="preserve">哪位仁兄可以给我一些关于法国CoursFlorent学校的信息？? </t>
  </si>
  <si>
    <t>法国佛罗朗戏剧电影学院.专业划分：影视制作系：包括导演 /编剧/场记/剪辑等专业。表演系：舞蹈、舞台剧、电影表演、电影研究等。通学课程：英语、 巴黎生活、文化参观、电影欣赏等。法语培训课，写作、口语、文学。不知道这样回答你满意不，如果你还要这个学校的详细信息，建议你去  这个网站看看，很全的信息。</t>
  </si>
  <si>
    <t xml:space="preserve">家庭教会和三自教会，那个更好！？只要三自教会的人，肯定是说三自教 </t>
  </si>
  <si>
    <t>三自是国家认可的，你要是不想造反又想信教，那只好就这样了，家庭教会是非法的</t>
  </si>
  <si>
    <t xml:space="preserve">期初余额的录入后应该怎么试算平衡新厂才建立，录入期初余额有什么要 </t>
  </si>
  <si>
    <t>如果是新厂，刚开始建帐，不需要录入期初余额，直接根据发生业务编制的记账凭证中科目的金额进行录入就行了。</t>
  </si>
  <si>
    <t xml:space="preserve">会游泳者怎么才能被淹死特别想知道啊 </t>
  </si>
  <si>
    <t>一种是出于意外，比如游泳时突发疾病，如心脏病、腿抽筋、低血糖，或是头部碰到了什么东西，漂浮物。我原来在部队还有一个连长带老婆孩子去河边游泳，一猛子扎下去就没上来，后来派人打捞，发现他一头扎进河边柳树下面的根网里卡住了。二是自杀，他可以在脚下绑个重物，那样就浮不起来了。</t>
  </si>
  <si>
    <t xml:space="preserve">谁能告诉我现在买顺长城动力平衡基金适合吗？我想知道现在买顺长城动 </t>
  </si>
  <si>
    <t>合适,现在买华商领先好</t>
  </si>
  <si>
    <t xml:space="preserve">你好：我们企业想做营业执照迁移、更名，就是从以前的所在地办到现在? </t>
  </si>
  <si>
    <t>应该是先去原企业所有地工商所开一个同意迁出的证明，然后到新地址工商所办理，最后到地税</t>
  </si>
  <si>
    <t xml:space="preserve">我是新手,有问题请教1.塞子匕首是什么,值钱吗?2.祝福的防魔斗 </t>
  </si>
  <si>
    <t>你所说的可能就是可以爆掉对方2/3血 爆血以后匕首也会消失的匕首了 这是个杀人的绝好东西  尤其适合大规模pk以及精黑使用 大规模pk的时候  经常出现几个打一个的情况 你用这个匕首上去 一旦爆掉  对方非常容易死的   精黑使用  等到匕首爆掉的一瞬间 对方的血只剩下1/3 你用会心一击 也非常容易干掉一个人 中服原来7服相思果用这个东西杀了很多很多人 包括65级以上的号 现在韩服已经绝版了 只剩下为数极少的遗留 我在以前的老号找到一把 我们盟主花了100万天币（也就是130块人民币）买走了  后来告诉我 他57级的黑妖 在攻风木的时候 用这个东西杀掉了敌对行会的盟主  对方是76级骑士 据说死后+9的抗魔斗篷灰飞烟灭（他当时红名 韩服红名被其他玩家杀死 装备系统回收 不掉在地上）祝福的防魔斗不值钱 魔防+10% 每贴1张防卷 增加2%抗魔 在龙谷出的很多  地上随处可以拣到迷魅和召唤商店没有卖的  但是不是非常高级的魔法 出的很多 很多商人出售 价格也很便宜</t>
  </si>
  <si>
    <t xml:space="preserve">夫妻共同财产问题我和男友是在2005年5月13日签的购房合同，当 </t>
  </si>
  <si>
    <t>根据你的补充问题重新作答。婚姻关系中，哪些是夫妻共同财产？哪些是婚前个人财产？《婚姻法》第十七条、十八条有明确规定，方便的话可以学习一下，也可以到“爱问”共享资料中下载。你们的房子属于夫妻共同财产，理由如下：你们是在领结婚证前共同签订的购房合同，只交的6000元所谓定金（也可以认为是首付款）也是共同完成的，虽然随后交纳的13万元剩余房款是双方家庭凑的，但以过了户的该房做抵押贷的款，应该是用来偿还两家凑齐的购房款的，你们夫妻此后将用15年的时间偿还贷款，偿还贷款的钱无论是你们两人共同出资，还是由其中一人出资，都会被认为是从夫妻共同收入中支出，这种做法符合《婚姻法》关于夫妻共同财产的规定要件，因此，属于不折不扣的夫妻共同财产。至于房屋产权证上的所有权人是你对象，并不妨碍你对该房屋拥有的所有权。归根结底一句话，只要是婚姻双方共同出资的所有动产与不动产，都被视为夫妻共同财产，而不以婚姻登记时间为标准。</t>
  </si>
  <si>
    <t xml:space="preserve">物理该怎么学啊现在物理差的可以但是又不知道该怎么学怎么办啊~~ </t>
  </si>
  <si>
    <t xml:space="preserve">     1  预习     2  上课的时候好好听      3   有针对性的做练习      4    保持积极的心态和迷人的个性       5   勤思考。勤问题     6   每周每月做一次总结     7   不钻研很难的东西，但要记住一般的题行和结论     8   和同学讨论问题可以把结论记的更清楚，别人会帮你拓开思路     9   不耻下问     10   不眼高手低       11  不要不懂装懂       ……                   ………… 好了，就这样吧，还有其他的也很多的，不过最基础就这样了。其实最重要的还是自己的心态问题。物理不是很难，再说现在高考也不可能考很难的问题。把老师每天将的弄懂就很好了 。注意错的地方不要下次再错。做好笔记</t>
  </si>
  <si>
    <t xml:space="preserve">为了谈恋爱，和心上人在哪些地方吃饭比较合适？ </t>
  </si>
  <si>
    <t>个人认为咖啡厅最好。一般咖啡厅的音乐都比较煽情，环境也比较优雅，而且安静，适合交谈。</t>
  </si>
  <si>
    <t xml:space="preserve">黑色羊绒过膝风衣配什么款式的长裤好看？黑色，带突起条纹，长度刚好 </t>
  </si>
  <si>
    <t>浅咖啡色工装带兜的长裤子，不要穿长靴。那样会将整个人平分成两半。穿裙子要过膝盖，配中靴。</t>
  </si>
  <si>
    <t xml:space="preserve">怎么去海盗岛是不是然柳可以坐船？ </t>
  </si>
  <si>
    <t>在村子的左边有个NPC，点他到隐藏港口，往右上走，买船票，在往右下走几步就能看见船了，对着船走就上去了，开船时间天堂时间早上8；00，12；00。下午16；00。20；00，一天4次，船提前1小时到，来早了没用，</t>
  </si>
  <si>
    <t xml:space="preserve">英语达到六级后是什么样？能看报，能跟老外用口语交流吗？ </t>
  </si>
  <si>
    <t xml:space="preserve">英语过六级以后,看报纸应该没有什么问题;口语跟老外简单交流也没有问题. </t>
  </si>
  <si>
    <t xml:space="preserve">求大神告诉我这是什么树？[思考][许愿] </t>
  </si>
  <si>
    <t>这种树，这么多棱角，应该是杉树</t>
  </si>
  <si>
    <t xml:space="preserve">如何进入游戏主页 </t>
  </si>
  <si>
    <t>你可以在新浪的首页找到那个游戏的主页</t>
  </si>
  <si>
    <t xml:space="preserve">什么是冷光美白牙齿？冷光美白牙齿好吗？有副用用吗？ </t>
  </si>
  <si>
    <t>冷光美白牙齿是目前牙齿美白的比较流行的技术。它以冷光照射涂在牙齿上的特殊美白剂，能清除牙齿表面上的外源性着色(如烟渍、茶渍、咖啡渍等)，但效果只能维持半年至一年，对内源性着色（如氟斑牙、四环素牙）并无任何作用。目前医学上对冷美白牙齿的副作用众说纷纭，很多国家已经不再使用冷光去美白牙齿。我建议你可使用一些牙齿美白产品，如美国的onuge （欧诺洁牙齿美白组合），对外源性着色和内源性着色的牙齿效果都很不错，价格也比冷光美白便宜，我的牙医朋友也推荐我用这个产品。</t>
  </si>
  <si>
    <t xml:space="preserve">生牛奶能存放多久?今天我去买了几斤生牛奶,这些牛奶应该是早上刚济 </t>
  </si>
  <si>
    <t>如果能保证在冰箱里储存，（只是饮用时倒出部分加热使用），三天保证没问题；5天内要消化掉，超过5天饮用要谨慎，如果有异味或感觉奶味不正或状态不均匀就不行了，7天以后一定不要喝了。</t>
  </si>
  <si>
    <t xml:space="preserve">有懂房屋风水的朋友吗？本人有一套拆迁房，小居室。只有一个卫生间， </t>
  </si>
  <si>
    <t>风水学说主要是探索天地宇宙磁场在不同空间方位和时间中和人生活环境的之间的关系，如果脱离具体空间具体时间去分析风水，都是画米生炊，最好不要这样讨论风水，免得别人一句话让自己心情不愉快，就更不好了。</t>
  </si>
  <si>
    <t xml:space="preserve">translation,help!thefilecontains </t>
  </si>
  <si>
    <t>文件file, ?]有包含在?說明?小?</t>
  </si>
  <si>
    <t xml:space="preserve">耳朵像是被棉花塞住了一样,是感冒引起的,感冒好了以后耳朵还没好,? </t>
  </si>
  <si>
    <t>有一个称为“咽鼓管”的地方被分泌物阻塞了，咽鼓管与鼓膜相通，如果阻塞了，鼓膜内与鼓膜外的空气压力不同，就可以产生塞住的感觉，这时可以再口服一些祛痰药或抗生素，减少分泌物，几天后，咽鼓管自然会通。咽鼓管一通，就不会感觉耳尔塞住了。</t>
  </si>
  <si>
    <t xml:space="preserve">宝宝红眼病怎么办 </t>
  </si>
  <si>
    <t>红眼病是传染性结膜炎，又叫暴发火眼，是一种急性传染性眼炎。根据不同的病原菌选用多种抗生素眼药水滴眼，如10%磺胺酰酰钠、0.25%氯霉素、0.5%～1.0%红霉素液或新霉素等。睡前涂抗生素眼膏如0.5%四环素、红霉素或金霉素眼膏防止眼睑粘着，同时使药物在结膜囊内保留较长时间。在并发角膜炎时，应按角膜炎处理</t>
  </si>
  <si>
    <t xml:space="preserve">今年总是有加息的消息，不知加了多少次？现行存款利率是多少？ </t>
  </si>
  <si>
    <t xml:space="preserve">人民币存款利率表   日期：2007-08-22 项目  年利率（%）  一、城乡居民及单位存款   （一）活期 0.81 （二）定期   1.整存整取   三个月 2.61 半年 3.15 一年 3.60 二年 4.23 三年 4.95 五年 5.49 2.零存整取、整存零取、存本取息   一年 2.61 三年 3.15 五年 3.60 3.定活两便 按一年以内定期整存整取同档次利率打6折 二、协定存款 1.53 三、通知存款 . 一天 1.17 七天 1.71 注：本表为中国人民银行公布的金融机构人民币存款基准利率表。 </t>
  </si>
  <si>
    <t xml:space="preserve">首饰的问题!!请问做首饰的任务是?? </t>
  </si>
  <si>
    <t>你指的是哪一种任务?首饰在剑1里指的是：戒指，项链(女)，护身(男)，香囊(女)，玉佩(男)会涉及到野叟任务的有几种：野叟任务：一般会明确的告诉你他要什么东西。         比如：土橄榄石戒指，然后你选完成任务就将土橄榄石戒指交给他，然后领取奖励。卷轴任务：任务会要求你找一套首饰，打开任务后，你找齐1级-10级的这种首饰(不分属性)交给相应的NPC，任务完成。         比如：戒指任务，要找齐黄玉戒指(1级)、橄榄石戒指（2级)、芙蓉石戒指(3级)、翡翠戒指(4级)、翠榴石戒指(5级)、祖母绿戒指(6级)、海蓝宝石戒指(7级)、红宝石戒指(8级)、蓝宝石戒指(9级)、钻石戒指(10级)新手村的声望任务(得到首饰)：石鼓镇帮阿琼找戒指(得到1-2级的项链或护身)永乐镇帮李豫送情书(得到1-2级的戒指)稻香村帮小兰直接买药(得到1-2级的戒指)龙泉镇帮钟离做菜找材料(得到1-2级香囊或玉佩)男号得到男用首饰,女号得到女用首饰,具体做法可以在游戏里按F1查询</t>
  </si>
  <si>
    <t xml:space="preserve">饶雪漫的那几本书籍特别好看? </t>
  </si>
  <si>
    <t>【饶雪漫作品】左耳 :  【饶雪漫作品】左耳（终结） ：  《蝴蝶来过这世界》 《十年》 《我不是你的冤家》《没有人像我一样》 《很爱很爱你》《调频》 《甜酸》 《我不是坏女生》 《若即若离》《冰淇淋了》 　《糖衣》《最熟悉的陌生人》 《花糖纸》 《QQ兄妹》 《若即若离》 《双鱼记》 《可以跳舞的鱼》 《飞越青春的鸟儿》 《不必知道我是谁》 《咱们班》 《我要我们在一起》《我是女巫我怕谁》 《校服的裙摆》 《木吉他的夏天》 《谁可以给谁幸福》 《按时长大》 《爱在仙境的日子》 《眉飞色舞》 《来不及学坏》 《我是坏女生》 《小妖的金色城堡》 《当你孤单时你会想起谁》 《离在一个ID的距离》《两个人的下雪天》《爱在QQ的日子》《不必知道我是谁》 《天天天蓝》 《亦歌亦舞》《春天的绿袖子》　《和管沙一起长大》 《亲亲我的小辫子》 《我不是鬼马的妹妹》饶雪漫青春疼痛系列——沙漏：饶雪漫青春疼痛系列之六。女生莫醒醒，患有交替性暴食厌食症。母亲在醒醒幼年时为救一个男孩而牺牲，这个破碎的家庭从此再难有欢笑声。自幼顶着“英雄的女儿”称号长大的醒醒，拥有着女生敏感脆弱的天性。每当精神受刺激就会发病，在众人背后吃下惊人数量的食物。这个秘密被同学米砂意外知晓后，两个少女的友情迅猛发展，醒醒在米砂身上得到了前所未有的友谊和安慰……　　而后，她又认识了米砂心仪的男孩路理。 当醒醒决定重新开始时，却又发现了关于母亲的惊天大秘密。母亲、路理、米砂，她身边的人似乎都有着极其微妙的联系。</t>
  </si>
  <si>
    <t xml:space="preserve">猫儿山比衡山高，为什么不叫“南岳”？ </t>
  </si>
  <si>
    <t>能称之为“五岳”，难道就光是以高度为标准么？能称之为“五岳”，是需要大量的历史沉淀的。五岳，中国五大名山的总称。即东岳泰山(在山东，海拔1,524公尺)、南岳衡山(在湖南，海拔1,290公尺)、西岳华山(在陕西，海拔2154.9公尺)、北岳恒山(在山西，海拔2,017公尺)、中岳嵩山(在河南，海拔1,440公尺)。古代帝王附会五岳为群神所居，在诸山举行封禅、祭祀盛典。「五岳」说始于汉武帝。唐玄宗、宋真宗封五岳为王，为帝。明太祖尊五岳为神。汉宣帝定的五岳中以安徽省天柱山为南岳，河北省曲阳的恒山为北岳，后始改以湖南省的衡山为南岳，隋以后成为定制。明代又以山西省浑源县的恒山为北岳，清代移祀北岳于此。五岳均有寺庙名胜多处.其中东岳泰山为五岳之首！　　五岳中“岳”意即高峻的山。中国古代，认为高山“峻极于天”，把位于中原地区的东、南、西、北方和中央的五座高山定为“五岳”。　　魏晋南北朝时期，佛教和道教开始在五岳修建佛寺、道观，进行活动，每个“岳”均尊奉一位“岳神”(或称“大帝”、“神君”等)作为掌管该岳的最高神祇。这几座山上的天然风景亦逐渐被开发出来，供朝山信徒游览。于是，五岳又成为中国以山岳自然景观之美而兼具佛、道人文景观之胜的风景名胜区。唐宋以前，五岳大抵是佛、道共尊，寺、观并存。宋以后，佛教和道教各自依靠政治背景和社会势力彼此展开争夺。到明清时期，南岳、北岳和中岳仍保持著佛、道共尊的局面，东岳和西岳则以道教势力为主，成为中国道教的中心。　　五岳是远古山神崇敬拜、五行观念和帝王巡猎封禅相结合的产物，后为道教所继承，被视为道教名山，它们是:　　东岳泰山（1532.7米），位于山东泰安市。　　西岳华山（2160.7米），位于陕西华阴市。　　南岳衡山（1300.2米），位于湖南衡阳市。　　北岳恒山（2016.1米），位于山西浑源县。　　中岳嵩山（1491.7米），位于河南登封市。　　东岳泰山之雄，西岳华山之险，南岳衡山之秀，北岳恒山之幽，中岳嵩山之峻，泰山如坐，华山如立，衡山如飞，恒山如行，嵩山如卧。早已闻名于世界。　　名列五岳之首的东岳泰山，位于山东省泰安市。附上南岳衡山为什么能称之为“南岳”的介绍：南岳衡山　　南岳衡山位于湖南省衡阳市境内，是我国著名的五岳名山之一，国务院于一九八二年批准为国家级重点风景名胜区，现衡山为中国首批5A级风景区。南岳衡山自然风光秀丽多姿，人文景观丰富多彩，素有“五岳独秀”和“文明奥区”之称。祝融峰之高，藏经殿之秀，方广寺之深，水帘洞之奇，古称南岳“四绝”。春看花，夏观云，秋望日，冬赏雪，为南岳四季奇观；飞瀑流泉，茂林修竹，奇峰异石，古树名木，亦是南岳佳景。风景区内有24岩、12洞、7潭、8溪、20泉、3瀑布。自晋以来南岳佛道共存，历代不衰，为宗教史上所罕见。南岳山高林密，环境宜人，气候独特，是著名的避暑和观冰赏雪胜地。 　　南岳又是一座天然的植物园和动物园。这里有世界稀有的原始次森林，有600多种树木和800多种草本植物。其中有东晋的银杏，明代的古松，世界罕见的绒毛皂荚，奇异的摇钱树、连理枝、同根生、金钱松等。这里还有极其珍贵的华南竹鸡、杜鹃、鹰嘴龟、娃娃鱼等。 　　南岳也是一个享有盛名的文明奥区。古代，这里曾有108所庙宇，现存还有26所。南岳镇上，有占地9.8万平方米的江南最大的寺庙——南岳大庙，庙前书有“天下南岳”的花岗石大牌坊。南岳大庙规模宏伟，集宋元以来古建筑之大成，庙由南至北共分九进，中间是祭祀祝融神殿堂，东西两厢分别是道教八观和佛教八寺，以示南岳佛道并存。祝圣寺为南岳最大的丛林佛寺，由五进八群院落组成，内有五百罗汉石刻。山上有晋代封为“南岳夫人”的女道士魏华存修道成仙的黄庭观和飞仙石；有规模宏大的玄都观；有“六朝古刹、七祖道场”的福严寺；有日本佛门曹洞宗视为祖庭的南台寺；有祝融峰上先道后佛的上封寺。 　　南岳还是湖湘学派的发源地。自唐代宰相李泌的儿子李繁为纪念其父在南岳隐居十二年修建的邺候书院以后，先后在此出现了文定书院、甘泉书院、集贤书院等10余所书院。正如古人所云：“天下之书院，楚为感；楚之书院，岳为盛”。 　　南岳这块神奇的土地，为历代帝王、名人所仰慕。远古时代的尧帝、舜帝、禹帝均到过南岳祭祀，大禹治水，曾在衡山杀白马祭告天地，在皇帝岩斋戒祈求上天帮助，获天赐金筒玉书，取得了治水方案，制服滔天洪水，功垂万世。乾隆、康熙皇帝曾为南岳题词；李白、杜甫、柳宗元、朱熹、魏源、王船山、谭嗣同等历史名人以及当代国家领导周恩来、叶剑英、胡耀邦、陶铸、郭沫若等均到过南岳。并留下了3700多首诗词、歌、赋和375处摩岩石刻。 　　南岳还是我国唯一佛道并存的名山，宗教文化源远流长。有形似故宫的岳庙，有为“六朝古刹、七祖道场”的福严寺，还有日本曹洞宗视为祖庭的南台寺、道家称为二十二福地的光天观。这里自然风光秀丽多姿，有“祝融峰之高、藏经殿之秀、方广寺之深、水帘洞之奇”；有“五龙朝圣”、“龙池蛙会”、“玉树琼花”、“祝融莹光”。春观花、夏看云、秋望日、冬赏雪，四时景色各异；麻姑仙境之幽、穿岩诗林之趣、龙凤清溪之野、禹王山城之古，融人文景观与自然景观为一体。 　　南岳大庙，是一件有历史意义和艺术价值的珍品， 其规模之宏大，建筑之精美，结构之完整，布局之周密，实属罕见。在南岳古镇，还有一座佛教古寺——祝圣寺。它位于镇的东街，与山上的南台寺、福严寺、上封寺和衡山城外的清凉寺等，合称为南岳六大佛教丛林。相传大禹治水时曾经来到这里，并在这里建立清冷宫佘礼舜帝。清朝康熙年间作为皇帝的行宫进行大规模改建，并更名祝圣寺。现在寺的四周古木苍翠，寺内香烟缭绕，木鱼钟磬之声，不绝于耳，佛图佛像满目，有兴趣者，还可入内与法师交谈，品尝一下南岳著名的素餐斋席。其它如广浏寺、湘南寺、丹霞寺、铁佛寺、方广寺及传法院、黄庭观等，都是明代以前的古镡，规模大小虽不相同，但也各有佳趣。　　南岳的特产有：观音笋、南岳云雾茶、广柑，蜜桔、猕猴桃、雁鹅菌　　南岳著名的旅游景点有：祝融峰、方广寺、藏经殿、会仙桥、水帘洞、衡山烟云。其中，山巅祝融峰，海拔1300.2米，登衡山必登祝融。唐代文学家韩愈诗云：“祝融万丈拔地起，欲见不见轻烟里。”这两句诗既写了祝融峰的高峻、雄伟，又写了衡山烟云的美妙。登临其上，可见北面洞庭湖烟波渺渺，若隐若现，南面群峰罗列，如障如屏，东面湘江逶迤，宛如玉带，西面雪峰山顶，银涛翻腾，万千景象，尽收眼底。</t>
  </si>
  <si>
    <t xml:space="preserve">魔力问题!!!!!!!我家是网通的网,我又在网通牧羊,在玩时一点 </t>
  </si>
  <si>
    <t>很奇怪。最近我也莫名其妙的就掉线，可能是最近服务器的问题吧。等待服务器更新。。。。。。</t>
  </si>
  <si>
    <t xml:space="preserve">每次做爱后为什么会出血 </t>
  </si>
  <si>
    <t>性交疼痛(或出血)和性交不能是两组常见的症状，前者指性交时伴有疼痛(或出血)，后者意味着阴茎未被允许或不能插入前庭和进入阴道，性交疼痛(或出血)严重时往往出现性交不能。狭义的性交疼痛是指在没有器质性病患存在的情况下，由于性交时阴茎向阴道内的插入或在阴道内的抽动，或在性交之后所出现的阴道局部或下腹部的轻重程度不等的疼痛。从广义来说，性交疼痛也包括各种器质性原因所致者在内，如盆腔器官的某些局部因素或各种全身性疾病的局部影响。造成性交不能或性交疼痛的女方原因包括性无知或缺乏经验，也包括多种心理、社会因素和生理因素，以及各种因素的交互作用。然而，不论问题的起因如何复杂和变化多端，但它们造成的最终结果却是相似的，人们发现很难以单一的因素来解释这一主诉，特别是病程较为持久时。与其他性问题相似的是问题也可能出自男方，如阴茎严重畸形造成的性交疼痛，或男子在女方阴道尚未润滑就粗暴地插入。性交疼痛若是原发性的，系指婚后性刚开始时症状即存在，多意味着存在某种解剖缺陷或顽固的心理因素；而继发性性交疼痛者，曾有过美满的性生活，后因种种因素出现性交疼痛。完全性性交疼痛指的是在任何场合下疼痛均持续存在，往往有器质性因素的影响，而境遇性性交疼痛系指在某些情境下出现疼痛，而在某些情况下却若无其事，一切正常，显然多因心理因素所致。表浅性性交疼痛只发生在阴道入口处，而深部疼痛则只在插入很深或抽动过于激烈时才出现。若性交疼痛仅在性交之后数小时才出现，则多为心理因素在作怪。性交疼痛的特点是经常伴有下腹部疼痛，疼痛剧烈且反复发作，往往性交后数小时才消退，有时不得不拒绝性交，从而为双方的性关系和婚姻关系蒙上阴影。它与新婚初次性交时处女膜破裂造成的暂时性疼痛不同，也与很多妇女有时可能出现的性交不适不同，不应混淆。    从性生理观点来看，由于人们对性唤起阴道分泌润滑液的这种生理现象有了深入了解，所以能够理解阴道润滑不足对性生活的重要影响。如药物影响这种分泌时就会造成插入或抽动时的灼痛，典型的药物是抗组织胺药物吩噻嗪。其他造成阴道润滑不足的问题包括干燥综合征、糖尿病、阴道炎（特别是萎缩性、化学性或放射性所致），及种种心理因素。萎缩性阴道炎可造成阴道外部、内部或插入时的锐痛或轻度疼痛，多见于绝经后、垂体功能低下，尿毒症及未经治疗的特纳氏综合征等雌激素缺乏的境况。    由于人们观察到性兴奋期和平台期阴道内２／３段的扩张，以及子宫和阴道顶端的升高，因此，对影响这种扩张和升高的器质性因素所致的阴道深部性交疼痛的发病机制有了新的认识，也就容易采取一些措施来防止性交疼痛的发生。如子宫后倾、卵巢脱垂或囊肿、子宫内膜炎、盆腔炎等慢性感染或子宫内膜异位症或手术后等造成的盆腔内软组织的粘连，它们均可造成阴茎深插入或抽动可以加剧的深部疼痛。</t>
  </si>
  <si>
    <t xml:space="preserve">我想想买一条宠物狗狗，成都的宠物市场在哪里？有谁知道吗？ </t>
  </si>
  <si>
    <t>石灵市场~~~~~ 　　位置：成都市农泉区十陵镇汽车总站旁 　　 　　　　　　　占地：20余亩 　　 　　集市时间：每周二、四、六 　　 　　简介：规范稳定的宠物花鸟市场,市场内各类中外名犬荟萃内设有宠物专用医院,药品,用品,宠物食品,美容,防疫,空运,陆运,网络销售等一条龙服务,增设了餐厅,茶廊,停车场. 　　 　　乘车线路：市内始发的公交汽车:文化宫7路,城乡3路和9路,茶店子108路,金沙战的113路,草堂寺的301路,簇桥307路,火车北站308路中的任何一路或是上海,南充,重庆至成都的任何一趟直达车,便可直抵该市场。 　　 　　 　　锦秀宠物市场(黄田坝)~~~~ 　　 　　新建占地： 14亩 　　 　　集市时间:每周三、周日 　　 　　前身：锦绣桥宠物市场一直是成都市主城区最大、最有名的宠物市场。每逢星期三和星期天，紧邻这个市场的草堂东路、浣锦路、望仙场街等街道就站满了狗贩、鸟贩，沿街占道贩卖各类宠物。“我们在这里住得好辛苦哦！鼻子里闻臭气、耳朵里听噪音，不得清静！”家住附近的李淑秀太婆称，正规的锦绣桥市场原本就养了很多宠物，污水、粪便、狗吠声让人吃不消，占道狗市对居民们的影响更大。 　　 　　 　　简介：黄田坝的新宠物市场将全部交由成都民生市场物业有限公司专业管理。新市场面积有14亩，能同时容纳7000多人进场交易。市场内还将开设全市首个“弃养宠物收容所” 　　 　　乘车线路：13路，和32路倒数第3站下 　　 　　13路　人民公园→金河宾馆→通惠门→中医附院→青羊宫→送仙桥→公交公司→铁门坎→金沙车站→谢家祠→青和→青波堰→青江→黄田坝 　　 　　32路　黄田坝→青江→青波堰→青和→谢家祠→金沙车站→铁门坎→成温立交桥站→府南新区→二环羊西线北口→营门口立交桥南口→营门口立交桥北口→会展中心→沙湾东二路→圃园路口→九里堤南路→西北桥→一环路人民北路西口→梁家巷→解放北路一段→高笋塘→驷马桥→洪家坡动物园 　　 　　桃园宠物市场（机头）~~~~~~ 　　 　　新建占地：40余亩 　　 　　集市时间：每周三、五、日 　　 　　简介：拥有商铺200多间，商家近20家，是目前西南地区唯一的生态花鸟宠物市场。市场内各类中外名犬荟萃内设有宠物专用医院,药品,用品,宠物食品,美容,防疫,空运,陆运,网络销售等一条龙服务。市场内终年小桥流水，四季鸟语花香，配套设施完善，拥有一个占地10亩的停车场，近50个客房的宾馆，同时共200多人进餐的餐厅，露天的茶楼和多个雅间茶房，即商务休闲于一体。 　　 　　乘车线路：53路、29路、83路、90路、405路、404区间、502区间、503路可到达。</t>
  </si>
  <si>
    <t xml:space="preserve">北京中搜怎么样？谁能给我说说北京中搜怎么样？ </t>
  </si>
  <si>
    <t>"中搜也算国内的老牌企业了，它的前身是慧聪软件，说道慧聪软件就不能不从它的创始人陈沛说起。 他16岁考入浙江大学数学系，热爱计算机热爱围棋，他认为围棋实际上是一门哲学，围棋的形成就是由黑白两个子组成的，黑白两个字，恰恰是人类社会最小的元素，只有最小的元素才能构造最复杂的世界。就像计算机的0和1，也像阴和阳。这就是陈沛的围棋人生哲学陈沛是99年加入的慧聪，任职慧聪软件的总经理，进行搜索方面的研究。当时百度已经起步了，GOOGLE更是为人们所熟知。如果和他们正面竞争，尚处在萌芽期的中搜肯定会死的很惨。还好中搜意识到了这一点，并没有在网页搜索上开战，而是另辟蹊径的开始研究新闻搜索。功夫不负有心人，经历了01年中搜独立后，在02年中搜开发出了新闻搜索，这是中国人在互联网上的第一次发明，是全世界第一款新闻搜索引擎。其后凭借优异的性能，中搜挤掉了百度，成为包括新浪，搜索，网易，TOM等7家门户网站的搜索引擎。这确实是一个很大的成功。 不过中搜的对手是更加强大的百度，百度在失去这些门户网站的业务后突然发力独立页面搜索，迅速成为其主营业务，并疯狂扩张（这个词用的不好），在很短的时间内就上市了。这让包括中搜在内的很多公司都没有想到，至此中搜和百度的差距越来越大。从此成为了国内搜索行业的老大。（为什么这么快呢，第一因为BAIDU确实强，第二是因为GOOGLE进不来，你懂得）。这个时候如果想从传统的网页搜索上要撼动百度的地位已经是不可能的了，很少能有企业在一个领域有百度在国内搜索领域中这样的垄断地位，虽然这个比喻不恰当但某种意义上说百度和微软是一个级别的。但我们也应该看到，百度很强但并不完美，很多领域对于百度来说仍然是空白，比如说桌面搜索、或者开放式搜索。借助庞大的装机量，搜搜和搜狗已经360搜索横空出世，在桌面搜索市场上展开大战。 而中搜的陈沛是一个有搜索情节的人，虽然行业中国业务如火如荼，但中搜一直没有放弃搜索，厚积薄发，一直在为第三代搜索儿努力。所谓第三代搜索是针对于雅虎开创的第一代导航式搜索引擎和GOOGLE开创的网页检索式搜索引擎而提出的。第三代搜索引擎通过人工智慧与中搜开发的几十万个搜索微件相结合，建立搜索结果页。当然，很多人会说这事不靠谱，那么多的关键字怎么可能都做出来。所以中搜现在开放了关键字的制作，让所有网民都可以参与到这件事情中来，如果很多人都相信中搜，那中搜的第三代搜索必定成功。这事一个很漫长的过程，中搜在这件事上任重而道远。但就像当年的百度一样，百度创立之初正式门户网站最火的时候，根本没有人相信百度能够打败新浪搜狐，那现在呢，几大门户网站的流量加载一起也没有百度高吧。"</t>
  </si>
  <si>
    <t xml:space="preserve">“可爱”是什么意思啊？为什么用这个词来形容男孩子，他们就会反感呢 </t>
  </si>
  <si>
    <t>可爱通常会形容ＢＢ啊，要是用来形容男生，他们会觉得你把他当做小孩子一样没有长大，没有成熟，也没有男人味了，那他们自然不开心啦：）</t>
  </si>
  <si>
    <t xml:space="preserve">奇怪的句子,两边读都一样如:上海自来水来自海上,大波美人鱼人美波 </t>
  </si>
  <si>
    <t>上山自采药采自山上南柯一梦醒梦一柯南海上夜赏团赏夜上海残雪初融尽融初雪残明月夜更待更夜月明</t>
  </si>
  <si>
    <t xml:space="preserve">单胎头位(左枕前)是什么意思???????? </t>
  </si>
  <si>
    <t>————肚子里一个宝宝，头向下，枕骨在骨盆左侧，朝前，则胎位为左枕前位，是最常见的正常胎位，也是比较容易顺生的胎位。————祝你愉快，生个漂亮宝宝。</t>
  </si>
  <si>
    <t>从坐标原点O引圆(x</t>
  </si>
  <si>
    <t>从坐标原点O引圆(x-m)²+(y-2)²=m²+1的切线y=kx,当m变化时,则切点P的轨迹方程为______ 圆心M(m,2), 半径R²=m²+1Rt△OPM中，|OP|²+R²=|OM|²---&gt;(x²+y²)+(m²+1)=m²+4---&gt;切点P(x,y)的轨迹方程为: x²+y²=3</t>
  </si>
  <si>
    <t xml:space="preserve">我想问一下，哪里有卖废报纸的？我家里需要废报纸 </t>
  </si>
  <si>
    <t>你是青岛哪儿的，我家就有很多，今天老公还说要卖呢</t>
  </si>
  <si>
    <t xml:space="preserve">怎样制作首页背景我想弄一个自己喜欢的首页背景，可是不会弄！~谁可 </t>
  </si>
  <si>
    <t xml:space="preserve">可以像我的博客一样,添加挂件,加flash呀,改模板呀 方法很多!自定义新浪博客各处模板一改变BLOG标题大小的代码：&lt;STYLE type=text/css&gt;.banner .title td{font-size:36px;}.banner .title td{FILTER: glow(color=#000000,direction=2);}.banner .title td{color:#ffff66;}.banner table{background:#transparent;filter:alpha(opacity=85);border:0px solid #000;}&lt;/STYLE&gt;36px为标题文字的字体大小#000000表示文字效果(显影)的颜，direction=2表示发光效果的强弱，数值可自行设定，自己觉得合适即可。banner .title td{color:#ffff66;}表示标题文字的主颜色banner table{background:#transparent; filter:alpha(opacity=85); border:0px solid #000;}这个是文字及其外框的设置：background:后面的值为标题外框的颜色效果；opacity=85是表示文字的透明度，值越小越透明；border:0px表示外框线条的粗细，数值越大边框线条越粗，数值设为0表示边框隐藏。--------------------------------------------------------------------------------二页面宽度的代码：&lt;STYLE type=text/css&gt;.bodyTop{width:900px;}.bodyBg{width:900px;}.bodyBottom{width:900px;}.feeds .text{width:660px;}.label{width:20px;}.photo{width:200px;}.callboard{width:200px;}.links{width:200px;}.calendar{width:200px;}.sysBr180{width:200px;}&lt;/STYLE&gt;参数说明：.bodyTop 指的是页面顶部的宽度，控制了 banner（就是题图）的宽度。.bodyBg 指的是整个页面的宽度，其值最好与上者相同（也可以自行变化）。.bodyBottom 指的是页面底部的宽度，其值最好是与上面相同 。.feeds .text 指的是正文部分的宽度（也就是文章部分的宽度） 。.label 指的是面板的宽度（其值加正文宽度的值应略小于整个页面的宽度）。.photo 指的是形象照片面板的宽度（其值同上） 。.callboard 指的是公告栏的宽度（其值同上） 。.links 面板（也即最新留言、最新评论等面板）宽度（其值同上）。.calendar 日历的宽度（其值同上）。.sysBr180 这个值比较特殊，其值同以上各面板宽度近似，但不一定相同大家应当根据自己设置的宽度进行调节。width 后面的数字就是你要修改的宽度值，可根据自己的需要设置。面板的宽度值大约为190左右；如果要改成全屏，整个页面总宽度约为995-996。不过要更改模板宽度的话建议面板的宽度不必改，只需用代码中的前四个参数就行了。--------------------------------------------------------------------------------三博客改变背景代码：滚动的大背景代码：&lt;style&gt;body {background:url("页面大背景图片地址") repeat scroll!important;}&lt;/style&gt;repeat 重复，当图片的大小不够的时候会以平铺显示scroll 卷轴，大背景会随着右边滚动条拉动的时候而滚动固定的大背景代码&lt;style&gt;body {background:url("页面大背景图片地址") repeat fixed!important;}&lt;style&gt;fixed 固定，大背景不会因为你拉动滚动条而滚动背景透明代码：&lt;STYLE type=text/css&gt;body{background:#transparent) repeat scroll!important;}&lt;/STYLE&gt;使用说明：找到你喜欢的图片（1024*768规格），把它存在你的博客里，具体方法参考无限制上传图片的方法然后把图片地址覆盖在代码中的("页面大背景图片地址")上面，找一个已经有内容的模块添加这段代码，就能改变你的BLOG背景了，具体用以上那一种代码，看你个人喜好了！--------------------------------------------------------------------------------四自定义博客各部分背景代码：&lt;STYLE type=text/css&gt;.logo{background:url("题图上背景图片地址") no repeat no scroll!mportant;}&lt;/STYLE&gt;&lt;STYLE type=text/css&gt;.banner{background:url("题图下背景图片地址") no repeat no scroll!mportant;}&lt;/STYLE&gt;&lt;STYLE type=text/css&gt;.menu{background:url("题图下的菜单背景图片地址") no-repeat center;}&lt;/STYLE&gt;&lt;STYLE type=text/css&gt;.feeds .up{background:url("正文标题栏上翻时的图片地址") no-repeat center;}&lt;/STYLE&gt;&lt;STYLEtype=text/css&gt;. wn{background:url("正文标题栏下翻时的图片地址") no-repeat center;}&lt;/STYLE&gt;&lt;STYLE type=text/css&gt;.feeds .function{background:url("正文摘要结尾处菜单的图片地址") no-repeat right;}&lt;/STYLE&gt;&lt;STYLE type=text/css&gt;.links .up{background:url("面板标题栏上翻时的图片地址");}&lt;/STYLE&gt;&lt;STYLEtype=text/css&gt;. wn{background:url("面板标题栏下翻时的图片地址");}&lt;/STYLE&gt;&lt;STYLE type=text/css&gt;.links .mid{background:url("面板的背景图片地址");}&lt;/STYLE&gt;&lt;STYLE type=text/css&gt;.photo .mid{background:url(个人形象照片处的背景图片地址);}&lt;/STYLE&gt;&lt;STYLE type=text/css&gt;.label .mid{background:url("自定义面板的背景图片地址");}&lt;/STYLE&gt;&lt;STYLE type=text/css&gt;.calendar .mid{background:url("日历面板背景图片地址");}&lt;/STYLE&gt;&lt;STYLE type=text/css&gt;.callboard .up{background:url("公告栏标题栏上翻时的图片地址");}&lt;/STYLE&gt;&lt;STYLEtype=text/css&gt;. wn{background:url("公告栏标题栏下翻时的图片地址");}&lt;/STYLE&gt;&lt;STYLE type=text/css&gt;.callboard .mid{background:url("公告栏背景图片地址");}&lt;/STYLE&gt;&lt;STYLE type=text/css&gt;.bodyBg{background:url("正文背景图片地址");}&lt;/STYLE&gt;&lt;STYLE type=text/css&gt;.bodyBottom{background:url("内背景页脚处图片地址，在翻页处下面一横窄条");}&lt;/STYLE&gt;&lt;STYLE type=text/css&gt;.gbook .up{background:url("留言板标题栏上翻时的图片地址") no-repeat;}&lt;/STYLE&gt;&lt;STYLEtype=text/css&gt;. wn{background:url("留言板标题栏下翻时的图片地址") no-repeat;}&lt;/STYLE&gt;&lt;STYLEtype=text/css&gt;. ge{background:url("正文文章页数图片地址") no-repeat center;}&lt;/STYLE&gt;&lt;STYLEtype=text/css&gt;. re{background:url("最新文章列表下的MORE的背景图片") no-repeat right;}&lt;/STYLE&gt;代码说明：页面大背景(body) 指的是整个博客的最大背景，由于中间部分被覆盖，所以显示的效果只是两边的部分。题图上背景(logo) 是指所在的横长条的背景。题图下背景(banner) 是指博客名字博客地址 复制　?本页）所在的那部分的背景。logo和banner宽各为770，logo高40，banner高134，单位均为像素。题图下的菜单背景” 是指“HOME...搜索┆帮助┆退出”等字所在的那个横长条的背景。正文标题栏上翻时的图片 指的是文章发表了之后文章标题的图片。面板标题栏下翻时的图片 指的是点击标题后出现标题后的后面的图片。面板的背景图片 指的是左边比如我的文章列表什么的背景图片。正文背景 是指整个文章文字所在的大背景！以上代码可以更改博客各个部分的图片，更换的图片尺寸要和原尺寸一模一样，关于上传图片和怎么得到图片地址请参考：无限制上传图片的方法--------------------------------------------------------------------------------如果想叫某一部分背景或者全部变的透明的话，在以上代码中大括号里面内容换上background:#transparent就能实现透明效果，例如横幅代码：&lt;STYLE type=text/css&gt;.logo{background:url("题图上背景图片地址") no repeat no scroll!mportant;}&lt;/STYLE&gt;以上代码中红色部分全部改成：background:#transparent示范：&lt;STYLE type=text/css&gt;.logo{background:#transparent}&lt;/STYLE&gt;以上所有代码必须添加在已经有内容的模块中，例如模块里面已经有了时钟，天气预报等等内容！　　具体操作步骤是：复制代码---&gt;控制面板---&gt;新增空白面板---&gt;钩选源代码(出现钩号，同时文档里出现DIV的字样)---&gt;粘贴代码---&gt;钩选源代码(钩号消失)---&gt;保存新增面板---&gt;定制个人首页---&gt;选取新增个人面板---&gt;保存五页面FLASH代码想在自己的页面添加FLASH的效果，可以建立一个新的＂自定义空白面板＂，将＂显示源代码＂画勾后，在版面上复制粘贴此代码：&lt;CENTER&gt;&lt;EMBED style="LEFT: 10px; POSITION: absolute; TOP: -70px" align=right src=FLASH的网址 width=700 height=400 type=application/x-shockwave-flash wmode="transparent" quality="high" ;&gt;&lt;/CENTER&gt;其中 width代表宽度， height代表高度，left:和top分别代表与ie左边界与右边界的距离。蓝色雪花 飞翔小球  五彩星星  彩色螺旋  青蛙 蓝色蝴蝶 金鱼 蓝色背景雪花飘飘 无色背景水珠 粉黄色5瓣花飘飘 小星、大星光晕梦幻 空中飘动的黄球 两只黄色的蝴蝶在左上角飞舞 旋转的花瓣、蝴蝶随鼠标飞舞 黄色4瓣花飘落 鼠标滑过，雪花飘飘 绿色的枫叶飘落 粉红色的花瓣飘落 黄色的四瓣花飘落 浅蓝色的雪花在空中，小雪花降落 五彩礼花： 闪烁的星星 白色的小花 紫色背景白色的小花 黄色的蝴蝶 柳树  透明FLASH的地址： 五-2 在文章中添加Flash代码如下：&lt;DIV&gt;&lt;P align=center&gt;&lt;EMBED src=  width=500 height=350 type=application/x-shockwave-flash&gt;&lt;/P&gt;&lt;/DIV&gt;&lt;DIV&gt;&lt;/DIV&gt;六左右浮动挂件的代码………………固定不动的右挂件&lt;DIV style="LEFT: 900px; POSITION: absolute; TOP: 100px" align=right&gt;&lt;IMG src=" " align=right&gt;&lt;/DIV&gt;天使左&lt;DIV style="BORDER-RIGHT: medium none; BORDER-TOP: medium none; ; RIGHT: expression(eval( rollLeft)+eval( ientWidth)-100); FILTER: progid:DXImageTransform.Microsoftpadding:8px; BORDER-LEFT: medium none; BORDER-BOTTOM: medium none; POSITION: absolute; ; TOP: expression(eval( rollTop)+eval( ientHeight)-350); TEXT-ALIGN: center"&gt;&lt;IMG src=" " border=0&gt;&lt;/DIV&gt;&lt;DIV&gt;&lt;/DIV&gt;天使右&lt;DIV style="BORDER-RIGHT: medium none; BORDER-TOP: medium none; ; RIGHT: expression(eval( rollLeft)+eval( ientWidth)-990); FILTER: progid:DXImageTransform.Microsoftpadding:8px; BORDER-LEFT: medium none; BORDER-BOTTOM: medium none; POSITION: absolute; ; TOP: expression(eval( rollTop)+eval( ientHeight)-350); TEXT-ALIGN: center"&gt;&lt;IMG src=" " border=0&gt;&lt;/DIV&gt;&lt;DIV&gt;&lt;/DIV&gt;&lt;博客代码大全&gt;我的博客 &lt;博客代码大全&gt;本文的续文50篇,将博客源代码打捞干净本文续文01:文字代码、图片左右插入文字、滚动新闻代码、图片为背景发表文章本文续文02：滚动条代码、单张图片滚动代码、背景图片代码、个性鼠标代码本文续文03：邮箱快速登陆代码、搜索条代码、滚动字幕代码、插入播放器本文续文04：阴影文字代码、鼠标滑过文字停止代码、播放器代码、手机地址查询代码、 改变标题图片代码、Flash特效代码本文续文5：改变标题文字代码、修改模板的代码、改变模板宽度代码、Twins样式的钟表发光字体代码本文续文06：天气预报代码本文续文07: 涂鸦留言板的申请(比较复杂）本文续文08：网页制作工具网址本文续文09：添加日历的代码总汇本文续文10：QQ电台的添加本文续文11：自定义新浪博客各处模板等本文续文12：新浪博客文字颜色改变的源代码等本文续文13：文章图片导航系统等本文续文14：更改博客上的标题文字的大小和颜色等本文续文15：设为首页、加为收藏、联系的代码更改文章标题位置所用的代码制作本文续文16： 文绕图＋在图片下注释的效果在图片上做滚动文字的代码本文续文17： 滚动友情链接本文续文18： 给新浪BLOG添加密码、图文导航代码破解本文续文19： 自定义导航栏本文续文20： 博客添加电视的代码......希望对你能有所帮助  </t>
  </si>
  <si>
    <t xml:space="preserve">怎样才能让自己主动去学习？现在已经上班了，但是该学的知识很多，所 </t>
  </si>
  <si>
    <t>多接触一些事业有成的朋友，了解一下身边人的奋斗历程和学习为他们带来了什么好处，另外，分析一下现有工作的弊端，搞清楚自己在现在的工作岗位上到底能干多长时间，以及自己一旦失去了工作以后靠什么找到合适的工作，自己的能力到底有多大，有没有过硬的生存本领，因为以后的路都是靠自己走的，父母没有任何能力帮我们以及后代繁荣昌盛。把这些问题想清楚以后，也许你就会发现学习真的很重要。</t>
  </si>
  <si>
    <t xml:space="preserve">我的电脑为什么打开WORD文档很慢？是有软件冲突吗？我的电脑为什 </t>
  </si>
  <si>
    <t>电脑配置怎么样，word版本是哪个？可以重装试试</t>
  </si>
  <si>
    <t xml:space="preserve">仓库里怎么什么都没有？我的大号暗精灵给另外小号职业寄存了物品，钱 </t>
  </si>
  <si>
    <t>是哦 要同一个NPC...</t>
  </si>
  <si>
    <t xml:space="preserve">象棋布局的问题！有棋谱两边上边马，快速出车占肋，然后上马打车。这 </t>
  </si>
  <si>
    <t xml:space="preserve">----------------------------------------------------标题::日期:2007-06-14地点: 这盘棋红方的着法也有很多值得推敲之处,以下主要分析一下黑方的不当着法,水平有限,仅供参考。1.相七进五炮8平5高手一般以炮2平5(即顺着红方飞相方向的炮)应付相七进五,其中的道理可参看相关入门棋谱。2.马八进九…………跳边马不好,应该走马二进三。2.…………炮5进4开局的基本原则是出动大子。贪吃中兵是很多棋友易犯的错误,因为以后对方跳马捉炮,黑势必逃跑,红方又赢得出动大子的机会。所以此时应该走马8进7出动大子。3.士六进五炮5退2很多棋友都喜欢打完中兵就退炮,其实这步棋不见得是必然走法。  应该先走马8进7出动大子，红方如果马二进三黑方除了炮5退2以外，还可以考虑炮5退1（这样的好处是红马三进五以后马路不开阔）、炮5平1顺手再吃兵压马。  4. 车九平六  士６进５    5. 车六进四  象７进５  6. 兵一进一  马８进７    7. 马二进一  车９平６  8. 炮二平四  车６进４  平常很多棋友都喜欢出车后立即进巡河车。  其实‘车’作为全盘威力最大的棋子，该走到哪里、什么时候走都非常严格。走的时机、位置不对都会遭到对方的攻击而失先。  现在黑方走巡河车就是一步没有目的的棋，正好遭到红马的攻击。  应该走马2进1或者卒1进1，其目的都是准备马1进2进马踏车。  试演变如下：（双击下面的‘B马2进1’查看变着。）  9. 马一进二  车６平８   10. 炮四平二  车８平７ 11. 车六平四  车７进２   12. 兵一进一  卒９进１   卒9进1不好！让红车迅速杀出后，黑方左翼空虚，难以防守。   应该走卒7进1伏再进卒捉双比较顽强。 13. 车一进五  马２进３进马对左翼的危险没有感觉，应该士5退6加强防守。 14. 车一进四  士５退６   15. 炮二平四  士４进５ 16. 马二进四  车７平４平车丢马速败！应该象5进3比较顽强，红方如误走马四进三，炮2平7，炮四进七？，车7平9！平车叫闷宫得车，反败为胜。 17. 马四进三  将５平４   18. 炮八平六  将４平５ 19. 车一平四  …………弃车好棋！ 19. …………  士５退６   20. 车四进五  综观全局，这盘棋纯属散手格斗，并无定式可循。黑方并非因为不熟悉双边马的攻防规律而输棋，而是输在对象棋基本理论的欠缺上。楼上的总结非常精辟，可细细体会。  建议仔细阅读相关棋谱，结合实战多加揣摩，必有进步！  ----------------------------------------------------棋谱由XQStudio生成 ( 附件是象棋演播室格式文件，如果没有安装，可去这里下载一个。 </t>
  </si>
  <si>
    <t xml:space="preserve">色拉油好还是菜子油好 </t>
  </si>
  <si>
    <t>色拉油是一类油脂的总称，原料一般是大豆和菜籽，其颜色很浅，气味较淡，杂质极少。色拉油的不饱和脂肪酸含量需达到80%以上，而饱和脂肪酸含量很低，另外维生素E含量也比较丰富。色拉油可以生吃，也可以用来烹调菜肴，其中菜籽色拉油富含油酸，热稳定性好于大豆色拉油，适合作为日常煎炒用油。大豆色拉油富含人体所需的亚油酸，含量可达50%以上。但大豆色拉油不耐高温，所以不适合用于强火爆炒和煎炸食品。一般呈深黄色或棕色。菜籽油中含花生酸0.4-1.0%，油酸14-19%，亚油酸12-24%，芥酸31-55%，亚麻酸1-10%。从营养价值方面看，人体对菜籽油消化吸收率可高达99%，并且有利胆功能。在肝脏处于病理状态下，菜籽同也能被人体正常代谢。不过菜籽油中缺少亚油酸等人体必须脂肪酸，且其中脂肪酸构成不平衡，所以营养价值比一般植物油低。另外，菜籽油中含有大量芥酸和芥子甙等物质，一般认为这些物质对人体的生长发育不利。如能在食用时与富含有亚油酸的优良食用油配合食用，其营养价值将得到提高。所以可以根据自己口味来选择。</t>
  </si>
  <si>
    <t xml:space="preserve">江西省第一附属医院人流手术江西 </t>
  </si>
  <si>
    <t>南昌建设医院率先提出“标准”、“一流”、“最好”的人流品牌服务承诺，开设无痛人流、无痛引产和上下环、输卵管复通术等计划生育手术，旨在为不同女忄生群体提供各种“高忄生价比”的人流服务解决方案，引领全球人流技术发展新走向，满足患者在人流各环节多方面的需求。</t>
  </si>
  <si>
    <t xml:space="preserve">美发店开业通知怎么写？ </t>
  </si>
  <si>
    <t>我的美发店定于**年**月**开张，到时欢迎大家前来捧场，在开业的七日内统统免费为大家做你们所喜欢的发型及款式，且有小礼品赠送。在此，俺恭候大家的光临！</t>
  </si>
  <si>
    <t xml:space="preserve">白浪滔天。(庸人一) </t>
  </si>
  <si>
    <t>汤沛。。。。。。。。。。。。。。。。。。</t>
  </si>
  <si>
    <t xml:space="preserve">孔装先装核心好还是先强化好 </t>
  </si>
  <si>
    <t>一样的```先装和后装一样的```又不是说先装比较```后装不好```并不是这原因```主要看属性```所以先装和后装``无差别</t>
  </si>
  <si>
    <t xml:space="preserve">高手Helpme!!!!我天堂2已经进入游戏了,但玩一会就会蓝屏 </t>
  </si>
  <si>
    <t xml:space="preserve">  蓝屏死机一般都是硬件问题，内存的可能性最大，其次是CPU和显卡过热。</t>
  </si>
  <si>
    <t xml:space="preserve">DT的孩子如何加点打书DT的孩子如何加点呢本人是医生，不是很热衷 </t>
  </si>
  <si>
    <t>推荐高级偷袭加攻击20%而且不受反震影响是个不错的技能</t>
  </si>
  <si>
    <t xml:space="preserve">瘦腿不瘦脸的方法有吗我腿有点粗，可脸型不胖，我脸要是瘦了的话，好 </t>
  </si>
  <si>
    <t xml:space="preserve">当然可以了。重塑下半身曲线  这是一套改良的传统武术踢脚地板，可以帮助你踢掉多余的脂肪。活动松络紧绷的筋骨，也是你提高臀部、修饰大腿线条的另类选择。 　　  　　迈阿密的武术指导师卡门说：“重复踢高、挥拳、重击的动作其实跟激烈的有氧运动没什么不同。”举例来说，体重 61公斤的女性在一小时激烈的跆拳道课程中，约可燃烧掉700单位的卡路里——这个数字是一小时单车运动的两倍，也比一小时8公里的慢跑运动多出489个单位。 　　这无疑对于那些正迟疑着是否要接受正式训练的人，或是那些想要锻炼自己下半身的人来说，这些踢脚动作及改良自跆拳道的运动是基础武术入门的唯一选择。曾经是舞者，但目前在旧金山大猩猩运动中心教跆拳道课程的玛丽·阿诺德也说，“这种与地面接触的运动会让人要有信心。练习时，除了能帮助建立平衡感，同时也对戒掉坏习惯十分有帮助。 　　正面踢高及踢低训练 　　 这个动作可训练你的三头肌、背肌、下腹肌、部、四头肌，以及腿部筋骨。做完练习后必须再做适度的伸展运动。 　　a面朝上躺下，两手掌向内平贴于地板，让手掌与笔直的手臂开成90度，将身体撑起。 　　b用双手及右脚来保持身体的平衡，左脚伸直与地板平行，然后慢慢地将在膝移至胸前。 　　c将左脚用力笔直地向上高踢后放下。两脚各重复相同动作8次。记得让左右两脚轮流做，以避免疲劳现象过早发生。 　　这个动作可训练你的四头肌，臀部、腿部筋骨、及腹剖肌肉。练习后请做适度的伸展运动。 　　a双手双膝着地，抬高任一只脚至侧边并弯曲成90度。 　　b将抬高的脚往上踢。 　　c再将脚缩回如a所述。 　　d往下踢，注意不要注脚碰到地板。右脚重复30 次后换左脚。（往上与往下会踢1下算1次。）以相同的姿势来练习臀部。 　　这个练习可以训练臀部屈肌，能让你的侧踢有力。以双手和双脚为支撑，利用腹部与背部的力量尽可能让臀部自由移动。 　　 　　将右脚伸至你的后方，弯曲成90度。将膝盖当成指针，将向后抬的脚在空中画大圆，从12点钟位置旋转到3点钟位置，再到6点钟，再到9点钟。 　　顺时钟连续30次，然后逆时钟再做30次。左脚重复相同的动作与次数。另一种利用相同姿势的变化练习是延伸的后踢。这个练习对臀部及腿部肌肉的训练有特别的效果。相同的也是以双手租双脚为支撑，将右脚伸至你的后方，弯曲成90度。让肩膀往后向抬高的脚靠近；然后将弯曲的脚向后延伸踢出至与肩成一直线，仿佛将脚跟踢同一个假想的目标。右脚重复练习30次之后换左脚。 　　这个动作可训练大腿外侧肌肉、腿部肌肉、臀部肌肉及下背部。练习后的伸展运动可以避免肌肉酸痛。以双手和双脚为支撑、紧缩腹部肌肉让背部变平。 　　a右脚向后伸出跨在左脚上面；并让右脚脚趾碰到地面。 　　b接下来，让右脚向身体侧移动，并且弯曲成90度。 　　c然后将弯曲成90度的脚完全伸展踢出。 　　上述动作必须连续进行。每次连踢8下后换另一脚。 　　每只脚再多做二次。接下来让我们试试蹲姿后踢动作，这个动作主要是针对小腿、四头肌、臀部、胸、及上背部的肌肉做练习。让身体成稍往前倾的蹲姿，胸部轻靠双膝，尽可能将双手放在双脚前方。把身体的重量放在双手及左脚上，将右脚向身体的后上方踢出，且保持弯曲状态。然后将踢出的右脚收回。恢复成蹲姿。左脚也进行相同的动作。两脚轮流且连续进行一整个动作各三次，每一次那踢满5下。每一次踢出后一定要先回到蹲姿。 　　然后试着增加每次踢出的数日至10下。另一个要难一点的变化动作是低袭，可以收缩臀部、腿部肌肉、四头肌、腹部肌肉及三角肌，特别还有背部的肌肉。同样，将身体蹲低双手置于地板上，紧缩腹部肌肉，注意力集申在维持背部的挺直且头部向上。接着将右手臂伸出与地板平行，然后将左脚笔直地向身体后方踢出，接下来把向后踢出的左脚向身体右侧移动。同时把伸出的右手向后方移动，直到碰到左脚掌为止。整个动作完成后即可再恢复至蹲姿，在左脚右手重复相同的动作30次后，换右脚左手重复相同运动作30次。最后，慢慢地进行筋骨伸展动作。  </t>
  </si>
  <si>
    <t xml:space="preserve">请问：现在的托福考试是笔试，还是机考，还是两者都行？我打算考05 </t>
  </si>
  <si>
    <t>笔试，因为中国学生不诚实的行为，所以，ETS不会在中国实行机考。</t>
  </si>
  <si>
    <t xml:space="preserve">肾虚遗尿有什么治疗好方法 </t>
  </si>
  <si>
    <t>肾虚有阴虚和阳虚之分。中医理论认为，补肾先弄清是肾阴虚、肾阳虚还是肾气虚是关键。不能盲目乱补，乱补对身体有害无益。因此，肾虚者一定要找正规的中医师正确诊治。一般说来肾阳虚主要表现为现色苍白、畏寒怕冷、浮肿、腰腿冷痛、尿频而少、慢性腹泻、男性慢痿、女性闭经等症，治疗上可酌情使用金匮肾气丸、桂附地黄丸、右归丸等方剂；肾阴虚则主要表现为面容憔悴、消瘦、腰背酸痛、两下肢无力、自觉低热、两颊泛红、头晕目眩、耳聋、手足心微热、梦遗等症，可用六味地黄丸、知柏地黄丸、左归丸等方剂治疗。</t>
  </si>
  <si>
    <t xml:space="preserve">南昌离广州多远 </t>
  </si>
  <si>
    <t>属于京九线,具体是948公里,坐火车可以考虑T185,T167,K87,不过据说坐飞机也很便宜了</t>
  </si>
  <si>
    <t xml:space="preserve">民用船只和军用舰船制造标准有什么区别？宪光看你的水平啦^_^ </t>
  </si>
  <si>
    <t xml:space="preserve">    不好意思，年关将近，为了不让我们“敬爱”的戈总被清欠办（清理农民工工资办事处）请去喝茶，只好兄弟我多忙忙了，刚才才看到，再次致歉。    制造标准有什么区别，像我这样的非造船业人士也没什么了解，只能就我所知道的制造有什么不同介绍一下吧。    1、吨位概念不同，商船所说的吨位是载货量非本身自重，而军舰所指的是排水量就是本身的自重，就是说用同样吨位的钢材建造的民船吨位都应该在军舰吨位之上。    2、技术含量不同，在目前科技高度发达的时代，造艘普通商船说起来和我去青岛电子信息城组装台个人其实差不多，弄来主机找个雷达，弄点钢板拼拼焊焊就好了，，据我所知建造一艘5万吨的散装货船建造工期200天左右就可以了，造价3000-5000万美元，消耗工时几十万个就行了。而军舰建造涉及的动力、电子、武器系统则牵扯到整个国家的科技水平，以美国的强盛国力能建造航母的工厂也只有一家。同样5万吨的法国戴高乐号，从开工到建成服役用了15年，消耗工时1亿个，造价200亿法郎。   3、好像是速度跟我提到过，民用船只与军舰所用钢材也不同，普通民船钢材屈服强度200-300兆帕，而驱逐舰级就要达到500-600，航母潜艇那就更高了。相信大家都知道一艘数十万顿的油船船员也不过几十号人，而我海军的驱逐舰还不过万吨，船员就几百号人了，商船速度一般不高，14-17节就差不多了，而二战时期绝大多数战列舰到驱逐舰航速已经超过30节了。</t>
  </si>
  <si>
    <t xml:space="preserve">VisualFoxPro中项目编译后*.exe不能运行,而在VF? </t>
  </si>
  <si>
    <t>这通常都是动态链接库的问题（DLL）很多时候在DO *。PRJ的时候都可以跳过这个问题，而包装好了EXE之后这个问题就显示出来了另外，你也需要考虑目录的问题。你要看看所有使用到的DLL文件，H文件以及其他引用的文件是否都在你EXE中调用的目录内。</t>
  </si>
  <si>
    <t xml:space="preserve">请教清泉老师000571走势,我12元卖进的,明天会止跌吗? </t>
  </si>
  <si>
    <t>盘中反弹先退出观望吧.</t>
  </si>
  <si>
    <t xml:space="preserve">请教给位饮食家，为什么一般沸水蔬菜要放糖呢？放糖能起到什么作用？ </t>
  </si>
  <si>
    <t>放糖可以是青菜保持清脆的口感。去掉青菜原本的涩味，但又能尽量保持菜自然的味道。另外，因为有一层糖水在表面，青菜看起来也很漂亮。</t>
  </si>
  <si>
    <t xml:space="preserve">我今年19岁,就阳痿了,要是过两年再看能好吗我和女朋友第一次性交 </t>
  </si>
  <si>
    <t>建议补气和血胶囊[青春乐]通过活血化瘀,补气养血使阴茎海绵体充血良好勃起坚硬时间長.</t>
  </si>
  <si>
    <t xml:space="preserve">慢性气管炎打什么针我老婆最近得了慢性气管炎，天天咳喘，打什么针好 </t>
  </si>
  <si>
    <t>以口服用药为主，此病易反复发作。平时需注意1.避免烟雾、冷空气等刺激。 2.增强体质，提高抗病能力治疗：1. 控制感染：细菌感染以流感嗜血杆菌、肺炎链球菌、甲型链球菌及奈瑟氏菌最为多见，可给予青霉素类及喹诺酮类药物口服，严重感染可口服头孢克罗或头孢呋辛，亦可选择新一代大环内酯类抗生素口服。抗菌治疗疗程一般7-10天。病情无好转者，应根据痰细菌培养药敏试验结果选择抗生素。 　　2. 祛痰止咳：咳嗽频繁且无痰时，可服咳必清25mg，每日3次。 痰粘稠不易咯出时，可口服必嗽平16mg，每日3次。伴哮喘时可口服氯茶碱0.1～0.2g或舒喘灵2～4mg，每日3次。 　　3. 解痉平喘：可选用氨茶碱及其缓释片剂、β2-受体激动剂及其缓释片剂治疗。阵发性咳嗽常伴有不同程度的支气管痉挛，给予支气管舒张剂可改善症状，有利于痰液的清除。</t>
  </si>
  <si>
    <t xml:space="preserve">霹雳酷乐猫的秘籍如何使用啊？提示是在游戏中输入“supercat </t>
  </si>
  <si>
    <t xml:space="preserve">你输入SUPERCAT（大小写没关系）之后虽然没有反应，但已经可以输秘籍啦~~直接按F1到F12就行了。秘籍是这些    F1　只数全满 　　F2　武器最强 　　F3　特殊武器全满 　　F4　速度最快 　　F5　生命全满 　　F6　暴走状态 　　F7　无敌模式 　　F8　取消作弊 这个游戏蛮好玩的，就是难度太大，没秘籍基本通不了关……：P　　  </t>
  </si>
  <si>
    <t xml:space="preserve">那个一代宗师勋章如何拿 </t>
  </si>
  <si>
    <t>这个勋章很容易 pk数量到了 自然发放</t>
  </si>
  <si>
    <t xml:space="preserve">奇迹世界:级的雅魔石和1级玛雅石去哪可以打到（暴率高的地方）我现 </t>
  </si>
  <si>
    <t>雅魔石我记得是玛雅金属和玛雅宝石吧。玛雅宝石在野外的火龙谷地图都有的爆但是我觉得在墓地爆的几率很大。只爆一级的玛雅金属你就不要指望爆出来现在也不可能爆出来。都被狗城给改了要RMB冲点卡去商城买的60RMB = 6000点卡 = 100个2级金属 = 10个3级金属 = 1个四级金属。自己算算吧~~~</t>
  </si>
  <si>
    <t xml:space="preserve">我注意一个女孩可是他还不认识我...我该怎么办？我真的好喜欢他这? </t>
  </si>
  <si>
    <t>你找错口搭讪，然后追求吧。</t>
  </si>
  <si>
    <t xml:space="preserve">83期推荐一冷胆！看你的胆量了！12波　鸿VS不来梅=====3 </t>
  </si>
  <si>
    <t>现在是受半球，单1搞定</t>
  </si>
  <si>
    <t xml:space="preserve">户口不在哈尔滨，想办个哈尔滨临时身份证，可以吗？在哈工作，身份证 </t>
  </si>
  <si>
    <t>不可以！异地办正目前还是湖南等省进行试点。黑龙江身份证不能异地办理，只能回到你的户口所在地去办理。</t>
  </si>
  <si>
    <t xml:space="preserve">脉搏60次/分钟正常否? </t>
  </si>
  <si>
    <t>如果你的身体平时健康没有心慌气短的症状就是正常,一活动就心慌乏力气短你最好到医院看一下医生,查心电图.经常体育锻炼的人心率可以在55次.</t>
  </si>
  <si>
    <t xml:space="preserve">我想报考蚌埠医学院我是六安卫生学校医学检验专业的一名中专学生，我 </t>
  </si>
  <si>
    <t xml:space="preserve">对口里没有蚌埠医学院 医学类高职只有2019 安徽医学高等专科学校 01 护理 专科 3 50 　 02 医学检验技术 专科 3 50 　 2021 安徽中医药高等专科学校 01 护理 专科 3 70 　 02 中药 专科 3 30 　 2024 巢湖职业技术学院 05 护理 专科 3 40 　 06 医学检验技术 专科 3 40 　 2040 芜湖职业技术学院 10 生物制药技术 专科 3 100 　 </t>
  </si>
  <si>
    <t xml:space="preserve">33周彩超 </t>
  </si>
  <si>
    <t>这个宝宝真可爱！我怀孕也有25周了，是不是怀孕了一定都要做彩超呢？可是彩超为什么只能看到头，看不到身体呢？</t>
  </si>
  <si>
    <t xml:space="preserve">感情问题,请大家帮帮我!我和A认识已经有2年多了,但是却没怎么见 </t>
  </si>
  <si>
    <t xml:space="preserve"> 他都说了,去了的话,就电话告诉他了,那么就去看看他咯..在恋爱面前人人都是平等的,所以别想着你配不上他了,只要你好好爱,比什么都重要的吧.所以为什么要想那么多呢?..有时缘分错过了,就不会再有机会遇到了.所以这次就好好抓牢喽..加油吧.</t>
  </si>
  <si>
    <t xml:space="preserve">盗贼的火炕头在什么地方出?什么软帽的..我现在想刷点火炕装~~前 </t>
  </si>
  <si>
    <t>厄运东的蕾瑟塔蒂丝，就是一个女的带个小鬼的哪个BOSS掉抗火的帽子皮甲很好刷出来</t>
  </si>
  <si>
    <t xml:space="preserve">清泉老师好!600886国投电力配了股明天可能就复牌了,又遇加息 </t>
  </si>
  <si>
    <t>预计震荡为主,暂列止损观望.</t>
  </si>
  <si>
    <t xml:space="preserve">一个高中生的烦恼初中的时候我的成绩在学校是首1首2的，可是等我考 </t>
  </si>
  <si>
    <t>网络却是一种引领时尚的高科技产物，但是任何事物有有利的一面，那也有不好的一面，看你如何把握自己，好的东西不好好的利用，代给人的就是伤害了，但是网络却是能给人带来知识，带来烦恼时的解脱，让人在空闲时不无聊，所以，就要求我们用好时间，合理的安排时间，多学习，当上网，这样一个时间表，那你的学习也会好起来的。497163594</t>
  </si>
  <si>
    <t xml:space="preserve">geez是什么意思啊? </t>
  </si>
  <si>
    <t>geezer是"老头"的意思,geez不知道</t>
  </si>
  <si>
    <t xml:space="preserve">请问，下周大盘走势？ </t>
  </si>
  <si>
    <t>北青报称，下周肯定跌</t>
  </si>
  <si>
    <t xml:space="preserve">Realplay方面的问题　　我用Realplay播放ＶＣＤ碟片 </t>
  </si>
  <si>
    <t>realplayer只能播放CD\DVD，对于VCD是不能播放的。如果要播放vcd，可以安装超级解霸或风暴影音或金山影霸。</t>
  </si>
  <si>
    <t xml:space="preserve">跑200米的决胜要点是什么？ </t>
  </si>
  <si>
    <t>200m的要点是后半程,首先它比100M要长,就需要速度耐力,又有200M有弯道,所以弯道技术有是一大重要要点,弯道跑时要注意摆臂的幅度,两手是不一样的,左小右大,还有就是到直道的冲刺阶段,摆臂幅度要加大,更要将腿抬高,以便加大步子的幅度,这是最重要的.所以200M就是弯道技术和速度耐力的结合,只有这两样好了成绩才能好.</t>
  </si>
  <si>
    <t xml:space="preserve">枸杞，百合，决明子，大枣可以放在一起泡水喝吗？如题，能减肥吗？会 </t>
  </si>
  <si>
    <t>可以.枸杞扶正固本，生精补髓、滋阴补肾、益气安神，决明子性微寒，降肝火降血脂，百合具有养阴润肺止咳功效，用于肺阴虚的燥热咳嗽，大枣养颜补血.四者泡水中正平和，固本培元，稍有减肥的效果。如要减肥，茄子的效果良好，将茄子切丁，以盐，醋，酱，及自己喜欢的调料拌匀生吃，注意，一定要生吃，可以减肥，这种以食疗减肥的方法无副作用，且方便，吃饭减肥一举两得。</t>
  </si>
  <si>
    <t xml:space="preserve">报名表怎么填？里面有几栏都不明白怎么填。个人身份是填应届毕业生还 </t>
  </si>
  <si>
    <t>其实录用单位不是很在乎这样的细节问题，只要大方向没错误就可以，至于具体的问题可以参照你的报名信息填写！</t>
  </si>
  <si>
    <t xml:space="preserve">工作压力大失眠每天都很忙各种事情虽然都已经处理了但是晚上脑子里总 </t>
  </si>
  <si>
    <t>失眠用安眠药有刺激而且有依赖性 最好是中药或者食疗看看怎么弄好了安美宁胶囊对失眠有效果 安神都有一定的作用 推荐你使用这个哦 好东西大家分享</t>
  </si>
  <si>
    <t xml:space="preserve">艾斯卡达尔英文原名是什么？ </t>
  </si>
  <si>
    <t>Eskhandar</t>
  </si>
  <si>
    <t xml:space="preserve">女人做人流后是不是象生孩子一样，一两天下不了床？是不是对身体伤害? </t>
  </si>
  <si>
    <t>作为一名妇产科医生我明确告诉你，人流对人体伤害很大，而且后遗症也有可能发生，例如：习惯性流产、子宫炎症等妇科疾病。正常生小孩是身体各个系统已经充分为胎儿经过正常发育后的正常分娩作好了一切准备，身体各个系统已接受了正常指令，所以这样的分娩不会伤害到身体。不过，也请不要过于担心，只要你能够多注意卫生、好好休息，建议至少休息一周时间。在这期间不要碰生冷食物及物品即可。切记：保持轻松的心情是至关重要的。祝：笑口常开！</t>
  </si>
  <si>
    <t xml:space="preserve">衡阳哪里有巧克力专卖店？品种齐全的那种 </t>
  </si>
  <si>
    <t>在先锋路与环城北路交叉口有一个新开张的巧克力专卖店，常胜西路，南华大学旁边有一家零食物语，里面的巧克力也不错常胜东路快到中山北路的地方，也有一家巧克力专卖店这三个店我都有去过，有些品种的巧克力跟“屈臣氏”的一样。再或者你可以去解放路的广州大饼屋，大新饼屋瞧瞧。</t>
  </si>
  <si>
    <t xml:space="preserve">这可怎么好呢?我好担心啊!请问帮我说说!我的心一点都不平静!可怎 </t>
  </si>
  <si>
    <t>我说句实话，我看了你的这个只有一个感觉，你就是怕丢面子嘛。不知道你是不是觉得自己一是要侄子找工作丢面子，二是把自己对别人的感激和带有效力意愿的话表达给了一个局外人，怕别人觉得你是个趋炎附势见利忘义，给点好处就卖命效忠的人。没什么关系的，朋友。帮忙找工作在现代社会很正常的，而且自己明白自己是什么人就好了，别人的看法重要吗？真的就那么重要吗？想想？再想想.......实在觉得不好办那就找个机会，明明白白的给你表姐说了，遮遮掩掩的反而说不清楚，反而是欲盖弥彰。君子坦荡荡！</t>
  </si>
  <si>
    <t xml:space="preserve">魔法平衡怎么提高?我是73级的平衡职业从1级开始就是1力2智的加 </t>
  </si>
  <si>
    <t>魔法平衡与mp有关而mp决定于人物属性点和装备上加的智力的多少属性点上加智力,提高魔法平衡的同时可能降低物理平衡,装备上加智力可以提高魔法平衡,但加力量不会降低魔法平衡</t>
  </si>
  <si>
    <t xml:space="preserve">旅游要到哪？无，自己考虑 </t>
  </si>
  <si>
    <t>你还没有目标吗？如果现在去旅游，如果你有时间，可以去昆明-大理-丽江-版纳一线，或者桂林-漓江-阳朔一线；如果只有一天，那就去北京周边好了，现在正是观赏红叶的季节。地方实在太多了，看你想去那里了！</t>
  </si>
  <si>
    <t xml:space="preserve">病毒问题,中毒了,每个文件夹里都有病毒程序!还杀不出毒来??下了 </t>
  </si>
  <si>
    <t>从你说的情况看，确是病毒无疑，这个病毒驻留内存后，能够屏蔽杀毒软件的查毒功能，所以杀毒软件就查不出来了，你可以将硬盘折下来，作为付盘，挂到一台干净的带有最新杀毒软件病毒库的电脑上去，用那台电脑的硬盘启动，再启动杀毒软件来查杀病毒，应该能查杀成功。</t>
  </si>
  <si>
    <t xml:space="preserve">宝宝吃手的问题我家宝宝两岁一个月了,他从六个多月就开始吃手,一直 </t>
  </si>
  <si>
    <t>有的孩子缺少安全感也爱吃手的！</t>
  </si>
  <si>
    <t xml:space="preserve">我对我的脸已经黔驴计穷了我是油性皮肤，冬天就Ｔ字部位出油，夏天则 </t>
  </si>
  <si>
    <t>关键是你的内分泌，不要吃辣的，油性的皮肤有光泽有弹性，现在过渡阻止，老了就不好了</t>
  </si>
  <si>
    <t xml:space="preserve">暗器的被动技能和主动技能练什么好！有知道的高级玩家请告之谢谢！！? </t>
  </si>
  <si>
    <t>这样说技能和武功有差别吗.......暗器被动技能至少要高一点吧...第一排基本技能至少要高一点吧土和木的被动技能也稍微练一练吧...升一级再配合金钟,吐纳的层数可以加不少呢.....反正偶们21级的时候练弓和暗器,第一排都是17,武器被动也17,组合强化就不提了..土,木内功被动6........结果还是PK不过法师,人家不穿衣服打你都是小意思,但是有超级极品装备的情况下也许会难说吧......</t>
  </si>
  <si>
    <t>122期发个来济单01切尔西vs斯托克</t>
  </si>
  <si>
    <t>太正路了，不看好，有6场不同意见，1，2，5，6，10，12。</t>
  </si>
  <si>
    <t xml:space="preserve">什么是股东权益及股东权益比率？ </t>
  </si>
  <si>
    <t>股东权益及股东权益比率 股东权益又称净资产，是指公司总资产中扣除负债所余下的部分。例如，“上海”1997年年底的资产负债表上，总资产为40．56亿元，负债是7．42亿元，股东权益就为两者之差。即33．14亿元，这也是“上海汽车”的净资产，股东权益是一个很重要的财务指标，它反映了公司的自有资本。当总资产小于负债金额，公司就陷入了资不抵债的境地，这时，公司的股东权益便消失殆尽。如果实施破产清算，股东将一无所得。相反，股东权益金额越大，这家公司的实力就越雄厚。 股东权益包括以下五部分： 一是股本，即按照面值计算的股本金。 二是资本公积。包括股票发行溢价、法定财产重估增值、接受捐赠资产价值。 三是盈余公积，又分为法定盈余公积和任意盈余公积。法定盈余公积按公司税后利润的10％强制提取。目的是为了应付经营风险。当法定盈余公积累计额已达注册资本的50％时可不再提取。 四是法定公益金，按税后利润的5％一10％提取。用于公司福利设施支出。 五是未分配利润，指公司留待以后年度分配的利润或待分配利润。 股东权益比率是股东权益对总资产的比率。以上海汽车为例，其1997年底的股东权益比率为81.1％（即&lt;33．14/40．56*100％）。 股东权益比率应当适中。如果权益比率过小，表明企业过度负债，容易削弱公司抵御外部冲击的能力而权益比率过大。意味着企业没有积极地利用财务杠杆作用来扩大经营规模。</t>
  </si>
  <si>
    <t xml:space="preserve">桌面图标怎么删除不掉 </t>
  </si>
  <si>
    <t>用附件中的删除工具试试。下载后安装该程序，之后右键点击你要删除的文件，选“unlocker”，在弹出的界面中选“删除”－“确定”即可。如果文件被锁定，右键点击“unlocker”时会弹出一个对话框，你先点击“全部解锁”，之后再进行删除操作就可以了。</t>
  </si>
  <si>
    <t xml:space="preserve">600105如何操作 </t>
  </si>
  <si>
    <t>光缆行业得到国家的扶持和保护。今日封盘很死，明日根据盘中走势确定走留。</t>
  </si>
  <si>
    <t xml:space="preserve">斩马刀！！10月有没有可能出超人气武器：斩马刀！个人认为还是能够 </t>
  </si>
  <si>
    <t>武器改动是很正常的，在单机你的敌人都是NPC，不管你怎么耍赖，都没人说你，而且NPC本身也不弱，单4玩修罗是有难度的。现在是在OL人和人竞争，如果都按照单4的招式不改动，漏洞就很多。</t>
  </si>
  <si>
    <t xml:space="preserve">质子和a粒子运动的比值问题质子和a粒子以相同初速度逆着电场方向进? </t>
  </si>
  <si>
    <t>根据动能定理动能之比为1：4    而加速度之比为1：2  可以知道电场力之比为1：2所以最大位移之比为1：2根据位移公式知t之比为1：1同理若它们初动能相最大位移之比为2：1，最大位移所需时间之比为2：1。</t>
  </si>
  <si>
    <t xml:space="preserve">请问高手，咒术后期超强攻击魔法书"暴风雪"和"光辉交响曲"是什么? </t>
  </si>
  <si>
    <t>伊娃水中庭院的水巨人出的</t>
  </si>
  <si>
    <t xml:space="preserve">【壬辰清明谜会01—26】无花无酒过清明5字词牌 </t>
  </si>
  <si>
    <t>桃源忆故人</t>
  </si>
  <si>
    <t xml:space="preserve">美白自制面膜?美白的化妆品那种效果好? </t>
  </si>
  <si>
    <t>看我的这个自制的2、早晚可以牛奶洗脸也可以用食用盐洗脸可以去死皮，少用一点盐就可以在脸上轻轻的按摩一会，用清水洗净.记注用头一便要先用稍热一点的水可以使毛孔张开，使皮肤里的脏东西都可以清里出来，然后在用这种自制的面膜.(油性皮肤用蛋清)(中干性用蛋黄)+蜂蜜+牛奶+珍珠粉.做完面膜在用凉水清洗可以使皮肤收缩。毛孔变小，变细腻。2天做一次.20分钟后用凉水洗净,凉水可以收缩毛孔,紧肤的做用. 用这种可以护理皮肤. 美白,淡化斑点。3、然后早晚饭前或饭后充一杯蜂蜜水喝可以美白.使全身的皮肤都很有弹性,细腻、有光泽。 4、在多吃一些水果.如猕猴桃，香蕉，黄瓜。都是维生素多，可以去斑，美白的。5、还要多喝水,特别早上起床空腹喝一杯水最好了.清理肠胃,如果把毒素都排出来了,脸色自然就好一些.</t>
  </si>
  <si>
    <t xml:space="preserve">+1技能的特大护身符可以洗出来吗？怎么洗？ </t>
  </si>
  <si>
    <t>洗护身符，是用三个完美宝石加一个兰色的护身符（一般都是洗超大护身符和小护身符，而且要等级在90级以上的，地狱大菠萝、尼拉塞克和巴尔掉的都符合要求）。+1技能的特大护身符洗不出来，但能洗出+1某系技能的特大护身出来</t>
  </si>
  <si>
    <t xml:space="preserve">连续剧《半路夫妻》是在南京哪个区拍的？看到秦淮区政府，但很多拍摄 </t>
  </si>
  <si>
    <t>主要是在鼓楼区,江苏路附近的轱岭路、珞珈路、颐和路那。南京真正的花园路在汽车东站那，有派出所也应该在玄武区。片中的花园路派出所是编造的。</t>
  </si>
  <si>
    <t xml:space="preserve">请问:解除劳动合同后,个人应当到哪里缴纳养老保险?解除合同已过六 </t>
  </si>
  <si>
    <t>到镇或街道的劳动服务机构问一下,应该是由他们代办自由职业者缴纳社会保险费手续的.</t>
  </si>
  <si>
    <t xml:space="preserve">你认为最有效的救市手段是？A降低印花税或改为单边征收；B严控上市 </t>
  </si>
  <si>
    <t>1。从正义公正角度说，把多收的印花税退回来最好，但最有效的救市手段不是它了，因最佳时机已过/且每个股民都知道了消息已提前消化，可能连1个全盘涨停都封不住，2。大小非解禁，好象原来说好了的，3。再融资，只要价格足够低，有效果，4。最有效的黑马，还是：把3万亿机构资金赶出1级市场，听说不知哪个国家，才5000万新股额度，还没发，吓得股指跌了90%，股民正好有50万，说明：管理层笨或故意使股指大起大落</t>
  </si>
  <si>
    <t xml:space="preserve">6个月宝宝手指头有脱皮现象怎么回事？您好，6个月女宝，混合喂养， </t>
  </si>
  <si>
    <t xml:space="preserve">没有检查孩子不好判断，一般孩子不应该由手指和脚趾脱皮现象。 </t>
  </si>
  <si>
    <t xml:space="preserve">求一个游戏程序要代码急 </t>
  </si>
  <si>
    <t>给你个反弹球java的编译下就行了applet的安装jdk代码如下import  t.*;import java.applet.*;public class Ball extends Applet implements Runnable{  int X,Y,moveX,moveY,width,height;  Thread newThread;  Image OffScreen;  Graphics drawOffScreen;    public void init() {        X=0;    Y=0;    moveX=2;    moveY=3;    width =getSize().width;    height=getSize().height;    OffScreen=createImage(width,height);    drawOffScreen= tGraphics();      }    public void start()  {    newThread=new Thread(this);     art();  }    public void stop()    {      newThread=null;    }      public void paint(Graphics g) {   tColor(Color.blue);   llRect(0,0,width,height);       tColor( d);   llOval(X,Y,30,30);//   llOval(60,60,30,30);  g.drawImage(OffScreen,0,0,this);  }    public void update(Graphics g)  {    paint(g);  }  public void run()  {    while(newThread!=null)    {      repaint();    try    {       eep(50);    }    catch(InterruptedException E){}    X=X+moveX;    Y=Y+moveY;        if(X&gt;=(width-30))    {      X=width-30;      moveX=-moveX;    }    if(X&lt;=0)    {      X=0;        moveX=-moveX;        }        if(Y&gt;=(height-30))        {          Y=height-30;          moveY=-moveY;        }        if(Y&lt;=0)        {          Y=0;          moveY=-moveY;        }    }}}</t>
  </si>
  <si>
    <t xml:space="preserve">头发油脂多咋整？头发油脂出的非常多，两天不洗头发，就感觉油腻的很 </t>
  </si>
  <si>
    <t xml:space="preserve">油性头发的护理 头皮与脸部皮肤是紧紧相连的。油性皮肤的人，一般头皮的油脂腺分泌也比较旺盛，分泌物是油脂和含脂肪的物质，并迅速地遍布每一丝头发的根部。所以油性头发的人。即使刚洗过头发不久。头还是会很快变得又是油油的。有的人在时脸上长暗疮，头发也非常油腻。这是因为他们的皮脂分泌过盛；但年纪大了，内分泌腺起了变化，情况又会有所转变，可是这并不是绝对的，所以可能你会一直都有油性皮肤及头发。 有很多拥有油性头发的人，发质都比较幼细。若整个头都是油油的，头发便显得没有生气和缺乏弹性，不漂亮。专家认为拥有油性头发的人最好减少吃油腻食品，尽量多吃一点水果和蔬菜，而且要比一般人多喝水，样会有助减少皮脂腺分泌。另外，每天洗头是必须的，甚至在夏天时当天气很湿热或风很大的日子，可以每天洗头两欢，不过一定要选用很温和的洗发水；护发素方面，最好是用有收缩效能的。有助收缩头皮毛孔和减少皮脂分泌，例如你可以亲自动手，用一盆温水把醋稀释，然后用它来冲洗头发，这样做可以减少油脂和使头发更有光泽；若是使用在市面上己制成的护发素，则要紧记应当把它涂在头发上，不该涂在头皮上。 头发起油的原因是皮脂腺对某种激素的过敏。没有任何东西可以改变这一点。但用适当的美发化妆品和正确的作头法可以加以控制。 对付油性发质五招： 方法1：每天洗头，但洗法要正确每天用柔和的香波洗头可阻止头皮油脂沾到头发上使头发打绺。正确的方法是使用适合于普通头发的香波，这种香波包含有洗涤活性物质。这种物质性质柔和，每天使用也不会损伤头发和刺激头皮而使之起油更厉害。适用于油性头发的香波包含有更强的。有清洁作用的洗涤活性物质。这种香波只能在头发已经起油和打绺后才可使用。 方法2：使头皮慢慢放松头皮起油大多是由于皮脂腺睾酮这种激素的先天性过敏风，不适当的香波吸过热的洗头水。和缓剂可以起到很好的。这种过敏在青春期内表现得最为强烈，以后便随着年龄的增长而减弱。化妆品对此在原则上不起任何作用。但我们可以阻止皮脂腺不再受其他刺激，如过多的刷理，梳理或吹风机的热作用，和缓剂在洗头前十分钟使用后冲掉，这种和缓剂对头皮有安定作用，并可防止头皮屑的形成。用具有提神作用的生命滋补剂（Viial一Tonic）对头部进行轻轻的按摩，对油性头皮也有和缓与安定的作用。这种滋补剂可在理发前涂在头顶上。 方法3：使头发在空气中晾干最理想的是剪完后便已完好的修剪法，不需要吹风，也不需要再作头。这样做，第一是可节省时间，第二是可以保护头皮和发尖。如果在空气中干燥时间过长，可用扩散吹风机吹干。这时要低头用手指揉动发根。这样做还可以使头发更莲松。 方法4：在发相处使用香波对有油性头发的人来说，洗发根是一种好的解决办法。对于"油性发根是受过伤害的头发"便更适用。为此，人们需要一个带喷嘴的小瓶（理发员处都有）。将一份抗油香波与四份温水混合在小瓶中，用喷嘴直接喷到（还干着的）发根处。使香波冒一冒泡，然后冲掉。从发根流向发稍的香波已足够用来将头发洗净。七上续波浪也可使迅速起何油的头发节省时间和省去烦恼，尤其是当头发修剪得能使发型在空气中干燥成形时。某种吸墨纸可起到积极作用，也可通过化学方法改善起油的头发。 方法5：使头发间保持距间所有阻止发根紧贴头皮的发型设计都是好的。这包括使发根微微隆起或喷上雾状定型液。想将发根吹得直立起来，必须注意吹风机的空气不要吹到头皮上，也就是不要吹到皮脂腺上。建议：事先涂上蓬松泡沫强化剂。 </t>
  </si>
  <si>
    <t xml:space="preserve">关于人类语言和文字的问题第一，像形文字是基于自然界中各种事物的形 </t>
  </si>
  <si>
    <t>一，人类社会刚开始是散居的，没有联系，更没有文化的互通。二，社会因素不同，产生不同文化。三，思维不同，人的思维并不是一样的，那时人的思维没有今天那么统一，而且只能影响的相近的聚落。</t>
  </si>
  <si>
    <t xml:space="preserve">被人故意殴打致尿道挫裂伤伴阴囊血肿是属于轻伤吗？ </t>
  </si>
  <si>
    <t>这个应该是属于的，你可以让公安给你做伤情鉴定。 有空加个微博好友给个好评啊</t>
  </si>
  <si>
    <t xml:space="preserve">急请帮忙，谢000625短线还有多大的上涨空间，成本13.9，要 </t>
  </si>
  <si>
    <t>长安汽车,看来今天庄家意见不一,放出天量涨停,证明了很多获利盘已经兑现! 今天能封死不出,明天早盘不能直接封死就择高点先出局,等回调到5日线再吸回来!汽车股今年业绩良好,后市会反复炒作! (昨天已经回答了你啊,今天不能封死涨停短线可以先出来啊,等回调5日线在接回来呀?没有操作么?)</t>
  </si>
  <si>
    <t xml:space="preserve">一道数学几何题若三角形ABC的周长为20厘米，点D,E,F分别是 </t>
  </si>
  <si>
    <t xml:space="preserve">三角形ABC中,AB的中点为D,AC中点为E,BC中点为F.则:DE=2/1BC   EF=2/1AB   DF=2/1AC若三角形ABC的周长是20厘米,那么三角形DEF的周长为10厘米,为原三角形的一半.懂了没有,如果还有问题,问我. MAIL  :jiang_chunlu@ </t>
  </si>
  <si>
    <t xml:space="preserve">+3骨矛的墓地之杖做的白色值钱吗?能卖多少..? </t>
  </si>
  <si>
    <t>光光骨矛不值钱 起码还得有骨魂或衰老</t>
  </si>
  <si>
    <t xml:space="preserve">求救：急死人了快来帮帮忙吧！！！JJMM：大家好，我现在用的是美 </t>
  </si>
  <si>
    <t>我以前也用过带闪粉的粉底液，对皮肤并没有太大伤害，但你要注意卸妆一定要彻底。这样才不会毁皮肤</t>
  </si>
  <si>
    <t xml:space="preserve">我的女儿舌头是地图舌怎么治我的宝宝在一岁时舌头就出现地图舌，医生 </t>
  </si>
  <si>
    <t>胃火 应该吃养胃阴的药.如中药沙参麦冬汤方剂就比较适合.</t>
  </si>
  <si>
    <t xml:space="preserve">这武器值多少钱大家要看清楚了是5真改的,请各位懂70的给个价，要 </t>
  </si>
  <si>
    <t>生存力超强,适合技术流,带个防御双倍,真的很牛.但是好象现在都流行无双流拉,技术流不吃香拉!价我不会估,货对买家,看你找对买家不!</t>
  </si>
  <si>
    <t xml:space="preserve">我想在淘宝网开店我想在网上开了饰品店，怎么开，流程越详细越好，第 </t>
  </si>
  <si>
    <t xml:space="preserve">打开淘宝网主页，点击我要卖，第一步免费注册成为会员，第二步通过实名认证，第三步发布10件宝贝就可以开店了 </t>
  </si>
  <si>
    <t xml:space="preserve">落发不知道怎么回事，今年的头发掉的特别厉害``每天早上梳头还有洗 </t>
  </si>
  <si>
    <t xml:space="preserve">你可以看看这些：医学专家认为脱发与血虚、肾虚有关，因此可以用补血、养肾阴的中药来调理，如长期服用六味地黄丸会有效果，对患者对症开出的每服中药里，通常也会加入女真子、汗莲草等养肾阴的中药。不过，中药治疗是个漫长的过程，一般半年左右才能有效果。西药虽然见效较快，一些人服用两三个月就能奏效，但如果长期服用，就有可能出现一些副作用。 有医生建议不妨用侧柏树叶煮水喝，再用煮过侧柏叶的水洗头，比喝药还有效。用圆头相对柔软的梳子轻轻贴着头皮梳理，可以增强头部皮肤的血液循环，促进头发生长。另外，秋天阳光中的紫外线强度并不比夏天骄阳时弱，尤其是天气干燥的日子，在阳光下头发中水分丢失得快，头发也容易掉，因此秋季应避免长时间直晒太阳。 防止掉发的护发药膳 现代人药面对空气污染、紫外线照射、和神经紧张的压力，使得掉头发的人越来越多。要防止掉头发，「吃得营养」比什么方法都有效。这是因为头发要牢牢地站在头皮里，才不会随着风吹草动、一下子就离开头皮。想要省钱、又想要保住乌黑秀发，把?g提的营养基础打好，就对了。 黑芝麻是防止掉发的最佳食补材料，这是因为黑脂肪含有头发生长健壮的重要成份如卵磷脂、蛋白质、维他命E、亚油酸等。经常服用除了让头发乌黑之外，还能够补血通便呢。 1.黑芝麻磨粉：最简单的服用法 直接到超级市场选购不加糖的黑芝麻粉，每天一汤匙即可。不爱吃早餐的漂亮妹妹，最好能够把芝麻粉当作早餐，一个月后，就看得到效果唷。 但是别吃太多，以免便便争先恐后的跑出来，一直跑厕所，可真不好看。 2.百合芝麻炖猪心：麻烦、可是也有效 把百合、黑芝麻、红枣、生姜等各少许，再加上猪心一个，小火慢炖二、三个小时，就能让人心情安定、减少掉发。 一个月可吃一次、虽然麻烦了点，但是很值得投资唷。 日常注意 一、注意洗发、干发的技巧 洗发： 1、要选用适合自身头发的洗发露。 2、洗时将适量洗发露倒入掌心加水轻搓，起泡沫后才接触头皮和头发。 3、双手接触头发时不要过分用力搓擦头发，因为湿发脆弱易受损伤。 4、若能顺头发自然下垂姿势洗发则更佳。 5、洗完后一般加用护发素，必要时加用滋润素。 干发： 1、湿发脆弱易损、故干发时宜用干毛巾按压拍干，不宜用毛巾搓擦。 2、电吹风的高热对头发有损伤作用，使用时吹风温度宜低不宜高，注意还在滴水和已经干燥了的头发都不宜吹风烘干。 3、最好让头发自然干燥。 二、正确梳理头发 1、选用宽齿木质或角质梳，不用易产生静电的塑料梳。 2、顺头发自然下垂方向分段梳理。分段是指先梳理远端发梢段，最后梳理近端发根附近头发，并能解除纠缠。 三、尽量避免或减少烫发、染发次数 烫发水（冷烫精）和大部分染发剂中含有的某些化学物质有损伤头发发质的不良作用，如频繁使用可使头发干燥无光泽、发“毛”不柔滑、纠缠易打结、脆弱易折断，其伤害程度随着美发次数增加而加重，因此建议尽量不烫发、染发，或至少增加间隔时间，减少美发次数。 四、注意饮食 人们总认为产后体虚，需要进补，当出现脱发后更是要大补特补，其实这是一个不正确的观点。产后脱发主要是一个内分泌变化的过程，盲目进补，造成体内热量过剩，反而有害健康，但食用以下食物会有利于长发。 1、绿色蔬菜：绿色蔬菜中的碱性无机盐（钙、镁、钠、钾等）含量高，可中和体内不利于头发生长的酸性物质，并使之成为无毒性物质排出体外。可选食冬瓜、萝卜、大白菜、菠菜、藕等，黄豆制品、香菇、黑木耳、猴头菇等也有益。 2、水果：如樱桃、苹果、大枣等。 3、动物性蛋白质：鱼、家禽、瘦猪肉含丰富的蛋白质，但不宜过量食用，因它们属酸性物质，血液呈酸性状态，将妨碍皮肤和头发的健美。 4、进食易消化的高蛋白质、低脂肪、高维生素和富含铁质的食物。 除此之外，还应注意保持乐观情绪，适当进行体育锻炼，避免暴晒等。 头发稀疏的治疗方法： 祖国医学界早就把头发作为诊断疾病的一个依据。头发稀疏也可以饮食上做些调理，注意选择一些益气补血和补脾健胃的食谱。 取芡实10克、薏仁10克、莲子肉10克、山楂肉6克、淮山药10克、粳米适量，作药膳食用。 黑芝麻适量炒熟、研粉，与等量炒熟的面粉混合，用开水调成糊状，可加些红糖调味，每日吃一次。 红枣或黑枣6-7枚、鸡内金3克，水煎饮汤食枣。 此外 中药成份】巨胜子、当归、芍药各30克，胡粉15克。 【制作方法】将上述药格研成细末，用蜂密调和成丸子如粟大。 【使用要诀】用黑豆汤送服10丸。另外把药放进黑豆汤内搅匀即可用来洗头。内外并用，半月为一疗程。 【方义解说】本方出自《幼幼新书》。本方可以滋阴补血，生发润发。 【应用功效】主治头发稀疏。 脱发首先要分析类型，不知道你的脱发是什么类型的，看过下面的资料你也许会找到答案，也就能找到治理的方法了。 脱发可以分成两种基本类型： 由于毛囊受损造成的永久性脱发，和由于毛囊短时间受损造成的暂时性脱发。永久性脱发即常见的男性秃顶。在某些欧洲国家，男性的秃顶率高达40％。 永久性脱发（即男性型脱发）的掉发过程是逐渐产生的。开始时，头前额部的头发边缘明显后缩，头顶部头发稀少；然后逐步发展，最后会发展到只剩下头后部，头两侧一圈稀疏的头发，其主要原因有三：遗传因素，血液循环中男性激素的缺乏或失调；过于肥胖。另外，多种皮肤病或皮肤受伤留下的疤痕，天生头发发育不良，以及化学物品或物理原因对毛囊造成的严重伤害均可引起永久性脱发。 暂时性脱发往往是由得了发高烧的疾病引起的。不过，照X光、摄入金属（如铊、锡和砷）或摄入毒品、营养不良、某些带炎症的皮肤病、慢性消耗性疾病，以及内分泌失调等也可造成暂时性脱发。 男性型脱发的治疗方案有两种。第一种是毛发移植，就是把还长头发地方的头皮的毛囊移植到不长头发的地方，即：从头后部移到前部。第二种方法是局部敷药。常用米诺西地外敷，能有效阻止多种原因引起的继续脱发，促进已秃或头发稀少部位的头发再生。 1、脂溢性脱发：常常出现在中青年身上，表现为头皮上有较厚的油性分泌，头发光亮，稀疏而细，或者头发干燥，头屑多，无光泽，稀疏纤细。 解决办法：应注意饮食清淡，少食刺激性食物，多吃水果、青菜或内服维生素B6、B2等。 2、病理性脱发：主要由于病毒、细菌、高热对毛母细胞有损伤，抑制了毛母细胞正常分裂，使毛囊处于休克状态而导致脱发，如急性传染病、长期服用某种药物等。 解决方法：多休息，身体康复或停药后头发会重新长出。 3、化学性脱发：有害化学物质对头皮组织、毛囊细胞的损害导致脱发 解决办法：不使用刺激性强的染发剂、烫发剂及劣质洗发用品。 4、物理性脱发：空气污染物堵塞毛囊、有害辐射等原因导致的脱发。 解决办法：不要使用易产生静电的尼龙梳子和尼龙头刷，在空气粉尘污染严重的环境戴防护帽并及时洗头。 5、营养性脱发：消化吸收机能障碍造成营养不良导致脱发 解决方法：加强营养，多吃蔬果、海带、桑葚、核桃仁。 6、肥胖性脱发：大量的饱和脂肪酸在体内代谢后产生废物，堵塞毛囊导致脱发 解决方法：少吃油腻重的食物，加强体育锻炼。 7、遗传性脱发：脱发也是有遗传性的，一般男性呈显性遗传，女性呈阴性遗传。 一, 头发养护的目的在于维护头发的健康，同时可以克服头皮屑或掉发等。 防止脱发要从日常的头发护理开始，下面的是介绍头发护理的基本方法 一、洗发和护发 头发的清洁是发质健康的基础，而正确的洗涤方法是养护头发的重要因素。 干性发皮脂分泌量少，洗发周期可略长，一般7～10天洗一次。 油性发皮脂分泌多，洗发周期略短，一般3～5天洗一次。 中性发皮脂分泌量适中，一般5～7天洗一次。 干性发选择温和营养性的洗发护发用品，油性发选择去污力略强的洗发用品。 正确的洗涤方法对头发的养护同样起着重要作用，主要包括以下几个步骤：刷头发、用清水洗头发、用洗发液洗头发、使用护发素、用干毛巾吸干头发上的水分。 护理发丝 干性发和受损发每周锔油1次，补充毛发的油分和水分。每日按摩头部10～15分钟，促进血液循环，供给表皮营养，促进皮脂腺、汗腺的分泌。 洗发后用少量橄榄油。中性发10～15天上油一次，每周作3～4次头部按摩，每次10～15分钟，洗发后用少量护发乳。 修剪发丝 当毛发生长到一定的长度，发梢就会产生分叉、易断的现象，定期修剪可避免这种现象的产生，使发丝保持健康亮泽的状态。同时，定期修剪还可刺激毛发细胞的新陈代谢，刺激毛发的生长。 蓬松发丝 毛发是皮肤的附属物，如毛发粘贴在头皮上，会影响皮肤的呼吸和排泄，使头皮和发丝产生病态现象。 慎重烫发 烫发过勤会使毛发的角质细胞受损，而得不到修复，使发丝干枯，缺乏弹性，甚至分叉和折断。烫发以半年一次为宜，并应选择直径略大的卷心，烫的时间也不宜过长。 合理膳食 发丝是由细胞构成的，细胞的新陈代谢需要多种营养，所以，合理的膳食是供给毛发营养的重要因素。蛋白质、碳水化合物、脂肪、维生素、矿物质是毛发健康的营养资源。 二 脆弱头发的护理 1.究竟脆弱的头发是怎样形成的呢？ 头发受到来自人为护理不当和外在环境侵害两方面的伤害，远远超出你的想像，它们会共同作用导致头发变糟。 2. 造成枯草样脆弱发质的原因是什么呢？ No.1 原因：染烫头发不当可导致毛鳞片脱落，并造成分叉。 解决：避免频繁染烫头发，使用电吹风时将温度调低。 No.2 原因：挑食节食、缺乏睡眠会令头发黯淡无光、枯黄难打理。 &amp;解决：注意饮食平衡，减少脂肪和刺激性食物的摄入量。 No.3 原因：秋天仍有强烈的阳光，紫外线会破坏氨基酸令头发干枯发黄。 解决：在出门前可选择使用具有防晒功能的免洗护发品或喷雾涂抹头发，保护头发免受伤害。 No.4 原因：脏空气令头发粘连难打理，很容易造成断发。 解决：依发质油性程度选择天天洗头或隔天洗头。 3. 确选择和使用对头发有保护作用的美发工具，可避免断发及分叉。 尽量选择在头发湿润时梳头，以防梳头时刮伤，拉伤秀发。 三 染过的头发如何护理 染发是许多人都尝试过的一种美发方式，染过的头发没有光泽或色彩难以保持很令人烦恼。所以我们要了解染发后的正确护理。 染发时，染膏中的碱性成分把头发表层的毛鳞片打开(头发上的鳞片遇碱张开)，人工色素进入到头发的皮质层，与天然色素中的一部分相结合，形成想要的颜色。 染发时染膏对头发表层的毛鳞片有很强的破坏作用，如果养护不当的话会造成头发的鳞片脱落、水分流失，粗糙起毛刺，缺少光泽没弹性。 护理时避免头发干洗，日常最好使用含碱最底、性质柔和的洗发水。针对染发的洗发水与护发素能稳定色素粒子，使之不易很快流失。此外，吹风机的热也会加快色素脱落，所以，一定要在吹风之前涂一些含护发成分的饰发品，以维护发心中的色素使其稳定。 四 巧治落发 1) ·柚子核治落发：如果头发黄、斑秃，可用柚子核25克，用开水浸泡24小时后，每天涂抹2~3次，以加快毛发生长。 ·生姜治落发：将生姜切成片，在斑秃的地方反复擦拭，每天坚持2-3次，刺激毛发生长。 蜜蛋油使稀发变软：如果你的头发变得稀少，可以用1茶匙蜂蜜，1个生鸡蛋黄，1茶匙主乌有或蓖麻油，与两茶匙洗发水、适量葱头汁兑在一起搅匀，涂抹在头皮上，戴上塑料薄膜的帽子，不断地用温毛巾热敷帽子上部。过一两个小时之后，再用洗发水洗干净头发。坚持一段时间，头发稀疏的情况就会有所改善。 2)每天早上梳头100下，不但能刺激毛囊，而且可以使发隙的通风良好，因为头发最容易出汗且被热气笼罩，故经常梳头能防止脱发及头皮屑。 经常变换分发线，因为分发线如果一直保持在相同的地方，由此会造成分线部位因太阳照射而且干燥，导致头发稀疏。此外，经常变换分发线，还能增添变换各种发型的乐趣呢。 五 防止脱发DIY 1：防止秃头的早晚梳发 你是否有早晚把头发梳得很整齐的习惯？每天早晚各梳发百次，能刺激头皮改善头发间的通风。由于头皮是容易出汗弄脏的地方，勤于梳发可能有助于防止秃头和头皮屑的发生。我们最好能费一点心思在自己的头发上，使头发保持光润的状态。 2：防止秃头--更换梳发的方向 梳发的方向如果保持不变，头发缝儿分开的地方，由于常常被阳光照射的关系，将会呈现特别的干燥或变薄。如果分开的地方开始变薄，应该在搽发乳或头油后，加以按摩，使已经干燥的头皮得到滋润。有时不妨将分开的方向改变，不但能够享受发型的乐趣，且能够避免分开处干燥，而导致秃头之麻烦。 头发稀薄的人最好施行头部按摩因为头发稀或秃头而伤脑筋的人，最好是做头部按摩，促进血液循环。按摩能能使头发柔软，提高新陈代谢，促进头发的发育。按摩的方法是以手指揉搓或拉紧头发就行了。按摩前，在头皮上搽发油，更能提高效果。止外，使用毛刷制成的刷子，每天以直角轻拍头皮也可以奏效。 3：治疗头发稀薄的方法 具有酸性体质的，或体内缺少某些营养和钙的人，头发总是软弱无力而稀薄。这种人应多吃嫩海带芽、海带、乳酪、牛奶、生蔬菜等。同时每天按摩头皮，加以刺激头皮，促进血液的循环就可以获得改善。 4：防止脱发的洗头水和按摩 头部的血液循环不良时，会产生脱发的现象。欲防止脱发的毛病，须将发根部分保持清洁，洗发精须使用弱酸性的洗发剂（勿用过量）洗干净，润丝完后，再撩一点水，使毛根收缩。平常则需涂抹发乳或养发油在头皮上，予以按摩和刺激。 5：治疗脱发的食物 摄取过多的糖分及盐分或动物性脂肪，有害于血液的循环。这种人应多喝生水或多吃蔬菜。含有丰富铁质的食品，瘦肉、鸡蛋的蛋白、菠菜、包心菜、芹菜、水果等等都是最佳的治疗食物。脱发或秃头的人，头皮都已硬化。上述的食物有助于软化头皮!  </t>
  </si>
  <si>
    <t xml:space="preserve">谜语字谜九十九（少了一就成百 </t>
  </si>
  <si>
    <t>白</t>
  </si>
  <si>
    <t xml:space="preserve">传说中的黄金新手大礼包咋领滴请查看我的用户名领取 </t>
  </si>
  <si>
    <t>将法器交给谢言秋后，他会让你去同异派修真首领交谈，并将对话结果转达给自己，此时接受任务：【不速之客（二）】完成这个任务后你已升级到12级任务名称：不速之客（二） 任务级别：11级 接受任务NPC：谢言秋 完成任务NPC：谢言秋 任务目标：与盘踞在晓钟山脚的异派修真首领交涉，然后回复晓钟山东南麓的谢言秋 任务内容：那些行迹可疑的异派修真者竟是万佛山日神？嗯……现在我们不能确定他们是何来意，#name#，请你去与那些异派修真者的首领打个照面，问问此来为何，我们再作计较。他们的的首领此刻应该是藏身于晓钟山脚。 任务奖励：经验值600点，同修值10点  谢言秋得到回复后，让你去击退铜枪力士【不速之客（三）】击退10个后回来和他回复。此时谢言秋身边的风杏儿也有事情要你去办，她让你帮他去采【余甘果】</t>
  </si>
  <si>
    <t xml:space="preserve">为什么双键和三键是π键 </t>
  </si>
  <si>
    <t>这个是 通过相位来确定的，共价双键是sp杂化，按照相位，其中一个键是直接与两个成键原子相连的，就是σ键，另外一个是垂直于两个成键原子的电子云，那么就是以π键成键。共价叁键则有两组相互垂直的电子云，那么就是形成两个π键和一个σ键。</t>
  </si>
  <si>
    <t xml:space="preserve">DZ又发问了哈(没分了，请原谅）扰乱怎么用?打怪有什么用?感谢! </t>
  </si>
  <si>
    <t>扰乱是很有用的技能啊！1 你想在怪背后用技能，又不想绕过去，就直接扰乱让他转身2 有一小队怪在一起行动，你可以只扰乱一个，让怪分开落单3 你在骑马的人前面扔个扰乱能让他停住4 经常用的就是你想潜行通过什么地方，不想让怪发现你的话，扔个扰乱让他背对你吧</t>
  </si>
  <si>
    <t xml:space="preserve">胆固醇高的原因身体出现胆固醇过高，不能吃什么食物呢？ </t>
  </si>
  <si>
    <t>对动物的内脏（尤其是肝脏）.肥肉和荤油(例如牛油.猪油).蛋类食品(主要为蛋黄).海鲜.煎炸类食品加以限制,还有猪皮等都不要多吃,也不宜多饮酒，葡萄酒较好。多吃蔬菜水果和菌藻类食物，如魔芋、木耳、海带、裙带菜、洋葱、南瓜、地瓜等,多喝茶,绿茶比红茶适宜。以上是我的建议。</t>
  </si>
  <si>
    <t xml:space="preserve">毒在哪里学习啊。经常打怪得到飞镖，不知道哪里学习毒术。不知道哪里 </t>
  </si>
  <si>
    <t>柳河的异术宗师</t>
  </si>
  <si>
    <t xml:space="preserve">为什么在恋爱时男子就想得到女友的贞操？ </t>
  </si>
  <si>
    <t>自私的表现！占有欲的体现。</t>
  </si>
  <si>
    <t xml:space="preserve">化学实验室里，用氯化铵晶体跟氢氧化钙粉末混合加热制取氨气，制取氨 </t>
  </si>
  <si>
    <t>(固体加热制气装置)(向下排空气法)(氨气的密度比空气小，且极易溶于水)</t>
  </si>
  <si>
    <t xml:space="preserve">三元素的原子序数关系A和B两元素的阴离子具有相同的电子层结构；A </t>
  </si>
  <si>
    <t>A和B两元素的阴离子具有相同的电子层结构；A元素的阴离子半径小于B元素阴离子半径；B和C元素的原子核外电子层数相同；C元素的原子半径小于A元素的原子半径。请排序三种元素的原子序数分析：A和B两元素的阴离子具有相同的电子层结构----在同一周期。A元素的阴离子半径小于B元素阴离子半径----A在B的后面。B和C元素的原子核外电子层数相同----B和C在同一主族。C元素的原子半径小于A元素的原子半径----C在B的上面所以，在周期表中的位置是：    C    B   A当然，三种元素的原子序数A&gt;B&gt;C了！</t>
  </si>
  <si>
    <t xml:space="preserve">建设路附近哪里有比较好吃的寿司,,,,,急。。 </t>
  </si>
  <si>
    <t>禾绿回转寿司（星光汇店） - 详情»地址：花都区新华镇建设北路72号星光汇275-277铺电话：(020)28602199评分20篇评论人均：58元  标签：日韩料理  日本料理 花都区1条团购信息收藏发送到手机分享纠错大禾寿司(秀全大道) - 详情»地址：近郊花都区新华街秀全大道31号金城广场3楼3CO1铺电话：(020)86812819评分33篇评论人均：51元  标签：美食 日本料理 花都区收藏发送到手机分享纠错金大成寿司 - 详情»地址：近郊新华建设路18号3楼电话：(020)868311586篇评论标签：日韩料理 美食 日本料理 花都区6条团购信息收藏发送到手机分享纠错花田寿司(花都店) - 详情»可能已搬迁或关闭，建议确认后再去 欢迎报错地址：近郊花都区商业大道21号潮流前线2楼(近太子步行街)电话：(020)36811168评分2篇评论人均：35元  标签：餐饮 日本料理 新华镇收藏发送到手机分享纠错樱花回转寿司(建设路) - 详情»地址：建设路37-9电话：(020)86811116标签：餐饮 日本料理 花都区收藏发送到手机分享纠错樱花回转寿司(秀全大道) - 详情»地址：花都区秀全大道52号(近花城路)电话：(020)86868888, (020)868167322篇评论标签：美食 日本料理 花都区收藏发送到手机分享纠错春春寿司季节料理地址：公园前路27之27-28收藏发送到手机分享纠错筑地寿司 - 详情»地址：近郊花都区新华镇新华路79号(近清华二小)标签：美食 日本料理 花都区收藏发送到手机分享纠错春夏回转寿司 - 详情»地址：近郊花都区公园前路27之27-28号电话：(020)368390703篇评论</t>
  </si>
  <si>
    <t xml:space="preserve">如何辨别淘宝网上骗子？ </t>
  </si>
  <si>
    <t>用支付宝比较安全</t>
  </si>
  <si>
    <t xml:space="preserve">国产软件哪家做的最好？ </t>
  </si>
  <si>
    <t>金山</t>
  </si>
  <si>
    <t xml:space="preserve">如何根据生日算五行？急！！我想问一下，1984年10月23日（公 </t>
  </si>
  <si>
    <t>1、公历：1984年10月23日6点15分　　农历：甲子年[海中金]九月廿九日：年　　　　 月　　　　 日主　　　 时甲　　　　 甲　　　　 庚　　　　 己……天干（简称“干”）子　　　　 戌　　　　 寅　　　　 卯……地支（简称“支”）地支藏天干：癸伤官　　 辛劫财　　 甲偏财　　 乙正财　　　　　 丁正官　　 丙七杀　　 　　　　　 戊枭神　　 戊枭神纳音： [海中金]　 [山头火]　 [松柏木]　  [城头土]五行：金：月支藏干辛、日天干庚。木：年天干甲、月天干甲、日支藏干甲、时支藏干乙。水：年支藏干癸。火：月支藏干丁、日支藏干丙。土：月支藏干戊、日支藏干戊、时天干己。所以五行不缺。（1）一般我们说属于什么命，是以出生年的干支纳音的五行为什么命。所以你的出生年的干支是甲子，甲子的纳音是海中金，海中金的五行是金，所以是金命。（2）在八字以日柱的天干为主来论命，所以以日柱天干的正五行为什么命。你是庚日生，庚的正五行是金，所以是金命。2、公历：1982年9月6日14点30分　　农历：壬戌年[大海水]七月十九日八字：年　　　　 月　　　　 日主　　　时壬　　　　 戊　　　　 壬　　　　丁……天干（简称“干”）戌　　　　 申　　　　 辰　　　　未……地支（简称“支”）地支藏天干：辛正印　　 庚枭神　　 戊七杀　  乙伤官丁正财　　 壬比肩　　 乙伤官　  己正官戊七杀　　 戊七杀　　 癸劫财　  丁正财纳音： [大海水]　 [大驿土]　 [长流水]　  [天河水]五行：金：年支藏干辛、月支藏干庚。木：日支藏干乙、时支藏干乙。水：年天干壬、月支藏干壬、日支藏干壬、日支藏干癸。火：年支藏干丁、时天干丁、时支藏干丁。土：年支藏干戊、月天干戊、月支藏干戊、日支藏干戊、时支藏干己。所以五行不缺。（1）一般我们说属于什么命，是以出生年的干支纳音的五行为什么命。所以你的出生年的干支是壬戌，壬戌的纳音是大海水，大海水的五行是水，所以是水命。（2）在八字以日柱的天干为主来论命，所以以日柱天干的正五行为什么命。你是壬日生，壬的正五行是水，所以是水命。</t>
  </si>
  <si>
    <t xml:space="preserve">CPU温度过高但是换在别的电脑就没事40分我的电脑刚装机不久，显 </t>
  </si>
  <si>
    <t>你说的这种情况应该是CPU没问题，请检查一下主板对CPU的供电（可在BIOS中查看），如果供电偏高可能会引发这种情况。</t>
  </si>
  <si>
    <t xml:space="preserve">肚脐往右约10厘米处运动时疼痛我想问您一下，从肚脐往右约10厘米 </t>
  </si>
  <si>
    <t>有可能是两方面的问题，阑尾或者胆囊的慢性炎症，所以我建议查个彩超看看。</t>
  </si>
  <si>
    <t xml:space="preserve">处女座是不是不可以和处女座在一起如题 </t>
  </si>
  <si>
    <t>处女座和处女座星座配对指数(最佳为五星)：友情：★★★爱情：★★★婚姻：★★★亲情：★★★★★  从星座的角度来看，大家都有共同的性格特质，碰在一起，了解度自然会高，但因为你们都是处女座，太过理想主义，太过实际，太过挑剔，太过以为应该是这样，造成长久相处会出现好多麻烦。  你们不会是一见钟情那一种，必定是经过长时间大家摸索，看看对方怎样。加上主动性不强，你等我表态，我等你先走一步，十足的拉锯战。到了认定对方是自己的目标之后，情况也未见得乐观，太多挑剔对方，太多不顺眼，太多指责，只会让感情恶化。而且总会算着对方想什么？他这个行为又有什么含意？他是否将我摆在第一位？猜忌这么多怎行呢？从好的方面来说，你们都是理性的人，也有服务人的天性，只要不太计较肯为对方付出，还是不错的。处女座也是好学习的星座，一起定下目标一起去实现，就是互相促进的一对。性方面，两人都有洁癖，可能更注重精神恋爱，性爱反而不是太热中。</t>
  </si>
  <si>
    <t xml:space="preserve">手淫能导致腰部酸痛吗？？？我是个大学男生，经常有手淫的习惯，但事 </t>
  </si>
  <si>
    <t>凡是都有度，适可而止！因为你健康，因为你正常，所以你有手淫的“毛病”！手淫可以使自己得到性释放，绝没有坏处！但要视你的身体情况，只要感觉不那么疲惫，频率由自己掌控！正常的手淫对身体没有任何影响，更能使你在未来的性生活中避免早泻！“性”，除了繁衍后代，就是带给人快乐与愉悦！享受性快乐，有多种多样的方式，其实不论哪种，只要自己喜欢，只要不妨碍他人，那你就可以“随心所欲”，性本身就是使人达到身心和身体的最大放松！即使是已婚男人同样离不开手淫，它将伴随一个人的一生！希望你把自己的“自慰”当作排泄压力的手段，但根据身体情况而决定射精的频率好吗？</t>
  </si>
  <si>
    <t xml:space="preserve">可以发表评论却发不了文章我可以发表评论,可以给博友留言,就是不能 </t>
  </si>
  <si>
    <t xml:space="preserve">1，新浪的网络系统升级测试维护期间；2，本地服务器拥挤；3，电脑系统配置较低；4，同时打开的窗口页面太多；上述几种情况都会影响你的BLOG登入，发表文章，页面速度和显示！看看你的文章中有没有敏感的词语和话题，有就发不了。由于本地的服务器和网络系统的交互出现问题，不能及时上传到服务器;有时候网站的程序出错了,黑客入侵，关闭或删除了你要发表的程序时也会出现这样的提示;或是sina系统维护或升级造成的 ，部分用户会受到影响 ，活力地带无法显示,文章打不开，发不了为了减小损失，系统会提醒你可以先保存到本地硬盘，等网络通畅时再发表!我写了一篇《提高博客访问量的秘技》你可以去看一看希望以上的回答能对你有所帮助!为你的博客祝福!博得开心快乐！!你也可以到我那里看看关于博客的建设。  红狼 狼行天下  嗷嗷嗷！！！欢迎登陆我的博客  </t>
  </si>
  <si>
    <t xml:space="preserve">尼日尔举办过惠普F1比赛吗？我累了，明天再问好不好 </t>
  </si>
  <si>
    <t xml:space="preserve">请问宝宝从四十二天一直在吃children'slife的DHA，? </t>
  </si>
  <si>
    <t>应该吃3个月就可以啊</t>
  </si>
  <si>
    <t xml:space="preserve">血尿昨天早上和今天早上，我的尿呈暗红色，然后第二泡尿才显示比较正 </t>
  </si>
  <si>
    <t>血尿的病因 血尿常常是由器官的疾病引起的。人的尿液是在肾脏里生成的，经过肾盂、输尿管、膀胱、尿道排出体外，凡是这些器官有了病，发生出血，都可以引起血尿。 常见引起血尿的疾病有各种肾炎、泌尿系统感染、出血性膀胱炎、泌尿系结石、肾结核、肾肿瘤、肾及尿道损伤等等。血尿是以上这些疾病的主要症状之一。 (二) 血尿的鉴别诊断 当排尿开始为血尿，而后段尿液正常，一般多为尿道疾病；如排尿开始正常，快结束时出现血尿，多为膀胱炎和前列腺病；如果为“全程血尿”，血色暗红，一般多为肾脏的疾病引起。尿血很少出现休克的表现。 血尿常见于以下疾病： 1急性肾小球肾炎 血尿伴尿少、蛋白尿、浮肿、高血压、发病前一周患扁桃体炎。 2肾盂肾炎、血尿伴尿痛、尿急、尿频、腰痛、发烧。 3泌尿系统结石 特点是血尿伴肾绞痛，或有排尿中断、排尿困难、尿痛等症状。 4肾结核 有血尿者占90%以上，特点是尿急、尿频、尿痛逐渐加重。 5肾及尿路损伤 多有腰部或腹部外伤史，如挫伤、撞伤、摔伤等。 6过敏性紫癜 这种病皮肤有出血点，胃肠道出血，关节痛。皮肤有出血点2～4周后出现血尿。 7全身性疾病 维生素C、维生素K缺乏症，血液病如白血病、血友病可引起血尿。 8药物性血尿 有些药物对肾脏有损害，服用后可引起血尿。如庆大霉素、四环素、磺胺类药物、卡那霉素等等。 9暂时性血尿 饮水过少引起，增加饮水，稀释尿液后很快消失。 摘自爱问</t>
  </si>
  <si>
    <t xml:space="preserve">汶川需要什么样的人？ </t>
  </si>
  <si>
    <t>能做事的人。答案补充或者，能找来钱的人。</t>
  </si>
  <si>
    <t xml:space="preserve">?腦??題???,如何把?腦上的文?n加密碼????注:是文?n </t>
  </si>
  <si>
    <t>用加密器。请参见以上网站</t>
  </si>
  <si>
    <t xml:space="preserve">请说一句最无奈的话．借花献佛：天要下雨，娘要嫁人． </t>
  </si>
  <si>
    <t>又是这点工资，唉，先领着凑合吧~~~~~~~~~</t>
  </si>
  <si>
    <t xml:space="preserve">听说上网可以查开房记录？是真的吗 </t>
  </si>
  <si>
    <t>开房记录洒店有的，你实在要查的话网上有这方面的高手，不过要找信誉好的人哇，我知道一位不错，他的 ,找他放心，网上很有口碑的</t>
  </si>
  <si>
    <t xml:space="preserve">每年一到冬天晚上睡觉就手脚心发热脸发烫，白天又手脚冰凉，吃饭的时? </t>
  </si>
  <si>
    <t>病情分析：你好，这种情况啊，考虑是由于肾虚交感神经功能失调的原因导致的。指导意见：根据你的描述啊，我考虑是可以服用谷维素和知柏地黄丸配合治疗试试的啊，另外注意多喝水比较好。</t>
  </si>
  <si>
    <t xml:space="preserve">各种恶灵珠分别在龙窟那一层打呀 </t>
  </si>
  <si>
    <t>如楼上说的,就是那样，第一个在一层.打完了，回师们交任务，然后师尊会告诉你说第二个在哪里，你就去.打完第二个再回去交任务，再领第三个.依次下来。不过，这个任务不难打,但是任务怪不好遇到，最好是你当队长组队去,就当是升级去了，不要对队员说是来做任务的，要不没人加.我是在58级的时候才把五个任务做完的.</t>
  </si>
  <si>
    <t xml:space="preserve">女人什么时候讨厌过性生活 </t>
  </si>
  <si>
    <t>生病的时候！！！！！！！！</t>
  </si>
  <si>
    <t xml:space="preserve">固定电话拨打声讯电话购买充值卡的电话号码时什么？我是深圳的，我想 </t>
  </si>
  <si>
    <t>打声讯电话是不分城市和地区的，充值卡上显示什么号码你就打什么号码便可。</t>
  </si>
  <si>
    <t xml:space="preserve">石器里面哪能存钱？？？身上只能带100W，哪能存钱啊？？？？？？ </t>
  </si>
  <si>
    <t>首先必须要加入家族，然后才能去长老家里找NPC存钱一个是个人银行：存进的钱为自己所有，可以自己取出；一个是家族银行：存进的钱为家族所有，只有家族的族长和长老才能取出，千万别存错了如果没入家族，就干脆自己多开几个小号放钱吧</t>
  </si>
  <si>
    <t xml:space="preserve">幽默小谜语什么花四季常开 </t>
  </si>
  <si>
    <t xml:space="preserve">```````````假花 下面的 别跟我说我 </t>
  </si>
  <si>
    <t xml:space="preserve">清泉老师,请教啊???1.600675的20日均线是21.26, </t>
  </si>
  <si>
    <t>耐心持有一下.</t>
  </si>
  <si>
    <t xml:space="preserve">他为什么很喜欢吻我？我的男友比我小几岁，但我不知道为什么，我们一 </t>
  </si>
  <si>
    <t>只能说很爱你！很疼你！呵呵！都不知道该怎么爱你了！喜欢吻你是爱你的表现！</t>
  </si>
  <si>
    <t xml:space="preserve">刀锋山任务：最小的动物，问题。任务内容：最小的动物在土拨鼠的巢穴 </t>
  </si>
  <si>
    <t>控制后会有个小的技能栏.....就想BB一样,上面有个投毒的技能....在桶边点下就好了</t>
  </si>
  <si>
    <t xml:space="preserve">真正的球迷，进来看一张感动全世界的照片！不用我介绍，真正的球迷应 </t>
  </si>
  <si>
    <t>德国夺冠慰他在天之灵！</t>
  </si>
  <si>
    <t xml:space="preserve">系统优化是什么？有什么用？具体怎么用？我是新手上机，不太清楚这些? </t>
  </si>
  <si>
    <t xml:space="preserve">  系统优化，是指的把系统状态调整到最佳状态。耕具调整 启动加载项，服务，注册表，组策略，安全策略。来使系统达到理想的安全，快捷，简单符合自己要求的状态。磁盘管理 是定期的 持续的 对使用期限的磁盘进行 清除临时文件，碎片整理，磁盘清理等操作。保证磁盘的清洁，读写快速。系统的运行是建立在磁盘上的。所以磁盘的管理一点也不能不做。</t>
  </si>
  <si>
    <t xml:space="preserve">32寸液晶电视选购大虾们指教` </t>
  </si>
  <si>
    <t>索尼的电视有严重的残影现象~~我是坚决不接受索尼，因为我特爱看赛事，必须要动态画面效果强的电视，不过现在我家用的LG的电视，感觉还不错~~好像是用的IPS硬屏吧~~碰触屏幕的时候不会出现水纹和模糊现象</t>
  </si>
  <si>
    <t>唯才是举</t>
  </si>
  <si>
    <t>推力 能量(推可不可以做为推荐讲)</t>
  </si>
  <si>
    <t xml:space="preserve">属马的人应注意什么2002 </t>
  </si>
  <si>
    <t>生肖属马的人为人热情，胸怀宽广，积极，进取，学习新事物较快。今年是乙丑年，五行属天地一气土，属马的人要防备做事太过急躁，遇事需冷静，才会作出恰当的判断。</t>
  </si>
  <si>
    <t xml:space="preserve">如何获得装备？请问出了做任务以外，还有其他方法可以获得装备吗？ </t>
  </si>
  <si>
    <t>去做任务，每天挑战XBA菜刀（实力不行就别打）、菜鸟、烂菜队们还有一些主线任务可以得，另外赛季任务的每天获得1场职业联赛的胜利，也有可能得到，篮坛积分可以换装备（以后的事，现在没有）</t>
  </si>
  <si>
    <t xml:space="preserve">羊胎素含有激素么?会致癌么? </t>
  </si>
  <si>
    <t>羊胎素是含有激素的，但是30岁以后的女性是需要适当的补充来延缓衰老的，不会致癌.</t>
  </si>
  <si>
    <t xml:space="preserve">有什么好玩的单机游戏求推荐男生玩。 </t>
  </si>
  <si>
    <t>老滚5、极品飞车、火炬之光2</t>
  </si>
  <si>
    <t xml:space="preserve">为什么我电脑所有主页上的FLASH都没法显示啊？ </t>
  </si>
  <si>
    <t>大概是你的FLASH插件出问题了。去重新下个吧。下个最新的FLASH9</t>
  </si>
  <si>
    <t xml:space="preserve">excel表格的问题我现在遇到这么个问题，就有一个EXCEL表格 </t>
  </si>
  <si>
    <t>可能是你的那??文件被?p?牧??常有這种情?r發生的,你复制到?e的?腦保存,再放到你自己的?腦里去?一下啊</t>
  </si>
  <si>
    <t xml:space="preserve">集团里面企业全面预算管理？ </t>
  </si>
  <si>
    <t xml:space="preserve"> 中华。会计网校快乐蓝精灵回复：    　预算管理实际上实施难度很大，一般来说，由于缺乏统一的预算管理体系，以及各子公司在企业管理中没有给予足够的重视，结果只能做简单的预算管理，有预算但无法落实；事前计划粗放、事中缺乏监控、事后缺乏审计。很多大型企业的通病，全面预算管理形同虚设，根本上的原因在于预算管理没有表现为主导企业经营过程中的必须实现的指标体系。　　关键要建立起全面预算管理的整体结构，不要使预算仅仅沦为一个财务数据，一定要和公司战略统一。将公司年度战略的进行分解，分解到全部责任单元，使得每一个公司，每一个工厂、班组都知道今年自己的任务是什么。将战略目标逐步转化为经营计划和经营预算，以实现战略的“落地”。 　　与单体企业相比，集团企业更应该建立一套完整的预算管控体制。经营预算是对公司整体经营活动的一系列量化的计划安排，它能实现战略的延续，经营的规范、全面的控制、员工的指南。经营预算与战略计划共同整合成为一个计划流程框架，在战略计划的指导下先做出经营计划，在经营计划明朗后做出相应的预算计划。 </t>
  </si>
  <si>
    <t xml:space="preserve">现在中央一下午的节目叫什么好像到了十几集三个字的 </t>
  </si>
  <si>
    <t>韩剧时尚王你好，播出的是（时尚王）</t>
  </si>
  <si>
    <t xml:space="preserve">水泥地刷漆的问题.1.水泥地很普通,不平.应该如何处理,价位如何 </t>
  </si>
  <si>
    <t>水泥地面漆：环氧树脂地坪漆。颜色:白、象牙白、平黄、浅黄、艳绿、浅灰、灰、大红等。施工方法：薄涂、自流平涂料分类：底漆、中涂、面漆用途：厂房、仓库、办公区、停车场、公共场所等造价：因为此种涂料比较专业，所以一般多为厂家专业人员施工，即包工包料。地面都要进行打磨填平处理，需使用专用设备。施工场地实际状况决定总体造价。使用低档环氧树脂涂料，包工包料每平米约10-20元左右，中高档环氧涂料或特殊工艺（防静电），一般50元以上每平米。百度搜索“环氧树脂漆”即可。</t>
  </si>
  <si>
    <t xml:space="preserve">燃灯节45天结夏安居指什麽? </t>
  </si>
  <si>
    <t>结夏安居：又作夏安居、雨安居、坐夏、夏坐、结夏、坐腊、一夏九旬、九旬禁足、结制安居、结制。安居之首日,称为结夏;圆满结束之日,称为解夏、过夏、夏竟、夏满、夏解、安居竟。印度夏季之雨期达三月之久，昆虫繁生，出行多有误杀。我国长江、淮河、黄河流域也相似。因此从农历四月十五日到七月十五日九十天内，也按佛制结夏安居。燃灯节45天结夏安居，当仅指此其间不外出。那谟阿弥陀佛</t>
  </si>
  <si>
    <t xml:space="preserve">加农炮炮弹射出后炮弹是旋转的吗 </t>
  </si>
  <si>
    <t>加农炮是指发射仰角较小，弹道低平，可直瞄射击，炮弹膛口速度高的火炮。一般来说加农炮的身管较长，且有膛线，所以其炮弹在发射后是旋转的。但是有一个特例，那就是也属于加农炮范畴的坦克炮。现代坦克炮是一种高初速长身管的加农炮，有线膛炮和滑膛炮两种，现代主战坦克大多采用滑膛炮。滑膛炮的炮弹主要依靠尾翼稳定，所以其在射出后不旋转或只有较缓慢的旋转（与线膛炮炮弹的转速相比）。</t>
  </si>
  <si>
    <t>科特布斯0</t>
  </si>
  <si>
    <t>好运朋友，大奖连连</t>
  </si>
  <si>
    <t xml:space="preserve">自考文秘本科看什么书?1.我是在校大学生,学的是别的专业能不能在 </t>
  </si>
  <si>
    <t>1.我是在校大学生,学的是别的专业能不能在上学期间自考文秘? 可以，只要本科毕业前拿到专科证书，自考专科没有基础学历限制2.自考除了考文秘外还考什么? 很多，至少几十个专业，文科、理科都有，请到当地自考办咨询3.需要看什么书?自考有专门的教材</t>
  </si>
  <si>
    <t xml:space="preserve">在网上怎样找到台历? </t>
  </si>
  <si>
    <t xml:space="preserve">你好!输入以下网址就有了! </t>
  </si>
  <si>
    <t xml:space="preserve">会注册HF的来帮我下啊我下好HF了但是我看不懂韩文注册不了啊有了 </t>
  </si>
  <si>
    <t>朋友 慢慢来  想注册我帮你啊  我知道怎么弄的啊 ~~~~~~~~</t>
  </si>
  <si>
    <t xml:space="preserve">问女生的小问题(衣装)现在你们觉得还有男的穿休闲西装么?还有,是 </t>
  </si>
  <si>
    <t>休闲西装很不错的选择，适合20-40岁的男性，20岁的年轻人穿起来不呆板，也不会让人觉得随便，约会工作都可以。千万不要搭配黑色衬衣，如果你比较开朗很个性的话，你可以选择搭配颜色亮一点的衬衣，色调上不要太暗，像浅蓝，浅黄，银灰。30岁的男人穿休闲西服，成熟中透着自在，看起来就真的很休闲了。衬衣的搭配上选择颜色不要太张扬，最好是浅色的，条或者大格子的。另外，上装的最后一个扣子不要系，不戴领带的时候衬衫的第一个扣子千万不要系，如果你穿白鞋也一定要穿白色袜子。要是穿牛仔裤就随意了，也可以和西装外套搭配，里面穿T恤就好，如果你注意下会发现，好来坞很多男明星都是这样穿的哦~</t>
  </si>
  <si>
    <t xml:space="preserve">求解签大师,今天去方岩求签求了第八十七签:"柔桑渐长绿如云准拟丝 </t>
  </si>
  <si>
    <t>我逐句解释一下：第一句：“柔桑渐长绿如云”，是说，嫩绿的桑叶在逐渐的长大，桑树林慢慢变成一片绿海。 第二句：“准拟丝收有十分”，是说，桑叶长大就可以饲养蚕，然后就可以缫丝。其中，“准拟”，一定、准定的意思。第三句：“彻底未能成一事”，是说，刚有了桑叶就想缫丝是不可能的。暗喻现在离成功还早的很呢。 第四句：“不如缩手度光阴”，是说，既然不能马上就实现自己的目的，不如静静地等待机会的来临。下面是解词：“人事辛勤 物不可拟”，是说，办事情是一个很复杂的过程，事情的发展过程有很长的变化过程。“拟”在这里当“确定”讲，即事情的发展是不确定的。“勿谓虚花 明春可喜”，是说，不要认为现在作出的努力是无用功，这些努力都是为以后的成功打基础的。如果能够静下来等待的话，明年春天机会就会来了。总的来说，此签语的意思是，现在时机还没有到，不用着急，应该调整心态，等待机会的来临。大体就是这些，供参考。</t>
  </si>
  <si>
    <t xml:space="preserve">癫痫病发病的起因是什么呢？ </t>
  </si>
  <si>
    <t>你好，癫痫通常是大脑神经元异常放电引起的，也有的是先天性疾病，或者由于外伤，感染，中毒，颅内肿瘤，脑血管病，营养代谢性疾病，变应性疾病，以及全身性疾病如肝性脑病，高血压综合症，急性肾炎，尿毒症等，均可发生癫痫你好，引起癫痫的因素有很多，比如脑外伤、高热、遗传、惊吓等都是引起癫痫的主要原因之一。。你描述的情况来看不排除是睡眠型癫痫的可能，孩子现在还小，建议你应该及时把孩子带到相关专业的癫痫病专科医院进行治疗。积极配合专家的诊治，早治疗早康复。癫痫发生主要是有遗传因素、脑内癫痫性病理改变和促发因素三者相互结合所产生，任何一个单独因素都不可能导致癫痫发生。常见发病原因包括：1.先天性疾病2、产前期和围生期疾病3、高热惊厥后伴癫痫发作4、颅脑外伤5、颅内感染6、颅内肿瘤7、脑血管病8、中毒9、营养代谢性疾病10、其他疾病等。</t>
  </si>
  <si>
    <t xml:space="preserve">请问猎人的宠，白虎好还是冬泉的紫色豹好白虎好还是冬泉的紫色豹好 </t>
  </si>
  <si>
    <t>没练过猎人的就不要乱说猫科动物的技能都是一样的，区别就是颜色（无功能无关），还一个区别就是攻击速度，海湾抓的虎王攻击速度是1.3的，海湾最右下角的黑色的潜行老虎攻击速度是2.0的，其他的最快的是1.0的其他没任何区别攻击速度决定了攻击的伤害，攻击快的伤害越低至于带什么，你可以自己决定顺便说下，紫老虎的攻击速度是1.5我一直带2.0速度的，个人爱好</t>
  </si>
  <si>
    <t xml:space="preserve">我的信箱打不开了，但不是密码错误，是网页打不开，但用别的名的信箱? </t>
  </si>
  <si>
    <t>这个情况我也遇到过，应该是服务器的问题，你等过几天再试就回好的！要是VIP的邮箱你可找服务商查询，要是免费邮箱就等几天把，因为免费的一般服务都不怎么好啊！</t>
  </si>
  <si>
    <t xml:space="preserve">请问手术后大概多久就要放疗了,谢谢 </t>
  </si>
  <si>
    <t>手术后刀口愈合后，身体没有什么其他问题。特别是百细胞记数不低就可以化疗！</t>
  </si>
  <si>
    <t xml:space="preserve">施瓦辛格和史泰龙为什么不能一起拍电影小时候希望他们两一起拍电影 </t>
  </si>
  <si>
    <t>就好像成龙李连杰在一起拍电影一样，不能让他们中的一个输掉，大家又希望他们打，那就很尴尬啊，我想是一个道理，而且那种电影有一个大块头就足够了。。。。</t>
  </si>
  <si>
    <t xml:space="preserve">喂,好消息.仙剑的速能改了效果理想成功修改,速度最快的怪物“苍莹 </t>
  </si>
  <si>
    <t>仙剑的数据应该是以贰进制储存的,超过就溢出,有什么好奇怪的.</t>
  </si>
  <si>
    <t xml:space="preserve">蹦极~现在哪个地方可以蹦极啊玩过的人介绍个好地方那个有危险吗详细 </t>
  </si>
  <si>
    <t>要注意事项★蹦极活动的组织者应该是一家合法经营的公司。蹦极教练要有资格、有常识并有经验。许多急功近利的组织者根本就缺少经验，设备也不完善。据记载，蹦极活动中的第一起死亡事故就是因为教练没有把绳索系好，绳子看起来是系在钩子上了，其实没有。另外，由于蹦极是一项具有冒险性的活动，你最好参加。 　　★把游客系在绳子上的方法有几种—把背带套在身上，以及系住脚踝、腿或手臂。无论哪种方法，你的安全都取决于你是否被系好了。如果系着物看起来陈旧不堪，或者你觉得哪儿不对劲，就不要跳。 　　★还有的事故是由于人们从正升往蹦极点的升降机上摔下来而造成的。因此升降机启动之前你必须要坐稳，不要在升降机启动之前就系上蹦极的绳子，否则绳子容易绕成一团。 　　★许多蹦极点都针对不同的体重，配备了不同的绳索。这些绳子有不同的颜色和标签，标明适用于哪个体重范围。要问问教练绳子的规格，如果觉得不满意，就不要跳。 　　★一些地方提供非常危险的蹦极形式。例如有些双人式蹦极，两人在狭小的空间内不受控制地上下弹跳，他们可能撞到对方，绳子也可能绞在一起。除非非常有经验，并且蹦极者之间的空间也足够大，否则你应避免这种危险的方式。 　　★还有一种沙包蹦极，活动中蹦极者手持重物，方法是当蹦极者接近地面时扔掉重物。由于你落下时要沉得多，弹力绳聚集的力量能使你向上弹出时高过起始的平台高度。这种活动的危险是你有可能撞到平台。 　　★在决定蹦极之前要确保天气状况良好。如果风力很大，会影响你弹跳的方向，带来不安全因素。如果当地在下雨，或最近一段时间经常下雨，绳子可能受潮，也会造成安全隐患。 　　★跳之前要确定所有设备都能安全使用。蹦极一般用竖钩或弹簧来保证安全，这些设施应该被牢牢地固定在正确的地方。曾经因为这些设备没有安装对地方而发生过事故，因此你起跳前应该确保它们已经安装好。 　　★饮酒后不要参加蹦极活动。酒精不仅会损害你的判断力，还会使你急于冒险，并且不太在意安全措施。 　　★确保绳子垂出去的方式能够让你安全弹跳，如果绳子被钩住或缠在一起的话，你就有可能受伤。 　　★许多蹦极点都使用一条主安全绳，另外还有一条备用绳，以在第一条发生断裂时派上用场。曾经发生过这样的事故，第一条安全绳断裂，而备用的那条长度又不对。 　　★如果绳子看起来磨损得厉害，不要进行蹦极。绳子有使用期限，超出期限必须更换。一些蹦极点的管理者可能使用超出期限的绳子。 　　★蹦极在气候温暖、阳光灿烂的旅游点尤其流行。绳子会受阳光暴晒的影响，因此紫外线辐射也应列入缩短绳子使用寿命的因素。如果要进行蹦极活动，最好在早晨，在绳子完全处于阳光暴晒和高温之前。 　　★蹦极对身体素质要求较高,凡是有心、脑病史的人不能参加。凡是深度近视者要慎重,因为硬式蹦极跳下时头朝下，人身体以9.8米/秒方的加速度下坠,很容易脑部充血而造成视网膜脱落。跳下前应充分活动身体各部位,以防扭伤或拉伤。着装要尽量简练,合身,不要穿易飞散或兜风的衣物,否则曝光可没人管。跳出后要注意控制身体,不要让脖子或胳膊被弹索卷到。地点有★北　京　　北京是我国蹦极跳发展得最早、最快的城市，至今它已拥有７座跳台。　　最早的跳台——十渡蹦极：１９９７年５月中旬，在北京房山十渡风景区的八渡麒麟山的悬崖上建成了国内首家蹦极跳台，距水面高度４８米。１９９８年４月下旬，在其旁又兴建了一座５５米高的跳台。　　最高的跳台——朝阳公园蹦极：２０００年４月８日，迄今为止亚洲最高的蹦极台在朝阳公园长空极限岛正式使用，它高达７６米，游客相当于从２０层楼一跃而下。　　青龙峡蹦极：怀柔青龙峡风景区的蹦极跳台，建立于１９９８年６月，塔高６８米，乃当时国内最高的蹦极跳塔。　　市内蹦极：该塔位于奥体中心的英东游泳馆和综合馆之间的喷泉广场上，建成于１９９８年６月，高２４米，为Ｔ形结构，可以从两边以不同的方式跳下。　　火箭蹦极塔——雁栖湖蹦极：１９９８年９月下旬，在怀柔雁栖湖畔建成，弹起高度为５０米。　　蹦极轰炸机——龙摊湖蹦极：１９９９年，龙摊湖公园增加了这项独特的蹦极。它由三个４０米高、呈三角形布置的桅杆组成，可同时三人参加。他们面部朝下并排绑在一起，脚部用一根钢缆与独立的桅杆连接，卷扬机把钢缆收紧，他们即被提升至４０米。当钢缆松开，他们头朝下向地面俯冲，几乎马上就要与大地相撞之时，又被固定在另两根桅杆上的钢缆牵引，向对面的上空冲去。这样反复多次，让参加者体会到失重和近乎撞地的感觉。　　★上　海　　室内蹦极：１９９９年６月１７日，位于上海八万人体育场内的八万人极限运动中心正式对外开放，内设室内蹦极跳台。　　锦江乐园蹦极：高空弹跳Ｔ型塔，于１９９９年７月建成，塔高４０米。　　★深　圳　　华南首个蹦极跳台位于深圳小梅沙度假村的海滨岩石处，铁塔高４０米，台下是遍布礁石的海滩。　　★广　州　　广州第一个蹦极跳台位于白云山百步梯旁的悬崖边，跳台距离谷底４０米，谷底修建有约４００平方米的水池。　　★重 庆　　重庆银塔山统景蹦极跳，西南第一跳。位于瑰丽麒麟的银塔山脚下，山街水吻的温塘河畔。蹦极塔高28米，悬崖高30米，跳台至水面58米。　　★沈　阳　　首座室内高空弹跳台，于１９９８年４月在东北沈阳夏宫落成。　　★武　汉　　１９９８年，高空弹跳进入湖北武汉。武汉青少年宫正式设立４０米高空弹跳塔，并于４月１１日正式对外开放高空弹跳。　　武汉三特龟山极限运动中心修建了“高台”和“汉江”两座蹦极台，蹦极者或面对龟山山体，或面对汉江波涛，可以获得不同的高空弹跳体验。　　★成　都　　四川地区首家高空蹦极站位于成都市机场路七公里处的月亮湾体育活动中心，塔高３３米。　　★郑　州　　河南地区首个蹦极跳台位于郑州西南尖岗水库岸边一个距离地面３０多米的山坡上，高度为６０米。　　★西北地区 陕西 西安 　　陕西 西安未央湖蹦极塔屹立在风景秀丽、水域辽阔的未央湖畔。悬挑长25米，跳台高60米。蹦极塔顶至水面距为78.8米。　　★福 州　　福州大樟溪休闲旅游度假区已建成全国最高的蹦极跳台，这座跳台是福建省首座蹦极跳台，高达78米，这个高度在全国所有已建蹦极跳台中最高。</t>
  </si>
  <si>
    <t xml:space="preserve">魔兽世界里什么职业最爽?魔兽里那个种族最帅．那个职业最帅．ＰＫ厉 </t>
  </si>
  <si>
    <t>设问句，答案已经给出了，猎人种族么，见仁见智，暗夜-矮子-巨魔-兽人-牛头看楼主喜好了，我说了也不算数</t>
  </si>
  <si>
    <t xml:space="preserve">Nikon的D7000，贵不不知道上市在中国会多少钱，要不要等啊 </t>
  </si>
  <si>
    <t>北美价是1200美元。一般国内的行货价跟北美价差不多</t>
  </si>
  <si>
    <t xml:space="preserve">谁能发张俱乐部等级图我现在是蓝色球衣，我还见过篮球图案等等。 </t>
  </si>
  <si>
    <t>我只能发张过时的，因为现在俱乐部好多标志都不一样，就连球的也是五花八门的。。。你说的蓝色球衣是红色的下一级（我敢肯定，当年我当副会后俱乐部等级就那么一级一级往下掉，后来就跨掉了。。）</t>
  </si>
  <si>
    <t xml:space="preserve">您认为该从什么年龄开始使用眼霜？ </t>
  </si>
  <si>
    <t>18岁.开始做眼部保湿工作.</t>
  </si>
  <si>
    <t xml:space="preserve">来这里看看我的人气怎么样~我是周杰伦来这里看看我的歌迷~~~~管 </t>
  </si>
  <si>
    <t>哟，真的啊？哟，难得啊，LZ，你很可爱啊</t>
  </si>
  <si>
    <t xml:space="preserve">看来，通过城市化进程，培育中产阶级，稳定和促进的内需，是未来我们? </t>
  </si>
  <si>
    <t>国情中有中产阶级吗？现在的两级分化，到了最严峻的时刻了。。。</t>
  </si>
  <si>
    <t xml:space="preserve">手机经常出现紧急呼叫是什么回事?型号是TCL8298,中国移动今 </t>
  </si>
  <si>
    <t>我觉得不是信号问题,你可以把你的移动手机卡放在朋友手机上看信号如何?如果没有问题就是你手机的问题了,我一直都对TCL手机不太看好,因为他们的手机返修率太高了,除了外形比较时尚外就没有什么好处了,你可以去手机店换一下手机外天线试试TCL8298的万能密码：无卡状态下输入*#*#1705#后进入工程模式再选4选6 恢复出厂设置。（插卡容易造成来电号码乱）</t>
  </si>
  <si>
    <t xml:space="preserve">我是一个做销售的，是行业短信销售的。今天老板说我老是这样在公司坐? </t>
  </si>
  <si>
    <t xml:space="preserve">   不会吧.你老板什么也不知道啊.但是你可以对他讲的嘛,你可以要老板给你一些资料的嘛.要不他实在什么也没有,那你就有理由了啊.你叫我去跑倒是可以啊.但我需要有一个熟悉我们公司产品的过程啊.这时你可就不用那么急了,也不会无从下手了.你可以利用你的聪明去结识一些上的朋友啊.说不定就有那么一笔生意在那等着你去做啊.   做业务的关键是要人缘广啊.如果你以前没这基础的话.我想你现在就要开始打好这个基础.那以后的路就好走了.你要去认识那些老板,就是你的准客户.没有一开始就很顺利的事情.但是你可以通过你的努力去改变他的嘛.相信你自己的能力.在这我想问一下你是一个什么性格的人.是内向,还是外向呢?   每个人的性格都会有他的好处,都会有他的优点的.你并不要为此事而石感到担心的.但我认为最好是有水一样的性格.那才是最好的.无论什么情况你都能应付自如.还有更重要的是那就是你对你们公司的产品的专业知识到底怎么样.好的话,你降起来的话你就会有很好的话题流转余地.如果你不是很熟的话,那就会可能在谈的过程中会有那么一点漏洞了.   我希望你能从我的这些话中有那么一点启发.那我也就满足了.也没白费我说了这么的多.</t>
  </si>
  <si>
    <t xml:space="preserve">为什么现在更新后到登陆画面就出现检查病毒或PC什么的啊,郁闷,等? </t>
  </si>
  <si>
    <t xml:space="preserve">我也一样啊！！！！ 每办法,更新后必经阶段,再等等吧.... </t>
  </si>
  <si>
    <t xml:space="preserve">一个外国人在中国杀人被中国警方抓到了,你说警方有无权力给老外判刑? </t>
  </si>
  <si>
    <t>1 有外交豁免权（比如使馆人员） 用外交手段处理2 无外交豁免权 使用中国刑法</t>
  </si>
  <si>
    <t xml:space="preserve">许巍和朴树的音乐风格具体不用在哪里？总觉得两人很像，但听的时候味 </t>
  </si>
  <si>
    <t>都很颓废和深沉，但许的风格更清新一些</t>
  </si>
  <si>
    <t xml:space="preserve">当真是温饱思淫欲？大家都看到新闻了，那个挨千刀的“史上最坏流浪汉 </t>
  </si>
  <si>
    <t>没有逻辑能够从这件事上证明流浪汉太温饱或是太不温饱！没有理论说是人的好坏同他的职业之间存在某种必然联系！没有语文讲定语“这个”与“那个”在所有情况下都可以勿略！---------------------什么样的逻辑能够从这件事上证明流浪汉太温饱或是太不温饱？什么样的理论说是人的好坏同他的职业之间存在某种必然联系？什么样的语文讲定语“这个”与“那个”在所有情况下都可以勿略？</t>
  </si>
  <si>
    <t xml:space="preserve">济南看输卵管不通哪家医院好一些？ </t>
  </si>
  <si>
    <t>你好，输卵管堵塞要根据堵塞部位进行相应治疗，一般轻微的输卵管堵塞样药物调理就可以。输卵管间质位置，峡部堵塞最佳治疗措施是采取经X线的输卵管介入复通术，治疗的效果较好。输卵管堵塞直接影响女性生育，因此输卵管不通建议去正规的不孕不育医院。你好！输卵管堵塞是导致不孕的主要原因之一，输卵管堵塞几乎没有任何临床症状和体征，主要表现为不孕，建议去不孕不育专科医院微创手术治疗！你好！输卵管是精子与卵子结合的场所，输卵管阻塞是影响受孕的，但是阻塞的部位，程度，性质不同，治疗的方法也是不一样的，一般是采取微创的手术治疗的，微创手术创伤小，恢复快，受孕几率高，建议您到专科医院检查，根据检查的结果，在医生的指导下对症的治疗，祝你健康！</t>
  </si>
  <si>
    <t xml:space="preserve">WX加敏可以练吗？我现在是加敏的WX除了能拿装备其他都加敏可以练 </t>
  </si>
  <si>
    <t>支持敏战，不过别太极端，血量也很重要！</t>
  </si>
  <si>
    <t xml:space="preserve">大连有没有惠普的特许经销商？在哪里？如果没有，那家卖的客服比较好? </t>
  </si>
  <si>
    <t>经销商很多了,到惠普的网站上去查找一下大连的经销商即可,至于客户服务,如果是商品本身有问题或是要咨询关于商品的使用,性能等问题,无论是电脑,打印机,还是别的你最好不要去经销商那,也不要跟他们联系,那都是一群骗子,什么也不懂,只负责卖,卖了之后他们就什么都不管了,都是经销商随便招的一些临时工,他们跟本就不懂惠普的产品,你要找他们准上一肚子火,一定要跟惠普授权的维修站联系或是拨打800免费电话咨询,我的联想电脑就是,在买时经销商给我的就是他们自己的电话还慌称有问题打这个电话就行了,而直到有一次电脑出了问题,给他们打电话,他们让我拨打另外一个号才明白,都是经销商在搞鬼,最后工程师上门服务之后才知道,经销商太黑了!</t>
  </si>
  <si>
    <t xml:space="preserve">艺术类研究生要考哪几门课程我是美术系的大一学生我想考国内外的名牌 </t>
  </si>
  <si>
    <t xml:space="preserve">类研究生怎么考大众网-生活日报   　　　据介绍，艺术类院校招收硕士研究生的招生条件、时间和普通高校的招生条件、时间基本一致，但是对报名方式有一些特殊的要求。　　比如，北京电影学院要求考生到该学院直接报名，不允许考生在其他任何一个报名点报名，否则不予承认。不过，有些艺术类院校的要求则比较宽松，允许外地考生以函报的方式报名，但是当地的考生必须亲自来学校报名。　　由于各艺术类院校的报名方式不尽相同，这就要求考生密切关注各学校的招生简章，不要贻误了报名时机。　　和普通高校硕士研究生入学考试一样，艺术类的研究生入学考试也分为初试和复试，初试的科目为政治理论、外国语、基础课和专业基础课，共４门，每门科目的考试时间为３小时。其中政治和外语由国家教育部统一命题，基础课和专业基础课由学校组织命题。　　复试一般为面试，但是各校还有加试的要求。比如，北京电影学院规定，以同等学力资格报考的考生，复试时需要加试两门大学本科专业课程（笔试）；中央音乐学院则要求专科学历者、成人高校应届本科毕业生、所有报考音乐教育方向考生需要加试“视唱练耳”。　　特别要提醒考生的是，各艺术类学校都要求考生全部来学校参加考试，这就不同于报考普通高校研究生的就近考试原则。　　艺术类研究生的复试不同于本科招生的复试，一般不要求考生展示艺术方面的特长，更侧重的是对艺术理论知识的考查。　　北京电影学院研究生招生办公室的刘老师介绍说，研究生是倾向于研究性的理论学习，对个人艺术特长的要求并不是很高，研究生的入学复试并不像考本科生那样去考，除了一些特殊的专业要求现场展示才能外，基本上都是采取和导师见面、回答问题的方式，在面试的过程中主要考查考生的知识面、考生的性格、基本素质、对专业理论的掌握程度、回答老师问题的角度和思维方式。对不同专业方向复试的特殊要求，将会在复试通知单上向考生交待清楚。　　据了解，各艺术类院校２００３年硕士研究生招生目录都已经陆续出炉，请考生在仔细阅读了招生简章后再确定报考的方向，进而了解具体的考试信息。 艺术类专业研究生怎么考 　  　　王玲是去年从湖北农学院毕业的，在深圳工作了一年后，她想重新拾起课本报考研究生。一直以来她都比较爱好文学和艺术，于是就萌发了报考艺术类研究生的想法。但是，她不清楚艺术类专业的研究生该怎么报考？和普通专业研究生招生考试模式是否相同？是否像高考艺术类专业招生那样要先由学校进行专业测试？     近来，有不少读者写信或打电话给《考试》版编辑，提出了和王玲一样的问题。为帮助读者回答这些问题，笔者采访了北京一些艺术类高校的研究生招生办公室。     据介绍，艺术类院校招收硕士研究生的招生条件、时间和普通高校的招生条件、时间基本一致，但是对报名方式有一些特殊的要求。     比如，北京电影学院要求考生到该学院直接报名，不允许考生在其他任何一个报名点报名，否则不予承认。不过，有些艺术类院校的要求则比较宽松，允许外地考生以函报的方式报名，但是当地的考生必须亲自来学校报名。     由于各艺术类院校的报名方式不尽相同，这就要求考生密切关注各学校的招生简章，不要贻误了报名时机。     和普通高校硕士研究生入学考试一样，艺术类的研究生入学考试也分为初试和复试，初试的科目为政治理论、外国语、基础课和专业基础课，共4门，每门科目的考试时间为3小时。其中政治和外语由国家教育部统一命题，基础课和专业基础课由学校组织命题。     复试一般为面试，但是各校还有加试的要求。比如，北京电影学院规定，以同等学力资格报考的考生，复试时需要加试两门大学本科专业课程（笔试）；中央音乐学院则要求专科学历者、成人高校应届本科毕业生、所有报考音乐教育方向考生需要加试“视唱练耳”。     特别要提醒考生的是，各艺术类学校都要求考生全部来学校参加考试，这就不同于报考普通高校研究生的就近考试原则。     艺术类研究生的复试不同于本科招生的复试，一般不要求考生展示艺术方面的特长，更侧重的是对艺术理论知识的考查。     北京电影学院研究生招生办公室的刘老师介绍说，研究生是倾向于研究性的理论学习，对个人艺术特长的要求并不是很高，研究生的入学复试并不像考本科生那样去考，除了一些特殊的专业要求现场展示才能外，基本上都是采取和导师见面、回答问题的方式，在面试的过程中主要考查考生的知识面、考生的性格、基本素质、对专业理论的掌握程度、回答老师问题的角度和思维方式。对不同专业方向复试的特殊要求，将会在复试通知单上向考生交待清楚。     据了解，各艺术类院校2003年硕士研究生招生目录都已经陆续出炉，请考生在仔细阅读了招生简章后再确定报考的方向，进而了解具体的考试信息。 《中国青年报》 </t>
  </si>
  <si>
    <t xml:space="preserve">关于小精灵早建筑中的问题!!请问小精灵在建造非古树建筑中,选中建 </t>
  </si>
  <si>
    <t>你可以把小精灵提前编队,这样不用选中建筑就可以直接选中其中的小精灵.</t>
  </si>
  <si>
    <t xml:space="preserve">问一个很傻的问题股票是跌的时候买还是涨的时候买？ </t>
  </si>
  <si>
    <t>兄弟,你的问题很有哲理性.理论上股票是跌的时候买入;涨的时候卖出.可实际上,你不知道明天到底是涨还是跌!!!如果你能知道,请不要买卖股票了,直接买明天要开奖的福利彩票或体育彩票.所以,买卖股票有时如同赌博.不相信?你看电视上的分析师,明天他会自己打自己耳光的.</t>
  </si>
  <si>
    <t xml:space="preserve">天狱木BOSS申屠冥95级青龙之智任务，天狱书的一个BOSS申屠 </t>
  </si>
  <si>
    <t>申屠冥  → 天域符?(木)(木)=天狱青龙卷(角)，这是个隐藏BOSS在99仙FB天界炼狱里，进入副本后，先清小怪到癸虚子面前，但是不要打癸虚子。因为干掉癸虚子后你要在1个小时之内找到天狱塔（在BOSS魔剑尊者身后），否则将见不到申屠冥。清了小怪后，依次杀了绝命 → 魔甲尊者  → 魔剑尊者，杀完魔剑尊者 先不要打天狱塔，跳崖回去杀癸虚子，杀完癸虚子再回去打掉天狱塔，接着到图中所示位置就可以看到BOSS申屠冥 了。~</t>
  </si>
  <si>
    <t xml:space="preserve">人在睡觉的时候心跳还和白天一样吗？ </t>
  </si>
  <si>
    <t>睡觉时，血压降低，心跳也会减慢。</t>
  </si>
  <si>
    <t xml:space="preserve">黑呀！太黑啦！！！现在，猪肉涨价啦，涨就涨吧，咱认啦！可黑心的猪 </t>
  </si>
  <si>
    <t>哟~咖啡涨价啦？咱们哪天合计合计把那厮买咯？</t>
  </si>
  <si>
    <t xml:space="preserve">现在进入股市如何？对股市行情不了解，不知什么时候入市比较好。现在 </t>
  </si>
  <si>
    <t>你好!现在进入股市机会还是有的,但是要针对股票而言,很多股票,已经先于大盘止跌而启稳,对于入市新手来说,掌握起来还有一定的难度,不防再等待一些时间,等到形势明朗,大盘反转之时,个股普涨局面形成,入市会很好操作的,祝你好运!</t>
  </si>
  <si>
    <t xml:space="preserve">亳州哪家眼科激光治疗眼睛好? </t>
  </si>
  <si>
    <t>我给你推荐一个地方吧，在合肥，叫普瑞，很不错的，你去看看吧</t>
  </si>
  <si>
    <t xml:space="preserve">改造烈风GBL设计图我听说.去打过改后买设计图.只要是列风GBL </t>
  </si>
  <si>
    <t>改烈风GBL的图都是鉴定好的，无需再鉴定</t>
  </si>
  <si>
    <t xml:space="preserve">23．某物质可能由甲酸、乙酸、甲醇和甲酸乙酯四种物质中的一种或几? </t>
  </si>
  <si>
    <t>有银镜反应:含有醛基，可能含有甲酸、甲酸乙酯的一种或两种加入新制Cu(OH)2悬浊液不溶解：不含甲酸和乙酸滴入几滴稀氢氧化钠溶液和酚酞溶液呈红色，加热后变无色：一定含有酯类结论：A</t>
  </si>
  <si>
    <t xml:space="preserve">请教同花顺怎么设置跳空缺口？请问怎么在同花顺里选跳空缺口的股票？ </t>
  </si>
  <si>
    <t>新建一个自编的选股公式即可：L》REF（H，1）</t>
  </si>
  <si>
    <t xml:space="preserve">液晶显示器电脑每天连续开机11小时可以么？或者是长时间开机对电脑 </t>
  </si>
  <si>
    <t>液晶显示器每天11小时工作量一般没有问题。主机来讲只要你几个主要配件的散热良好（cpu、显卡、硬盘、电源），电源工作稳定，就没有问题的。</t>
  </si>
  <si>
    <t xml:space="preserve">近一段时间以来，我家的松下彩电总是在看了一会后就无图像了，关上后? </t>
  </si>
  <si>
    <t>可能电视被预约时间了，就是说规定了让它几分钟后自动关闭。找到遥控器上面好象是个时钟的图案，多按几下，选择auto而不是数字就可以了，这样，它就不会自己关闭了。如果不是这个原因就是电视出现故障了。</t>
  </si>
  <si>
    <t xml:space="preserve">非常不甘心的失败（图）！！！！！！！！！！是思路问题，还是运气问 </t>
  </si>
  <si>
    <t xml:space="preserve">我觉得lz你的思路有点问题 恕我直言 你的投入其实再加大也未必有什么好的效果 比如马竞这场 我是单3 当然是错了 不过这场球如果防的话我一定是30的 防1没有意义 这场球你可以看下bwin的变赔 要么不出冷 出冷基本大冷 bwin的平赔是必须关注的 如果bwin的平赔升到一个恐怖的程度的话 基本不用考虑平局 另外就是Interwetten的变赔 也提示了这场 罗马主场2：3帕纳辛纳克斯的比赛Inter就是这个变赔 我买不了你这么大的单 所以这场我拼了一把没防 错了也没辙 但是如果双选的话 应该不会被穿 而萨拉戈萨这场 客队马略卡排名第四做客结果被保级的主队让平/半中水 这种盘口简直夸张 从这个亚盘来说 客队就没有取胜的可能了 31足矣 你的两胆中赫塔菲做胆很有胆识 不过我还是想说 256的单子只选两胆的话 巴萨明显更好 总体来说 我觉得你还是要多在双选和胆上多下功夫 比如你这张单 补到576元可以中 但是就算给你补到了576元 事后谁都知道怎么补了 可要是在事前呢 估计错的还是补不对 对的可能补的多余了 所以还是要在功课上多下功夫才是正道 </t>
  </si>
  <si>
    <t xml:space="preserve">EXCEL问题附件中A11单元格中插入公式（COUNTIF,A1 </t>
  </si>
  <si>
    <t>楼主的问题已看清了。1、公式有误，应该象楼上说的那样，=COUNTIF(A1:A10,"条件") 2、不能实现。因为在A11单元格中再得到=COUNTIF(A1:A11,"条件")  ，会造成A11“单元格”的“循环引用”，所以不能实现。3、怎样才能实现：给你一个公式试试，=COUNTIF(INDIRECT("A$1:A"&amp;10+ROW(A1)),条件)如果将该公式复制粘贴到A12后，公式就自动变成为和=COUNTIF(A1:A11,"条件")  一样的效果了。但必须将A11格的公式删除。因为它的区域已包含A11了。再往下每复制一行，就自动加上前一行。</t>
  </si>
  <si>
    <t xml:space="preserve">为出国假结婚,现在要离婚怎么办我表妹08年的时候听了家人的话跟一 </t>
  </si>
  <si>
    <t>可以通过提其离婚诉讼,也就是打离婚官司解决.</t>
  </si>
  <si>
    <t xml:space="preserve">个位网友帮帮助啊诺基亚和索爱哪一款音乐手机够大声均衡器够出色的 </t>
  </si>
  <si>
    <t>你好！诺基亚的音乐手机推荐5700索爱的音乐手机推荐W830你可以自己选择一下。祝好运</t>
  </si>
  <si>
    <t xml:space="preserve">想问去韩国旅游都需要办什么手续,还有大概需要花费多少钱? </t>
  </si>
  <si>
    <t>找个信誉好的旅行社，用户口本和身份证，他们会给你申请签证，然后组团去韩国旅游，组团便宜，你也可以申请个人，组团到韩国自由的 是4000块吧 包含来回机票，到了韩国就自由了，到了第15天会到机场集合 要是组团一起在韩国旅游的包吃包住那样的可能贵点7000 左右，签证半个月左右就能下来。细节去问一下旅行社都会给你个详细的行程表</t>
  </si>
  <si>
    <t xml:space="preserve">一张美国克林顿时期财长亲笔签名的一美元钞票价值如何？ </t>
  </si>
  <si>
    <t>您好！如果您留着，说不定会很有价值，如果您要卖了它，我敢说其实卖不了几个钱，美前财长又不是什么知名人物，不过是政治上的一个人物，何况在美国政治不像中国这样，当然如果这个钞票本身是很有价值的或者您能找到对美国前财长感兴趣的人，说不定可以卖个好价钱，但是基本比较困难，而且如果让人家知道了也不好，还是自己留着比较好。或者，你可以去博宝艺术网问问专家。</t>
  </si>
  <si>
    <t xml:space="preserve">33周岁男，可以做包茎手术么？下哥一定要看啊！33岁男，包茎，以 </t>
  </si>
  <si>
    <t>任何年龄都可以做包皮手术，至于谁做得好，建议你去三甲医院找35岁左右的医生，因为平时他们做得多，年资再高的医生无暇做这手术了。</t>
  </si>
  <si>
    <t xml:space="preserve">如何判别外汇走势？ </t>
  </si>
  <si>
    <t xml:space="preserve"> 炒汇的难点，一是分辨行情是多头，空头或盘整形态，二是克服逆市操作的人性弱点，为此既要不断积累经验增加认知，又要对基本面技术面勤加研判，舍此并无捷径可走。 让趋势做你的朋友 在浮动汇率制度下，任何一种的行情只有三种，即上升行情、下降行情及盘整行情。在外汇市场中，盘整行情约占每年交易日的70％-80％，其余的20％-30％才属多头或空头行情。有盘整行情中，投资人要先分辨出盘整的区间，再于区间的上档卖出，下档买进，即所谓的低买高卖，才能获取利润，而且风险也不致于过大，投资人若能理性执行停损策略，甚至可增加投资金额，以获取更大的利润。 但是市场上多数人仍然想适时掌握20％-30％的多头或空头行情，顺势操作。主要原因在于顺势操作的利润非常可观，而且停损出局的次数又较低、因此附加成本大为降低。更何况顺势操作者只是实行家而非发明家，只需依照既存的市场趋势进行买卖即可，是属于“知行皆易”的类型，所以市场人士认为“趋势是你的朋友”(Trend is your friend)。但是在实际交易中存在着两个问题：一是如何分辨行情是多头、空头或盘整型态；一是“逆势操作”是极难克服的人性弱点。对于人性弱点的克服，通常可经由经验累积、蒙受亏损而增加认知等方式来达成；至于如何分辨行情是多头、空头或是盘整型态，则必须由基本面及技术面切入判定。 投资人在外汇市场的操作，不论是买方或是卖方，基本前提应先对投资标的物未来的价格有所预测，再根据其预测决定投资策略及操作方向。例如当投资人看好美元对日元时，表示投资人认为美元将走多头市场的格局，而日元相对走空头格局，所以应买入美元，卖出日元，亦即站在美元的多方日元的空方。若这项预测正确，则投资人将可获利。 掌握数据分析基本面 基本面分析者认为货币的强弱反映该国经济状况的好坏，其强弱虽可能受其他非经济因素的干扰而有暂时的波动，或产生与经济体质相反的走势，但就长期而言，其价位终将回归到与经济状况相称的地步。至于-国经济状况的好坏应如何衡量，则又得采取相对比较的方式。例如美国1996年度的经济增长率估计可达3％，就基本面分析者眼中而言，这一数据并不能判断美元应该走强或走弱，必须将之与前-年度的经济增长率做比较，并与德国、日本等主要国家的经济增长率相比较。如果前一年度美国的经济增长率为2％，而1996年度德国、日本的经济增长率约在1．5％的水准，则这个3％的数据提供给基本面分析者的想法是：美国的经济日渐好转，其经济增长状况较德、日两国为佳，美元对马克或日元应相对走强，以反映其经济实力。基本面分析者即据此作为外汇买卖决策的指标，买入美元，卖出日元、马克。 反映一个经济状况的数据，即一般所称的经济指标，除了经济增长率外，林林总总，包括甚多，像贸易赤字、预算赤字、货币供给量、消费者物价指数(零售物价指数)、生产者物价指数(趸售物价指数)、失业率、房屋开工率、领先指标等。作为基本面分析者投注的焦点，各数据会由政府相关部门定期公布，这类型的投资人皆会收集分析各数据，进一步分析比较，作为判定各倾向未来走势的根据。 这类的分析预测是否正确?成效如何?可以看看国际投资者，他们广设经济研究部门，负责分析各主要国家的经济状况。而在美国等政府机构发表重要经济指标前，市场上的投资人会先结清外汇部位或降低外汇部位，外汇市场呈现如临大敌的气氛，银行交易员则彻夜守候。从经济指标发表后的众生相，可知基本面分析在外汇市场确确实实具备举足轻重的影响力。 而经济指标发表后，货币走势受其影响，强者可能更强，也可能转弱；弱者可能更弱，抑或转强，在显示“经济指标为市场驱动者”(Market mover)的真实写照，如此具有影响力的因素，参与外汇投资者如何能漠视它?所以不论基本分析预测货币市场未来走势的正确性如何，长久以来，基本面分析确已成为市场参与者投资决策的圭臬。 基本分析适合预测中长期走势 　　以基本面分析来预测货币中长期走势，如未来6个月、1年或2年尚称适当，可是自金本位制取消，国际通行浮动汇率制度后，基本面以外的因素也或多或少会影响货币价格。例如外汇市场规模日益扩大，参与外汇投资的人日益增加，国际外汇市场每日成交量已由 　　1994年的8000亿美元，增至1995、，1996年的1兆2000亿美元，其中80％、约1兆美元的成交量属于投机性交易。投机客每分每秒都在国际市场买进卖出，大笔金额的买卖，也会影响外汇行情。 　　而整个国际社会日益开放，宛如一个地球村，国际资金进出各国的自由度日益提高。国际支付系统如美国的CHIPS、英国的CHAPS系统，都使得资金的移转速度加快，甚至可在瞬间完成。国际资金宛如长了翅膀，热钱应运而生，非但影响各国的货币政策，更常扭曲基本面应反映的货币合理价位，造成基本面分析的短暂失灵，所以外汇投资者已逐渐修正基本面的运用，除了以它作为中长期走势预测的工具外，也搭配技术面分析的资料，据以做成投资决策。 　　基本面分析外汇走势由来已久，教科书中所提到的“购买力平价说”，就是一个明显的例子。购买力平价说基本理论认为各国货币的价格关系与各国用等量货币购买某一物品的数量多寡有直接的关系。例如购买一个鸡蛋，在美国、日本、德国各需花费美元1元，日币100元，马克1．5元，即可推论出1美元、100日元及1．5马克具有相同的购买力，因此其间货币价格应为1美元等于100日元等于1．5马克。但若将这种理论与现行外汇价格比较，会发现某一货币被高估或低估了。另外。商品选样的不同，计算出来的货币购买力也有差异，币值是否被高、低估，以及高估低估的比率也会有差别。例如以美国美林证券公司经济研究部门提供的资料来看，在1996年4月与美元的购买力相较，被高估的货币有日元、马克、瑞士法郎、新西兰币，高估幅度分别为35％、20％、10％及9％；被低估的货币有英镑、加拿大币、法国法郎、澳币，低估幅度分别为20％、16％、8％及4％。 　　现今的外汇市场脱离固定汇率时代已久，所以大至各种政治、经济消息，小至谣言、传闻皆足以震撼市场。单以购买力平价说来推断货币应有的价位显然过于单纯，投资者只可将这种理论推演出的货币价位当作参考。</t>
  </si>
  <si>
    <t xml:space="preserve">儒家怎么++点啊?教教我说的详细点还有拿种职业!谢谢! </t>
  </si>
  <si>
    <t>属性加点为敏捷跟精神之比为2：3，而且，的装备需求都是以敏捷和精神为主的。　　一开始的时候，6级前把敏捷加到16点，其它全精神，以后每升一级，加2点敏捷，3点精神，对于法师来说，一点敏捷加一点的命中和闪避，6点精神加一点的法攻和法防，1点精神加2点法力，显然，这样加法是为了照顾一下命中率。但在法攻方面不会差多少(不考虑装备的情况下)，因为要6点精神才加一点法攻，而每升一级才分到个5点属性点。假设从一开始就按1：4来加的话，到60级大约多了40的法攻，而用2：3的方法加的话就是大约多了30的法攻，相差也就10点，但后者比前者每级多加了一点敏捷，也就是比前者多60点的命中和闪避，相当于一只好的介指和一只差的介指之比了。　　再说说技能，火系的攻击普遍认为是三系中最高的，其余的冰系和雷系偶觉得差别不大，但偶个人推荐用冰系的，因为主要是打怪打装备，而冰系技能都有减速效果，在单位时间和人物施放技能的时间不变的前提下，怪物速度降低了，这对于防御低下的法师来说是相当的吸引人的，安全度能得到大大的提高。　　［冰系--因为是单修，考虑到以后的终极技能，标明不加的，以后按需要再加；标有加一点的，只是前期加一点和加2点区别不大，而且攻击都靠装备提升，但以后学终极技能时因为要凑够60点，所以自己看着办］　　极目冰凝：对移动中的单体，攻击稍嫌不准，对群体一般，不加　　明心一念：打的远，但范围窄，伤害也不高，不加　　冰河寒冬：冰系的定身技能，没施法延时，先加一点，有两秒定身　　明心百念：提高法术伤害，加一点　　雪崩天极：最有价值的技能之一，把部分伤害转化为法力的提高，加一点　　光芒冰晶：必加技能，主攻的群体攻击招式　　江山易手：把部分伤害转化为生命的提高，遗憾的是间隔长了点，加一点　　冰盾护域：增加物理防御，不加　　一灵三化：最有价值技能之一，非常好的保命技能，没有施法时间，加一点　　寒冰护休：提升法术防御，不加　　冰天雪地：攻击面是一个扇面，耗法比光芒冰晶高，间隔长，不够灵活，不加　　冰冻三尺：必加技能，类似道家的飞剑追魂，K单体怪物用，加一点　　雪漫苍穹：攻击很不错，耗费的法力比冰晶高，施法间隔还要长一秒，加一点　　零度时刻：6秒内使用招术无消耗(法力，怒气等)，时间太短，不加　　怒雪狂暴：终极技能，肯定必加啦，单修就是为它了　　由于冰系终极技要62级才能加点(当然你也可以到63级才加)，而且要有60点本系技能，那么多余的2点就自己分配了。　　［火系--仅参考］　　灵台幻火：施法准备1秒，施法间隔2秒，这个技能我加了一点，主要用来引怪　　雪养天颜：增加法力上限，我也加了一点　　心火之怒：加物防和法防各78点，以前听说是加3X点的，安全度能提高一点　　冥思：打坐时加法加快，本身回法速度不慢，所以偶就不加这个了　　存心转念：冷却时间归零，感觉PK比较有用，我也没加多谢：1区4服的“培培老公”，如有不同见解，欢迎大家指教，讨论</t>
  </si>
  <si>
    <t xml:space="preserve">一道小学生应该会做的题目，而我不会简便方法。有10个苹果，分成三 </t>
  </si>
  <si>
    <t>这道题是排列组合题，分以下三种情况：第一堆有一个苹果是的排列4种排法（1、1、8；1、2、7；1、3、6；1、4、5）；第一堆有两个苹果的排列有3种排法（2、2、6；2、3、5；2、4、4）；第一堆有三个苹果的排列有1种排法（3、3、4）。所以：4+3+1=8故有8种排法</t>
  </si>
  <si>
    <t xml:space="preserve">结婚的新人最好喝什么酒？又上档次，又不容易醉 </t>
  </si>
  <si>
    <t>香槟最合适，既没多少酒精含量，又可口，还上档次。葡萄汁也行，当然如果这算酒的话……</t>
  </si>
  <si>
    <t xml:space="preserve">关于PS2的光头问题PS2光头要多久清理一次,我听说好象有内光头 </t>
  </si>
  <si>
    <t>我的用了一年半刚清理过一次。是50001型的，清洗的应该是外光头。</t>
  </si>
  <si>
    <t xml:space="preserve">我该怎么办！我和男朋友是经别人介绍认识的，现在刚认识了整整两个月 </t>
  </si>
  <si>
    <t>恕我直言，我觉得那个男的对你不太上心。他是做公关的，应该知道要拉近距离是要经常沟通联系的，而你们之间一直是你在主动，我不知道他是否是拉长线掉大鱼，欲擒故纵，如果不是，欠你在这段关系也不要放大多心，免得最后走不出来</t>
  </si>
  <si>
    <t xml:space="preserve">关于身份证人像不合我的身份证被办错过，是因为同一名字，但名字的写 </t>
  </si>
  <si>
    <t>你可以到区派出所去查的，这种事情要积极一点，免得以后麻烦</t>
  </si>
  <si>
    <t xml:space="preserve">怎么做好优化啊？是网站优化，提升排名啊，权重什么的，我们公司时电 </t>
  </si>
  <si>
    <t>先设定目标  做好关键词推广 网络优化 是慢慢来的 坚持</t>
  </si>
  <si>
    <t xml:space="preserve">糯米团购怎么申请退款糯米网如何申请退款全天24小时服务）（处理退 </t>
  </si>
  <si>
    <t>有约定或者约定不明的，保证人应当对全部债务 承担责任。</t>
  </si>
  <si>
    <t xml:space="preserve">什么会影响兄弟姐妹相处与兄弟姐妹相处时,(为人)素质上较大差别可 </t>
  </si>
  <si>
    <t>出生顺序会影响父母对子女的态度会影响子女各自的性格特点会影响周围人对同一个家庭小孩的太对会影响多方面的因素，都会造成不同程度的影响。有没有看过电影《脱泳而出》？讲的就是这方面的内容。或者，你可以找找看阿德勒的书籍，他在这一方面对心理学有很大贡献的。希望对你有帮助</t>
  </si>
  <si>
    <t xml:space="preserve">为什么我嗓子难受，头疼，四肢无力而且腰疼 </t>
  </si>
  <si>
    <t>问题分析： 腰部疼痛的原因很多，但最常见的有椎间盘突出、腰肌劳损，泌尿系结石等疾病。建议你最好到医院就诊，拍X腰椎片，做B超检查，即可确诊的。确诊病因后，再考虑怎么治疗。至于胃部不适，一般问题不大的意见建议：引起头痛的原因很多，例如高血压，偏头痛，发热，头外伤，青光眼等都是可以引起头痛的。建议你最好在症状发作的时候，到医院就诊一下，检查一下血压和头颅CT，如果都没有问题，那一般问题不大的。</t>
  </si>
  <si>
    <t xml:space="preserve">国外军人的薪水问题中国的高级士官有薪水超过低级军官的，国外也有这 </t>
  </si>
  <si>
    <t>据笔者调查，国外高级军官薪水也有低过底级军官的。譬如美国华盛顿国防部的官员，以及美国在国内驻守军人，待遇相对较低。如美军在华盛顿总部的少校，年薪约为9万美金（税后），而在伊战前的同等级别军官军官则可以拿到6万美元的津贴。这样他的薪金就接近中将，（约16万美金）。此外，军种不同，待遇也不一样，美国海军待遇最高，空军的飞行员待遇也高，地勤人员比海军待遇低。 陆军又更低。</t>
  </si>
  <si>
    <t xml:space="preserve">这期的奖金是多少呀?出来了吗? </t>
  </si>
  <si>
    <t>这一期要等到2月5日才开奖，中了多期待几天。</t>
  </si>
  <si>
    <t xml:space="preserve">怎样才能使手上的皮肤有所改善我手上的皮肤比较粗糙,冬天容易起口子 </t>
  </si>
  <si>
    <t>没到冬天的时候就抹一些护手霜保护皮肤，到了冬天再带一些皮质好的手套加强保护，记住不要带线的，因为透风，水份会流失。</t>
  </si>
  <si>
    <t xml:space="preserve">清泉老师你好首先感谢老师的帮助解答:1、进的几种想法希望老师指点 </t>
  </si>
  <si>
    <t>600011 成交量不放大的话,60日均线换股.601857 仓位不重的话33.70元附近再做.601939 反弹换股.其余暂持有.</t>
  </si>
  <si>
    <t xml:space="preserve">帮忙看看这是什么库洛牌？ </t>
  </si>
  <si>
    <t xml:space="preserve">上面写了“无”樱的牌有52张，这是第53张。在第二剧场版（《被封印的卡片》）之前，小樱一共收集了52张库洛牌，这大家都知道了但是，在《被封印的卡片》中，又出现了一张库洛牌，这就是“无”所以，加上“无”，就一共有53张库洛牌小樱把所有的库洛牌（《被封印的卡片》之前，“无”还没有出现）都变成了小樱牌，一共有52张小樱牌然后，在TV版最后一集里，小樱知道了小的心意后，“做出”了“爱”牌（或者说是“感情”，片中并没有说清楚），这是小樱牌。所以到现在为止，小樱牌一共有53张之后，在《被封印的卡片中》，“爱”牌和“无”牌合成为“希望”，这是小樱牌--------------------------------------------------------------------------------根据上面的说明，可以得出结论出现过的库洛牌：53张小樱持有的库洛牌：52张出现过的小樱牌：54张小樱持有的小樱牌：53张 </t>
  </si>
  <si>
    <t xml:space="preserve">请教常四十大师明天利率上调，你近期买的五年期凭证式国债将作何打算 </t>
  </si>
  <si>
    <t>我的投资方略比较中庸，，不习惯全攻全守，自05年5.1后，几乎每期都有购买，，但都是余钱。。交易所债市高位时，也只是抛了长债107，其余的中短浮都没动。。尽管加息，，但距离3.81、3.60、、3.49还有距离。我不会去折腾。我等待107的下滑，因为手头的余钱还找不到方向呢。</t>
  </si>
  <si>
    <t xml:space="preserve">在二级市场（证券市场）买的封闭式基金，到期时在哪里赎回？是否可以? </t>
  </si>
  <si>
    <t>在二级市场买，到期前也可以在二级市场卖出！如果一直持有的话，封基现在都会在到期后转换成开基！赎回也就在相应的开基公司！</t>
  </si>
  <si>
    <t xml:space="preserve">家里被人敲诈怎么办？我和我老公都是单位上内退下来的职工，我们的生 </t>
  </si>
  <si>
    <t>别怕，报警是唯一的办法，警察会弄清楚事实真相的，你注意保留那个女的给你丈夫的电话等一切证据，这些很重要，可以证明他是无辜的。这种事你越害怕越会害人，你们两联合起来就不用怕那个女的，否则她会把你的家给拆散！姑息坏人就会把事情越弄越糟。</t>
  </si>
  <si>
    <t xml:space="preserve">这么多人看阿森纳有1，元芳你看哪？？？ </t>
  </si>
  <si>
    <t>我是进来看看那100分会不会砸到我头上，谢谢了。</t>
  </si>
  <si>
    <t xml:space="preserve">一点灵加多少法伤啊???????如题......金相性加30加多 </t>
  </si>
  <si>
    <t>法伤这么算的不计目标抗性,五行相克情况下3阶技能法术伤害(普通M5)=(灵力x5x相性系数+金套法术增加总值+武器伤害+手镯伤害)x强某法百分比        注:强某法百分比为武器绿属性5阶技能法术伤害(5法)=3阶技能法术伤害(普通M5)x1.55其中相性系数计算方式为:金系角色:1+金相/80别系角色:1+(金相+本相)/160举例:某100+JP全灵金,灵力900,金相50,武器伤害9830,金套增加1500法伤,绿强金法4%,手镯伤害1246 他的五法伤害为(900x5x1.625+1500+9830+1246)x1.04x1.55=32060注意:法术伤害有波动,所以3W-3.4W都是可能打出的伤害又如:某100+全敏金,灵力200,金相40,武器伤害6830,无金套,无绿强法伤,手伤害1246奈宸ㄉ撕?200x5x1.5+6830+1246)x1.55=14842 实在是少得可怜</t>
  </si>
  <si>
    <t xml:space="preserve">金山哪里学美甲好？ </t>
  </si>
  <si>
    <t>上海佳悦美甲学校---认真是佳悦的生活态度，务实是佳悦的生活作风。</t>
  </si>
  <si>
    <t xml:space="preserve">这几天怎么都没有奔牛的消息啊？没有了比赛真的很无聊哦！小安现在在? </t>
  </si>
  <si>
    <t>队里放假，大家回家休息了。大概５月中旬集中</t>
  </si>
  <si>
    <t xml:space="preserve">帮个忙。请问谁能详细解释一下什么是废元改两制度？ </t>
  </si>
  <si>
    <t>废两改元　中国使用银两由来已久。中华民国成立后，银元虽已通行全国，但许多地区仍实行虚银制度，如上海的“规元”、天津的“行化”等。青岛通行“胶平银”期间，一切往来均以“胶平银”为计帐单位，而实际结算须按一定比率折成银元支付，胶平银与银元之间的折算率视市场银元供需情况而定。日本第一次侵占青岛时期，胶平银头寸控制在横滨正金银行青岛分行手中。北洋政府统治时期，正金银行青岛分行仍操纵胶平银交易市场。随着北洋政府的垮台，日本在青岛的势力削弱，为打击正金银行的独霸行为，挽回经济利益，青岛银钱业在中国银行青岛分行领导下，经过多次秘密协商，于1929年7月26日晨在齐燕会馆钱市当众宣布，所有进出往来一律以银元为准，停止使用胶平银，并由商会函请青岛特别市政府颁发布告执行。废除胶平银是青岛银钱业的一次反帝行动，自然招致正金银行的不满，该行曾通过日本驻青领事提出抗议，但在青岛商民一致抵制下不了了之。废除胶平银后，青岛各银行在正金银行青岛分行的胶平银存款24万两全部提出现银，并公推中国银行青岛分行运往上海兑成银元。　　1933年4月6日，南京国民政府宣布“废两改元”，并确定银本位制，以“元”为单位，每元含银量约23.5克，银元同银两的折算率定为1元等于上海规元7.15钱。实行“废两改元”，符合经济发展规律，此项改革，青岛比全国其他地区早4年。　　青岛各银行、银号废止胶平银声明　查废止胶平银一事，业经共同决议，于本月26日起实行，所有各商号与敝行往来胶银，请于一周内前来结清，其办法依下列决议办理，敬希公鉴:　　1.各商号存欠各银行胶银，在决议登报通知之日，按7月25日齐燕会馆最末次公布之行市即67225作价，一律折合银元。如在一周内不愿折合银元，而愿以现金收付者，亦可照办，但过此期限，应一律按上列公定行市作价。　　2.定期存款之胶平银，亦可以67225行市先行折合银元，俟到期之日再以银元付之（注:0.67225两折合银元1元）。　　　　　　　　　　　　　　　　　　　　　　　　　　　　　　　　</t>
  </si>
  <si>
    <t xml:space="preserve">有什么化学物品可以是铁的颜色变黑快 </t>
  </si>
  <si>
    <t>先加过量的盐酸溶解铁，再加过量的硫化纳（Na2S），目的是先除去氢离子（因为氢离子会影响黑色沉淀），再生成硫化亚铁（FeS，黑色沉淀），最后过滤得黑色的硫化亚铁固体。不用化学液体也可以，就是把铁丝在空气中加热到500度左右，即点燃铁丝，生成黑色的四氧化三铁（Fe3O4）把硫粉与铁粉共热是最快的方法，生成黑色的硫化亚铁。</t>
  </si>
  <si>
    <t xml:space="preserve">目前家用的照明灯哪种最节能?哪种寿命最长?节能灯有几种？护眼灯有? </t>
  </si>
  <si>
    <t>目前家用的灯LED灯最节能；LED寿命最长。节能灯有以下几种。如果护眼灯有护眼作用不就没有近视眼了？所以护眼灯有护眼作用有限，心诚则灵。（1） 金属卤化物灯　　金属卤化物灯显色指数达80以上，光效75流明/瓦以上，色温6000K。优点是寿命长，光效高，显色性好，节电效果明显，是当今世界上第四代光源。　　（2） 高压纳灯光效达90~100流明/瓦，比汞灯和白炽灯的光效分别高2倍和7倍。显色指数60，紫外线成分少，不诱虫，被照物体不褪色，色温只有2100K。　　（3） 自镇流荧光灯光效在60流明/瓦以上，比普通白炽灯光效高4倍，寿命达8000小时以上。　　（4） 双端荧光灯（细管径）与双端荧光灯（粗管径）相比，寿命延长20%，光效增加22%，节能10%，寿命可达10000小时以上。　　（5） 电子镇流器40瓦、20瓦电子镇流器和电感镇流器相比，从功耗上分别节约5瓦、3瓦，家庭用一只20瓦电子镇流器年节电20千瓦时，一只40瓦电子镇流器年节电60度，此外电压低至130伏也能启辉。     （6） led灯     LED灯是一种新光源，显色指数达90以上，光效110流明/瓦，色温4000-6000K。优点寿命长（大于50000小时），节能80%，环保（无紫外线 频闪 无重金属），显色性好。是当今世界上最新的光源。</t>
  </si>
  <si>
    <t xml:space="preserve">睡了再也不晒单了每次晒都死有一次没晒还中了2000多`日 </t>
  </si>
  <si>
    <t>心态要好啊 。。。。。</t>
  </si>
  <si>
    <t xml:space="preserve">我的侏儒盗贼号直多少?S4套S4武器.匕首.剑.T6毕业.有68 </t>
  </si>
  <si>
    <t>楼上的哥们要回答问题就好好回答 要不就别回答了给楼主算下 空号50 S4套200 坐骑宠物还可以算50不计算G和点卡的话300上下祝你愉快</t>
  </si>
  <si>
    <t xml:space="preserve">尽善尽美和至善至美有什么区别？ </t>
  </si>
  <si>
    <t>尽善尽美是指目前尚不完美，竭尽全力使其达到最完美。至善至美是指现在已经是最完美的境界了，追求已经有了圆满的结果。</t>
  </si>
  <si>
    <t xml:space="preserve">关于PG的DSDFDQE我需要一个全面概括的了解.前提：PG(是 </t>
  </si>
  <si>
    <t>第一个问题你说的DS和DF技能都可以独立存在，没有前提条件！！但是DQDE这个技能需要先装上DS这个技能才可以！！第2个问题PG的DS没有SS效果，而PG的DQDE有SS效果的！！（要装SS的前提下补充问题DF失败以后会变成DS传球，但是和一般的DS一样不带SS效果！！</t>
  </si>
  <si>
    <t xml:space="preserve">请问什么是全息影像1.显示原理2.显示效果3.应用方面 </t>
  </si>
  <si>
    <t xml:space="preserve">全息图像　第一代激光防伪技术主要用于制作激光模压全息图像防伪标贴。　　全息照像是美国家伯格（M?J?Buerger）在利用X射线拍摄晶体的原子结构照片时发现的，他与盖伯(Gabor)一起创建了全息照像理论，即利用双光束干涉原理，令物光和另一个与物光相干的光束（参考光束）产生干涉图样即可把位相“合并”上去，从而用感光底片同时记录下位相和振幅，就可以获得全息图像。由于普通光源单色性不好，相干性差，因而使得全息技术发展缓慢，很难拍出令人满意的全息图。直到二十世纪六十年代初激光出现，以其高亮度、高单色性和高相干度特性，迅速推动了全息技术的发展，许多种类的全息图被制作出来，全息理论得到很好的验证。但由于拍摄和再现时的特殊要求，全息技术从诞生之日起，就几乎一直被局限在实验室里。　　七十年代末期，人们发现全息图片具有包括三维信息的表面结构（即纵横交错的干涉条纹，这种结构是可以转移到高密度感光底片等材料上去的）。1980年，美国科学家利用压印全息技术，将全息表面结构转移到聚酯薄膜上，从而成功地印制出世界上第一张模压全息图片。这种激光全息图片又称彩虹全息图片，是通过激光制版将影像制作到塑料薄膜上，产生五光十色的衍射效果，使图片具有二维、三维空间感。在普通光线下，图片中隐藏的图像、信息会重现，而当光线从某一特定角度照射时，图片上又会出现新的图像。这种模压全息图片可以像印刷一样大批量快速复制，成本较低，还可以与各类印刷品相结合使用。至此，全息摄影转向社会应用迈出了决定性的一步。　　当时这种模压全息图片的制作技术非常先进，只有少数人掌握，于是就被用来制作防伪标识。其防伪的原理是：　　1.在激光全息图片拍摄的整个过程中，如果有一项条件不同（如拍摄彩虹全息的条件），则全息标识的效果就会有差异；　　2.这种全息图像的全息信息用普通照相无法拍摄，因而全息图案难以复制。　　第一个将全息图片用作防伪标识的产品是JohnnyWalkeWhishy（一种威士忌），该酒的销售额较以前增加了45%左右。　　激光模压全息防伪技术在八十年代末九十年代初传入我国，1990年至1994年期间，全国各地引进生产线上百条，数量占当时世界生产厂家的一半还多。在引进初期，这种防伪技术确实起到了一定的防伪作用，但随着激光全息图像制作技术的迅速扩散，很快就被造假者从各个方面攻破，激光全息防伪标贴几乎完全失去了防伪能力，激光模压设备也从最初的上千万美元一条剧降至几万元人民币一条。　　二、第二代改进型激光全息图像防伪技术　　第一代激光全息防伪技术的泛滥，促使人们不得不开始寻求改进现有技术。改进后的技术主要有三种：一是应用计算机图像处理技术改进全息图像；二是透明激光全息图像防伪技术；三是反射激光全息图像防伪技术。 </t>
  </si>
  <si>
    <t xml:space="preserve">余铉定理的公式是什么 </t>
  </si>
  <si>
    <t>在三角形中A,B,C是三个角，a,b,c是与之对应的三条边：则有：　b2=a2+c2-2accosB</t>
  </si>
  <si>
    <t xml:space="preserve">米粉吃法5个多月的宝宝吃米粉应该怎么吃？是一顿米粉吃饱还是一顿吃 </t>
  </si>
  <si>
    <t>那要看看你们的宝宝是刚开始吃,还是已经吃了有一段时间了.如果刚开始吃,最好先少吃一点,在两次喂奶之间吃一点.如果已经习惯了米糊,最好是一顿吃饱,下一顿再吃奶粉</t>
  </si>
  <si>
    <t xml:space="preserve">性生活动不了几下就射精，以前有一段手淫史。而且包皮还很长，有什么? </t>
  </si>
  <si>
    <t>过度掱婬容易造成龟头敏感度增高和前列腺炎症，影响正常的性生活，建议到医院检查一下前列腺。你是因为龟头敏感引起的，包皮过长要做包皮环切术。从你描述的症状看，应该是掱婬引起的早泄或者包皮过长引起的。注意龟头卫生多喝水，戒掉掱婬，加强锻炼身体，提高抵抗力。根据你所描述的情况来看。很有可能是掱婬所引起的肾阴阳失调所致，建议戒除掱婬，有条件的话建议进行包皮环切术。</t>
  </si>
  <si>
    <t xml:space="preserve">一道高中数学题C:\DocumentsandSettings\A </t>
  </si>
  <si>
    <t>1/3.解答过程见上传文件。</t>
  </si>
  <si>
    <t xml:space="preserve">什么是投行？ </t>
  </si>
  <si>
    <t>投行，是投资银行的简称。投行业务投资银行是主要从事证券发行、承销、交易、企业重组、兼并与收购、投资分析、风险投资、项目融资等业务的非银行金融机构，是资本市场上的主要金融中介。 投资银行是证券和股份公司制度发展到特定阶段的产物，是发达证券市场和成熟金融体系的重要主体，在现代社会经济发展中发挥着沟通资金供求、构造证券市场、推动企业并购、促进产业集中和规模经济形成、优化资源配置等重要作用。 由于投资银行业的发展日新月异，对投资银行的界定也显得十分困难。投资银行是美国和欧洲大陆的称谓，英国称之为商人银行，在日本则指证券公司。国际上对投资银行的定义主要有四种： 第一种：任何经营华尔街金融业务的金融机构都可以称为投资银行。 第二种：只有经营一部分或全部资本市场业务的金融机构才是投资银行。 第三种：把从事证券承销和企业并购的金融机构称为投资银行。 第四种：仅把在一级市场上承销证券和二级市场交易证券的金融机构称为投资银行。 投行与一般的银行的区别投资银行是与商业银行相对应的一个概念，是现代金融业适应现代经济发展形成的一个新兴行业。它区别于其他相关行业的显著特点是： 其一，它属于金融服务业，这是区别一般性咨询、中介服务业的标志； 其二，它主要服务于资本市场，这是区别商业银行的标志； 其三，它是智力密集型行业，这是区别其他专业性金融服务机构的标志。 投资银行的类型 当前世界的投资银行主要有四种类型： ⑴ 独立的专业性投资银行。这种形式的投资银行在全世界范围内广为存在，美国的高盛公司、美林公司、所罗门兄弟公司、摩根·斯坦利公司、第一波士顿公司、日本的野村证券、大和证券、日兴证券、山一证券、英国的华宝公司、宝源公司等均属于此种类型，并且，他们都有各自擅长的专业方向。 ⑵ 商业银行拥有的投资银行（商人银行）。这种形式的投资银行主要是商业银行对现存的投资银行通过兼并、收购、参股或建立自己的附属公司形式从事商人银行及投资银行业务。这种形式的投资银行在英、德等国非常典型。 ⑶ 全能性银行直接经营投资银行业务。这种类型的投资银行主要在欧洲大陆，他们在从事投资银行业务的同时也从事一般的商业银行业务。 ⑷ 一些大型跨国公司兴办的财务公司。 投资银行的组织形式 一般而言，一个投资银行采用的组织结构是与其内部的组建方式和经营思想密切相关的。现代投资银行的组织结构形式主要有三种。 ⑴ 合伙人制。合伙人公司是指由两个或两个以上合伙人拥有公司并分享公司利润，合伙人即为公司主人或股东的组织形式。其主要特点是：合伙人共享企业经营所得，并对经营亏损共同承担无限责任；它可以由所有合伙人共同参与经营，也可以由部分合伙人经营，其他合伙人仅出资并自负盈亏；合伙人的组成规模可大可小。 ⑵ 混合公司制。混合公司通常是由在职能上没有紧密联系的资本或公司相互合并而形成规模更大的资本或公司。本世纪六十年代以后，在大公司生产和经营多元化的发展过程中，投资银行是被收购或联合兼并成为混合公司的重要对象。这些并购活动的主要动机都是为了扩大母公司的业务规模，在这一过程中，投资银行逐渐开始了由合伙人制向现代公司制度的转变。 ⑶ 现代公司制。现代公司制度赋予公司以独立的人格，其确立是以企业法人财产权为核心和重要标志的。法人财产权是企业法人对包括投资和投资增值在内的全部企业财产所享有的权利。法人财产权的存在显示了法人团体的权利不再表现为个人的权利。现代公司制度使投资银行在资金筹集、财务风险控制、经营管理的现代化等方面都获得较传统合伙人制所不具备的优势。 编辑词条</t>
  </si>
  <si>
    <t xml:space="preserve">中国瓷器最早何时出口 </t>
  </si>
  <si>
    <t>汉代墓葬出土证明，东汉时期中国就制作出了真正的瓷器。从 8世纪末（中唐时期）开始，中国陶瓷开始向外输出，经晚唐五代到宋初，达到了一个高潮。资料来自《北京周报》。</t>
  </si>
  <si>
    <t xml:space="preserve">两台电脑设置如何组成一个网,彼此才能使用各自机器上的资料? </t>
  </si>
  <si>
    <t>可以使用网线连接，做一根专门用于两台电脑互相连接的网线，两头的线序不一样。找那个买网线的说明该网线用于双机互连，她就给你做。然后分别连接两台机器的网卡，从电脑里的“网上邻居”里可是实现文件的传递共享。几块钱可搞定再就是买那种专门用于双机互连的usb联机线，带根线和驱动程序。只要根据提示装上驱动，通过他提供的软件就可以实现双机互连。买套这种东西得50多元钱吧。从网上邻居里建立一个工作组，从工作组里找寻对方机器的名字，实现数据共享</t>
  </si>
  <si>
    <t xml:space="preserve">谁给起的名字叫黑寡妇…说是这种蜘蛛带有巨毒…难道就因为毒？纳闷… </t>
  </si>
  <si>
    <t>如图片的黑蜘蛛，它所蕴含的毒素比响尾蛇还要厉害15倍 是一种具强烈神经毒素 它是一种广泛分布的大型蜘蛛 热带及温带地区发现 雌性黑寡妇蜘蛛腹部黑色 并有一个红色的沙漏状记号 这个记号通常是红色的圆圆的腹部 红点记号的漏斗 这就是恶名昭著的黑寡妇蜘蛛！！！( ⊙ o ⊙ )</t>
  </si>
  <si>
    <t xml:space="preserve">关于骑士技能的致命几率骑士的几个技能，命令圣印，命令审判，愤怒之 </t>
  </si>
  <si>
    <t>现在新界面可以显示各系法术的致命率了，比如我的神圣系是14.96％，其他系是9.96％命令圣印应该是物理系的，但它的暴击只计算70％，而不是物理系的100％，所以戒骑追求物理致命。命令审判好象是神圣系的。愤怒之锤是神圣系的。</t>
  </si>
  <si>
    <t xml:space="preserve">最后`数学`3）三角形ABC中，若sinAsinB&amp;lt;cos </t>
  </si>
  <si>
    <t xml:space="preserve">移项得cos(A+B)&gt;0,所以A＋B&lt;90度，C&gt;90度 </t>
  </si>
  <si>
    <t xml:space="preserve">我估计今晚应该是火锅奖大家不必想坏脑子，自做聪明，大盘胆太多，最 </t>
  </si>
  <si>
    <t>你中的倒吗？火锅？我敢肯定的说绝对不是火锅</t>
  </si>
  <si>
    <t xml:space="preserve">送给美国人什么礼物好呢？我马上去美国了，要送给接待家庭礼物，还要 </t>
  </si>
  <si>
    <t>我想,送美国人东西,第一要送中国的特产,第二,这东西在美国找不到,第三,有纪念和珍藏价值.你可以买些本地特产手工艺品送他们,比如你是四川人，就送蜀锦,你是杭州的，就送杭绣,你是西藏的，就送哈达,或者送一些国画,当然，赝品就行了.比如女史甄图,清明上河图,还可以送中国的水墨画折扇</t>
  </si>
  <si>
    <t xml:space="preserve">怎么没有新地图？我和朋友去新地图当我到了的时候他发现他的机子没有 </t>
  </si>
  <si>
    <t>你那家网吧估计没下新地图补丁，但有人在你那台机子玩过传3，他自己下了补丁，所以你那台有而朋友没有</t>
  </si>
  <si>
    <t xml:space="preserve">吃pizza,哪里好？南京这边除了必胜客之外，还有没有比较好吃的 </t>
  </si>
  <si>
    <t>在热风·哈罗哈的美食单上点击率最高的是19元9寸的哈罗哈铁盘比萨和辣味牛肉比萨，浓浓的乳酪，甜甜的菠萝丁，特别的牛肉粒，实在是超值又过瘾。噢，还有3元一串，个大肉肥的王牌肉串，6元一块的印度甩饼……热风哈罗哈让大家的胃口大开，钱袋小开地址：狮子桥店，珠江路店，华侨路店，三牌楼店，汉口路南大店     电话：83260033</t>
  </si>
  <si>
    <t xml:space="preserve">为什么我就是喜欢抢别人的东西为什么总是看到别人的东西就眼红。几年 </t>
  </si>
  <si>
    <t>是这样的吧,也不必去想的,觉得好喜欢是当然啊!不过有时候做事前考虑一下就是了!~~有句话说的好"得不到的东西永远是最好的!"你是看到了就付出行动的那种,不是你的错啊!~~以后做事常想想后果就行了!!!也不必太在意这些...</t>
  </si>
  <si>
    <t xml:space="preserve">高中数学指导P36函数值域3问题.jpg </t>
  </si>
  <si>
    <t xml:space="preserve">消去根号可得到函数图像为圆(x-2)^2+(y-2)=4的下半圆，即可得到函数值域为[0,2]。 </t>
  </si>
  <si>
    <t xml:space="preserve">请问各类法术仙书给仙剑3外传中的谁学好？各类法术仙书给仙剑3外传 </t>
  </si>
  <si>
    <t>南宫煌学雷,风,土温慧学火王蓬絮学水壹:南宫煌雷风火土全练到肆级可得到"仙术通天"称号.可以得到天魔附体,星沉地动,举火燎天,烈焰燃雷肆招.贰:温慧学火与水可凑灵血咒叁:王蓬絮学水与风凑风露饮和风雪冰天,尤其是她变身后用风雪冰天,大小BS竞折妖.肆:当然火可以星璇(出星沉地动)不推荐伍:偶是以唯仙术多原则分配的,原文中双属性仙术只有赎魂光(雷+水)没有出现.陆:举火燎天南宫煌,温慧,王蓬絮必须有一人会,在少阳参天打五帝之首剑得尸块柒:星沉地动和烈焰燃雷是打合击必须的参考资料:1.法术升级表注：L2：表示此仙术升为2级需要使用的次数 L3：表示此仙术升为3级需要使用的次数 L4：表示此仙术升为4级需要使用的次数 tL：所须的仙术上一级仙术的级别pL：所须人物级别 水属性仙术名称 L2 L3 L4 tL pL冰咒 15 15 15 无 无 雨润 5 5 5 2 3 烟水还魂 10 10 10 4 10 雨恨云愁 20 15 10 3 20 五气连波 10 5 5 4 28 火属性仙术名称 L2 L3 L4 tL pL 炎咒 15 15 15 无 无 净衣咒 5 5 5 2 6 三昧真火 10 15 20 3 14 流星火雨 20 20 10 2 22 炼狱火海 20 20 20 3 32 雷系性仙术名称 L2 L3 L4 tL pL雷咒 15 15 15 无 无 惊雷闪 15 15 15 4 5 天罡战气 5 5 5 2 15 天雷破空 20 15 10 3 25 雷动九天 20 20 20 3 35 风属性仙术 名称 L2 L3 L4 tL pL风咒 15 15 15 无 无 暖雾 20 15 10 2 4 仙风云体 5 5 5 2 5 风卷尘生 20 20 10 3 20 罡风惊天 20 20 20 4 30 土属性仙术 名称 L2 L3 L4 tL pL土咒 15 15 15 无 无 飞岩术 10 10 10 4 5 真元护体 5 5 5 3 14 承天载物 20 15 10 4 28 泰山压顶 20 20 10 4 32 高级仙术：仙术名称/所需仙术 L2 L3 L4 tL pL风饮露 风+水 5 5 5 暖雾3+雨恨云愁2 35 灵血咒 火+水 5 5 5 三昧真火3+烟雨还魂4 40 赎魂光 雷+水 5 5 5 天罡战气4+雨恨云愁4 42 风雪冰天 风+水 20 30 30 仙风云体4+雨恨云愁3 45 天魔附体 雷+土 5 5 5 天罡战气4+承天载物4 45 烈焰燃雷 雷+火 40 30 20 流星火雨3+天雷破空3 48 举火燎天 风+火 30 20 30 炼狱火海3+仙风云体4 48 星沉地动 土+火 20 20 20 炼狱火海4+真元户体4 50 PS：此处tL表示合成仙术的条件，后面的数字表示此仙术需要的级别仙三外传合击：名称　　　　发动人物／武器／位置／使用招式　相关人物／武器／位置／条件光华乱舞　　南宫煌／八卦／火／飞龙探云手　　温慧／锤／水／速增迷离斩　　　温慧／锤／水／雨恨云愁　　　　　王蓬絮／轮刀／风／防增舞花音　　　星璇／五行剑／中／断　　　　　　王蓬絮／笛／风／濒死断空噬地　　雷元戈／斧／中／魔焰闪空斩　　　温慧／枪／水／定星移斗转　　星璇／爪／火／缠　　　　　　　　南宫煌／剑／土／中毒御剑飞仙　　南宫煌／剑／火／万剑诀　　　　　王蓬絮／轮刀／风／濒死飞鸟裂天　　王蓬絮／笛／中／雷音咒　　　　　南宫煌／任意／火／速增　　　　　　　　　　　　　　　　　　　　　　星璇／五行剑／土／速增天河倒错　　温慧／枪／中／雨恨云愁　　　　　南宫煌／任意／火／速增　　　　　　　　　　　　　　　　　　　　　　雷元戈／斧／雷／速增修罗绝杀阵　南宫煌／任意／中／星沉地动　　　温慧／任意／任意／武增　　　　　　　　　　　　　　　　　　　　　　王蓬絮／任意／任意／武增　　　　　　　　　　　　　　　　　　　　　　星璇／任意／任意／武增天魔往生诀　南宫煌／任意／中／烈焰燃雷　　　温慧／任意／任意／濒死　　　　　　　　　　　　　　　　　　　　　　星璇／任意／任意／濒死雷元戈／任意／任意／濒死</t>
  </si>
  <si>
    <t xml:space="preserve">化学问题X盐和Y酸反应，可放出有气味的气体Z，Z和NAOH溶液反 </t>
  </si>
  <si>
    <t>通过题目可以得知，这几种物质都含有同一种元素，该元素有可变价，先推测它们都有硫元素。X是Na2S，Y是H2SO4，Z是H2S，W是SO3氨气是碱性气体，是不可能由盐和酸反应生成的，所以不可能是氨气。</t>
  </si>
  <si>
    <t xml:space="preserve">进不了天堂了。。。救命啊！！！~~~~我本来玩天堂是好的。。最近 </t>
  </si>
  <si>
    <t>我看和这个“ ”也有点关系吧!</t>
  </si>
  <si>
    <t xml:space="preserve">真三国无双OL里武器2级怎么得到如题 </t>
  </si>
  <si>
    <t>熟练里打到的武器基本上都是2级的</t>
  </si>
  <si>
    <t xml:space="preserve">?大家快??兔?我19???做了人流,30?就跟老公同房了(老公 </t>
  </si>
  <si>
    <t>当然不行,人流后最好静养3月,至少也得1月.现在请注意两个问题1.又怀上了.流产后最易.多次流产对身体很不好.2.感染,引起子宫内膜炎,以后腰酸,腹坠,月经白带异常,严重时不妊.不知你注意避妊,和卫生没?</t>
  </si>
  <si>
    <t xml:space="preserve">我是一名学生，男，21岁。2015.04.01下午4:20左右摔? </t>
  </si>
  <si>
    <t>一般骨折后如果位置满意的话应用石膏固定，但是一般不建议患者自行拆卸，因为容易造成石膏固定失效，松动，从而失去固定的作用！</t>
  </si>
  <si>
    <t xml:space="preserve">我的手机是V300摩托罗拉是在美国用的,在国内能用吗?能不能换成 </t>
  </si>
  <si>
    <t>你好，在国内可以用的.只要你把手机拿去维修店刷一个中文软件就可以正常使用了.现在的水货手机也都是拿回国内后由经销商刷成中文后再卖的.刷机的费用在30元左右.</t>
  </si>
  <si>
    <t xml:space="preserve">男性进,关于包皮我最近发现包皮里有好多包皮垢,还发现包皮那最里面 </t>
  </si>
  <si>
    <t>你包皮污垢要洗掉啊!! 留在那里很危险,容易引起很多毛病的.要翻开包皮好好洗干净里面的污垢.你说的小洞洞很多人都和你一样的.没有异常.</t>
  </si>
  <si>
    <t xml:space="preserve">AASHTOLRFD是什么意思？这个是美国公路规范，请教此缩写的 </t>
  </si>
  <si>
    <t>American Association of State Highways and Transportation Officials Load and Resistance Factor Design</t>
  </si>
  <si>
    <t xml:space="preserve">艾滋病咨询请问艾滋病的症状有什么？我2年前纹过一次身，不过针头都 </t>
  </si>
  <si>
    <t>艾滋病急性期的症状主要是持续1个月以上的发热，盗汗，腹泻这些症状一般不明显，最主要的就是体重减轻。如果这是你唯一一次暴露期间没有其它高危行业（无保护性的性行为包括阴道交、口交、肛交，注射吸毒，输血等）艾滋病的潜伏期一般是7～10年，但如果是直接的血液传播比如你说的纹身，或者注射吸毒它的潜伏期会变短一般为五年。发病后的症状有很多都是免疫力低下的症状伴发各种机会性感染。你说你纹身的时候用的是一次性的清洁针具，并且在正规的场所就不会被感染，请放心！！如果还是放心不下可以到当地疾控中心心进行免费检测，消除心里阴影！希望我的回答能对你有所帮助，有什么疑惑请继续提问</t>
  </si>
  <si>
    <t xml:space="preserve">105合欢4转任务30分钟刷200个怪，时间不够怎么办？我噬新手? </t>
  </si>
  <si>
    <t>青云、天音、鬼道，只要会群功的都可以帮到你。再不行就找一两个朋友挂机单砍，用飞天传送的话，也应该可以完成。</t>
  </si>
  <si>
    <t xml:space="preserve">这久和老公做爱都是要射了才带套，这样会不会怀孕哦。 </t>
  </si>
  <si>
    <t>不安全　因为男性在性刺激下分泌的前列腺液中含有精子　只要你处于排卵期　那么就有怀孕的可能　再则长久这样还会带来一些危害第一，容易引起性功能障碍。性交是一个机制十分复杂的生理、心理过程，其中枢神经系统高级中枢的兴奋与抑制过程的协调状态是十分重要的，如性交欲达高潮时，突然强行中断性交带套，该兴奋则不能充分兴奋，性中枢的兴奋与抑制的自然协调关系也就会遭到破坏，时间久了，会使中枢神经和腰骶部射精中枢的功能发生障碍，以致出现早泄、阳痿、功能性不射精症，以及性欲减退等性功能障碍的情况。    第二、容易导致女子性冷淡。由于男女性生理的不同，当男方达到性高潮时，女子并不一定获得性满足，此时，男子强行中断性交带套，使女方性兴奋一落千丈，性心理受到不良压抑，如此下去，会对性交产生反感，导致性冷漠。虽然不射在里面，但难免有时在做的时候会有精子漏点进去。如果暂时真的不想要孩子的话。建议还是戴套或服用避孕药品。</t>
  </si>
  <si>
    <t xml:space="preserve">留学兑换外币我要去澳洲留学9月1号就要走了所以想最近兑换点澳元有 </t>
  </si>
  <si>
    <t>先分析一下:假使现有1元RMB,1.先兑成美无再兑成澳元,结果约为0.1831;               2.直接兑成澳元,结果约为0.1831.可见两种方式基本无差别,更何况美金现在正不断缩水.建议还是直接兑成澳元吧!!!</t>
  </si>
  <si>
    <t xml:space="preserve">宠物卷是有什么用的?还有变身技能能增加什么?宠物卷只能换同一种宠 </t>
  </si>
  <si>
    <t>理解基本正确拿一只TL,不管几级的,130以内,都是可以洗的,LV1以上的对应卷负责把所有野宠洗成1级同种宠,LV1就是一级宠洗..可以把20D洗成0D,当然也可以0D被洗成20D,全随机的至于变身,我不清楚,你指的是什么,如果是变身水晶的变身,那个消耗卡时且没有什么技能经验,等级是根据变身卵的等级.每使用一次扣一次卡时３、使用限制： A. Lv1之卵：变身每次消耗10分钟左右的打卡时间，每动作一次消耗30秒左右的打卡时间。 B. Lv2精灵之卵：变身每次消耗15分钟左右的打卡时间，每动作一次消耗1分钟左右的打卡时间。 C. Lv3精灵之卵：变身每次消耗20分钟左右的打卡时间，每动作一次消耗1分30秒左右的打卡时间。 D. 打卡时间若为0分0秒则无法变身。 E. 变身后，若是打卡时间被用至0分0秒则强迫解除变身。 F. 动作除了指攻击以外，被攻击也算动作次数，因此被攻击也会消耗打卡时间，但在单人单次行动回合之内无论被攻击到多少次，打卡时间只会扣一次，比如被乱射或连击的全部攻击次数打击中，只算一次。如果说的是仙人的变身,一直变就是了恩,3级变身是可以做出更好的装备,但是消耗卡时比较多 该回答在9月17日 11:52由回答者修改过</t>
  </si>
  <si>
    <t xml:space="preserve">求助,进不了游戏........新安装了4.0版,但在登陆界面我 </t>
  </si>
  <si>
    <t xml:space="preserve">    你的显卡可能有问题,你先在外面打你的名字,记下来是第几页第几个字然后进的时候直接打了直接按那个数字就行了.</t>
  </si>
  <si>
    <t xml:space="preserve">超声波的性质是什么? </t>
  </si>
  <si>
    <t xml:space="preserve">1、超声波在传播时，方向性强，能量易于集中。 2、超声波能在各种不同媒质中传播，且可传播足够远的距离。 3、超声与传声媒质的相互作用适中，易于携带有关传声媒质状态的信息（诊断或对传声媒质产生效应。（治疗） 超声波是一种波动形式，它可以作为探测与负载信息的载体或媒介（如B超等用作诊断）；超声波同时又是一种能量形式，当其强度超过一定值时，它就可以通过与传播超声波的媒质的相互作用，去影响，改变以致破坏后者的状态，性质及结构（用作治疗）。 </t>
  </si>
  <si>
    <t xml:space="preserve">暖气不热怎么办？我家是一栋二层别墅式小楼，由电厂集体供暖。我家的 </t>
  </si>
  <si>
    <t xml:space="preserve"> 暖气不热怎么办？楼下的暖气有放气阀吗?可能有空气憋在里面,把气放出来就好了.</t>
  </si>
  <si>
    <t xml:space="preserve">杭州西站如何坐公交到开元职高商贸（施家桥） </t>
  </si>
  <si>
    <t>长途汽车西站坐K179市交警支队换乘316，可以到。长途汽车西站坐K179，大塘新村换乘316路。</t>
  </si>
  <si>
    <t xml:space="preserve">为什么警察、部队首长平时要戴白手套？ </t>
  </si>
  <si>
    <t>警察、部队首长不会在平时戴白手套，只有在检阅部队或礼仪性往来时戴白手套。交警及门卫岗哨值勤时戴白手套。</t>
  </si>
  <si>
    <t xml:space="preserve">哪儿有好的动画（漫画）网？？？ </t>
  </si>
  <si>
    <t xml:space="preserve">        45865916如果是动画： (海南综合网站，有火影等动画片可以看，速度也很快，不需要注册）如果是漫画：1、 2、 3、 以上漫画都无需注册，即可在线看，如果你网速和机器速度较慢的，建议看极影，极影翻页速度较快。   这个也不错，南方频道 有死亡日记、四叶妹妹的在线阅读，还有比较多的动漫新闻跟资源晨火动漫   天使动漫  閑人  易風             异侠网,挺不错的,东东很多...说不完   推荐 推荐 他们汉化和制图都是自己做的！有最新的OP，HUNTER，NARUTO，网王等最新连载！车田正美官方网站： - 介绍车田正美及他的最新动向。  在线漫画网站，漫画很多  史无前例漫画网站，在线，但可以用鼠标右-左-右的方式取得图片地址，然后批量下载。  在线的H同人网站，漫画很多，每天更新，漫画在首页最下方的地方有漫画分类表  H龙珠漫画下载网站，有很多 介绍：是一个专门连载小说的地方~~但是上面开了一个漫画论坛~在线连载的漫画还真多~~下载动漫音乐很好的网站      有很多动画啊，都不错的。可能连接慢了点别怪我啊。  是个漫画比较多的网站，不过得按照上面说的一步步的做，不然下不了的~   漫画集  湘北体育馆  动漫无限  动漫天地  动漫九重天  漫画新干线  动漫岛  动漫极限  61%动漫全接触   动漫综合网站，原创，图片，音乐，而且提供部分歌词啦winamp 漫迷之家:综合类,它的动漫下载很全,是个不错的网站   日月星辰:综合类,它的音乐类不错,很全,还有一些声优的专集.   动漫无限:号称是国内最大的动漫下载基地,总的来说还可以.   漫画大风堂:综合类,综合各项都很不错,很有名气的老站点.   </t>
  </si>
  <si>
    <t>那里能买到林肯公园的T</t>
  </si>
  <si>
    <t>阿里巴巴有~~</t>
  </si>
  <si>
    <t xml:space="preserve">合服了，大家有什么感想？合服的好处与坏处谁能分析一下？ </t>
  </si>
  <si>
    <t>快要倒了..YOYO..免费出了...VIP没人玩了.......不出新区就合合区........好处?YOYO好处就是少个服...少点服务器....我们有什么好处..就国战多点人....坏处....本来以好卡的服..变得更卡...本来以好多强人了....现在更多...我们这小朋友还点玩下去....</t>
  </si>
  <si>
    <t xml:space="preserve">什么是痛风 </t>
  </si>
  <si>
    <t>痛风是嘌呤代谢紊乱及（或）尿酸排泄减少所引起的一种晶体性关节炎主要是由于嘌呤代谢中有关酶活性的先天性或后天性缺陷导致尿酸生成过多，尿酸排出过少，从而使血浆尿酸盐浓度超过饱和限度。其主要临床表现为无症状高尿酸血症，急性痛风性关节炎间歇性发作或慢性痛风石性关节炎，痛风性肾病。如有痛风症状可喝茶 “痛风 清圣 茶” ，三天可降尿酸 ，用“痛风 清 骨 散”泡脚，可溶结晶石 ，消除痛苦。答案如果对您有帮助，记得五星采纳哦。</t>
  </si>
  <si>
    <t xml:space="preserve">那种洗发水比较好？用过海飞丝，伊卡璐，舒蕾，力士.用海飞丝感觉越 </t>
  </si>
  <si>
    <t>我用海飞丝，伊卡璐，舒蕾，力士，夏士莲，水之密，潘婷。发现潘婷和水之密比较突出，其他基本没什么效果</t>
  </si>
  <si>
    <t xml:space="preserve">一个问题想问一下，我的明细账和现金和银行存款日记账，还有总账。我 </t>
  </si>
  <si>
    <t>这样结账的方法是最正确的，最规范的结账方法。没有错误，不需要调整。结账的一般程序 1、结账前，必须将本期内所发生的各项经济业务全部登记入账。2、结账时，应当结出每个账户的期末余额。需要结出当月发生额的，应当在摘要栏内注明“本月合计”字样，并在下面通栏划单红线。需要结出本年累计发生额的，应当在摘要栏内注明“本年累计”字样，并在下面通栏划单红线；12月末的“本年累计”就是全年累计发生额，全年累计发生额下应当通栏划双红线，年度终了结账时，所有总账账户都应当结出全年发生额和年末余额。3、年度终了，要把各账户的余额结转到下一会计年度，并在摘要栏注明“结转下年”字样，在“结转下年”字样下空格处，从右上角至左下角划一条斜线注销；在下一会计年度新建有关会计账簿的第一余额栏内填写上年结转的余额，并在摘要栏注明“上年结转”字样。</t>
  </si>
  <si>
    <t xml:space="preserve">以前的副本现在还在吗？有没有变化？例如ZG，FX，MC等等。 </t>
  </si>
  <si>
    <t>都没变  不过以前的5人本好多人都自己能单刷了 上次在网上看一视频说3个人把MC还是BWL给通了  记不清楚是哪了  不过还是真怀念以前的副本  现在就是想去都去不了了 艾泽拉斯大陆上的BOSS们现在肯定在忏悔：我们做错了什么！为什么都不来了呢！想要啥装备我给你们啥装备  呵呵</t>
  </si>
  <si>
    <t xml:space="preserve">评论这篇文章夜风已冷独自徘徊舞厅里不知不觉让人陷入了沉思舞蹈啊舞 </t>
  </si>
  <si>
    <t>与其说是一篇诗歌，不如说其是一篇发自内心的情感佳作。温柔、轻波的言语让读者深感你对舞蹈的热爱。不可言传，只可意会。让你的内心静下来，仔细、幸福的一次又一次的品味这种情感，这种不带任何理由，发自内心的纯洁的爱！</t>
  </si>
  <si>
    <t xml:space="preserve">英语好的人来帮我一下吧! </t>
  </si>
  <si>
    <t>1，根据爱丁堡大学学术评议会（Senatus Academicus一定指的是爱丁堡大学的学术评议会）的授权，XXX被授予博士学位2，学校秘书3，Roger Land大楼Kings's大楼West Mains路（注意：与前面一位说的不同，University Secretary（学校秘书）不是学生或学生会成员，而是学校主管文秘的职员。）</t>
  </si>
  <si>
    <t xml:space="preserve">造成子宫内膜薄的原因是什么呢？ </t>
  </si>
  <si>
    <t>答：原因一：内分泌严重失调：子宫内膜，是指构成哺乳类子宫里壁的一层，对动情素和孕激素都起反应，因此可随着性周期发生显著的变化，动情素可引起子宫肥大，孕激素可推动子宫内膜发生特殊的妊娠初期变化，或改变子宫内膜的性质，使之具有产生蜕膜的能力。因此，内分泌严重失调就会导致体内激素失衡，使子宫内膜周期性变化紊乱，导致子宫内膜薄。　　原因二：人工流产：人工流产是子宫内膜薄的最主要因素，专家指出，多次药流，或者人流动作过重都可能引起子宫内膜薄，甚至有的患者做完人流手术后就没有来过月经，这说明，人流手术严重伤害了子宫内膜，造成子宫内膜薄。　　原因三：子宫发育畸形：子宫发育畸形也是子宫内膜薄的一个原因，但长期以来一直别人们忽略，临床上，有的患者的子宫造影已经不是倒梨形了，甚至是细长条，这种因先天性畸形造成的子宫内膜薄一般临床上很难治疗。答：子宫内膜变薄的原因分为全身因素和局部因素，全身因素有，如雌激素水平偏低，孕激素不足，排卵障碍和生长激素缺乏等；局部因素主要是内膜损伤，粘连和缺如等。一般来说，经血量少，是由于雌激素水平低而引起的。雌激素可激发子宫内膜的增生变厚，为受孕做准备。如果未受孕，增生的内膜会脱落流血形成月经。体内雌激素水平低会导致子宫内膜壁薄，月经时流血少，这种情况日后是会影响受孕的。答：子宫内膜薄的原因有内分泌严重失调、人工流产、子宫发育畸形等原因引起。子宫内膜薄影响月经和怀孕。建议你去正规医院检查，明确身体情况，对症治疗，以免延误病情。</t>
  </si>
  <si>
    <t>大家讨论阿贾克教练脑袋穿刺了!阿贾克斯2</t>
  </si>
  <si>
    <t>阿假胜可以理解,哪是为主场面子,是为了争第一;负也可以理解,哪是争第三,为出线后选择对手,且可留力为联赛留力.最后时刻争平,只能是为庄家了.</t>
  </si>
  <si>
    <t xml:space="preserve">武汉哪有瑞士的美丽华的睫毛增长液卖？ </t>
  </si>
  <si>
    <t>我不知道哪里有卖，但是我用过，用了一个多月，一点效果都没有还有很多就送人了，结果我朋友用了两个月，也一点效果都没有</t>
  </si>
  <si>
    <t xml:space="preserve">虾仁怎么去腥我试过做虾饺，是在菜市买的活虾回来剥壳的，我在虾仁里 </t>
  </si>
  <si>
    <t>您好：  您做馅时可能放的虾肉过多，也不知道您放没放猪肉，如果放了猪肉就能去除虾的腥味。1首先应将虾身的背部上有一条黑色腥腺（可能是虾的胃肠）去掉2在盐水里泡两小时，也可去掉土腥味3洒上料酒腌20分钟，去腥味4少许柠檬汁可除虾腥味，且味道更佳在时加入适量的酒或醋，更是去腥的好办法。因为酒中乙 醇是很好的有机溶剂，虾身上能产生腥味的三甲基氨碰到乙醇就会 被溶解，并随着加热而挥发掉，所以，腥味儿就没有了。   用什么酒好呢？除用黄酒之外，白酒和果酒都行。   醋能去腥味，是因为虾的腥味很大成分属胺化物，呈弱碱性，而食醋中的醋酸与碱性的胺 化物能结合成中性盐，从而可以使腥味减少。   去除腥味到底 用酒好呢（什么酒都可以），还是用醋好？   这要看不同地区人们的饮食习惯，南方人一般对食物的口味要求是喜清淡，所以爱用黄酒 ；北方人的口味偏重，爱用醋。其实，许多人更喜欢酒醋都用，酒中的乙醇和醋中的醋酸结合后，能生成富有香味的醋；再配以适量的葱、姜，蒜等作料，烧出的味更香。</t>
  </si>
  <si>
    <t xml:space="preserve">联通在给CDMA用户做什么补贴?他们一直在说给C网的用户补贴,我 </t>
  </si>
  <si>
    <t>可能买炫机返话费,最多可以返900,不过只是促销手段,那样必须每月最低消费98,其实没必要.</t>
  </si>
  <si>
    <t xml:space="preserve">补牙后有些垫把好牙磨去些正确吗？我的后磨牙补牙后有些垫，那个大夫 </t>
  </si>
  <si>
    <t>不正确应该是要给你加个套吧不加套的话不应该磨的因为原来就是那样子的，磨的话容易漏神经的</t>
  </si>
  <si>
    <t xml:space="preserve">这样的情况怎么解决？我跟我GF谈了五年。最近她出轨了。后来被我发 </t>
  </si>
  <si>
    <t>沟通是必须的,她不坐下来和你谈,你怎么知道事情该怎么解决呢? 是不是你不够严肃,这是原则问题,你要让他知道,你是认真对待的,好好和她谈谈,问问她究竟要怎样,留下来,就要互相信任,互相爱戴,如果不留下来,就说清楚,给对方一个好的回忆,这样拖拖拉拉的,不行啊! 说句实话,我看了你的叙述,感觉你两个早晚得分, 毕竟她有那么一回事,你虽然现在原谅她了，但记忆是很难抹去的,不信你就试试吧!</t>
  </si>
  <si>
    <t xml:space="preserve">关于photoshop的一个小问题谢谢问题如图这是怎么回事怎么才 </t>
  </si>
  <si>
    <t>你说的可能是移动图片中的某一部分是吗？    用绳套工具套住你想移动的部分，按住左键不放，拖到你想移动到的目的地。或者你不想移动到本图片的话，你新建一个图层，再移动也可以，这样可以防止你原先操作的步骤被弄乱！Good Luck!</t>
  </si>
  <si>
    <t xml:space="preserve">洗牙会对牙齿产生危害吗？洗牙一次大概要多少钱？ </t>
  </si>
  <si>
    <t>近些年来，随着人们自我健康意识的不断增强，“洗牙”也被越来越多的人所熟悉。开展洗牙业务的牙科诊所如雨后春笋，甚至一些院的招牌上也赫然写上了“洗牙牙”二字。洗牙的人多了，一些人因洗牙而惹来某些烦恼，使得人们对洗牙产生种种议论。 牙龈具有特殊的组织结构。牙龈的边缘，与牙面之间不是紧密附着，而是存在一条O．5—2毫米深的浅沟，称龈沟。正常肘，牙龈与牙面紧贴，呈不开放状态。龈沟内易积存食物碎屑，附着菌斑，在成为厌氧菌生长繁殖的良好区域，由于其呈封闭状态，不易清洁，常导致牙周炎症的发生。此外，牙齿邻接点下方也是难以彻底清洁的区域，仅靠刷牙并不能完全清除异物，容易成为引发牙周疾病的隐患。有人认为每天认真刷牙，就不用洗牙了，这是不对的。因为牙齿在彻底清刷后的半小时内即会有新的菌斑形成，在30天内可达到最大量，久而久之即成为牙结石，可引起牙龈炎、牙周炎、出血、口臭，最终引起牙齿松动，甚至脱落。因此，成年人如果没有洗过牙，尽早到医院做一次洁治，而且最好半年做一次。 人们俗称的“洗牙”，医学术语称为“洁治”。所谓“洁”，就是去掉牙面的细菌、牙石、色素等牙垢；而“治”则指它是治疗牙周病的基本方法之一。通过洗牙可以减轻牙龈炎、牙周炎的炎症状况，但靠单纯洗牙是不能治愈牙周病的。要治好牙周病，还应该在洗牙之后进行进一步的诊断和口腔专业治疗。所以，洗牙的主要目的是为了防治口腔疾病，而不是单纯为了好看。 在发达国家，洗牙已成为很普及的常规口腔保健，人们每年一至两次定期找自己的牙医去洗牙。洗牙之后，如果发现牙周病，牙医会及时进行口腔专业治疗，以保持口腔健康。 洗牙是一种专业性很强的技术工作，在口腔医院里医务人员采用手动器械洗牙，需三个小时左右，就是采用超声波洁牙机洗牙，也需一个小时左右。而据患者反映，在某些牙科诊所或美容院里洗牙，只需10来分钟。实践证明，在不正规的地方洗牙，有很大危害。第一，只清除看得见的牙垢，而留下了致病作用最强的深层的牙垢，达不到防治牙周病的目的。第二，损坏牙龈，尤其是对清除牙垢之后暴露出牙根时不能及时进行进一步的专业治疗，不仅导致患者疼痛难忍，还加重牙周病的病情。第三，极易造成交叉感染，给人们带来不应有的遗憾。所以，对洗牙的场所要慎重选择，应该到正规医院找经过严格培训的医务人员来为您洗牙。 那么为什么洗完后牙齿会有异样或过敏的感觉?洗牙后，牙缝宽了，牙齿会不会松动?其实牙石好像大棉袄，一旦脱去牙齿暴露在“久违”的环境里，就会产生种种异样的感觉。如果是健康的牙齿，一段时间以后，异样感会消失。如果牙缝大了，说明本身就有牙周病，而且牙龈萎缩了，去除牙石后给人以牙缝增宽的错觉。这不是治疗造成的，而是牙周病本身的原因。如不及时除去牙石，牙龈会进一步萎缩，反而会导致牙齿松动。洗牙价钱;50元-上百元不等</t>
  </si>
  <si>
    <t xml:space="preserve">黄石那个店的衣服适合19岁男孩子穿的？稀奇一点的衣服 </t>
  </si>
  <si>
    <t>森马 耐克</t>
  </si>
  <si>
    <t xml:space="preserve">央行上调准备金率新闻联播播出，央行再次上调准备金率，周一大盘面临 </t>
  </si>
  <si>
    <t>热心人；谢谢你！</t>
  </si>
  <si>
    <t xml:space="preserve">大盘最近3100至3500点左右是否适合买基金？ </t>
  </si>
  <si>
    <t>我个人认为是可以买的，因为基金不是股票，是长期投资的，3000多点不算高点。因为我的基金一直持有着。</t>
  </si>
  <si>
    <t xml:space="preserve">有誰知道中山有大学吗？是不是中山大学？中山人喜欢吃什么东西呢？还? </t>
  </si>
  <si>
    <t>中山有一所大学叫做中山学院（电子科技大学）原来叫做孙文学院，只有大专，后来成都电子科技大学在这里搞了个本科，所以改名为中山学院中山大学是广州的中山是一个很漂亮的地方，生活很舒服很休闲的，环境非常好消费水平也不高，一个月3000块的工资也可以生活得不错了。中山是一个休闲服装生产地方，所以服装都不贵的，去批发的话可以几十块买到别的地方要一两百块才买到的衣服</t>
  </si>
  <si>
    <t xml:space="preserve">请问天堂2中那里能爆成品?是C以上的武器? </t>
  </si>
  <si>
    <t>高级的成品自然是高级的怪掉，要掉C以上的武器的话，起码得45级以上的怪吧。。。另外天2高级武器的主要来源不是靠暴的，而是靠矮人制作。收集对应的制作卷，组件，基础材料，然后利用工匠的制作技能合成武器，是高级武器的主要来源吧。。。</t>
  </si>
  <si>
    <t xml:space="preserve">我是40区的请问我们区怒斩换列炎手势几样 </t>
  </si>
  <si>
    <t>我怎么觉得能换一套呢？谁知道怎么回事。</t>
  </si>
  <si>
    <t xml:space="preserve">眼睛很会眨是怎么回事我的眼睛很会眨,一说话就会眨个不停,而且眨得 </t>
  </si>
  <si>
    <t>抽动症又称习惯性痉挛或短暂性抽动障碍，是儿童期常见的一种抽动障碍，发病率约为1％～7％，好发于学龄前及学龄早期儿童，男孩多于女孩，常表现为单纯性的身体某部位肌肉或肌群（通常以眼肌、面肌多见）突然快速不自主地反复抽动，如眨眼、挤眉、皱额、咬唇、露齿、张口、点头、摇头、伸脖、耸肩等动作。少数可出现简单的发声抽动，如单纯反复咳嗽、哼气、清嗓等，有时患儿也能意识到，但却无法控制，遇情绪紧张或疲劳时加重。一般持续几周至几月，很少超过一年。若病程超过一年者称为慢性抽动障碍，还有的以多种肌肉抽动与发声同时出现，称为抽动—秽语综合征。　　抽动症的发病原因可能与以下几种因素有关：（1）遗传因素有资料显示，抽动障碍患儿的家族成员患抽动症者较一般人群多见。（2）躯体因素躯体局部某种疾病如眼结膜炎、倒睫、鼻炎或上呼吸道感染等引起眼肌、面肌不自主抽动，当局部疾病消失后，抽动症状仍然存在。（3）社会心理因素如精神紧张、家庭不和、亲人死亡、学习负担过重及方式、亲子关系不良等，使抽动成为心理应激的一种表现。（4）器质性因素部分患儿曾有围产期损伤史，如产伤、窒息、早产、宫内感染等。约有5％～6％的患儿脑电图检查异常，约有25％的患儿头颅CT异常，并伴有一些神经系统“软体征”。（5）药源性因素某些药物如中枢兴奋剂、抗精神病药等，长期不恰当或大剂量地应用可产生抽动反应。　　大多数抽动症随着年龄增长而减轻或自行缓解，一般对日常生活无影响者无需治疗，个别患儿可选用心理治疗，包括支持性心理治疗、家庭治疗、行为治疗等，或在医生指导下服用一些精神药物。</t>
  </si>
  <si>
    <t xml:space="preserve">我用FOXMAIL收到邮件,最近老提示:err验证失败,重新输入? </t>
  </si>
  <si>
    <t xml:space="preserve">您好，您可以试试，用您FOXMAIL填写的邮箱密码，通过网页去登录一下邮箱，看看是否可以登录，如果可以，这就需要您与我们客服中心直接联系，提供您的邮箱地址，我们来查询一下原因了。如果通过网页无法登录邮箱，这就是您的邮箱密码有误，您就需要查询一下您的邮箱密码了。如有更多问题， 请咨询新浪客服中心。全国统一客服热线：     咨询邮箱：webcn@ </t>
  </si>
  <si>
    <t xml:space="preserve">严重咳嗽，咳到晚上睡不着觉，谁知道吃什么药最好 </t>
  </si>
  <si>
    <t>这是。慢性支气管炎饮食治疗原则及要求   饮食治疗的目的是供给足够的热能、蛋白质及富含维生素的食物，以增强病人机体的免疫力，有利于支气管组织的修复和减少反复感染的机会。   1、饮食调整，体重正常的病人给予平衡饮食，以增加呼吸道的抵抗能力；体重低于正常者，应供给高热能、高蛋白饮食，以利于受损伤的支气管组织修复。病人由于消化道细胞缺氧而使得食欲减退，应采用少量多餐的进餐方式，每天可分为6次。供给易于消化吸收的食物，蛋白质供给量为1.2～1.5克/千克·天，应以动物蛋白和大豆蛋白等优质蛋白为主。   2、急性发作期，特别是发热时，应进半流素食，多饮水，以湿化痰液，利于咳出，同时又可减轻消化道的负担，利于营养素的消化吸收。   3、迁延期，饮食调养原则为补治兼顾，可选用枇杷、柑橘、梨、菠萝、莲子、百合、核桃、蜂蜜、猪肺、羊肺等食物，能起补肾养肺的作用。饮食宜清淡，多吃新鲜蔬菜如大白菜、小白菜、菠菜、油菜、胡萝卜、白萝卜、西红柿等，不仅可补充多种维生素和无机盐，还有清痰去火之功。   4、缓解期，应根据不同体质来选择食物，以增加体质。宜进食富含优质蛋白质的食物，可多吃猪瘦肉，动物肝脏，豆制品等，既可补充营养的消耗，又无增痰上火之弊。   5、适量限奶类制品，奶制品易使痰液变稠，使感染加重，应避免食用。因奶制品是钙的主要来源，在不食用奶制品时，应注意每天补钙1克(2.5克碳酸钙即含有1克钙)。   6、补充维生素。为增加机体免疫功能，减轻呼吸道感染症状，促进支气管粘膜修复，应补充足够的维生素A和维生素C。每天供给量为维生素C 100毫克，维生素A5000单位即可满足机体的需要。   7、增加液体摄入量。大量饮水，有利于痰液稀释，保持气管通畅，每天饮水量至少2000毫升。   8、依据病情的寒热选择不同的食物。如属寒者用生姜、芥菜等；属热者用白菜、茼蒿、萝卜、竹笋、柿子、梨子等；体虚可用枇杷、百合、胡桃仁、蜂蜜、猪肺等。   9、忌生冷及咸食。忌各种生冷瓜果、凉拌菜、冰淇淋、冰镇汽水等。这类食品有碍脾胃，对水湿运化不利，聚湿生痰，使肺气失于通畅，而使慢性支气管炎症状加重；咸食可使体内水钠潴留，加重支气管粘膜水肿充血，加重咳嗽、气喘症状。   10、忌食腥发及肥腻之物。腥发之物，特别是海腥类，如黄鱼、带鱼、角皮鱼、蟹、虾等，除助湿生痰外，还可引起过敏；油炸排骨、熘肉段、烤羊肉串、肥肉、动物内脏、动物油等，多食损伤脾胃，易助湿生痰。"鱼生火，肉生痰，白菜豆腐保平安"，这是有道理的。   11、忌辛辣刺激性食物。辛香温燥之品，易于化燥，增加痰液粘度，可伤及肺阴，对"慢支"恢复不利。故辣椒、咖喱、芥末、胡椒、大葱、白酒等，应当不用。   12、药物的影响。治疗慢性支气管炎的许多药物对病人的食欲和营养代谢均有些副作用，应予以注意。 慢性支气管炎的食物选择   1、花生   花生能治久咳。《本草纲目拾遗》中曾记载：“有一妇咳嗽痰多，医束手不治。庵尼云上劝服花生，每日食2～3两，渐觉稀少，不半年服花生20余斤，咳嗽与痰喘皆除。"另据河南省开封市卫生局1972年《医药卫生科技资料选编》中介绍：取落花生衣100克，加水煎约10小时以上，过滤后浓缩到100毫升，加糖。适宜慢性支气管炎之人食用。曾用此法试服于407例慢性支气管炎患者，每日2次分服，10日为1疗程，结果近期控制8例，显效47例，好转230例。   2、橘饼   《食物宜忌》云：“橘饼味甘性温。"《随息居饮食谱》亦认为：“甘辛而温"。并说它能"和中开膈，温肺散寒，治嗽化痰。"可用橘饼1个，切薄片，放碗内用开水冲泡，趁热喝汤吃饼。   3、金橘   金橘性温，味辛甘，能理气、化痰、止咳，适宜慢性支气管炎咳嗽多痰者服食。或煎汤，或泡茶，亦可糖腌压作金橘饼食用。   4、百合   百合能补肺气，止咳嗽，适宜慢性支气炎久咳伤肺，咳嗽不止者食用。可用百合干与中药款冬花等量，研为细粉，炼熟和为丸，如龙眼核大小，每日2～3次，每次嚼食1丸，然后用生姜茶咽下，含化亦佳。   5、胡桃仁   胡桃仁性温，味甘，能补肺气而治久咳。《本草纲目》中记载：“洪迈云：迈有痰嗽之疾，以胡桃肉三颗，生姜三片，卧时嚼服，即饮汤两三呷，又再嚼胡桃、生姜如前数，即静卧，及旦而痰消嗽止。" 慢性支气管炎食疗 2005.02.05   ●推荐食疗一   方1、苏子粥：苏子30克(捣成泥)、陈皮10克(切碎)、粳米50克，红糖适量，加水煮成粥。早晚温服。适用于急性加重期及慢性迁延期咳嗽气喘、痰多纳呆、便秘的病人。   方2、海蛰芦根汤：海蛰100克、鲜芦根60克，洗净共煎吃汤。适用于急性加重期及慢性迁延期咳嗽痰黄、胸闷气急、口干便秘患者。   ●推荐食疗二   方1、黄芪党参粥：黄芪40克、党参30克、山药30克、半夏10克、白糖10克、粳米150克。黄芪、党参、半夏煎汁去渣代水，与山药、粳米同煮为粥，加入适量白糖，连服数月有补益脾肺之功。适用于稳定期肺脾气虚者。   方2、百合麦冬粥：鲜百合30克，麦门冬9克，粳米50克。加水煮成粥，食时加适量冰糖。适用于稳定期肺肾阴虚者。   方3、人参胡桃汤：人参3克、胡桃肉30克，水煎服，每日一剂。适用于稳定期脾肾阳虚者。 .1.大蒜、食醋各250克，红糖90克。将大蒜去皮捣烂，浸泡在糖醋溶液中，一星期后取其汁服用，每次一汤匙，每日3次。 2.白萝卜250克洗净切片，冰糖60克，蜂蜜适量，加水适量煮至熟烂，食萝卜饮汤，每日早晚各1次。 3.白萝卜250克洗净切片，生姜7片，红糖30克，加水适量煎汁服用，每日早晚各1次。 4.红白萝卜250克洗净切片，加麦芽糖25克放置半天，取其汁液饮服，每日2-3次。 5.麦芽糖、蜂蜜、大葱汁各适量，熬溶后装瓶备用。每次取服1茶匙，每日3次。 6.鸡蛋2个，香油50克，食醋适量。将鸡蛋打散放香油中炸熟，加食醋食之，早晚各1次。 7.花生米100-150克，加冰糖和水各适量煮至熟烂，食花生米饮汤，每日1-2次。 8.杏仁15克，反复捣烂加水滤汁，再加蜂蜜1茶匙，用开水冲服，每日2-3次。 9.雪梨1个削皮去核，纳入贝母粉9克、冰糖30克，隔水蒸熟食之，每日早晚各1个。 10.南瓜500克去皮切成小块，红枣15枚，红糖适量，加水适量煮汤服食，每日1-2次。 11.鲜橙1个连皮切成4瓣，加冰糖15克，隔水炖半小时，连皮食之，早晚各1个。 12.冬瓜籽、冬瓜皮各20克，麦冬15克，加水煎汁服用，每日1剂分早晚服。 13.甜杏仁10克，细嚼慢咽，每日2次，有止咳、化痰、定喘等作用。 14.雪梨1个挖去果核，填入冰糖适量，隔水蒸熟食之，每日早晚各1个。 15.芝麻、生姜各50克共捣烂，加水适量煎汁服用，每日1剂。 16.鲜百合2-3个，洗净捣烂滤汁，用温开水冲服，每日2-3次。 17.大蒜100克去皮拍碎，猪瘦肉500克洗净切片，加调料炒熟食之。</t>
  </si>
  <si>
    <t xml:space="preserve">3D电视到底现在能不能买呢？最近一直想换台3D电视来着，可是不太 </t>
  </si>
  <si>
    <t>虽然大部分3D电视都有最佳观看距离、最佳位置以及休息时间等观看指导，但还需要对此进行更多的研究并对消费者进行更明确的指导。比如一些3D电视摆放过近，就会出现附带的3D眼镜系统之间形成干扰，影响正常使用，一些人出现身体不适反应的几率很大。有些3D内容，在拍摄环节中没有遵从人眼的立体视觉原理，镜头距离过大，造成人眼立体影像合成障碍;左右图像存在色彩、明暗等明显物理差异，造成左右图像差异较大，以致人眼立体影像合成障碍。</t>
  </si>
  <si>
    <t xml:space="preserve">关于秋天的草地、花草、树木的好词好句好段越多越好 </t>
  </si>
  <si>
    <t>秋高气爽 秋风萧瑟 秋色宜人 一叶知秋、春种秋收、春兰秋菊、春花秋月 秋风过耳、秋雨绵绵 秋意深浓、秋兰飘香、丹枫迎秋 、枫林如火、秋风习习 好句： 秋天的美是成熟的--它不像春那么羞涩，夏那么坦露，冬那么内向。 秋天的美是理智的--它不像春那么妩媚，夏那么火热，冬那么含蓄。 秋，收获的季节，金黄的季节--同春一样可爱，同夏一样热情，冬一样迷人。 金秋的阳光温馨恬静，侗乡的秋风和煦轻柔，蓝天白云飘逸悠扬。 好段： 九月一到，就有了秋意，秋意在一个多雾的黎明溜来，到了炎热的下午便不见踪影。它踮起脚尖掠过树顶，染红几片叶子，然后乘着一簇飞掠过山谷离开。 再过一两夜，秋霜在月下布满山谷，然后退回到北面群山那边稍作停留，好让金黄的初秋温柔地抚慰大地。轻微的茴香气息弥漫在天空中。还有金菊的芬芳气味。雾气翻腾，被九月的月色冲破，露出一片蔚蓝色的天空。 秋天，那永远是蓝湛湛的天空，会突然翻脸而露出险恶的颜色，热带台风夹着密云暴雨，洪水潜流着，复苏的草原又泛起点点苍苍的颜色。然而，台风暴雨一闪而过，强烈的气流依然抖动着耀眼的波光。这时，只有北来的候鸟知道这张温暖的床眠，那飞翔的天鹅、鸿雁和野鸭，就像一片阴深的云朵，使这儿显得更苍郁了。 不知道从多久起，仿佛一场紧张的拼搏终于渐渐地透出了分晓，田野从它宽阔的胸膛里透过来一缕悠悠的气息，斜坡上和坝子上有如水一般的清明在散开，四下里的树木和庄稼也开始在微风里摇曳，树叶变得从容而宽余。露水回来了，在清晨和傍晚润湿了田埂，悄悄地挂上田间。露岚也来到了坝子上，静静地浮着，不再回到山谷里去。阳光虽然依旧明亮，却不再痛炙人的脊梁，变得宽怀、清澄，仿佛它终于乏力了，不能蒸融田野了，也就和田野和解了似的；……秋天来了！ 扑入车窗的景色，使我生发了一种似曾相识的感触。那碧天的云，蛮荒的山，被秋霜洗黄的野草，俨然像一位饰着金色丽纱的处女，裸露着奶黄色的胴体，在萧瑟的秋风中婆娑起舞，展现着消魂的倩姿。伫立在山颠的秋阳，宛如一尊威武的战神，抖落血染的战袍，溅在草丛中，渗入山下的小溪，泛着数不清的涟漪，呜咽地向外流淌，从古流到今，从辽远的过去流向那茫茫的未来。 秋，不是常说是金色的吗？的确，她给大自然带来了丰硕的果实，给包括人在内的众多生物赏赐了无数得以延续生命的食粮。 杜牧---山行 远上寒山石径斜, 白云生处有人家。 停车坐爱枫林晚, 霜叶红于二月花。 其他更多,详见: 描写秋天的古诗和描写秋天的名句 袅袅兮秋风，洞庭波兮木叶下 袅袅：形容微风吹拂。洞庭：洞庭湖，在今湖南省北部。波：微波泛动。木叶：枯黄的树叶。 战国楚•屈原《九歌•湘夫人》 悲哉秋之为气也！萧瑟兮草木摇落而变衰，??栗兮若在远行，登山临水兮送将归 萧瑟：寂寞萧条的样子。燎栗：凄凉。若在远行：好象人在远行之中。 战国楚•宋玉《九辩》 秋风起兮白云飞，草木黄落兮雁南归 汉•刘彻《秋风辞》 秋风萧瑟天气凉，草木摇落露为霜 三国魏•曹丕《燕歌行》 榈庭多落叶，慨然知已秋 榈庭：榈巷庭院。 晋•陶渊明《酬刘柴桑》 迢迢新秋夕，亭亭月将圆 迢迢：形容夜长。亭亭：远貌。 晋•陶渊明《戊申岁六月中遇火》 芙蓉露下落，杨柳月中疏 芙蓉：荷花。 南朝齐•萧悫《秋思》 寒城一以眺，平楚正苍然 寒城：寒意已侵城关。眺：远望。平楚：平野。苍然：草木茂盛的样子。两句写初秋之景。 南朝齐•谢?I《宣城郡内登望》 亭皋木叶下，陇首秋云飞 亭皋：水边平地。木叶：树叶。陇首：山名，在今陕西、甘肃之间。 南朝梁•柳浑《捣衣诗》 草低金城雾，木下玉门风 草低：衰草枯萎。木下：树叶落下。金城：古郡名，在今甘肃榆中与青海西宁之间。玉门：玉门关，在今甘肃敦煌西。两句写西北寒秋之景。 南朝梁•范云《别诗》 树树秋声，山山寒色 秋声：秋天西风作，草木零落，多肃杀之声。 北周•庾信《周谯国公夫人步陆孤氏墓志铭》 时维九月，序属三秋 维：语助词，无义。序：时节。 唐•王勃《秋日登洪府膝王阁饯别序》 落霞与孤骛齐飞，秋水共长天一色 骛：鸟名，野鸭。齐飞：落霞从天而下，孤骛由下而上，高下齐飞。一色：秋水碧而连天，长空蓝而映水，形成一色。 唐•王勃《秋日登洪府膝王阁饯别序》 树树皆秋色，山山唯落晖 唐•王绩《野望》 挂林风景异，秋似洛阳春 唐•宋之问《始安秋日》 寒山转苍翠，秋水日潺??潺?毫魉?唐•王维《辋川闲居赠裴秀才迪》 荆溪白石出，天寒红叶稀 这两句写深秋景色：溪水下降，白石露出，红叶飘零，所余不多。 唐•王维《阙题二首•山中》 秋声万户竹，寒色五陵松 唐•李颀《望秦川》 金井梧桐秋叶黄，珠帘不卷夜来霜 唐•王昌龄《长信秋词五首》：“金井梧桐秋叶黄，珠帘不卷夜来霜。熏笼玉枕无颜色，卧听南宫清漏长。” 寒潭映白月，秋雨上青苔 唐•刘长卿《游休禅师双峰寺》 木落雁南渡，北风江上寒 唐•孟浩然《早寒江上有怀》 秋色无远近，出门尽寒山 唐•李白《赠庐司户》 雨色秋来寒，风严清江爽 唐•李白《酬裴侍御对雨感时见赠》 长风万里送秋雁，对此可以酣高楼 酣：尽情饮酒。 唐•李白《宣州谢?I楼饯别校书叔云》 人烟寒橘柚，秋色老梧桐 人烟：人家炊烟。寒橘柚：秋日寒烟使橘袖也带有寒意。两句写人家缕缕炊烟，橘柚一片深碧，梧桐已显微黄，呈现一片深秋景色。 唐•李白《秋登宣城谢?I北楼》 高鸟黄云暮，寒蝉碧树秋 唐•杜甫《晚秋长沙蔡五侍御饮筵送殷六参军归沣州觐省》 信宿渔人还泛泛，清秋燕子故 信宿：连宿两夜。故：仍然。 唐•杜甫《秋兴八首》 翟塘峡口曲江头，万里风烟接素秋 唐•杜甫《秋兴八首》 远岸秋沙白，连山晚照红 唐•杜甫《秋野五首》 天上秋期近，人间月影清 唐•杜甫《月》 八月秋高风怒号，卷我屋上三重茅 唐•杜甫《茅屋为秋风所破歌》 长风吹白茅，野火烧枯桑 白茅；茅草。描写深秋原野的景象：大风吹卷着原野上的茅草，野火烧着枯萎的桑树。 唐•岑参《至大梁却寄匡城主人》 秋风万里动，日暮黄云高 唐•岑参《巩北秋兴寄崔明允》 返照乱流明，寒空千嶂净 返照：晚照，夕照。乱流：纵横错杂的河水。嶂：陡立的山峰。 唐•钱起《杪秋南山西峰题准上人兰若》 万叶秋声里，千家落照时 落照：夕阳西下。 唐•钱起《题苏公林亭》 宿雨朝来歇，空山秋气清 宿雨：昨夜的雨。 唐•李端《茂陵山行陪韦金部》 雨径绿芜合，霜园红叶多 绿芜：绿草。合：长满。意谓雨后庭中小径长满绿草，霜后花园中落满红叶，庭院一片荒凉寂寞景象。 唐•白居易《司马宅》 山明水净夜来霜，数树深红出浅黄 唐•刘禹锡《秋词二首》 试上高楼清入骨，岂知春色嗾人狂 清入骨：秋天的景色清澈入骨。嗾：怂恿。 刘禹锡《秋词二首》 多少绿荷相倚恨，一时回首背西风 描写荷叶在秋风中向东倾斜，暗寓伤秋的情绪。 府•杜牧《 齐安郡中偶题二首》 红烛秋光冷画屏，轻罗小扇扑流萤 轻罗小扇：轻薄的丝制团扇。这两句描写红烛在秋夜中发出寒光，照着画屏，女郎手持精致的团扇追扑萤火山。 唐•杜牧《秋夕》 天阶夜色凉如水，卧看牵牛织女星 天阶：宫中的台阶。 唐•杜牧《秋夕》 秋阴不散霜飞晚，留得枯荷听雨声 秋阴不散：虽已是秋天，但连日阴云漠漠，故不见严霜降落。下旬的枯荷也由此出。听雨吉：雨打枯荷，单调、凄凉。 唐•李商隐《宿骆氏亭寄怀崔雍崔衮》 秋山野客醉醒时，百尺老松衔半月 唐•施肩吾《秋夜山居》：“去雁声遥人语绝，谁家素机织新雪。秋山野客醉醒时，百尺老松衔半月。” 老树呈秋色，空池浸月华 唐•刘得仁《池上宿》 秋宵月色胜春宵，万里霜天静寂寥 唐•戎昱《戏题秋月》（又作：秋宵月色胜春宵，万里天涯静寂寥） 一夜绿荷霜剪破，赚他秋雨不成珠 飞霜使荷叶破碎，秋雨落在破叶上再也无法形成水珠了。 唐•来鹄《偶题二首》 夜半酒醒人不觉，满池荷叶动秋风 不觉；不睡。 唐•窦巩《秋夕》 菡萏香销翠叶残，西风愁起绿波间 菡萏：荷花的别称。 南唐•李璟《浣溪沙》 碧云天，黄叶地，秋色连波，波上寒烟翠 宋•范仲淹《苏幕遮》 一年好景君须记，最是橙黄橘绿时 橙黄橘绿时：指秋冬之交的时节。 宋•苏轼《赠刘景文》 相逢不用忙归去，明日黄花蝶也愁 明日黄花：指重阳过后菊花逐渐枯萎。蝶也愁：菊花枯萎，蝴蝶无处寻花，故曰“愁”。 宋•苏轼《九日次韵王巩》 萧萧远树流林外，一半秋山带夕阳 宋•寇准《书河上亭壁》 秋景有时飞独鸟，夕阳无事起寒烟 宋•林速《孤山寺端上人房写望》 对潇潇暮雨洒江天，一番洗清秋 潇潇：小雨降落的样子。 宋•柳永《八声甘州》 渐霜风凄紧，关河冷落，残照当搂 霜风：秋风。关河：关塞河流。残照：夕阳的余晖。 宋•柳永《八声甘州》 是处红衰翠减，苒苒物华休。惟有长江水，无语东流 是处：到处。红衰翠减：花谢叶落。苒苒：渐渐。物华：美好的景物。 宋•柳永《八声甘州》 断虹霁雨，净秋空，山染修眉新绿 断虹：残余的彩虹。霁雨：雨停了。修眉：形容山如美人的长眉。 宋•黄庭坚《念奴娇》 漠漠轻寒上小楼，晓阴无赖似穷秋 无赖：百无聊赖。穷秋：深秋。 宋•秦观《浣溪沙》 风定小轩无落叶，青虫相对吐秋丝 小轩；有窗槛的小室。 宋•秦观《秋日》 秋容老尽芙蓉院，草上霜花匀似翦 秋容：秋色。老：深。 宋•秦观《木兰花》 绿荷多少夕阳中。知为阿谁凝恨、背西风 阿谁；何人。背西风：背向秋风。 指荷叶被秋风吹得叶梗都弯了。 宋•秦观《虞美人》 山抹微云，天粘衰草，画声断谯门 衰草：枯草。画角：军中用的号角。断：尽。谯门：城上鼓楼，用以了望敌情。 三句写孤城秋景。 宋•秦观《满庭芳》 落时西风时候，人共青山都瘦 宋•辛弃疾《昭君怨》 觉人间，万事到秋来，都摇落 宋•辛弃疾《满江红•游南岩和范廓之韵》 秋气堪悲未必然，轻寒正是可人天。绿池落尽红蕖却，落叶犹开最小钱 可人：合人意。红蕖（音同“渠”）：荷花。却：开尽。最小钱：新出荷叶才象小铜钱那么大。 宋•杨万里《秋凉晚步》 园翁莫把秋荷折，因与游鱼盖夕阳 宋•周密《西塍废园》（又《西塍废圃》。塍：田间的土梗子。） 天水碧，染就一江秋色 染就：染成。 宋•周密《闻鹊喜•吴山观涛》 只有一枝梧叶，不知多少秋声 宋•张炎《清平乐》 万壑泉声松外去，数行秋色雁边来 壑（音同“贺”）：山谷。 元•萨都刺《梦登高山得诗二首》 秋风吹白波，秋雨呜败荷。平湖三十里，过客感秋多 败荷：残荷。 元•萨都刺《过高邮射阳湖杂咏九首》 孤村落日残霞，轻烟老树寒鸦，一点飞鸿影下 残霞：晚霞。寒鸦：天寒归林的乌鸦。飞鸿：大雁。 元•白朴《天净沙•秋》 晚趁寒潮渡江去，满林黄叶雁声多 清•王士祯《江上》 山色浅深随夕照，江流日夜变秋声 变秋声：江流随着夏去秋来而改变声响。 清•宋碗《九日同姜如龙、王西樵、程穆情诸君登慧光阁饮于竹圃分韵》</t>
  </si>
  <si>
    <t xml:space="preserve">2005年度会计职称考试的教材什么时候出来？谢谢谁能告诉我200 </t>
  </si>
  <si>
    <t>我们这是差不多12月就可以到达考生手中,但是由于各个地方的差异,所以不会使每个地方同时到达的!去年是过了年才发的,可晚了,今年不会了吧!</t>
  </si>
  <si>
    <t xml:space="preserve">一页显示多少wenzhang </t>
  </si>
  <si>
    <t>一页显示10篇文章，一旦超过11篇，系统就会自动分页。</t>
  </si>
  <si>
    <t xml:space="preserve">阵容改造,中卫帮忙看看.阵型：4321门将：布冯左后卫：A.科尔 </t>
  </si>
  <si>
    <t>默特萨克留着，卡希尔换特里，要是觉得特里矮了就用维迪奇，现在主流都是这仨人</t>
  </si>
  <si>
    <t xml:space="preserve">高效打造品牌的方法有哪些？求高手帮忙！ </t>
  </si>
  <si>
    <t>基本上都是通过互联网发布信息来推广公司，这个方法效果显著，耗时短。我们用的skycc组合营销软件来发布信息。</t>
  </si>
  <si>
    <t xml:space="preserve">脑筋急转弯超人和蝙蝠侠有什么区别？ </t>
  </si>
  <si>
    <t>超人把内裤穿外面，蝙蝠侠穿里面</t>
  </si>
  <si>
    <t xml:space="preserve">石家庄所售卖的捷安特的电动车多少钱呢？哪里最便宜呢？什么牌子的最? </t>
  </si>
  <si>
    <t>和平路和北新街交叉口往东路北都是</t>
  </si>
  <si>
    <t xml:space="preserve">为什么有人总要采纳绝对错误的回答？是不是有原因？ </t>
  </si>
  <si>
    <t>采纳绝对错误的回答 是有原因的，他（她）们是互相利用的，（为了取得得分）你发现了可以点击“举报”，把情况汇报一下，如果真是那样，你还会得到奖赏分的。</t>
  </si>
  <si>
    <t xml:space="preserve">冤家什么意思？ </t>
  </si>
  <si>
    <t xml:space="preserve">    可能双方性格都属于比较好胜的,会因为某些小事争执. 建议多沟通,有时候为了你所爱的人选择宽容和忍让. 这样对谁都好.    想想某些问题是不是一定要分个胜负?是不是一定要坚持,坚持的后果是什么?站在对方的立场多想想.    每次想要吵的时候抱抱对方,安抚下情绪可能就会不一样.</t>
  </si>
  <si>
    <t xml:space="preserve">怎么办？怎么知道她是否喜欢我？或者我是否真正喜欢她？ </t>
  </si>
  <si>
    <t>第一个问题：怎么知道她是否喜欢我答案：我认为你能否知道她是否喜欢的方法有很多，但最重要的是要看自己的感觉，但人的感觉有很多时候是错的，但即使错了，你也还是喜欢她，所以，最好是自己大声讲出来，找一个大家很快乐的时机，让一切顺其自然的发展，这个是最好的方式。你便可以知道她是否喜欢你。第二个问题：或者我是否真正喜欢她？答案：感情这事情不好说，这首先看自己怎么想，你认为你真的喜欢她你就是真的喜欢她，但有时候真的在一起了，你又发现你爱的不是她，有时候你只想随便找个人，但结果你发现你真的离不开她了。所以，每个人的心中都有一份爱，当你遇到这个值得的人的时候，你就会把这份爱给她，但这个是开始，却不是结局，还是要自己去把握未来才对！</t>
  </si>
  <si>
    <t xml:space="preserve">我的英语很差，有什么方法复习，可在高考时打60分，紧急求救！！1 </t>
  </si>
  <si>
    <t>提高最快的两点就是书面表达与听力，从现在起，每天听一套听力题，即使听不懂也要坚持，每次听完后都要把答案与听力原材料进行对比，观察题目答案设置的规律，这样一段时间后听力就会有很大长进。如果你英语语法基础很差，那就最好背一些范文，尤其以表达观点的小议论文为主，今年高考命题趋向于这个，背范文时要注意关联词的使用，以及表达好坏，赞成与反对，百分比等常用句型，这样背十篇后，英语绝对有突飞猛进的进展，想得60太EASY了，祝你高考成功！！！！！</t>
  </si>
  <si>
    <t xml:space="preserve">恶魔城——二周目使用拉尔夫有没有什么新增的内容？二周目使用拉尔夫 </t>
  </si>
  <si>
    <t>兄台看来玩穿了普通模式了,用另外的鞭子男模式也是没什么意思,没有召唤兽.你可以玩玩@CRAZY模式,真的很难,随便一个敌人给你一下就是几十血,就拿一入城的那个铁锤男说吧,普通模式打你只费8格血,而CRAZY模式则要费70格血啊!总之,这个恶魔城玩过后感觉不太好,场面太小,隐藏要素太少,敌人种类太少.</t>
  </si>
  <si>
    <t xml:space="preserve">关于投资收益营业利润是营业收入减去营业成本、营业税金及附加、期间 </t>
  </si>
  <si>
    <t>利得是指由企业非日常活动所形成的、会导致所有者权益增加的、与所有者投入资本无关的经济利益的流入。　　损失是指由企业非日常活动所发生的、会导致所有者权益减少的、与向所有者分配利润无关的经济利益的流出。具体包括计入所有者权益的利得和损失和计入当期利润的利得和损失.直接计入所有者权益的利得和损失，是指不应计入当期损益、会导致所有者权益发生增减变动的、与所有者投入资本或者向所有者分配利润无关的利得或者损失。直接计入当期利润的利得和损失，是指应当计入当期损益、会导致所有者权益发生增减变动的、与所有者投入资本或者向所有者分配利润无关的利得或者损失。是的,朋友,投资收益,是企业在日常活动所发生的,不属于利得.符合直接计入当期利润的利得和损失应该计入营业外收支.</t>
  </si>
  <si>
    <t xml:space="preserve">临时工劳动法我在单位工作13年，工资一直按临时工支付，请问单位这 </t>
  </si>
  <si>
    <t>您好！请问你与用人单位有签劳动合同吗？</t>
  </si>
  <si>
    <t xml:space="preserve">大家认为足彩算是投资还是博彩？ </t>
  </si>
  <si>
    <t>每个人的观点不同，但目的是一致的，！中奖</t>
  </si>
  <si>
    <t xml:space="preserve">请教结婚吉日我是女生阳历生日1985年6月30的，农历是5月13 </t>
  </si>
  <si>
    <t>择吉日行事是中国人的。结婚登记（订婚）和举行婚姻仪式是夫妻双方一生中的大事，最好都择吉日进行。如要取舍的话，便应以迎亲及摆酒的传统礼仪当日为准，选在吉日举行，因为中国传统始终视这天为真正婚嫁日。   良辰吉时计算的方法是，用男、女双方的出生日期时间推算出最吉利的婚嫁时日，这个「吉日」不能与男女方的生肖相冲。 注意以新娘方的出生日期为主，并参考男方及其他人的出生日期。 父母生辰正日不应与结婚吉日相同，在该月份内结婚却绝对适宜。   选择吉日，日子要比月份重要，月份要比年份重要：首先根据设想的婚礼形式和当地的气候特点选定结婚的季节。同时，还需要考虑亲友参加婚礼的难易程度。如果有很多想邀请的亲友都不在本地工作，则应该选择在十一、五一等长假。结婚登记则不能选在长假或双休日。   其次，还要考虑新人双方的工作和学习情况，尽量避免在考试前或者项目攻关阶段筹办婚礼，造成分心。   最后提醒一点，在选择结婚吉日的时候要尽量错开女方经期。   综合以上因素，选定大致的范围之后，就可以根据两人的生日情况选定日子。 有人说寡妇年或本命年不宜结婚，这是不可信的。   以下是2012年的结婚吉日，供情侣们参考。各位可根据自己的情况合理安排结婚日期，早定酒店，早定婚车，早照婚纱照，祝新人们百年好合、万事如意，新婚愉快！ 2012年02月结婚吉日02月16日 星期四 壬辰水龙年 正月廿五 冲牛02月20日 星期一 壬辰水龙年 正月廿九 冲蛇02月21日 星期二 壬辰水龙年 正月三十 冲马02月25日 星期六 壬辰水龙年 二月初四 冲狗02月28日 星期二 壬辰水龙年 二月初七 冲牛2012年03月结婚吉日03月04日 星期日 壬辰水龙年 二月十二 冲马03月05日 星期一 壬辰水龙年 二月十三 冲羊03月09日 星期五 壬辰水龙年 二月十七 冲猪03月21日 星期三 壬辰水龙年 二月廿九 冲猪03月24日 星期六 壬辰水龙年 三月初三 冲虎03月28日 星期三 壬辰水龙年 三月初七 冲马03月29日 星期四 壬辰水龙年 三月初八 冲羊2012年04月结婚吉日04月02日 星期一 壬辰水龙年 三月十二 冲猪04月06日 星期五 壬辰水龙年 三月十六 冲兔04月10日 星期二 壬辰水龙年 三月二十 冲羊04月11日 星期三 壬辰水龙年 三月廿一 冲猴04月15日 星期日 壬辰水龙年 三月廿五 冲鼠04月18日 星期三 壬辰水龙年 三月廿八 冲兔04月22日 星期日 壬辰水龙年 四月初二 冲羊04月23日 星期一 壬辰水龙年 四月初三 冲猴04月30日 星期一 壬辰水龙年 四月初十 冲兔2012年05月结婚吉日05月04日 星期五 壬辰水龙年 四月十四 冲羊05月05日 星期六 壬辰水龙年 四月十五 冲猴05月06日 星期日 壬辰水龙年 四月十六 冲鸡05月10日 星期四 壬辰水龙年 四月二十 冲牛05月17日 星期四 壬辰水龙年 四月廿七 冲猴05月18日 星期五 壬辰水龙年 四月廿八 冲鸡05月22日 星期二 壬辰水龙年 闰四月初二 冲牛05月29日 星期二 壬辰水龙年 闰四月初九 冲猴05月30日 星期三 壬辰水龙年 闰四月初十 冲鸡2012年06月结婚吉日06月03日 星期日 壬辰水龙年 闰四月十四 冲牛06月07日 星期四 壬辰水龙年 闰四月十八 冲蛇06月11日 星期一 壬辰水龙年 闰四月廿二 冲鸡06月12日 星期二 壬辰水龙年 闰四月廿三 冲狗06月16日 星期六 壬辰水龙年 闰四月廿七 冲虎06月24日 星期日 壬辰水龙年 五月初六 冲狗06月28日 星期四 壬辰水龙年 五月初十 冲虎2012年07月结婚吉日07月01日 星期日 壬辰水龙年 五月十三 冲蛇07月05日 星期四 壬辰水龙年 五月十七 冲鸡07月06日 星期五 壬辰水龙年 五月十八 冲狗07月07日 星期六 壬辰水龙年 五月十九 冲猪07月11日 星期三 壬辰水龙年 五月廿三 冲兔07月14日 星期六 壬辰水龙年 五月廿六 冲马07月18日 星期三 壬辰水龙年 五月三十 冲狗07月19日 星期四 壬辰水龙年 六月初一 冲猪07月23日 星期一 壬辰水龙年 六月初五 冲兔07月26日 星期四 壬辰水龙年 六月初八 冲马07月30日 星期一 壬辰水龙年 六月十二 冲狗07月31日 星期二 壬辰水龙年 六月十三 冲猪2012年08月结婚吉日08月08日 星期三 壬辰水龙年 六月廿一 冲羊08月12日 星期日 壬辰水龙年 六月廿五 冲猪08月13日 星期一 壬辰水龙年 六月廿六 冲鼠08月20日 星期一 壬辰水龙年 七月初四 冲羊08月24日 星期五 壬辰水龙年 七月初八 冲猪08月25日 星期六 壬辰水龙年 七月初九 冲鼠2012年09月结婚吉日09月01日 星期六 壬辰水龙年 七月十六 冲羊09月07日 星期五 壬辰水龙年 七月廿二 冲牛09月11日 星期二 壬辰水龙年 七月廿六 冲蛇09月18日 星期二 壬辰水龙年 八月初三 冲鼠09月19日 星期三 壬辰水龙年 八月初四 冲牛09月23日 星期日 壬辰水龙年 八月初八 冲蛇09月26日 星期三 壬辰水龙年 八月十一 冲猴09月30日 星期日 壬辰水龙年 八月十五 冲鼠2012年10月结婚吉日10月01日 星期一 壬辰水龙年 八月十六 冲牛10月05日 星期五 壬辰水龙年 八月二十 冲蛇10月09日 星期二 壬辰水龙年 八月廿四 冲鸡10月13日 星期六 壬辰水龙年 八月廿八 冲牛10月14日 星期日 壬辰水龙年 八月廿九 冲虎10月18日 星期四 壬辰水龙年 九月初四 冲马10月21日 星期日 壬辰水龙年 九月初七 冲鸡10月25日 星期四 壬辰水龙年 九月十一 冲牛10月26日 星期五 壬辰水龙年 九月十二 冲虎10月30日 星期二 壬辰水龙年 九月十六 冲马10月03日 星期三 壬辰水龙年 九月十七 冲羊10月31日 星期三 壬辰水龙年 九月十七 冲羊2012年11月结婚吉日11月02日 星期五 壬辰水龙年 九月十九 冲鸡11月06日 星期二 壬辰水龙年 九月廿三 冲牛11月07日 星期三 壬辰水龙年 九月廿四 冲虎11月12日 星期一 壬辰水龙年 九月廿九 冲羊11月15日 星期四 壬辰水龙年 十月初二 冲狗11月19日 星期一 壬辰水龙年 十月初六 冲虎11月20日 星期二 壬辰水龙年 十月初七 冲兔11月24日 星期六 壬辰水龙年 十月十一 冲羊11月27日 星期二 壬辰水龙年 十月十四 冲狗2012年12月结婚吉日12月01日 星期六 壬辰水龙年 十月十八 冲虎12月02日 星期日 壬辰水龙年 十月十九 冲兔12月07日 星期五 壬辰水龙年 十月廿四 冲猴12月10日 星期一 壬辰水龙年 十月廿七 冲猪12月14日 星期五 壬辰水龙年 十一月初二 冲兔12月19日 星期三 壬辰水龙年 十一月初七 冲猴12月22日 星期六 壬辰水龙年 十一月初十 冲猪12月26日 星期三 壬辰水龙年 十一月十四 冲兔12月31日 星期一 壬辰水龙年 十一月十九 冲猴</t>
  </si>
  <si>
    <t xml:space="preserve">基金持有二年后再加仓赎回费怎么算？我持有一只基金快二年了，不打算 </t>
  </si>
  <si>
    <t>满2年的应该没有手续费，没满2年的要收手续费</t>
  </si>
  <si>
    <t xml:space="preserve">准备卖房，找了中介。他们算下来要交6－8％的费用。营业税5.4％? </t>
  </si>
  <si>
    <t>你不需要找中介他收的你的费用，那是他的事然后营业税：  总共=5%*(1+7%+3%+1%)=5.5%的税</t>
  </si>
  <si>
    <t xml:space="preserve">卡塔尔单3稳啦~~~~巴林红牌了巴林红牌了 </t>
  </si>
  <si>
    <t>不焦急朋友,,别小看巴林, 还有可能反超象沙特一样  哈哈</t>
  </si>
  <si>
    <t xml:space="preserve">在战斗时怎么样可以退出?加上不退出游戏的? </t>
  </si>
  <si>
    <t>按CTRL和ALT中间的那个再用结束任务</t>
  </si>
  <si>
    <t xml:space="preserve">谢霆锋的无极昨天下午终于等到了无极~~看了以后有种说不出的感慨~ </t>
  </si>
  <si>
    <t xml:space="preserve">顶~~！！楼主说得太好~看了无极真的是感慨万千~！！你可以在电影里忽视任何人的表演，但是你不可能忽视NIC的表现。他的表现在我来说简直可以用完美来形容，也可以让那些说我们小谢的人闭上嘴，陈凯歌说过，小谢的潜力是无穷的~~是的~~这也是我要说的话，在他的世界里他追求的永远只有更好！！爱NIC胜过一切~···NIC加油···~~！！！ </t>
  </si>
  <si>
    <t xml:space="preserve">高手帮帮我!因为多准备了几套防属性的内衣和披风,问一下哪个网站可 </t>
  </si>
  <si>
    <t xml:space="preserve">  有介绍怪的属性攻击的文章。还有  这是台F的一个论坛，巴哈姆特。17173很多文章都是从这里转过去的。常去这里看看，可以了解一些三国的发展趋势。怪的资料去看置顶的帖子。我带精锐兵一直在桂林练。感觉还速度可以</t>
  </si>
  <si>
    <t xml:space="preserve">鄂州有一个叫“晨江大酒店”的酒店吗？谢谢！ </t>
  </si>
  <si>
    <t>这个简单,请拨114查询,如果这家酒店还没被登记,那你可以查鄂州公商部门的电话,然后打公商局的电话查询是否有此酒店登记,结果绝对正确!</t>
  </si>
  <si>
    <t xml:space="preserve">衣服勾丝了怎么办我裙子的下摆被自行车勾出了一条丝线，该怎么办 </t>
  </si>
  <si>
    <t>如果您的这条裙子很重要，可送到织补店，哪里的师傅可以让它完好如初，或送到干洗店，通常织补店会派人到干洗店去接活。否则，可以如楼上所述，用钩针将那条丝线钩到裙子的里侧，外面看不见就好  。</t>
  </si>
  <si>
    <t xml:space="preserve">05030期足彩之基础观点卡利亚vs拉齐奥10切沃vs帕尔马31 </t>
  </si>
  <si>
    <t>伯明翰vs查尔顿 10-----看看伯明翰和查尔顿前?纵?的得失球。。首選平局。。</t>
  </si>
  <si>
    <t xml:space="preserve">怎样取回养老保险?我是合同制职工,现在合同期就有要到了,我决定不 </t>
  </si>
  <si>
    <t>建议不取可以续保,或转移到户口所在地</t>
  </si>
  <si>
    <t xml:space="preserve">请问清泉老师,600001和600028明天怎么操作? </t>
  </si>
  <si>
    <t>600001 列止赢操作.600028 突破前高适当控制仓位.</t>
  </si>
  <si>
    <t xml:space="preserve">我的博客发不了文章了,而且以前的文章也看不到了,是怎么一回事啊? </t>
  </si>
  <si>
    <t>这是临时的系统问题，一会儿就会好的登陆“中国博客网址库”添加链接，就可以让更多的博友看到你的博客了</t>
  </si>
  <si>
    <t xml:space="preserve">“梨花院落溶溶月,柳絮池塘淡淡风”全诗 </t>
  </si>
  <si>
    <t>宋.晏殊：寓意油壁香车不再逢，峡云无迹任西东。梨院落溶溶月，柳絮池塘淡淡风。几日寂寥伤酒后，一番萧索禁烟中。鱼书欲寄何由达？水远山长处处同。晏殊（991－1055）字同叔，抚州临川（今江西抚州）人。景德中赐同进士出身。庆历中官至集贤殿学士、同中书门下平章事兼枢密使。谥元献。以文章得时誉，诗词尤婉丽，擅长小令。原有集，已散佚，仅存《珠玉词》及清人所辑《晏元献遗文》。此诗《寓意》，一作《无题》。无题，故隐其题；寓意，寄托其意。总之，一段幽怨难以明说，是一首含蓄有爱情诗。首联飘忽传神。一开始出现的便是两个瞬息变幻的特写镜头：“油壁香车”辘辘而来，又骤然消逝；一片彩云刚刚出现而又倏忽散去。写的都是物象，却半隐半露，寄寓了一段爱情周折，揭示主旨。“油壁香车”是古代女子所坐的装饰精美的轻便小车，指代女子。车是这样的精美，则车中人的雍容妍丽，可以想见。然而这样一位美人却如巫山之云，来去无踪，重逢难，怎不令人怅惘！“峡云”暗用楚襄王和巫山神女梦中相会的美丽传说，渲染浓密的爱情气氛。但“云雨巫山枉断肠”毕竟是一场虚妄。前句写人间，写现实；后句写天上，写梦幻。首联写得兴象玲珑，清新流丽。颔联景中有情。“梨花院落”、“柳絮池塘”，描写了一个华丽精致的庭院。宋葛立方说：“此自然有富贵气。”反映出诗人的高贵身份。“溶溶月”、“淡淡风”，是诗人着意渲染的自然景象。这两句互文见义：院子里、池塘边，梨花和柳絮都沐浴在如水的月光之中。阵阵微风吹来，梨花摇曳，柳条轻拂，飞絮萦回，是一个意境清幽、情致缠绵的境界。大概是诗人相思入骨，一腔幽怨无处抒写，又适值春暮，感时伤别，借景寄情；或是诗人触景生情，面对春宵花月，情思悠悠，过去一段幽情再现。这里展现的似乎是实景，又仿佛是一个幻觉。诗人以神取景，神余象外。可谓“一着一字，尽得风流”。颈联“几日寂寥伤酒后，一番萧索禁烟中”，写眼前苦况，欲遣不能。多少日子以来只凭酒杯解闷，由于饮得过量，形容憔悴，心境凄凉。“伤酒”两字，诗人颓唐、沮丧的形象可见。目前又是寒食禁烟之际，更添萧索之感。末联宕开一笔，由没问自答作结，深化主题。诗人似乎想从悱恻的感伤中挣脱出来，探索寄书的途径，去寻觅失去了的爱情。但问得深切，答得无情。“水远山长处处同”一句，乃斩钉截铁之语，如瓶落井，一去不回。原来摆在诗人面前的不是一般险阻，而是永远冲不破的障碍。这两句看似寻常平直，却是全诗中决绝语，最为沉痛哀怨。“处处同”三字弦外有音，寻绎其意，乃人事阻隔，才处处有碍，无路可通。晏殊被人称为富贵闲人，然而他的诗在富贵气中却有缠绵悱恻的情致。</t>
  </si>
  <si>
    <t xml:space="preserve">什么金属的成分与石蜡的成分相似 </t>
  </si>
  <si>
    <t>石蜡是一种混合物，主要有烷烃构成，分子式可以写成CnH2n+2很明显 金属中貌似没有由碳氢构成的</t>
  </si>
  <si>
    <t xml:space="preserve">老公是好人，但我还是想离婚，为什么？ </t>
  </si>
  <si>
    <t>尊敬的女士：（请允许我这么称呼）！您现在已经进入了一个误区。此时此刻，您肯定是在矛盾中彷徨。1、您现在毕竟对您的先生有感情基础。须知：世界上永远没有完美无缺的婚姻！2、组建一个家庭好不容易，要拆散一个家庭是不费吹灰之力的。3、想想自己的不足，想想先生的长处；更要想想曾经有过的恩恩爱爱！4、与时俱进千万不要体现在家庭的婚姻关系上。第二个春天应该是建筑在自己的家庭里，好吗？总而言之，千万千万要负责，负责决定一切！实话实说，敬请参考！（不要生气我的不成熟主张）！再见！</t>
  </si>
  <si>
    <t xml:space="preserve">成人学历报考深圳公务员可以吗?我是成人本科学历,深圳户口,请问我 </t>
  </si>
  <si>
    <t>成人大本在深圳是可以参加公务员考试的，但机会不大，有很多对学历有连带要求，在招考公布有说明，但分数入围并不一定成，就算前5-6名也不一定，入围了，就看有无“人事”。</t>
  </si>
  <si>
    <t xml:space="preserve">摇钱树十字绣几股线绣好 </t>
  </si>
  <si>
    <t xml:space="preserve">表格为中国十字绣公司的普遍用量：十字绣布类型 全针需要绣线股数 勾边需要绣线股数 9格十字格布 6股 3股 11格十字格布 3股（亦有4股的） 1～2股 14格十字格布 2股 1股 </t>
  </si>
  <si>
    <t xml:space="preserve">我想问一下去肯尼亚旅游怎样办护照和签证,用各种健康证明吗?谢谢大 </t>
  </si>
  <si>
    <t xml:space="preserve">    申请前往肯尼亚的签证，须向肯尼亚驻华使馆提交有效中国护照，注明访问者姓名（须用汉语拼音）、出生日期、具体职务、护照号码、访问目的和停留时间的照会或公函，肯尼亚方面邀请单位名称、地址、电话及其邀请函电，填写签证申请表格1张，交近期照片1张（照片背面须盖拍照的具体日期章，并有各部门主管签证人员用汉语拼音的签名）。私人公司人员，须由政府贸易部门出示证明,缴纳签证费。　  肯尼亚驻华使馆一般发给有效期3个月的一次入境签证。签证办理时间为10天。　　过境者先办妥前往国家的入境签证，停留超过24小时，应办理过境签证，允许停留7天。　　肯尼亚海关允许免税带进的物品为200支香烟、1瓶酒、1品脱香水；禁止带水果、植物及种子等入境。    肯尼亚驻华大使馆：地址: 北京市东城区三里屯西六街4号  邮编：100600电话：+(86) 10 65323381传真：+(86) 10 65321770    办公时间为周一至周五 9：00—13：00 14：00—17：00    至于找朋友这种事情 你的情况就算在国内找一个人也难得很 我建议你先在国内联系好 如联系不到 最好不要成行  </t>
  </si>
  <si>
    <t xml:space="preserve">材料价格那位知道H型钢的价格和理论重量 </t>
  </si>
  <si>
    <t>那位知道H型钢的价格和理论重量 这几天的价格是4350元/吨.如是另购.由于材料有厚薄.也就是说.按正规尺寸的理论重量 .实际拿到的材料要薄一些.这样一来.就要超出5000元/吨.关键是能不能用.</t>
  </si>
  <si>
    <t xml:space="preserve">何为“外汇宝”买卖? </t>
  </si>
  <si>
    <t>个人外汇交易，又称个人外汇买卖或"外汇宝"交易，是指银行接受个人客户的委托，参照国际金融市场现时汇率，为客户把一种外币买卖成另一种外币的业务。　　，"外汇宝"业务交易时段覆盖亚洲、欧洲、美洲等世界主要外汇市场，确保及时向客户提供最新、最快的外汇行情信息，且实行现钞与现汇同价。　　"外汇宝"交易业务的开办为人们提供了一条外汇理财的新途径。你只要拥有100美元或其他等值外币，并到交通银行营业部办理开户手续，即可进行外汇买卖。相对股市而言，汇市价格波动幅度小，风险相对较低，加上不收取手续费，可以支持客户在同一交易日做多笔来回。据测算，目前"外汇宝"交易在规模上已与B股交易相当</t>
  </si>
  <si>
    <t xml:space="preserve">很大机会中十四场了。。。。。。。。。。。。。。含在母亲嘴里的人肉 </t>
  </si>
  <si>
    <t>得了 我爱你</t>
  </si>
  <si>
    <t xml:space="preserve">算24：（1,5,5,5）1555。这四个数字怎么算24 </t>
  </si>
  <si>
    <t>［（5*5）开个根号］*5－1=24</t>
  </si>
  <si>
    <t xml:space="preserve">请问，一岁大的宝宝应枕多高的枕头，谢谢了 </t>
  </si>
  <si>
    <t>用毛巾折叠,压实一点五厘米就够了,去商场买一种环形枕比较好</t>
  </si>
  <si>
    <t xml:space="preserve">GM谁说没有刷钱的BUG你去看看傲视 </t>
  </si>
  <si>
    <t>是啊傲视现在的价格飞涨  PF都卖到13E左右 我晕 N多人拿RXB当废止一样用</t>
  </si>
  <si>
    <t xml:space="preserve">关于注塑行业回料控制及使用方面的咨询生产塑料零件，在允许的情况下 </t>
  </si>
  <si>
    <t>汽车用零件的话回料的好坏直接关联着汽车行驶的安全自然首先要注意回料品质的优劣了有可能的话,可以清洗下塑料再加热重新整理下</t>
  </si>
  <si>
    <t xml:space="preserve">我家宝宝五个月了,一直母乳喂养,现在想加点奶粉,请教各位有经验的? </t>
  </si>
  <si>
    <t>我家宝宝八个月了，一直喝的多美滋，还可以。最主要是要看宝宝的适应能力。</t>
  </si>
  <si>
    <t xml:space="preserve">突然头晕脚软是怎么回事？我老妈今天突然就头晕，脚痛，走不动路。是 </t>
  </si>
  <si>
    <t>血液供给不足，导致缺氧。建议去看医生不要耽误了。</t>
  </si>
  <si>
    <t xml:space="preserve">乳腺癌吃灵芝粉好吗 </t>
  </si>
  <si>
    <t>灵芝粉也就是灵芝孢子粉，乳腺癌患者吃灵芝孢子粉的话，建议选择破壁率高的灵芝孢子粉胶囊，例如紫一灵芝孢子粉胶囊，破壁率高达99.99%，这样人体的吸收率好，对抗乳腺癌才更加见效。乳腺癌吃破壁灵芝孢子粉，配合放化疗，增强其效果；抵抗放化疗毒副作用，减轻放化疗引起的疼痛、恶心、呕吐、食欲不振等症状。同时灵芝孢子粉富含的灵芝三萜和灵芝多糖，全面抑制乳腺癌的恶化；提高免疫力，有助于患者的康复。建议乳腺癌患者在服用灵芝孢子粉辅助治疗的同时，也需要进行养护。多吃富含抗癌成分的食物，研究表明以下几类食物对乳腺癌病人有一定的防治作用：1、卷心菜、大白菜、甘蓝等含有抗癌物质吲哚-3-甲醇，可以阻止体内致癌物诱导肿瘤细胞的作用，抑制肿瘤的生长。2、大枣不仅含有山楂酸等多种抗癌成分，同时对化疗引起的白细胞降低、血小板减少有治疗作用，因此乳腺癌病人化疗期间可以经常食用大枣。3、芦笋中含有组蛋白，实验证明能够有效控制乳腺癌细胞的生长。另外，海带、紫菜、西红柿等食物中均含有丰富抗癌成分，经常食用对于乳腺癌病人有一定的益处。4、豆腐、豆浆、黄豆芽等豆类制品含有丰富的植物类雌激素，可以竞争性抑制体内雌激素的作用而起到抗癌效果。此外还可以适当进食西瓜、猕猴桃、杏、苹果、梨、草莓等含有丰富的维生素C、维生素B等维生素，具有一定的抗癌作用。以上是女性乳腺癌的治疗和调养，建议患者最好是服用紫一灵芝孢子粉胶囊来辅助放化疗和术后康复，对于治愈癌症，恢复健康是有帮助的。</t>
  </si>
  <si>
    <t xml:space="preserve">我刚刚毕业现在在做售楼先生想做饰品生意从哪进货呀我要在大学附近开? </t>
  </si>
  <si>
    <t>第一.你可以在你所在地的大批发市场去淘一下,看有没有饰品类的东西.第二,如果你想加盟饰品之类的话可以直接去加盟品牌的网站上去看看.第三,如果你又不想加盟,又在你现在所在地淘不到饰品类的东西,那你再看下网上有没有批发这些饰品的批发商,双方沟通一下,看能不能叫他那边发货给你.</t>
  </si>
  <si>
    <t xml:space="preserve">战地三XP系统支持吗？？如果不支持有什么解决的办法？？ </t>
  </si>
  <si>
    <t>现在还是不支持的，因为XP下只能有dx9 而不能有dx10 ，所以xp想玩的话只能装win7，或者装双系统，要是不想装的话，就还是先等着吧~~等官方出战地3在xp下的补丁~~</t>
  </si>
  <si>
    <t xml:space="preserve">王者军团福袋开什么的? </t>
  </si>
  <si>
    <t>享受快感！追求极限！笑傲三国！你想实现吗？现在！就在现在！您只要储值！我们就送您一个『王者神兵福袋+化功丸』，一切由你决定！ 活动时间：9月14日12：00—10月09日10：00（以系统时间为准） 活动对象：VIP区玩家 活动内容：凡在9月14日12：00—10月09日10：00通过以下三种储值方式并进行储值的玩家均可以获得王者神兵福袋1个、化功丸1个 1、进行点转包月的玩家 获得：王者神兵福袋1个+化功丸1个2、月卡储包月的玩家 获得：王者神兵福袋1个+化功丸1个 3、使用月票的玩家 获得：王者神兵福袋1个+化功丸1个 “王者神兵福袋”可开出物品：圣火令、雷斩刀、冻神弓、太上老君杖、皇天怒、丈八蛇矛、护天八极棍、冰凰炎凤龙麟、天晶剑、斩马钩镰枪、双刃月牙戟、战国大刀、玄冥法扇、龙虎八卦棍、灵山炼气杖、落月弓、打神鞭、流星、莫邪、干将、破军蒺藜枪、应龙戟、虎贲大刀、神劲弓、真火朱雀扇、玄天破邪杖、伏羲八卦棍 福袋品项包括以上物品随机获得一件及其他随机物品</t>
  </si>
  <si>
    <t xml:space="preserve">为什么我老实头晕，有1年多了？是不是生什么病了啊我这几个月站着， </t>
  </si>
  <si>
    <t xml:space="preserve">    应该检查是否有高（或者低）血压，低血糖，贫血，颈椎骨质增生或者前庭神经炎，内耳迷路炎等。</t>
  </si>
  <si>
    <t xml:space="preserve">有谁知道《奋斗》里面陆涛单身公寓里面书架是什么材料做的么？？ </t>
  </si>
  <si>
    <t>袄，那个呀是国际最新研发的水混棉高级材料全世界限量版..、我知道的是 007家中有一套，盖茨养的鲸鱼下放着一块，少林足球里的星爷用的鞋垫也是那种材料，再者就是陆涛书架啦！</t>
  </si>
  <si>
    <t xml:space="preserve">不知道是怎么回事,我安装问道后,在系统里找不到游戏图标我刚刚下了 </t>
  </si>
  <si>
    <t>可能下载的错误版本！你去搜光宇！然后去官网下载！别点高速下载！</t>
  </si>
  <si>
    <t xml:space="preserve">为什么我们又叫螃蟹大闸蟹忽然吃饭的时候想到的，比较有兴趣为什么这 </t>
  </si>
  <si>
    <t>螃蟹为啥又叫大闸蟹呢？ 经过一番查考，发现有三个不同的讲法！ 　　现代作家包笑天晚年写个《大闸蟹史考》，引用了苏州古籍家吴讷士个说法：“凡捕蟹者，他们在港湾间，必设一闸，以竹编成。夜来隔闸置一灯火，蟹见灯光爬上竹闸，即在闸上一一捕之，甚为便捷。此是闸蟹之名所由来了。”搿搭块个“竹闸”，应该属于硬造个名称，伊实际就是“簖”。勿少人侪晓得，垃拉六朝时期，吴淞江下游个渔民发明了“沪”，搿种插拉河浜浅滩浪个竹栅栏，退潮个辰光可以拦牢鱼蟹；到仔唐代，由于“沪渎”经常作为地名出现拉诗赋当中，渔民们为了避免概念混淆，根据“沪”个“断鱼蟹之退路”功能，拿伊改称“簖”，所以陆龟蒙个《渔具诗·序》明确讲“沪，吴人今谓之簖”。搿歇，“簖”仍旧是江南农村个传统渔具，《现代汉语词典》对伊迭能解释：“拦河插在水里的竹栅栏，用来阻挡鱼、虾、螃蟹，以便捕捉。”既然“簖”从来呒没叫过“闸”，“大闸蟹”是因为捕捉工具而得名个说法就立勿牢脚。 　　前两日，趁到上海郊区去参观蟹塘个机会，问过一位年长个蟹农：“老伯伯，你晓得‘大闸蟹’名称是哪能来个?？”搿个蟹农想了一歇，捞起一只螃蟹笑着讲：“记得伲阿奶讲过，雌蟹个半圆形脐盖像‘大闸门’，雄蟹个尖脐盖像‘小闸门’，伊拉身浪向侪有一扇‘闸门’，所以叫做‘闸蟹’或者‘大闸蟹’。镇文化中心搜集民间传说个辰光，我拿迭桩事体写下来了！”搿个蟹农看见我有眼勿相信，就从屋里向拿出一本镇文化中心编个民间传说集。搿个蟹农讲个内容，垃拉前人笔记文献搭仔相关书籍当中侪寻勿着，完全属于一种民间传说。“大闸蟹”是因为长相而得名个说法尽管生动，但明显属于硬装榫头，实在经勿起推敲。 　　其实，“大闸蟹”是从“大?ば贰毖荼涔锤觥Ｈ逼谡乓靖觥豆阊拧诽嶙牛骸?ぃ玻惶?ひ病Ｒ粽ⅰ！鼻宕吻臁⒌拦饽昙涓鏊罩菸娜斯寺唬粮觥肚寮温肌防锵蚪玻骸昂烦顺鄙希嬲卟兜弥Ｈ氤鞘校尤寺蛞韵嗬￡埽蜓缈妥艟啤Ｓ小糯剖邸浚骄旁峦牌昙眩录馄昙岩病Ｌ?ざ常饰街?ば贰！卑８龀焦猓粜啡颂舻＝茄亟纸新簦鸲细吆啊?ば??大?ば贰保晌锾旄鲆坏婪缇啊ｋ〈羁楦觥?ぁ笔侵钢螅衷诟觥缎禄值洹啡跃赡谩?ぁ绷形罢ā备鲆焯遄郑⒔馐统伞澳檬澄锓爬蠓懈鲇突蛩锱臁薄ｓπ芬话阗?だ闯裕源蠹夷靡两凶觥?ば贰薄＠显缁破纸钭形怃两霾觥扒逅贰保煌反蟆⑷饨崾担ι虾Ｈ顺莆按?ば贰薄４蟾攀恰?ぁ弊直冉仙Ц鲈倒剩战乓怀ぃ骋舾觥按笳⑿贰本吐娲恕按?ば贰保⑶乙恢毖赜玫浇癯９楦降祝按笳⑿贰笔且蛭胫品椒ǘ妹?</t>
  </si>
  <si>
    <t xml:space="preserve">罪恶都市高尔夫球车密集是甚摸?东岛在哪?我听说东岛有个鬼屋我找不 </t>
  </si>
  <si>
    <t>高尔夫球车秘籍是BETTERTHANWALKING东岛就是地图上最右边的那个最大的岛！鬼屋在东岛南边喷漆处旁的别墅里有一个门进去就是。</t>
  </si>
  <si>
    <t xml:space="preserve">桂花树不价接能开花吗 </t>
  </si>
  <si>
    <t>可以的如有帮到你 请给好评哦可以的，只是花期较嫁接过的来得慢（诚心为您解答，亲 请随手设为“好评”哦，对您没有任何损失的哦，谢谢啦！）</t>
  </si>
  <si>
    <t xml:space="preserve">火车卧铺票，如中途上车，应在那个部门办理我买的是苏州到温州的卧铺 </t>
  </si>
  <si>
    <t>你买的是苏州到温州的卧铺火车票，只要你在上海站乘票面上指定日期、车次的列车，完全可以在上海站上车，列车上也无权将你买的卧铺另行出售，原《铁路旅客运输规程》中旅客在开车后一小时不到卧铺，列车有权将该铺另行出售的规定，因与《铁路旅客运输规程》第三十条中规定有冲突已取消了。《铁路旅客运输规程》 第三十条  旅客须按票面载明的日期、车次、席别乘车，并在票面规定有效期内到达到站。旅客如在票面指定的日期、车次于中途站上车时，未乘区间票价不退。旅客可在列车中途停车站下车，也可在车票有效期间内恢复旅行，但中途下车后，卧铺票即行失效。乘坐动车组列车旅客如中途下车，未乘区间车票失效。</t>
  </si>
  <si>
    <t xml:space="preserve">X开头的女性英文名 </t>
  </si>
  <si>
    <t xml:space="preserve">以下是我知道的X开头的女性英文名，共8个：1.Xandy=helper and defender of mankind 2.Xanthe=golden yellow 3.Xaviera=savior 4.Xena=Welcome Guest 5.Xenia=hospitality 6.Ximena=unknown 7.Xylia=wood dweller 8.Xylona=from the forest </t>
  </si>
  <si>
    <t xml:space="preserve">哪里有女屠宰工的图片和文字资料相关的图片，文字及视频 </t>
  </si>
  <si>
    <t>各位姊妹,大家好!我是刚报道的新人.我叫芳瑞霞,是一个有8年工龄的女屠宰工.每天在屠宰车间工作18个小时.每天要屠宰300头800斤的大肥猪.我的胃和血都很差,现在是很严重的胃癌中期,每天都要用力扭动超特级油肥圆厚大屁股杀猪,每天都要领着80多斤的猪内脏走来走去.因为胃很差,经常会特别厉害的胃绞痛,经常会再屠宰台旁边呕吐,也经常会呕血.没办法,那得用力的硬撑着,忍着.家里还有2个幼小的女儿,还有78岁的老婆婆.各位姊妹,请大家不要见笑.各位姊妹,以后瑞霞就请大家关照我这个新人啊!谢谢!!!好了,差不多又要杀猪了.   超级杀猪皇后</t>
  </si>
  <si>
    <t xml:space="preserve">十二指肠球部溃疡吃什么食物好 </t>
  </si>
  <si>
    <t>病情分析： 您好这位朋友，根据您的描述患胃溃疡十二指肠溃疡。习惯上，将胃溃疡和十二指肠溃疡总称为消化性溃疡。引发消化性溃疡的主要原因是：胃酸（盐酸）和胃蛋白酶（酶的一种）对胃壁和十二指肠壁造成损伤，从而损伤黏膜组织。 指导意见： 建议您，在日常生活中还需要注意：饮食要定时，进食不宜过多过快，避免过饱或者过饥，一般不必制定严格的食谱，但应避免食用粗糙、过冷、过热和刺激性大的食物如香料、浓茶、咖啡等。药物治疗用，胃酸分泌抑制剂：奥美拉唑钠 ，胃粘膜保护剂： 铝碳酸镁。可能是胃炎或者消化道溃疡的.最好做胃镜明确,和腹部b超检查看看肝胆胰.现在认为胃病是由幽门螺旋杆菌通过消化道传染.建议在当地医生指导下采用胃炎四联疗法：最常用的四联疗法如下：药物组合,剂量和用法：（1）枸橼酸铋钾240mg＋阿莫西林750mg＋甲硝唑400mg+奥美拉唑20毫克或（2）枸橼酸铋钾240mg＋红霉素500mg＋甲硝唑400mg +奥美拉唑20毫克（3）枸橼酸铋钾240mg＋四环素500mg＋甲硝唑400mg +奥美拉唑20毫克.每日2次任选上述一组药物服用,每种药物按以上剂量一日2次服（上下午各1次）,7～14日为一疗程.一疗程结束后,要继续单独服用枸橼酸铋钾6周,剂量和用法同前. 注意阿莫西林要皮试啊.这个方案可以杀灭幽门螺旋杆菌,保护胃黏膜.坚持服用.防止复发.一定要要禁烟 ,酒,咖啡辛辣食物.少吃含淀粉内的食物如：土豆 芋头 粉丝 粉条 红薯等凉粉等,少食多餐,定时进餐,不要吃过于坚硬和不消化的食物.</t>
  </si>
  <si>
    <t xml:space="preserve">体妖到48及用刀砍人砍怪疼吗我应该用什么系有保姆的话吃小BOOS </t>
  </si>
  <si>
    <t>HF！跟国服简直是2种境界 我国服47级敏妖居然打不动厉害的蜜蜂。 打变怪首领拿锁破都砍不动  既然是韩服。当然是水系了！主要是打钱。水系不需要太多药  而且最好不要体妖哦！攻击很低，而且48级自身防也比敏妖低4点！  敏妖就行了。带个保母打变怪首领当然很轻松！还有，打变怪首不用招宝宝的！  我有一次带了50张复活。迷3只独眼。复活用完了他都不死！看了天堂辞海才知道，原来变怪首领宝宝不能帮打，跟本不掉血  敏妖用弓射状态加满还加狂爆。狂爆很便宜，变怪大部分都是魔法攻击，而且血不多很好打的。还有打变怪的技巧，把它拖到任意一棵树下面。妖顶住它。法站树对面。这样一来法可以跟你加血。而且它打不到法，圣结界不太可能哦。毕竟是HF学圣的少之又少。如果只想打钱。那就练法！，而且是大魅法，招4个宝宝。练级相对困难点，但是45打钱就非常舒服了！如果招4个骷髅斗士就更厉害了，10小时一般40万，这在HF算不错了吧。而且打钱很稳定！</t>
  </si>
  <si>
    <t xml:space="preserve">球员转世后成长曲线还和原先一样吗？！我玩得是PC得实况9发现个问 </t>
  </si>
  <si>
    <t xml:space="preserve">不一样啦   许多都变了 </t>
  </si>
  <si>
    <t xml:space="preserve">车前标志就一个"T"的车叫什么啊?有关介绍?标志是个"T"字的车 </t>
  </si>
  <si>
    <t>现代的Coupe在韩国叫Tuscani，车标就是你说的那个T不过国内的车标大多是自己买来贴上去的，不到100块就有了再给张图吧</t>
  </si>
  <si>
    <t xml:space="preserve">"完善制度"和"组织例会"分别怎么说?非常感谢！英文的。 </t>
  </si>
  <si>
    <t>Improve the system"完善制度""组织例会""Regular meeting of the Organization"</t>
  </si>
  <si>
    <t xml:space="preserve">重庆市有宠物兔种吗?我欲在重庆市泛围买宠物兔种，不知哪里有卖？ </t>
  </si>
  <si>
    <t>去重庆的“宠物宝宝”宠物店问问，地址：重庆市忠县忠州丽都花园B栋一层一号</t>
  </si>
  <si>
    <t xml:space="preserve">PS3和XBOX360买哪个好?RT </t>
  </si>
  <si>
    <t>现在购买主机确实是一件非常让人头疼的问题，我简单分析一下，不一定对，仅供参考：PS3：绝对是3大主机中最强的一个，阵容也绝对强大《鬼泣4》、《最终幻想XIII》等超一流大作都是PS3的独占游戏。不过价格方面PS3也是最贵的，其售价几乎可以买下另外两台主机。而且由于出货量不够现在在国内不容易买到，就算能买到最少也要6000人民币。并且PS3使用的蓝光DVD也成了盗版的一道难以逾越的“天堑”，估计破解会很困难，就算破解了成本也很高，盗版不会太便宜，正版不是谁都能玩得起的。所以PS3最好作长远打算，没有近期入手的必要。XBOX360：已经推出一年的次世代主机，价格比较稳定2700元人民币左右（包刷光驱）的售价还是可以接受的。XBOX360的盗版技术已经相对比较成熟，市面上有100多款盗版游戏，价格在7——15元不等。XBOX360最大的不足就是缺乏大作，目前为止还没有发售什么真正意义上的大作，不过很快在年底就会发售由《最终幻想》之父坂口博信制作的RPG大作《蓝龙》还有预计明年发售的《失落的奥德赛》，并且这两款游戏都会推出简体中文版，就冲着两个游戏XBOX360也是值得买的。另外有小道消息称由于迫于财政压力，KONAMI有意将次世代大作《合金装备4》推出XBOX360版本，以前小岛秀夫也曾提起过以XBOX360的机能是完全有可能移植《合金装备4》的。所以如果想近期入手次世代主机或者手头不算宽裕的玩家，XBOX360绝对是不二的选择。</t>
  </si>
  <si>
    <t xml:space="preserve">四岁小孩气管炎有什么好的中药方？孩子去年夏天时咳嗽了很久,最后点 </t>
  </si>
  <si>
    <t xml:space="preserve">一,我的小孩今年4岁,最容易得气管炎,不知为什么.    提问者：  问题答复  答案1: 小孩反复患气管炎,说明他的免疫力低下,或者,每一次没有治疗彻底,一见临床症状好转就停药,还有可能一开始感冒就不注意忌食(如咸腊肉、卤肉、咸蛋、酸葡萄等）。你应当想办法，让他在没发病的时候，请医生给用药提高免疫力，这很重要。一生病，就及时彻底的治疗。并且，还要在生病的时候注意忌食。这样坚持几月到一年，才能调治好。要想不费力，图方便，别想让孩子健康。不过，我说的忌食，决非甚么都不吃，在不生病的时候，要加强营养，除了会引起过敏的食物外，都可以吃。吃得好，才会使你的孩子免疫力强。  回答者： 白芍 举人  二,0904002小儿急性支气管炎急性气管支气管炎；acute bronchitis干咳；干罗音；湿罗音；呕吐；腹痛；腹泻；咳嗽；头痛；胸痛急性支气管炎（acute bronchitis）或急性气管支气管炎（acute treacheo broncitis）在婴幼儿时期发病较多、较重，常并发或继发于上下呼吸道感染，并为麻疹、百日咳、伤寒及其它急性传染病的一种临床表现。发生支气管炎时，气管大多同时发炎，如果涉及毛细支气管，则其病理与症状均与肺炎相仿。镇咳；氯化铵；吐根糖浆【诊断】【治疗措施】【病因学】【临床表现】【概述】急性支气管炎（acute bronchitis）或急性气管支气管炎（acute treacheo broncitis）在婴幼儿时期发病较多、较重，常并发或继发于上下呼吸道感染，并为麻疹、百日咳、伤寒及其它急性传染病的一种临床表现。发生支气管炎时，气管大多同时发炎，如果涉及毛细支气管，则其病理与症状均与肺炎相仿。【诊断】胸部罗音或粗或细，大多是中等湿罗音，主要散在下胸部。咳出分泌物后，罗音可暂时减少。偶因支气管内积痰太多，呼吸音可减低，但咳出痰液后，呼吸音即恢复正常。重症支气管为与肺炎早期难以鉴别，如听到较深罗音或捻发音，咳嗽后罗音无明显减少时，应考虑肺炎作胸部X线检查以确诊。【治疗措施】1.一般治疗  关于休息、饮食室内温度、湿度的调整等，详见“上呼吸道感染”。婴儿须经常调换卧位，使呼吸道分泌物易于排出。因咳嗽频繁妨碍休息时，可给镇咳药，但应避免给药过量以致抑制分泌物的咳出。当急性支气管炎发生痉挛而致呼吸困难时，轻者参考以下疗法“实热喘”处理，重者参考毛细支气管炎及支气管哮喘的治疗处理。2.中医疗法  本病中医称为外感咳嗽，由于致病因素不同，临床分为风寒咳嗽、风热咳嗽和实热喘。治法以疏风散寒、清热宣肺、降热平喘为主。可结合临床辨证施治。(1)风寒咳嗽：以突然咳嗽，声咳急频为主，痰稀薄、鼻塞、流清涕、咽痒或伴头痛、恶寒或不发热、苔微白，脉浮。治以辛温解表，散寒止咳。常用杏苏散加减。处方举例：杏仁6g，苏叶3g，前胡9g，半复6g，牛蒡子6g，生姜3片。(2)风热咳嗽：咳嗽不爽，痰以黄粘稠为主，咽红口干，鼻塞流黄涕，或伴发热有汗，舌苔身微黄白，脉浮数。治以辛凉解表，宣肺止咳。常用桑菊饮加减。(3)实热喘：除上述症状外，患儿发热较高，同时伴有顺喘憋。治以宣肺化痰，降逆平喘。常用麻杏石甘汤加减。外方举例：麻黄3g，杏仁6g，生石膏15g，甘草3g，青黛3g，苏子6g，莱菔子9g，可随证选加其它药物1～2味：①表邪重时加菊花9g，鲜芦根15g。②热重时加黄芩6g，银花9g，连翘9g。③咳嗽重时加前胡9g或百部9g。④喘重时选加郁金6g，银杏9g或生赭石15g。⑤痰多时加葶苈子9g，蒌仁9g。3.其它治疗  有时需用适量的吐根糖浆，婴幼儿每次2～15滴，年长儿每次1～2ml，每日4～6次，可使痰液易于咳出。10%氯化铵溶液也有同样作用，其剂量为每次0.1～0.2ml/kg。并发细菌感染时，可选用适当抗菌药物。此外对迁延性支气管炎可加用超短波或紫外线照射。【病因学】病原是病毒、肺炎支原体或细菌，或为其合并感染。病毒感染中，以流感、腺病毒、3型副流感及呼吸道融合胞病毒等占多数，肺炎支原体亦不少见。凡可引起上呼吸道感染的病毒都可成为支气管炎的病原体，在病毒感染的基础上，致病性细菌可引起继发感染。较常见的细菌是肺炎球菌、β溶血性链球菌A组、葡萄球菌及流感杆菌，有时为百日咳杆菌、沙门氏菌属或白喉杆菌。营养不良、佝偻病、变态反应以及慢性鼻炎、咽炎等皆可为本病的诱因。【临床表现】发病可急可缓。大多先有上呼吸道感染症状，也可忽然出现频繁而较深的干咳，以后渐有支气管分泌物，在胸部可听到干、湿罗音，以中等不泡音为主，偶可限于一侧。婴幼儿不会咯痰，多经咽部吞下。症状轻者无明显病容，重者发热38～39℃，偶达40℃，多2～3日即退。感觉疲劳，影响睡眠食欲，甚至发生呕吐、腹泻、腹痛等消化道症状。年长儿再诉头痛及胸痛。咳嗽一般延续7～10天，有时迁延2～3周，或反复发作。如不经适当治疗可引起肺炎，白细胞正常或稍低，升高者可能有继发细菌感染。 身体健壮的小儿少见并发症，但在营养不良，免疫功能低下、先天性呼吸道畸形、慢性鼻咽炎、佝偻病等儿中，不但易患支气管炎，且易并发肺炎、中耳炎、喉炎及副鼻窦炎。三,急性支气管炎的治疗  　日期：2005-11-22 15:41:48   来源:   编辑：  542　　(一) 护　理 　　婴儿须经常调换体位，或抱起轻拍背部片刻，使呼吸道分泌物易于排出，多饮水，以利排痰，给流质易消化饮食。　　(二) 对症治疗 　　1．止咳祛痰及镇静 　　一般不用镇咳剂，以免影响排痰。痰多时可服氯化铵糖浆或甘草 合剂。痰粘稠者可用雾化吸入或蒸气吸入稀释。如干咳严重影响休息时，可服镇静药如异丙嗪或氯丙嗪，每次0.5～l.0mg／kg，每日3次。注意避免过量而抑制咳嗽反射，造成痰堵塞，使呼吸困难加重。 　　2．平 喘 　　喘息严重时应使用氨茶碱口服，每次4mg／kg，每日3次。，或加入葡萄糖液lOOml静脉滴注，能缓解支气管痉挛，利于排痰。对严重的哮喘性支气管炎，可用泼尼松每日1～2mg／kg，分3次口服，或地塞米松1～2.5mg／次，每日1～2次加入葡萄糖液lOOml静脉滴注，疗程1周左右。　　(三) 控制感染 　　由病毒引起者一般用抗病毒药物。婴儿、体弱儿或疑并发肺炎及其他化脓感染时，可用磺胺类药物或肌内注射青霉素，或应用其他广谱抗生素，若考虑病原为肺炎支原体时，可采用红霉素或乙酰螺旋霉素。　　(四) 中医疗法　　1．风寒咳嗽 宜祛风散寒，宣肺化痰。常用三拗汤加减：麻黄4.5g、杏仁9g、甘草3g、荆芥9g、前胡9g、象贝9g、半夏9g、桔梗3g。　　2．风热咳嗽 宜祛风清热，宣肺化痰，常用麻杏石甘汤加减：麻黄4.5g、石膏30g(先煎)、杏仁9g、甘草3g、黄芩9g、连翘9g、芦根30g、桔梗30g`。　　(五) 支气管炎疫苗注射 　　对反复发作者，可用气管炎疫苗皮下注射。在不发作时开始，每周1次，每次0.1毫升，以后每周增加0.1毫升至每周0.5毫升最大量为止。10次为一疗程，如有效，可再用几个疗程以巩固疗效。 四,小儿急性支气管炎的注意事项  　日期：2005-11-22 15:44:49   来源:   编辑：  346        1．急性支气管炎一般1周左右可治愈。有部分病儿咳嗽的时间要长些，逐渐会减轻、消失，适当的服些止咳剂即可。不过在患病的早期，对于痰多的病儿，不主张用止咳剂，以免影响排痰。痰稠咳重者可服用法痰药。     2．也有部分病儿发展为肺炎，就按护理肺炎病儿的方法精心护理。如果急性支气管炎发作时缺氧、发钳，必须住院治疗，若缺氧得不到及时纠正，会发生脑缺氧等并发症。其他最常见的并发症就是心力衰竭。    3．对于哮喘重的病儿，请参考本节四支气管哮喘的护理方法。在使用氨茶碱等缓解支气管痉挛的药物时，应在医生指导下用药，家长不可乱用。中药麻杏石甘汤或小青龙汤加减治疗急性支气管炎有一定效果，也可采取中西医结合治疗。         五,小儿急性支气管炎的家庭护理  　日期：2005-11-22 15:45:35   来源:   编辑：  365       急性支气管炎，是小儿常见的一种呼吸道疾病。本病常继发于上呼吸道感染之后，也常为肺炎的早期表现。也有的是小儿急性传染病如麻疹、百日咳、伤寒、猩红热等疾病的早期症状或并发症。      急性支气管炎，由各种病毒和细菌或二者混合感染所引起。另外，小儿年龄小，体格弱，气温变化冷热不均，公共场所或居室空气污浊，都可诱发本病。      疾病开始时表现为上呼吸道感染症状，发热、流鼻涕、咳嗽，咳嗽逐渐加重并且有痰，起初是白色粘痰，几天后变为黄色脓痰。有的小儿嗓子呼嗜呼喀作响，早晚咳嗽较重，经常因咳嗽将食物吐出。还常伴有头痛、食欲不振、疲乏无力、睡眠不安、腹泻等症状。      另外有一种特殊型的支气管炎，称为急性毛细支气管炎也叫哮喘性支气管炎。主要表现为下呼吸道梗阻症状，似支气管哮喘样发作，病儿鼻翼扇动。呈喘憋状呼吸，很快出现呼吸困难，缺氧发钳。这种类型多见于2岁以内虚胖小儿，往往有湿疹或其他过敏史。       家庭护理要点      1．发热时要注意卧床休息，选用物理降温或药物降温（参考急性上呼吸道感染护理）。     2．室内保持空气新鲜，适当通风换气，但避免对流风，以免病儿再次受凉。    3．须经常协助病儿变换体位，轻轻拍打背部，使痰液易于排出。  </t>
  </si>
  <si>
    <t xml:space="preserve">如何到蒂娜村? </t>
  </si>
  <si>
    <t xml:space="preserve">朝着杰村东边一直跟着路走就到了，要白天才能开传！或自己看； </t>
  </si>
  <si>
    <t xml:space="preserve">我想学会计，但是一点儿基础都没有？现在成都哪儿学比较好，学费多少? </t>
  </si>
  <si>
    <t>你学会计是想从事会计工作，那你先考个会计从业资格证书（考试内容包括《会计基础》《会计财经法规与职业道德》和《会计电算化初级》），工作后有了经验和达到规定的年限后考会计技术职称，从初级、中级，最后是高级，这是一种从事会计的一条路，需要有一种吃苦精神，还有，法制观念不可少！</t>
  </si>
  <si>
    <t xml:space="preserve">电脑屏幕调整我的电脑怎么调整都是斜的怎么办从来没有出现过这样的现 </t>
  </si>
  <si>
    <t xml:space="preserve">建议修复一下系统，不行重装一下驱动，还不行就修修去。把该显示器连接到另一台主机上使用，如果故障消失，则可能是显卡的故障。如果故障依旧，则可能是显示器本身的故障或者显示器电缆线接口的故障。重点检查显示器电缆线接口金属针是否折断或弯曲，如果不行，干脆给显示器更换一条新的电缆线再试。1、电源线或数据线的问题。2、显示器显象管的问题(建议送修) 。3、显卡或显卡驱动有问题(换一条试试或升级显卡驱动试试)。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或用还原软件进行系统还原）。 4、如果故障依旧，使用系统盘修复，打开命令提示符输入SFC /SCANNOW 回车（SFC和/之间有一个空格），插入原装系统盘修复系统，系统会自动对比修复的。 5、如果故障依旧，在BIOS中设置光驱为第一启动设备插入原装系统安装盘按R键选择“修复安装”即可。6、如果故障依旧，建议重装操作系统。如果需要安装驱动，建议安装驱动精灵2008 ，安装之后，使用其自动更新驱动功能，它会自动下载并安装最新版本驱动，包括，声卡、显卡、网卡、USB等，这是驱动的总汇。 下载安装后，打开驱动精灵，会自动检测你电脑的硬件信息，检测完毕后，点击“驱动更新”按钮，切换界面，然后点击“自动安装”，再点击右下角的“开始更新”按钮。驱动精灵2009 B1  驱动人生 2008正式版下载网址： </t>
  </si>
  <si>
    <t xml:space="preserve">看男科疾病，上海正规的男子医院有哪些？ </t>
  </si>
  <si>
    <t>建议一定要去正规的医院检查和治疗才好，治疗所产生的费用也是透明的，同时也放心，一般来说正规医院其治疗技术都很精湛，希望可以帮到你。</t>
  </si>
  <si>
    <t xml:space="preserve">农业银行的帐号被冻结了怎么解冻?如题...请高手指点.. </t>
  </si>
  <si>
    <t>看你是什么原因被冻结的.如果是法院要求的则要通过法律手段.如果是操作不当或者太久没有用过而被冻结的,则拿身份证到开户支行申请解冻.如果是证券类问题被冻结的,一般过两天就会自动解冻.还有挂失等等原因,不过总的来说,也可以打银行客户热线.</t>
  </si>
  <si>
    <t xml:space="preserve">做爱的问题想请教我老公喜欢开灯做，但我喜欢关灯做。他说关灯后他没 </t>
  </si>
  <si>
    <t xml:space="preserve">让视觉界入性生活 　　视觉：笔者曾为一对夫妇咨询，丈夫诉说从来都看不到妻子的外阴。他们的性生活都是“在黑灯瞎火时进行的”。新婚之时，当他拉开电灯想看看性生活时妻子这个“黑箱”部位时，妻子马上将电灯熄灭，并不再愿意性交，连骂“流氓！无耻！”于是，从那时起，他从没想过要将电灯拉亮。这就剥夺了视觉参加性生活的权利。 　　其实，即使在古代，人们的性生活也早已让视觉参加。人们在形容性生活的环境时，离不了那句老话“夜深人静，灯明帐掩”。如果都在黑暗中进行，就完全剥夺了视觉参加性生活的权利，显然减少了乐趣。因为这时视觉不仅了解静止的性器官和动情区，还了解了性生活对方和双方体位和运动的全过程，另外，视觉与视觉之间的交流，对深入和发展日后的性生活，起着推波助澜的作用。 </t>
  </si>
  <si>
    <t xml:space="preserve">外地人紧急求助华庭时尚商务酒店离国际大厦多远外地人求助华庭时尚商 </t>
  </si>
  <si>
    <t>约1公里左右，可以乘坐29（116、10、5）路车，在省博物馆站下车，步行即到</t>
  </si>
  <si>
    <t xml:space="preserve">outlook里面如何设置自动回复啊？我使用单位局域网的 </t>
  </si>
  <si>
    <t>点 工具—选项  在弹出的窗口中选择“回执”选项卡。把“所有发出的邮件都要求阅读回执”打上勾，确定即可。</t>
  </si>
  <si>
    <t xml:space="preserve">道具网通金牛改螳螂估价30级6D2血1敏3魔加功改螳螂值几组水? </t>
  </si>
  <si>
    <t>楼主你好:首先说这只改TL很不错了,虽然掉了2血但影响不大,到160级血比满D的少145点,敏少18点,魔少240点,其实差不了什么的,关键是有命中有必杀,任务用极好.要是买的话4-5组可以接受了,多了就不要买了.不过现在道具1级招牌改TL还要3组了,而且很少有人卖.有人2组收根本就收不到的.楼主可以考虑下这只了.</t>
  </si>
  <si>
    <t xml:space="preserve">我都不知道该怎么说好拉。大家都看看。。做的游戏不好。还不让说。到 </t>
  </si>
  <si>
    <t>我也被撤销好几个贴了 你就学学完美吧 一个字“忍”！！！</t>
  </si>
  <si>
    <t xml:space="preserve">在哪可以看到国际象棋棋谱呢？ </t>
  </si>
  <si>
    <t xml:space="preserve">有很多国际象棋网站，建议去看一下：  </t>
  </si>
  <si>
    <t xml:space="preserve">请问战鹰骑探怎么才能造出来？有级别限制吗最好具体一点在哪里制造战 </t>
  </si>
  <si>
    <t>只要你在军事建筑里建造出了骑兵营，然后就可以在征兵选项里的选择骑兵，然后研发战鹰骑探。至于如何造骑兵营就不用我说了把~~~</t>
  </si>
  <si>
    <t xml:space="preserve">二十年的旧疤痕可以整形消除掉吗？五岁时，被狗咬，脸上留有4cm左 </t>
  </si>
  <si>
    <t>你好！瘢痕可以修整，但不能完全去除，修复的效果主要看瘢痕的情况和个人体质</t>
  </si>
  <si>
    <t xml:space="preserve">关于元神的问题1.我本体是法,我分的道,我现在的元神道有30级了 </t>
  </si>
  <si>
    <t>你的现在已经不能散了现在的元神。想换个职业，只能重新玩个号了。道法组合虽然PK不够厉害，但是打宝就有其他组合不能比拟的优势，级别高点可以单挑炼狱魔君和阿修罗神啊，牛啊~</t>
  </si>
  <si>
    <t xml:space="preserve">农村乡政府所在地的居民是否应交纳土地使用费? </t>
  </si>
  <si>
    <t>根据土地使用税的相关规定：个人所有的居住房屋及院落用地是由当地的省、自治区、直辖市地方税务确定减免的。所以，农村乡政府所在地的居民一般是不需要交纳土地使用税的。</t>
  </si>
  <si>
    <t xml:space="preserve">编英语对话关于“狐假虎威”这个故事的，编一个对话，要求70词左右 </t>
  </si>
  <si>
    <t xml:space="preserve">  原创作品  | 剧本 | 电视剧本 | 小品剧本 |  交易信息  | 电影剧本交易 | 电视剧本交易 | 小品剧本交易 |  剧 本 库  | 电影剧本 | 电视剧本 | 小品剧本 |  网络学院  | 甲骨文电影学院 | 配套教材 | 民间故事 |  声音剧本  | 听广播剧 | 听本站相声 | 听百度相声 |  视频剧本  | Flash小品 | Flash相声 |视频小品 |  小品分类  | 校园小品剧本 | 搞笑小品剧本 | 情感小品剧本 | 相声小品剧本 | 话剧剧本 | DV剧本 | 双簧剧本 | 英语剧本 |    | 儿童剧本 |经典老剧本 | 其他剧本 |   - 网站首页 - | 专题：周星驰电影剧本| 英文电影剧本 | 甲骨文读书 | 甲骨文影视 |  -=- 网站帮助 -=-     您现在的位置： 甲骨文剧本网 &gt;&gt; 剧本库 &gt;&gt; 小品相声剧本 &gt;&gt; 英语剧本 &gt;&gt; 剧本正文  用户登录  新用户注册      授权级别：授权甲骨文剧本发表 投稿时间：2005-11-14 阅读：5741次 英语短剧：The Fox and the Tiger（狐假虎威） 作者: 尚丽娟（… 　　如果您对甲骨文剧本网有任何建议和意见，请留言： 网站留言板  文章正文                    TigerT---Tiger  F---Fox   R---Rabbit    B---Bird   Fr---Frog    B----Bear      Tiger:I’magreattiger.I’mverystrong.I’mverybrave.I’mthekingoftheforest.ButnowI’ eatatonce,orI’lldieimmediately.Oh,there’snothinghere.Andhereisnothing,either.Oh,Iwanttohavearest.(Sleepsoundly)Fox: I’m a fox. You can see, I’m pretty and lovely. I’m good at cheating 0and telling lies. Just now I cheated a crew out of a piece of meat. Mm, Mm, Mm. How delicious it is! Tiger: Ah, a fox. A good meal. Ah, a good meal. Fox: Oh, my God! What should I do? Yes, I have a good idea. Yes, a good idea. Hello! Tiger sister! How are you?Tiger: Not so good. I’m very hungry now. I want to eat you.Fox: Oh, my dear! How dare you say that! I’m the king of the forest! I’m the king of the forest! If you want to eat me, I will let you die right now.Tiger: She is the king. She is cheating me. I can’t belive her. I’m the king of the forest here.Fox: If you don’t believe me, just follow me and see who is the king of the forest.Tiger: Ok. Let’s go.Rabbit: I’m a rabbit. I like to eat a turnip. Ah, a big turnip. Oh! It’s too hard. I can’t pull it out.Bird: I’m a bird.Rabbit: Hi! Bird: Hi! What are doing here, Miss Rabbit? Can I help you?Rabbit: Yes, please.Frog: I’m a frog. Hello! What are you doing here? What can I do for you?R&amp;B: Yes, come on!Frog : Ok! I’m coming!Bear: I’m a big brown bear. Hello, everyone! What are you doing here? R,B&amp;F: Come on! Come on! Mr. Bear! You are so strong. Please come here. There is a big turnip. We are all puling it out. Please come and help us.Bear: Ok! I’m coming.Fox: Hello, Bear!Bear: Hi, Fox. Oh, a tiger! (run away)Fox: Hello, Frog!Frog: Hi, Fox. Oh, a tiger! (run away)Fox: Hello, Bird!Bird: Hi, Fox. Oh, a tiger! (run away)Fox: Hello, Rabbit!Rabbit: Hi, Fox. Oh, a tiger! (run away)Fox: Tiger, Now, you see. They are so frightened! They all run away!Tiger: Yes, you are right. It’s true. I’m very sorry. You are the king of the forest. That’s all right. I will run away. He is the king. He is the king.Fox: Wa! There is a big turnip. Now, the turnip belongs to me.  正文结束     </t>
  </si>
  <si>
    <t xml:space="preserve">国米怎么还不进球呀``好担心好害怕`` </t>
  </si>
  <si>
    <t>会进的,1球小胜</t>
  </si>
  <si>
    <t xml:space="preserve">高中一道会考数列题已知等比数列{An}的前n项和为Sn=3^n+ </t>
  </si>
  <si>
    <t>因为An=Sn-S(n-1)=2*3^(n-1)所以A1=2又因为A1=S1=3+a所以a=-1</t>
  </si>
  <si>
    <t xml:space="preserve">生育后只来了一次月经,已有五个多月,也没怀孕我是一个五个多月宝宝 </t>
  </si>
  <si>
    <t>在妊娠时卵巢功能长时间受到抑制，虽然分娩后胎儿、胎盘排出体外，但这种抑制情况的恢复，还需要一段时间，如果您是母乳喂养，又有延缓月经恢复的作用。月经恢复得较慢，即使恢复了周期也未必完全正常。多数情况下产后半年左右月经可恢复正常，但也有个别的长达一年以上才恢复正常。</t>
  </si>
  <si>
    <t xml:space="preserve">我爱是一个人我爱上了一个人,但我不知道他爱不爱我,而且我爱的人是 </t>
  </si>
  <si>
    <t>别同楼上的 你要慎重</t>
  </si>
  <si>
    <t xml:space="preserve">卧室里放电视有危害? </t>
  </si>
  <si>
    <t>根据最新报载：卧室里放电视，如果经常沉醉于电视里，会降低男人的性欲望。</t>
  </si>
  <si>
    <t>始乱终弃</t>
  </si>
  <si>
    <t>姑娘，看到这么多劝慰的话，是不是舒服多了？就象他说的，你很坚强，我，一个陌生人，还有好多知道你的人，都相信你会坚强起来的。好多的话，朋友们都劝你了，我想告诉你得是：更加的珍爱自己，总有一个真正爱你的人在等着你。</t>
  </si>
  <si>
    <t xml:space="preserve">物理8．一支300m长的队伍，以1m/s的速度行军，通讯员从队尾 </t>
  </si>
  <si>
    <t>解答：设部队行军速度V1＝1m/s，通讯员行军速度V2=3m/s,通讯员从队尾赶到队首所用的时间设为t1,又从队首返回队尾所用的时间设为t2，部队长度S为300米，则，t1＝S/(V2-V1)=300/(3-1)=150秒t2＝S/(V2+V1)=300/(3+1)=75秒所以可得通讯员的位移＝V2*(t1-t2)=3*(150-75)=225米通讯员的路程＝V2*(t1+t2)=3*(150+75)=675米（注意：本题主要考察追踪，相遇，位移和路程的问题，通讯员从队尾赶到对首是追踪问题，通讯员从队首赶到队尾是相遇问题，位移是从原点到终点的距离，和中间过程无关，路程和中间过程有关）</t>
  </si>
  <si>
    <t xml:space="preserve">人力资源实习业务流程最大的缺陷是什么？ </t>
  </si>
  <si>
    <t>缺乏实际考核</t>
  </si>
  <si>
    <t xml:space="preserve">狼堡以死 </t>
  </si>
  <si>
    <t>未必，现在是10VS10</t>
  </si>
  <si>
    <t xml:space="preserve">急啊!大家进来看看帮忙出个主意!我们是09年1月份结婚了,10月 </t>
  </si>
  <si>
    <t xml:space="preserve">  觉得他那么的不好何必结婚有立刻要了孩子呢，你把孩子给他带一段时间，你完全不理会，让他知道你的不易。如果真的闹僵了 要离婚，就给他讲孩子给他，女人戴着孩子不好找。总之他已经找到一个接班的了，没什么顾虑了。</t>
  </si>
  <si>
    <t xml:space="preserve">哪个知道梧州2中的杨喻善都喜欢些什么? </t>
  </si>
  <si>
    <t>我看的出你对她是有那么一些意思的~~我可以教你几招女人都是个很感性的动物，常常会因那么一点点事而感动，因而她会把所有的心思都放在你身上，死心塌地的爱着你。一、买些特制的信纸写情书给她，告诉她你有多喜欢她。闭上眼,她的一笑一颦就会出现在你脑海里抬起头，满天的星星都会幻化为他含笑的眼睛。二、在阳光明媚的日子里约她出游。带上一些她喜欢吃的东西，弄上几瓶饮料，不久后你将会知道她曾为那天高兴得差点疯掉。三、逛超市时记着买些他喜欢的零食。在她手捧零食津津有味地看这小说或看电视时,肯定会想起你。四、在电话里唱歌给她听。当然，不需要整首唱下来，只选择她喜欢那段就可以了，她会感觉到你们之间没有距离。 如果你真想知道她的各个喜好，你最好还是去问他身边的朋友这种方法最现实。答案补充知道她的喜好的人应该只有是她的好友了。答案补充其实她不是的！</t>
  </si>
  <si>
    <t xml:space="preserve">怎么样治脱发？治脱发?怎样治脱发?如何治脱发?怎么治脱发?治脱发 </t>
  </si>
  <si>
    <t>日常洗头的时候可加一点醋平时多吃一些黑芝麻</t>
  </si>
  <si>
    <t xml:space="preserve">我想找个可以经常出差的工作或长期驻外的工作，什么类型的工作可以大? </t>
  </si>
  <si>
    <t>销售.</t>
  </si>
  <si>
    <t xml:space="preserve">在杂志或者网络上会看到一个文章题目后面有一个“外一首”是什么意思 </t>
  </si>
  <si>
    <t>外一首就是除了正文所发表的这一首诗（词）以外还附带另外一首诗（词）。这个外一首一般没有正式的这一首写的好，不适合作为主要内容发表。但是往往内容是相关的。如果你还是不能理解的话，总见过商场里面“买一送一”的招牌吧？就是那个意思，哈哈。</t>
  </si>
  <si>
    <t xml:space="preserve">42寸液晶一个小时用电多少度我家的一个月用电200多度.每天开电 </t>
  </si>
  <si>
    <t>42寸液晶电视功耗约200W，每小时耗电0.2度，冰箱全天约1度，吸顶灯按100W计算，每小时约0.1度，电脑每小时约0.3度。</t>
  </si>
  <si>
    <t xml:space="preserve">厨师为何要戴白色高帽? </t>
  </si>
  <si>
    <t>据说，200多年以前，法国有位名厨叫安德范·克莱姆。他是十八世纪巴黎一家著名餐馆的高级主厨。安德范性格开朗风趣且很幽默，又爱出风头。一天晚上，他看见里有位顾客头上戴了一顶白色高帽，款式新颖奇特，引起全馆人的注目，便刻意效仿，立即定制了一顶高白帽，而且比那位顾客的还高出许多。他戴着这顶白色高帽，十分得意，在厨房里进进出出，果然引起所有顾客的注意。很多人感到新鲜好奇，纷纷赶来光顾这间餐馆。这一效应竟成为轰动一时的新闻，使餐馆的生意越来越兴隆。后来，巴黎许多餐馆的老板都注意到了这顶白色高帽的吸引力，也纷纷为自己的厨师定制同样的白高帽。 久而久之，这白色高帽便成了厨师的一种象征和标志，演变到如今，几乎世界各地的厨师都普遍戴上了这白色的帽子。白色高帽便成了厨师维护食品卫生的工作帽。有关部门还制订了戴帽的标准：根据厨师技术水平的高低和厨师工龄的长短，分别规定厨师所戴帽子的高低，使人们一看帽子便知道这位厨师的烹任水平，帽子越高，手艺也就越高超。 厨师常戴的帽子，最高的竟达35厘米，所以，在法国，人们总爱用“大帽子”这一称号称呼那些技术水平高、有名气的老烹调师。后来，国际上还曾成立过一个厨师帽会组织，总部就设在厨师高帽子的发源地——法国巴黎。</t>
  </si>
  <si>
    <t xml:space="preserve">孕妇可以使用的护肤品，求推荐？请问孕妈妈能介绍孕妇可以使用的护肤 </t>
  </si>
  <si>
    <t>挑选到适合自己的孕妇护肤品是至关重要，它不仅对你的美丽起着促进作用，还可以保障你和宝宝的健康。推荐使用市场上具有良好口碑的亲润孕妇护肤品，取材天然，更懂孕妇心。</t>
  </si>
  <si>
    <t xml:space="preserve">角色创建以后可不可以改名字角色创建以后真的不能改名字了吗?我真的 </t>
  </si>
  <si>
    <t>没有这项服务。。。</t>
  </si>
  <si>
    <t xml:space="preserve">怎么样把淘宝保证金放进余额宝 </t>
  </si>
  <si>
    <t>您好，保证金是不能放到余额宝里边的。</t>
  </si>
  <si>
    <t xml:space="preserve">金牛座和巨蟹座配吗巨蟹女生暗恋着金牛男生,她只想知道他们有没有可 </t>
  </si>
  <si>
    <t>还是很配的啊！！女生多撒娇阿！金牛的男生不傲！就听你这套！倒不是我追过，是因为喜欢我的男生都吃我这套</t>
  </si>
  <si>
    <t xml:space="preserve">营养我的小孩6个多月了才15斤,吃也很多.可就是吃不肥 </t>
  </si>
  <si>
    <t>我家宝宝六个月体检时是18斤,医生说偏胖,你家宝宝是偏瘦一点点没事,属于正常体重范围,不用担心,只要宝宝不缺少微量元素就好!</t>
  </si>
  <si>
    <t xml:space="preserve">十三化建在哪?中国化学工程第十三建设公司在哪?坐几路车到 </t>
  </si>
  <si>
    <t xml:space="preserve">中国化学工程第十三建设公司 电邮： cncec13c@   电话： 0086-317-306201 传真： 0086-317-3061580 地址： 河北省沧州市北环东路2号  具体坐几路车你可以打电话去问一下。 </t>
  </si>
  <si>
    <t xml:space="preserve">皮咔咔~请教您一个婚姻方面的问题看你刚才答题：婚后为老公做的第一 </t>
  </si>
  <si>
    <t>晕倒哦！没想到这段时间没见哥哥，智力下降了这么多！结婚后每天不用睁开眼睛吗？</t>
  </si>
  <si>
    <t xml:space="preserve">宝宝做错事会主动打自己这是什么问题？陈老师，我的小孩5岁半，现在 </t>
  </si>
  <si>
    <t xml:space="preserve">有两种可能：①过度自责的意识；②作为下台的手段。对于幼儿，更可能的是前者。这种意识的形成来自家长的“教育”。自小给予严厉管教，揪着错误便不放过，总要孩子认错和自我惩罚，更糟的是常常旧事重提，总怕孩子没有吸取教训，孩子在负疚、自责的煎熬下形成一种自我解脱的手段，这对成长极其不利。 </t>
  </si>
  <si>
    <t xml:space="preserve">主板问题3主板的南北桥芯片都有多少类型（目前主流的），有什么功能 </t>
  </si>
  <si>
    <t>兄弟南北桥的类型是很多的没办法数清的最近两年最流行的南桥芯片是ICH4我只能告诉你这么多了南桥芯片（South Bridge）是芯片组的重要组成部分，一般位于主板上离CPU插槽较远的下方，PCI插槽的附近，这种布局是考虑到它所连接的I/O总线较多，离处理器远一点有利于布线。相对于北桥芯片来说，其数据处理量并不算大，所以南桥芯片一般都没有覆盖散热片。南桥芯片不与处理器直接相连，而是通过一定的方式（不同厂商各种芯片组有所不同，例如英特尔的英特尔Hub Architecture以及SIS的Multi-Threaded“妙渠”）与北桥芯片相连。 南桥芯片负责I/O总线之间的通信，如PCI总线、USB、LAN、ATA、SATA、音频控制器、键盘控制器、实时时钟控制器、高级电源管理等，这些技术一般相对来说比较稳定，所以不同芯片组中可能南桥芯片是一样的，不同的只是北桥芯片。所以现在主板芯片组中北桥芯片的数量要远远多于南桥芯片。例如早期英特尔不同架构的芯片组Socket 7的430TX和Slot 1的440LX其南桥芯片都采用82317AB，而近两年的芯片组845E/845G/845GE/845PE等配置都采用ICH4南桥芯片，但也能搭配ICH2南桥芯片。更有甚者，有些主板厂家生产的少数产品采用的南北桥是不同芯片组公司的产品，例如以前升技的KG7－RAID主板，北桥采用了AMD 760，南桥则是VIA 686B。 南桥芯片的发展方向主要是集成更多的功能，例如网卡、RAID、IEEE 1394、甚至WI-FI无线网络等等。 北桥芯片（North Bridge）是主板芯片组中起主导作用的最重要的组成部分，也称为主桥（Host Bridge）。一般来说，芯片组的名称就是以北桥芯片的名称来命名的，例如英特尔 845E芯片组的北桥芯片是82845E，875P芯片组的北桥芯片是82875P等等。北桥芯片负责与CPU的联系并控制内存、AGP数据在北桥内部传输，提供对CPU的类型和主频、系统的前端总线频率、内存的类型（SDRAM，DDR SDRAM以及RDRAM等等）和最大容量、AGP插槽、ECC纠错等支持，整合型芯片组的北桥芯片还集成了显示核心。北桥芯片就是主板上离CPU最近的芯片，这主要是考虑到北桥芯片与处理器之间的通信最密切，为了提高通信性能而缩短传输距离。因为北桥芯片的数据处理量非常大，发热量也越来越大，所以现在的北桥芯片都覆盖着散热片用来加强北桥芯片的散热，有些主板的北桥芯片还会配合风扇进行散热。因为北桥芯片的主要功能是控制内存，而内存标准与处理器一样变化比较频繁，所以不同芯片组中北桥芯片是肯定不同的，当然这并不是说所采用的内存技术就完全不一样，而是不同的芯片组北桥芯片间肯定在一些地方有差别。</t>
  </si>
  <si>
    <t xml:space="preserve">给个派派后花园的码行吗？谢谢 </t>
  </si>
  <si>
    <t xml:space="preserve"> 去派派论坛碰运气更好些，每天5枚随机送的。。。   </t>
  </si>
  <si>
    <t xml:space="preserve">关于枕头？？请教！我的宝宝快10个月了，从出生到现在一直没有用枕 </t>
  </si>
  <si>
    <t>买了好几个枕头，还咨询了好多医生，总结一下经验希望对大家有所帮助！　　３个月以前宝宝是不能睡枕头的！　　这时哪怕是１,２厘米的高度都会危害宝宝颈椎的发育！！！　　宝宝的头型一般在６个月以内就会定型，所以对于个别品牌（本着隐恶扬善的态度我就不提名字了）　的高枕头可以塑造头型的说法，是很不的！我就是受害者 ，买回来医生说６个月前不能用，太高了！所以自然也就没有它们说的定型的效果了，宝宝６个月以后头型基本都固定了！大家在给宝宝选购时一定要注意！别上当！　　给宝宝用毛巾折上睡了一段时间，虽然我一直很尽责的看着她的睡姿，但是后来还是睡偏了，后来上网查办法，发现真的很多家长都不知道该怎么办，后来看到有人推荐‘添赐福婴儿多功能组合套枕’，觉得还比较科学，就给宝宝买了一套，效果确实不错（本人没有帮忙推销的想法，就事论事而已），说实话一直比较后悔很晚才给宝宝用，这套枕里面专门给０-３各月的宝宝设计了定型器，既没有没有高度，又能让宝宝的头很端正；所以如果没有把握能看好宝宝头型的爸爸妈妈可以给宝宝准备一套．只有在宝宝３个月以后才可以睡定型枕！高度以２-３厘米为宜，过低过高都不好！　　６个月以后宝宝才可以睡３－５厘米的枕头！！！　　有很多准爸准妈都给宝宝准备了枕头，但是千万要注意宝宝６个月以前不能睡高枕头哦！！！　　枕头的材质问题，一些目前比较常见的填充物，也有很多优缺点，给大家简单介绍一下：　　绿豆、米粒、蚕砂：清热解毒、祛风除湿、凉爽止汗，符合“头要凉，脚要暖”的原则。　　【误　区】：很多人认为绿豆、米粒、蚕砂填充物可以让宝宝的头骨长得更结实，头形更好看。但是小婴儿的颅骨比较软，囟门和颅骨缝还没有完全闭合，长期使用这种硬枕头，容易造成头颅变形，或一侧脸大，一侧脸小。　　【乳胶、太空棉】：不能很好地支撑颈椎，而且由于与头皮的接触面过大，不利于血液循环，透气性差，甚至影响呼吸，特别是宝宝发烧时更不要用了。另外含有有害的化学物质的可能性较大。 　　【荞麦】：软硬适中，冬暖夏凉，透气性好，有利于头部的血液循环。但据说容易引起小儿哮喘. 　　希望每个宝宝都漂亮、健康</t>
  </si>
  <si>
    <t xml:space="preserve">上海黄金交易所的手续费是浮动的吗? </t>
  </si>
  <si>
    <t>嗯，你说的对，确实是浮动的。</t>
  </si>
  <si>
    <t xml:space="preserve">iexplore.exe是什么进程? </t>
  </si>
  <si>
    <t>是IE浏览器的进程.</t>
  </si>
  <si>
    <t xml:space="preserve">糖尿病肾病饮食规则是什么糖尿病病史十几年了，尿常规蛋白3+号。腿 </t>
  </si>
  <si>
    <t>蛋白尿是糖尿病肾病最常见的症状。蛋白尿一定程度上反映肾脏受损的严重程度，尿蛋白高时糖尿病肾病患者最头痛的问题了，大的原则保持低盐饮食、摄入优质蛋白以及饮水要适宜，饮食要有限制，避免暴饮暴食。</t>
  </si>
  <si>
    <t xml:space="preserve">为什么没有配方液态奶？ </t>
  </si>
  <si>
    <t>可能是不好保存吧。</t>
  </si>
  <si>
    <t xml:space="preserve">西冷牛排和菲力牛排有什么区别吗？ </t>
  </si>
  <si>
    <t>食用牛肉的习惯最早来源于欧洲中世纪时，猪肉及羊肉是平民百姓的食用肉，牛肉则是王公贵族们的高级肉品。现在很多朋友只要来美而美，就可以轻松便利地享受到中世纪欧洲贵族专属的美味了。　　品牛排有讲究，牛排的质地和十分重要。牛排的种类非常多，今天教你区分最常见的菲力牛排(FILLET)和西冷牛排(SIRLOIN)。　　FILLET 菲力——最细嫩的口感　　如果想要得到最细腻的口感，那就要选用菲力，这是牛脊身上最嫩的肉，几乎不含肥膘，煎三分熟、五分熟、七分熟都可以，在口感上，能够令唇齿充分体验鲜嫩细腻的感觉。　　SIRLOIN 西冷——韧度超强的口感　　西冷是牛外脊，含有一定分量的肥油，肉的外延有一圈白色的肉筋，总体口感韧度超强。肉质虽硬，但更有嚼头。这种材质的肉不能煎全熟，五分熟到七分熟之间的熟度最能释放出西冷的美味。　　牛排老饕们最爱西冷天然丰富的风味。享用西冷时最好不要加入任何酱汁，这样能吃到少许甜甜的血丝;每切下一块肉来，要注意带上一些白色的肉筋，咀嚼时，方能体验鲜美肉汁在味蕾上四溢的美妙。</t>
  </si>
  <si>
    <t xml:space="preserve">给我最爱的兰帕德！我认真看切尔西大约三年，战术上有一定的延续性， </t>
  </si>
  <si>
    <t>COPY:高人的分析,你是我在网上见过的评论中最懂球的!!!</t>
  </si>
  <si>
    <t xml:space="preserve">请问女孩子两个月前和男友发声关系后来吃了药现在不想吃饭想吃酸的东 </t>
  </si>
  <si>
    <t>发生关系后是否来过月经?若来过,就不是怀孕.</t>
  </si>
  <si>
    <t xml:space="preserve">养过独角兽的进`我想养只蓝马~可是不知这东西加魔精神成长怎么样? </t>
  </si>
  <si>
    <t xml:space="preserve">你这个49要换蓝马最多换个招牌，掉14档的因为49和蓝马根本不是一个级别的宠，拿到的难度差太多了蓝马加什么都垃圾啊，加魔精神成长和穴龙差不多，感觉也只能当招牌 </t>
  </si>
  <si>
    <t xml:space="preserve">非毁灭SS的天赋问题=出资料片我打算练痛苦SS天赋是47140痛 </t>
  </si>
  <si>
    <t xml:space="preserve"> 恩```看来LZ加了强化虚弱诅咒  强化痛苦诅咒  疲劳诅咒 强化虚弱完全没什么用啊`````````虚弱本来就不怎么好```FB要输出可以用厄运诅咒或者痛苦诅咒   要辅助用暗影/元素/卤莽诅咒PK打法系一般是语言诅咒吧  打近战显然疲劳更好另外 痛苦SS何必带胖子???痛苦的基本打法是DOT风筝 黑暗契约抽2下就没蓝了  不如带小鬼那么显然加恶魔庇护了   新出来的那个甲可是加法伤的 强化后DOT可以更加强大了PS   根据LZ后来提的问题做点补充痛苦SS的DOT能力非常强大 而且有吸血的能力 所以强化糖感觉没什么必要不如强化小鬼 我已经说过痛苦SS推荐还是带小鬼好然后恶魔智力3点或者智力2点1点支配按个人喜好   40之前感觉组队做做任务一下就过去了```如果非要单练应该还是痛苦系快点   PK`````这个的不确定因素太多  抛开玩家水品和状况,还要考虑装备差距以及那飘渺的运气问题``````由于带小鬼所以生命通道没必要强化  毕竟小鬼在练级的时候很少需要现身的  一般是作为一个+耐的无限蓝药瓶来使用的 PK可能用的多点  胖子的牺牲吸收的伤害肯定是比MS盾要多的```但是具体不太清楚 ``毕竟TBC还有更高级的牺牲技能书可以学吧```</t>
  </si>
  <si>
    <t xml:space="preserve">在不同部分里，海燕有什么样的表现？因此看出海燕具有什么样的精神品? </t>
  </si>
  <si>
    <t xml:space="preserve">最经典的使最后一段当海燕在闪电的鞭击与暴风雨的怒吼中，仍勇敢地叫喊出胜利者的预言：让暴风雨来得更猛烈些吧！海燕穿击于暴风雨中，表现出了海燕虽然只是渺小的动物，但它在狂风怒吼的大海上电闪雷鸣的天空中，自由，高傲地飞翔。表现出了海燕有勇敢、自信、不屈服的精神。 </t>
  </si>
  <si>
    <t xml:space="preserve">观韵LA8800电视，看介绍有“语音伴侣”功能，什么是“语音伴侣? </t>
  </si>
  <si>
    <t>按住动感遥.控器.上面的“语.音”按.钮，可实现.基.本.TV语.音.控.制：切.换.频.道、音.量.搜.索等功能</t>
  </si>
  <si>
    <t xml:space="preserve">发生交通事故,肇事逃逸后经交警部门出面协商解决,还可以再追究刑事? </t>
  </si>
  <si>
    <t>民事责任赔赏完了.形式责任还要认定.刑拘是合理的.(肇事者属脑震荡)须治疗是另外一回事,你不会认为赔了钱就完事了吧.民事和刑事是两回事.何况你还逃逸了.你的全部责任.53000元一条人命啊.</t>
  </si>
  <si>
    <t xml:space="preserve">财务会计学计算题不会做,请老师指教!1.某公司原有资金1000万 </t>
  </si>
  <si>
    <t>找一下《财务管理》方面有关筹资内容的书，应该是很简单的。</t>
  </si>
  <si>
    <t xml:space="preserve">我为什么老是出现说检测不出我的版本，说我的数据已经被破坏谁知道我 </t>
  </si>
  <si>
    <t>安装包还在吗？重新安装选修复文件，要是不在了就去买套客户端，价钱反正也不贵还有说明书什么的。</t>
  </si>
  <si>
    <t xml:space="preserve">牙痛怎么办？我今年20岁，我的牙齿三年前就开始会痛，有时侯痛的厉 </t>
  </si>
  <si>
    <t>你的情况可能属于慢性的牙髓炎。我的意见是及时看牙医确诊病变并予以处理。</t>
  </si>
  <si>
    <t xml:space="preserve">暑假作业3。Theyfoundthelecturehard___ </t>
  </si>
  <si>
    <t>hard to understand其实是作the lecture 的补语the lecture 是宾语,所以,hard to understand就是宾语补足语，用来修饰the lecture的!不用被动，只要弄清楚对象就ＫＯ咯！</t>
  </si>
  <si>
    <t xml:space="preserve">土耳其再进1个哈哈2:2，奖金还能高点 </t>
  </si>
  <si>
    <t>单3无疑！！！！</t>
  </si>
  <si>
    <t xml:space="preserve">难道一定要在哪个网也包月才能抽奖吗？？GM这有点不道德了吧！玩完? </t>
  </si>
  <si>
    <t>有什么欺骗的呢?如果不另外开个网页,那么每次搞包月活动,以前那个包月网页都要改一下,你想累死GM啊.正常包月的网页是不能关闭改动的,因为很多人都是包月玩的,所以关闭那个网页很麻烦很麻烦,GM当然只有另外搞个网页出来咯.</t>
  </si>
  <si>
    <t xml:space="preserve">请问这句话中that从句作用thefruitsthatmadei </t>
  </si>
  <si>
    <t>楼上的，that不是先行词，先行词是fruitsthat是关系代词，引导定语从句，在从句中作主语，代指fruitsthat make it to UK:运往英国的水果</t>
  </si>
  <si>
    <t xml:space="preserve">中医中的"风"指的是什么? </t>
  </si>
  <si>
    <t>风有分为“外风”和“内风”。“外风”就是指自然界的风。“内风”呢，不是外来之邪，是为病自内生的。是指因体内阳气亢逆变动或筋脉失养而形成的具有眩晕、麻木、抽搐、震颤等“动摇”特征的一类病理状态。包括有：1.肝阳化风，2.热极生风，3.阴虚风动，4.血虚生风。</t>
  </si>
  <si>
    <t xml:space="preserve">春天做什么养生项目好? </t>
  </si>
  <si>
    <t>被称为“酵素之父”的豪尔博士说∶人类的寿命与体内酵素的贮存量成正比！酵素贮存越多，人就越青春越健康。反之，酵素越缺乏，人就越容易快速衰老，当酵素减少到无法满足新陈代谢的需要时，人就会死亡。</t>
  </si>
  <si>
    <t xml:space="preserve">深圳东到宝安区松岗的车？ </t>
  </si>
  <si>
    <t>你好，车还是比较多的，你下火车之后跟着人群到公交站。在那里看标牌很清晰的也很明了。你坐有写到：福永、沙井、松岗、西乡的车都可以坐。上车到松岗是15元，你上车时不放心就先问好，现在治安比以前好多了，尤其现在深圳世界大学生运动会，一般到松岗桥底（佳华商场）那里是松岗的中转站，然后再去你想去的地方。</t>
  </si>
  <si>
    <t xml:space="preserve">教师业余时间可以做兼职吗？ </t>
  </si>
  <si>
    <t>我所认识的老师，好像都没有做兼职的，学校也不给，但如真要做也可以的，不让学校知道，但比较辛苦 加油</t>
  </si>
  <si>
    <t xml:space="preserve">怎样消除项目小组与用户的矛盾？？ </t>
  </si>
  <si>
    <t>合理安排时间尽量减少对用户现有工作的影响尽量使用现成的数据避免基础数据整理的工作量先易后难 不要把用户一下子逼到悬崖上通过一把手的权威来调和项目小组与用户之间的矛盾。工作要有计划，避免临时性的任务</t>
  </si>
  <si>
    <t xml:space="preserve">请问用压缩的面膜直接泡牛奶美白，还是在加入蜂蜜美白啊！这两种哪个? </t>
  </si>
  <si>
    <t>蜂蜜的主要作用是营养滋润，尤其对于偏干的皮肤，滋润效果很明显</t>
  </si>
  <si>
    <t xml:space="preserve">变异骷髅怎么升级？ </t>
  </si>
  <si>
    <t>技能初级的话只能直接招出0级骷髅 打怪可以升到1级中级的话能直接招1级 打怪升到3级高级的话能直接招2级 打怪升到5级专家能直接招3级 打怪升到7级练技能就要站在大刀边上招宝宝 砍死再招 到练满为止（分别有人物等级要求）打怪升宝宝就看杀死怪的数量 所以到落霞岛或者中州外面让宝宝杀小怪 练得最快了。</t>
  </si>
  <si>
    <t xml:space="preserve">谁天天去看病？ </t>
  </si>
  <si>
    <t>．．．．．．．医生</t>
  </si>
  <si>
    <t xml:space="preserve">刚掉的牙，可以装吗？老年人，前门陆续掉了５颗，适合装哪种类型的呢 </t>
  </si>
  <si>
    <t>牙齿在掉了后一个月才可以可摘义齿修复．三个月后才可以固定义齿修复．前面的门牙，咀嚼要求不高，美容要求高，建议做烤瓷固定桥修复．价格比较高．从１０００到３０００都有可能，看当地的消费水平了如果做可摘局部义齿，价格相对便宜．但是美观不足，口内有异物感，对于咀嚼和发音都有影响．价格从３００到１０００不等．</t>
  </si>
  <si>
    <t xml:space="preserve">netdo.ih在我移动硬盘里，卡巴斯基查出这个病毒，删除后要重 </t>
  </si>
  <si>
    <t xml:space="preserve">建议你下载恶意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软件也可以在正常模式中进行查杀）。U盘病毒专杀工具(USBCleaner) V6.0 Build 1106 【基本介绍】U盘病毒又称Autorun病毒,是通过 f文件使对方所有的硬盘完全共享或中木马的病毒。【软件特点】USBCleaner 是一种纯绿色的辅助杀毒工具，支持简体与繁体语言系统,独有的分类查杀引擎具有检测查杀 470 余种 U 盘病毒，U 盘病毒广谱扫描，U 盘病毒免疫，修复显示隐藏文件及系统文件，安全卸载移动盘盘符等功能，全方位一体化修复杀除 U 盘病毒。同时 USBCleaner 能迅速对新出现的 U 盘病毒进行处理。下载网址： </t>
  </si>
  <si>
    <t xml:space="preserve">打什么怪爆合成油？？？？？ </t>
  </si>
  <si>
    <t>打怪爆就会合成油~~~</t>
  </si>
  <si>
    <t xml:space="preserve">我前天卖了江淮汽车，今天就涨停。。。。气死我了。。。 </t>
  </si>
  <si>
    <t>常常都是这样,你买进它就跌,你一卖就狂涨.我年前3.3进的江淮汽车,放了很久不涨,结果3.2割肉了,现在都4.8了,你说这不气人吗?现在买了几支就被套在那里卖也舍不得,不卖又不涨,哎....难啊</t>
  </si>
  <si>
    <t xml:space="preserve">性运7暗1的戒指能卖多钱啊？ </t>
  </si>
  <si>
    <t>我估计现在1E,一个月后1000W,五个月后1分不值.</t>
  </si>
  <si>
    <t xml:space="preserve">魔兽世界猎人具体加点方法 </t>
  </si>
  <si>
    <t>如果你还是停留在练级的阶段。那么我建议主修兽王服射击。我练过很多号兽王是最好的选者。。。如果你已经60了。那么你还是主射击付生存着样你能够更多的为团队真加DPS的输出。。。现在副本里面允许猎人招出BB的机会都是在小怪打治疗时转移仇恨用的了。。悲哀啊。。。</t>
  </si>
  <si>
    <t xml:space="preserve">中度骨质疏松该怎么办?我今年54岁,从去年开始,检查有骨质疏松, </t>
  </si>
  <si>
    <t>您好，您的情况建议做一下甲状旁腺的检查，此外补钙外，还应积极锻练身体，多晒太阳，补一些维生素D。</t>
  </si>
  <si>
    <t xml:space="preserve">翻译段落TheAuditSuewaspuzzledastowha </t>
  </si>
  <si>
    <t xml:space="preserve">审计 Sue困惑了至于采取的什么计划。她最近开始了她的与一家全国CPA企业的工作，并且她与可能影响她的与企业的未来的问题已经面对。在审计，她遇到了对待付款对大数的客户，但是绝不大多数，它的工作者作为对独立承包商的付款。这实践救客户否则是交付的在付款的工资税，如果工作者分类为雇员。在苏的评断这是不正当的并且非法，并且应该注意了在审计。她提出了与约翰的问题，报告她的资深会计向。他认为它是一个可能的问题，但是没有似乎愿意做任何东西对此。如果她没有感到满意，他鼓励她与负责的伙伴谈话。 </t>
  </si>
  <si>
    <t xml:space="preserve">河北省委办公厅是什么级 </t>
  </si>
  <si>
    <t>正厅级单位，但领导的配置较高，一般是省委常委，副部级。</t>
  </si>
  <si>
    <t xml:space="preserve">爱她真的好难我认识她五年了那时只觉的她可爱五年里我们一直关系很好 </t>
  </si>
  <si>
    <t>我觉得的每个人的感情生活就应该由她自己去处理。只有那样她才会理解那些东西去明白。生活就是这样的。没有必要的时候是不需要去管的。至于你喜欢她。第一呢。感情是两情相悦的事情。所以现在只是你的一厢情愿。顺其自然比较好吧。可能是你们两只是过客的身份。她并不是你的终点。慢慢的找你会找到那个终点的。喜欢不可以强求的哦。强扭得瓜是不甜的。也是不幸福的。慢慢来。我们还年轻嘛</t>
  </si>
  <si>
    <t xml:space="preserve">皮肤黑怎么办？汗汗我也不是很黑的那种妈妈说我脸色总是不好看黄黄的 </t>
  </si>
  <si>
    <t>以前我的皮肤也是黄黄的,后来当我注意了这个问题之后也在寻找比较简单却又有效的方法.在很多种方法之中我试验了几个确实有效的方法.1.确保睡眠,要知道充足的睡眠是好皮肤的第一前提.良好的作息时间,可以让你的皮肤很健康.2.在每天洗脸的同时,在洗脸水里滴进几滴白醋,常时间使用可以让皮肤逐渐变白,淡化黑色素.3.把甘油和白醋按照1:10的比例调制成护肤品,把它装在小瓶瓶可随身携带,很方便,在洗完脸之后,涂在脸上,过一会会变得很清爽,一点也不油腻,而且可以搽手,手的皮肤也会变得很细腻,我现在常年用.在这几种小方法的伴随之下我的黄皮肤确实有了改善,这都是我的个人经验,你不妨试试</t>
  </si>
  <si>
    <t>如何辨别卡西欧手表的真伪型号是EF</t>
  </si>
  <si>
    <t>朋友，日本卡西欧手表基本没有假的，只是产地不同而已。CASIO卡西欧EF-544D-1A/EF-544D-1AV 基本没有什么区别。</t>
  </si>
  <si>
    <t xml:space="preserve">死亡之翼~黑龙耐法里安?它不是泰坦创世后任命的五条守护巨龙之一吗? </t>
  </si>
  <si>
    <t>泰坦对他们在这片大陆上建立的秩序感到满意，于是决定启程离开艾泽拉斯。在他们动身之前，泰坦们决定赋予这片大陆上最强大的物种以守护世界、保卫这里的平衡和谐不被破坏的职责。在那个时代有许多巨龙，它们由五条巨龙分别统治。泰坦选择了这五条巨龙来守护这个崭新的世界。最强的神们分别将自身的一部分神力赠与一条巨龙，这五条巨龙就是广为人知的守护巨龙。世界的锻造者卡兹格罗斯将他的一部分力量赋予了强大的黑色巨龙耐萨里奥。耐萨里奥成为大地之王，统御着艾泽拉斯世界的大地与深渊。他代表着世界的力量，是阿莱克斯塔萨最强大的支持者。上层精灵无节制地使用魔法，使得永恒之井的魔法波动传入了无边的黑暗宇宙中，并且传播到了扭曲虚空，最终被盘踞在那里的恶魔感觉到了。萨格拉斯——所有生命的死敌，世界的复仇者——感觉到了这股强大的魔法波动，并且找到了这股波动的来源。在观察了艾泽拉斯世界并感受了永恒之井的无限能量之后，萨格拉斯急切地渴望占有这一切，他要摧毁这个世界，将它的能量据为己有。　　萨格拉斯纠集了他的恶魔大军——燃烧军团，开始向艾泽拉斯进军。燃烧军团由数以百万计的咆哮着的恶魔组成，他们来自宇宙的各个角落，思想中燃烧着的全都是征服的欲望。萨格拉斯的副官——污染者阿克蒙德和毁灭者玛诺洛斯——已经准备好要率领他们的爪牙发起进攻了。　　被自己强大的魔法能量折腾得筋疲力尽的艾萨拉女王成为了萨格拉斯的第一个牺牲品，她同意为他提供进入艾泽拉斯世界的入口，甚至连她的仆从都放弃了对魔法的追求，转而将萨格拉斯作为神来膜拜。为了表示对燃烧军团的忠诚，他们协助女王在永恒之井里打开了一扇巨大的、漩涡般的传送门。　　在所有事情都准备妥当之后，萨格拉斯开始了他对艾泽拉斯毁灭性的入侵。燃烧军团的恶魔们从永恒之井中涌出来，对暗夜精灵的城市发动了突然袭击。在阿克蒙德和玛诺洛斯的率领下，燃烧军团横扫卡利姆多大陆，所到之处片瓦无存。恶魔术士从天空中召唤灼热的地狱火，它们像陨石一样撞击着暗夜精灵优雅的神殿。末日守卫穿过卡利姆多的原野，屠杀它们看到的一切生物。狂暴的地狱犬在乡村中狂奔，没有遇到任何抵抗。虽然勇敢的卡多雷战士迅速组织起来为保卫他们古老的家园而战，但是在势不可挡的燃烧军团面前，他们只能节节败退。　　玛法里奥·怒风在此刻担任起了为他的那些被围困的同胞寻求帮助的任务，他的兄弟伊利丹曾经学习过上层精灵的魔法，但他因为对在上层阶级中逐渐滋生的堕落感到愤怒而离开了他们。在确信伊利丹已经放弃了对这种力量的追求之后，玛法里奥开始启程去寻找塞纳留斯并组织了一支反抗军。年轻美丽的女祭司泰兰德同意在月亮女神艾露恩的的名义下与这两个兄弟同行。虽然玛法里奥和伊利丹都爱着这位美丽的女祭司，但泰兰德的芳心只属于玛法里奥。伊利丹很嫉妒他的兄弟与泰兰德的爱情，但他知道这点伤心与他嗜之如命的魔法给他带来的痛苦相比，是微不足道的事情……　　伊利丹对魔法能量有很大的依赖性，他为了克制自己重新汲取永恒之井中的魔法能量的强烈欲望而时刻遭受着巨大的痛楚。尽管如此，在泰兰德的耐心帮助下，他仍然能够保持足够的理智来协助他的兄弟找到隐居的半神塞纳留斯。在遥远的海加尔山中的月光林地里，他们找到了定居于此的塞纳留斯。塞纳留斯决定帮助暗夜精灵找到古老的巨龙并寻求他们的帮助，由红龙阿莱克斯塔萨领导的巨龙答应派出它们强大的龙群，与恶魔和它们的首领作战。　　塞纳留斯通过呼唤森林之灵集结了一支由古老树人组成的部队，并带领它们对燃烧军团发动了一次大胆的突袭。暗夜精灵的盟军都聚集在永恒之井和艾萨拉的神殿旁准备进行战斗。虽然这些新的盟友拥有强大的力量，但玛法里奥和他的同伴们意识到仅靠力量是无法击败燃烧军团的。　　当规模空前的战斗在艾萨拉的首都打响时，被迷惑的女王还在静静地等待萨格拉斯的到来。燃烧军团的首领准备穿越永恒之井来到这个饱经蹂躏的世界，当他那无比巨大的阴影在永恒之井那波涛澎湃的水面下出现时，艾萨拉召集了最强大的上层精灵。只有将他们的魔法能量集中在一起，才能打开一个足够巨大的传送门，让萨格拉斯顺利地踏入艾泽拉斯世界。　　在战斗席卷卡利姆多燃烧的大地时，出现了可怕的转折。具体情形已经无从考据，据说大地的巨龙守护者耐萨里奥在对抗燃烧军团的一场激战中发疯了。他的身体裂开，火焰和热量从他黑色的皮肤下喷涌而出。这条燃烧的巨龙将自己改名为死亡之翼，转身对付自己的同胞，将其它的巨龙赶离战场。　　死亡之翼的突然背叛造成的伤害非常巨大，五色巨龙再也没有恢复元气。阿莱克斯塔萨和其他高贵的巨龙在伤痛和震惊下被迫离开了联军，玛法里奥和他的伙伴无助地处于劣势，侥幸在随后的攻击中存活了下来。　　在确认永恒之井就是使恶魔进入这个世界的大门之后，玛法里奥坚持认为应该摧毁它。他的同伴们被他这个疯狂的想法惊呆了——永恒之井是他们长寿和力量的源泉。但是泰兰德知道这是一个明智的抉择，于是她请求塞纳留斯和巨龙摧毁艾萨拉的神殿，并找到关闭永恒之井传送门的方法。耐法利安是耐萨里奥的儿子.</t>
  </si>
  <si>
    <t xml:space="preserve">请教bowzon问题bowzon怎么练？技能、装备、pet分别用 </t>
  </si>
  <si>
    <t>引导箭20、多重箭15、致命打击20、刺入10、穿刺1、三个闪躲1、5、5，其余加女武神。力量够装备，敏捷300，其余加血，法力不加。武器：风之力、信心头盔：女神之翼、亮金头环盔甲：刚毅手套：合成、亮金腰带：吸血鬼獠牙鞋子：蚀肉骑士项链：大君之怒、合成戒指：乌鸦加婚戒或双乌鸦PET用噩梦难度第二幕的进攻型，力量光环的。</t>
  </si>
  <si>
    <t xml:space="preserve">关于技能冲突问题不知道技能是不是排列还有顺序，有时候我的假动作上 </t>
  </si>
  <si>
    <t>技能的排序是有规律的</t>
  </si>
  <si>
    <t xml:space="preserve">哪儿的女人最美我是东北人，想娶一位漂亮的女人为妻，想问问大家，哪 </t>
  </si>
  <si>
    <t>永远是自己喜欢而又得不到的做人要善于发现，要珍惜现在。</t>
  </si>
  <si>
    <t xml:space="preserve">新6.1任务.给了汗克手饰后还有后续任务吗?给什么?+什么?发个? </t>
  </si>
  <si>
    <t>给了汉克首饰就没了,任务结束了</t>
  </si>
  <si>
    <t xml:space="preserve">生产系3转问题我是拿厨子带，我如果直接带个现成的诱惑哈密瓜去做行 </t>
  </si>
  <si>
    <t>当然可以啦,可以带做好的8C料理去.在配好鉴定职业就行.</t>
  </si>
  <si>
    <t xml:space="preserve">大家觉得3月21日春分日子好还是9月23日秋分日子好？ </t>
  </si>
  <si>
    <t>秋分好啊，瓜果飘香的季节，成熟的季节，收获的季节。</t>
  </si>
  <si>
    <t xml:space="preserve">1300元左右组装电脑配置单各位朋友好，我想组装一台1300元左 </t>
  </si>
  <si>
    <t>CPU  AMD 闪龙双核 2100+ ￥ 210   主板  技嘉 GA-M61PME-S2  ￥ 325   内存  威刚 1GB DDR2 667(万紫千红) ￥ 103   硬盘  西部数据 160G/7200转/8M/串口  ￥ 270   机箱 大水牛 W2网霸机箱(空箱) ￥ 85   光驱华硕 DVD-E818A3× 1 ￥ 115   电源长城 300P4节能版 ATX-300P4-PFC键鼠 30</t>
  </si>
  <si>
    <t xml:space="preserve">铁岭的面积有多大 </t>
  </si>
  <si>
    <t>铁岭东西最长134公里、南北端宽162公里，总面积1.3万平方公里。总人口302万人（2004年）。其中，市区面积638平方公里。</t>
  </si>
  <si>
    <t xml:space="preserve">要考小车驾驶证，不过驾校要我把过期摩托车驾驶证注销或者重新年审。? </t>
  </si>
  <si>
    <t>根据《中华人民共和国机动车驾驶证申领和使用规定》第三十五条规定：机动车驾驶人应当于机动车驾驶证有效期满前90日内，向机动车驾驶证核发地车辆管理所申请换证。第四十二条第（五）项规定：机动车驾驶人超过机动车驾驶证有效期一年以上未换证的，车辆管理所应当注销其驾驶证。按照你的说法，你的证件应该已经被注销了。</t>
  </si>
  <si>
    <t xml:space="preserve">我的房间比较大，想用装电视机的一堵墙隔开，一面是床，一面放电脑什? </t>
  </si>
  <si>
    <t>用书架，古玩架作隔断最实用，高度稍高于视线即可，养一两盆小植物，就是一方小天地。</t>
  </si>
  <si>
    <t xml:space="preserve">《王的男人》主题曲《姻缘》的歌词大意是什么？我很喜欢听《姻缘》这 </t>
  </si>
  <si>
    <t>姻缘--李仙姬     歌词：[00:28.77]做个约定[00:32.33]这瞬间完全过去后[00:39.33]重新能见面的那天[00:45.63]抛弃所有的一切[00:47.76]就站在你身边[00:52.88]就这样走过剩下的路[00:56.80]是叫做因缘吧[01:02.52]不能够拒绝吧[01:09.16]我生命中像那样美丽的日子[01:14.83]还能再次到来吗[01:23.72]在疲惫的一生的路上[01:29.34]这就是你的礼物[01:37.31]这份爱要经常擦擦晒晒不让它生锈[02:02.86][02:18.51]虽然见面短得像是醉酒一样[02:25.77]打开门闩坐在了座位上[02:32.69]就算没法有结果也不后悔[02:40.10]因为没有东西是永恒的[02:46.49]是叫做命运吧[02:52.63]不能够拒绝吧[02:59.77]我生命中像那样美丽的日子[03:06.92]还能再次到来吗[03:13.40]虽然想说的话很多[03:20.25]但你都是知道的吧[03:26.14]远道回来能见面的那天[03:32.91]不要再次放手了[03:43.00]这一生没能完成的爱[03:47.55]这一生没能完成的姻缘[03:54.25]远道回来重新见面的那天[04:01.17]不要放开我</t>
  </si>
  <si>
    <t xml:space="preserve">亮木法杖再哪掉的机率大 </t>
  </si>
  <si>
    <t xml:space="preserve">世界掉落，下面是掉落几率降密排列不过建议去拍卖行看看，呵呵怪物  掉率  类别  等级  阵营  活动区域  燃棘暗影猎手  0.159%  人型  lv56精英  联盟 部落  黑手大厅  抽笞者  0.108%  元素生物  lv54  联盟 部落  厄运之槌玛拉顿  燃棘掷斧者  0.098%  人型生物  lv56精英  联盟 部落  黑手大厅  刺尾剑龙  0.081%  野兽（精英）  lv53,54精英  联盟 部落  安戈洛环形山  荒野魔仆  0.055%  恶魔  lv55精英  联盟 部落  厄运之槌  炽热火焰卫士  0.052%  元素生物  lv53精英  联盟 部落  黑石深渊灼热峡谷  裂盾哨兵 &lt;裂盾军团&gt;  0.047%  人型生物  lv53精英  联盟 部落  燃烧平原  裂盾军团战士 &lt;裂盾军团&gt;  0.038%  人型生物  lv55精英  联盟 部落  黑手大厅  戈多克虐待者  0.031%  人型生物  lv53精英  联盟 部落  菲拉斯  铁怒步兵  0.03%  人型生物  lv51精英  联盟 部落  黑石深渊  铁怒队长  0.026%  人型生物  lv54精英  联盟 部落  黑石深渊  铁怒军官  0.024%  人型生物  lv54精英  联盟 部落  黑石深渊  铁怒士兵  0.021%  人型生物  lv53精英  联盟 部落  黑石深渊  索瑞森密探  0.02%  人型生物  lv54  联盟 部落  燃烧平原  木喉秘法师  0.015%  人型生物  lv52,53,54  联盟 部落  冬泉谷费伍德森林月光林地  血色圣骑士  0.014%  人型生物  lv56精英  联盟 部落  西瘟疫之地  血色典狱官  0.012%  人型生物（精英）  lv53,54精英  联盟 部落  东瘟疫之地  噩梦龙族  0.011%  龙类（精英）  lv50,51精英  联盟 部落  阿塔哈卡神庙  火鳞龙人  0.009%  龙类（精英）  lv53,54精英  联盟 部落  燃烧平原  热能恐兽  0.009%  元素生物  lv53,54  联盟 部落  费伍德森林  毒雾潜伏者  0.009%  野兽  lv50,51  联盟 部落  提瑞斯法林地西瘟疫之地  阿塔莱死亡行者  0.008%  亡灵（精英）  lv50,51精英  联盟 部落  阿塔哈卡神庙  恶鞭军官  0.007%  人型生物  lv54  联盟 部落  艾萨拉  噩梦刃鳞龙人  0.007%  龙类（精英）  lv50,51精英  联盟 部落  阿塔哈卡神庙  血色工人  0.007%  人型生物  lv57  联盟 部落  西瘟疫之地  亚考兰泥浆鱼人  0.006%  人型生物  lv54  联盟 部落  艾萨拉  灼热元素  0.005%  元素生物  lv53,54  联盟 部落  安戈洛环形山  战争掠夺者  0.005%  元素生物  lv53,54  联盟 部落  燃烧平原  热能野兽  0.005%  元素生物  lv51,52  联盟 部落  费伍德森林  阿克兰智者  0.005%  人型生物  lv55  联盟 部落  艾萨拉  瑟莱德丝公主  0.004%  元素生物（精英）  lv51精英  联盟 部落  玛拉顿  亚什雄蝎  0.004%  未指定  lv56  联盟 部落  希利苏斯  血色医护员  0.004%  人型生物  lv52,53,54  联盟 部落  提瑞斯法林地西瘟疫之地  加德纳尔术士  0.004%  人型生物  lv54  联盟 部落  费伍德森林  吃人的食尸鬼  0.004%  亡灵  lv54  联盟 部落  东瘟疫之地  生病的狼  0.004%  野兽  lv53,54  联盟 部落  西瘟疫之地 (43,58)  骷髅刽子手  0.004%  亡灵  lv54  联盟 部落  西瘟疫之地  诅咒法师  0.004%  亡灵  lv54  联盟 部落  东瘟疫之地  焦油潜伏者  0.003%  元素生物  lv52,53,54  联盟 部落  安戈洛环形山  曲木撕裂者  0.003%  元素生物  lv53  联盟 部落  费伍德森林  受难的上层精灵  0.003%  亡灵  lv54  联盟 部落  冬泉谷  加德纳尔恶犬  0.003%  恶魔  lv50,51  联盟 部落  费伍德森林  天灾看守  0.003%  亡灵  lv56  联盟 部落  东瘟疫之地  痛苦的上层精灵  0.002%  亡灵  lv56  联盟 部落  冬泉谷  老双帆龙  0.002%  野兽  lv54,55  联盟 部落  安戈洛环形山  加德纳尔暗法师  0.002%  人型生物  lv54  联盟 部落  费伍德森林  红石晶鳞蜥蜴  0.002%  野兽  lv51,52  联盟 部落  诅咒之地  血色伐木工  0.002%  人型生物  lv54  联盟 部落  西瘟疫之地  邪枝精英卫兵  0.002%  人型生物（精英）  lv50,51精英  联盟 部落  辛特兰  游荡的冰蓟雪人  0.002%  人型生物  lv53,54  联盟 部落  冬泉谷  死木萨满祭司  0.002%  人型生物  lv53,54  联盟 部落  费伍德森林  冬泉图腾师  0.002%  人型生物  lv54  联盟 部落  冬泉谷  魔誓专家  0.001%  人型生物  lv52,53  联盟 部落  悲伤沼泽诅咒之地  双帆龙  0.001%  野兽  lv51,52  联盟 部落  安戈洛环形山  灰尘风暴  0.001%  元素生物  lv55  联盟 部落  希利苏斯  狂怒的翼手龙  0.001%  野兽  lv52,53,54  联盟 部落  安戈洛环形山  粘稠的软泥怪  0.001%  NPC  lv52,53,54  联盟 部落  安戈洛环形山  骷髅巫师  0.001%  亡灵  lv51,52  联盟 部落  提瑞斯法林地西瘟疫之地  安戈洛大猩猩  0.001%  野兽  lv52,53  联盟 部落  安戈洛环形山  安戈洛巨猩猩  0.001%  野兽  lv51,52  联盟 部落  安戈洛环形山  焦油兽王  0.001%  元素生物  lv53,54  联盟 部落  安戈洛环形山  腐烂的死尸  0.001%  亡灵  lv53,54  联盟 部落  提瑞斯法林地西瘟疫之地  厚甲毒刺蝎  0.001%  野兽  lv50,51  联盟 部落  悲伤沼泽诅咒之地  雷加斯萨特  0.001%  恶魔  lv51,52  联盟 部落  艾萨拉  冬泉巢穴守卫  0.001%  人型生物  lv56  联盟 部落  冬泉谷  冰蓟雪人  0.001%  人型生物  lv55  联盟 部落  冬泉谷  被奴役的食尸鬼  0%  亡灵  lv50,51,52  联盟 部落  奥特兰克山脉提瑞斯法林地西瘟疫之地  骷髅剥皮者  0%  亡灵  lv50,51  联盟 部落  奥特兰克山脉提瑞斯法林地西瘟疫之地   </t>
  </si>
  <si>
    <t xml:space="preserve">1982、三月九星会聚。（打字一） </t>
  </si>
  <si>
    <t>1982、三月九星会聚。 (打字一) 谜底:蕊</t>
  </si>
  <si>
    <t xml:space="preserve">造成肾阴虚的原因?自己该怎么调理，造成肾 </t>
  </si>
  <si>
    <t>导致肾虚的原因有很多，一般分为先天康赋不足型肾虚和后天因素引起的肾虚。导致肾虚的后天因素主要有：一、压力过大。现在社会竞争激烈，压力大，使很多人身心疲惫，精力衰退，出现失眠、食欲下降、乏力、烦躁、神经衰弱等，从而造成肾虚。二、生活无规律。吸烟、酗酒、作息无一定的规律，过度劳累，这些都会损伤肾脏引起肾虚。这也是导致肾虚的原因之一。三、性生活无节制。不良的性生活习惯，如过度手淫，性生活过频，可直接损伤肾精，造成肾虚。</t>
  </si>
  <si>
    <t xml:space="preserve">你听过的最肉麻的奉承话是什么?我们单位一位同事,对新来的领导说: </t>
  </si>
  <si>
    <t>楼主呀，我觉得你还真不错。我说的是真心的，你一定要相信我。</t>
  </si>
  <si>
    <t xml:space="preserve">北京朝阳区社保中心办理流程我公司开户银行是在朝阳区，我要去北京市 </t>
  </si>
  <si>
    <t>不是按公司开户行在哪个区就在哪个区办,而是根据营业执照注册在哪个区就在哪个区的社保局办.你先向劳资部门要来公司全体员工缴纳社保的工资基数,带上此前我的回答里面提到的其它东西,到了社保局他会告诉你先去哪个窗口,不外就是填表盖章. 还是上次回答的话:"他让你怎么办你就怎么办".如果需要复印件,社保局里面也有复印的地方.办完以后要把每个员工个人缴纳每项社保的钱数记下来,回来后交给劳资,作为他在员工工资中扣除的依据.别害怕,没什么难的.</t>
  </si>
  <si>
    <t xml:space="preserve">掘金火箭比分预测 </t>
  </si>
  <si>
    <t>火箭:掘金    105:98</t>
  </si>
  <si>
    <t xml:space="preserve">我有一枚大清铜币户部当制钱十文,请问专家值多少钱)?0分丙午中间 </t>
  </si>
  <si>
    <t>铜币光绪的不值钱。普通的就几元钱，好品相价格能上两位数。</t>
  </si>
  <si>
    <t xml:space="preserve">牛皮癣患者吃些什么对身体好呢 </t>
  </si>
  <si>
    <t>"牛皮癣患者尽可能的不要吃海带和紫菜。      腥辣等食物，会诱发牛皮癣的发展，例如：海鲜（虾、蟹、无鳞的鱼等）、猪头肉、羊肉、白酒、禽类、生葱姜蒜、辣椒等。       牛皮癣患者平时可多食用些：苦瓜、丝瓜、冬瓜、西芹、玉米、高梁米等。对缓解牛皮癣的发展和治疗，有一定的帮助。"饮食需要注意低糖、低脂肪饮食原则。多吃富含维生素C、维生素B6、维生素E和胡萝卜素的食物。 指导意见:建议：忌酒、忌海鲜、忌辛辣。 银屑病人尽量少吃或者不吃以下食物。 蔬菜水果类：银屑病患者忌吃如生姜、芫荽、大头菜、香椿、尖椒等，建议多吃吃新鲜的水果、蔬菜、如苹果、梨、香蕉、橙子等新鲜绿叶蔬菜、豆腐、苦瓜等清淡饮食。 肉食类：银屑病患者忌吃如牛肉、狼肉、驴肉、骆驼肉、羊肉、狗肉、鸡鸭肉、鸽子肉、鸟肉及其汤，还有各类海鲜如各种鱼类（包括鳖等）、螃蟹、虾等；建议食用猪瘦肉、鸡蛋、牛奶等。 调料类：银屑病患者忌用大料、花椒、胡椒、孜然、茴香、桂皮、芥末、芥末油、辣椒酱、火锅调料、方便面调料等。 银屑病患者忌喝各种酒类（包括白酒、啤酒、葡萄酒）。"牛皮癣患者在饮食上要注意：1、蔬菜类：如生姜、芫荽、大头菜、香椿、尖椒等，建议多吃其它蔬菜。 2、肉食类：如牛肉、狼肉、驴肉、骆驼肉、羊肉、狗肉、鸡鸭肉、鸽子肉、鸟肉及其汤，还有各类海鲜如各种鱼类（包括鳖等）、螃蟹、虾等，3 建议食用猪瘦肉、鸡蛋、牛奶等。注意：不要食用熟制猪蹄！及各种熟肉制品。一句话，治疗期间禽类、鸟类、兽类、或家畜等不可用，猪肉可以。 4 各种酒类5 忌喝茶水、绿豆汤 。"</t>
  </si>
  <si>
    <t xml:space="preserve">52级金战，那里好升级，刷钱，。。。除做团，和都塔，其它还有好的? </t>
  </si>
  <si>
    <t>升级：洛阳守城副将领野兽怪的十环悬赏，每天限5个，领双吃经验药杀松嵩山的53级食人花，每杀一组（计时的13分钟杀40个，不计时的杀50个）奖励8000-10000多的经验等你升到了53级，做这个任务时，顺便再买个53级松嵩山食人花妖的每日悬赏，做十环悬赏时如果见了食人花妖，也顺便把这个做了，能得2W+的经验和5点声望刷钱：1。洛阳守城副将领人形怪的十环悬赏，每天限5个，杀秦军营地20个左右的秦军锐士每完成一个能给几千块2。杀松嵩山山顶寨子里的人形怪（好像是58级）靠下面的墙边可以卡杀的，掉钱好四五百的，装备也很多3.这一段时间也可以去新手村刷1级药材，去玉兔那换月饼材料，每个至少250文刷出的1级材料也很好销售，至少100/个有人收购！4.可以去地宫，刷出的小刀1000文，美酒约1000文，字画3000文，价值不菲。</t>
  </si>
  <si>
    <t xml:space="preserve">友情链接怎么弄呢？我想问一下，你的友情链接是怎么弄的呢？我不会。 </t>
  </si>
  <si>
    <t>你点开我的收藏，里面有文章介绍. 另外我的分类----博客素材里也有一些介绍.</t>
  </si>
  <si>
    <t xml:space="preserve">摇宝药到的288个文身是用完了就没了还是时间限制的望站说12天啊? </t>
  </si>
  <si>
    <t>蜘蛛文身是加什么的啊？谁能告诉我？</t>
  </si>
  <si>
    <t xml:space="preserve">胖瘦是不是遗传的?我从小就胖,长大了想减肥可是骨架宽身子是扁的,? </t>
  </si>
  <si>
    <t>在日常饮食规律不变的情况下，将蜂蜜和白醋以1：4的比例食用，具体方法： 　　 　　1.早餐前20分钟空腹喝 　　 　　2.中餐和晚餐后立刻喝 　　 　很有效的哦.节食没什么大的变化的.这个方法很有效的.不过很难喝.其实最重要的是运动.做仰卧起坐.一天做三次.一次做十八个左右.我有个同学她也是遗传胖的.不过现在减了.瘦了好多.</t>
  </si>
  <si>
    <t xml:space="preserve">今天我流泪了这次职称考试，我经济法基础差两分，付出了那么多，我今 </t>
  </si>
  <si>
    <t>第一个问题：两分之差确实很可惜，非常同情你。但是，考试的失利并不意味着你失去了成功的机会，应该懂得：“回避失败的人是弱者，正视失败的人是强者，能够从失败中吸取教训、反思自我并继续努力的人是智者。”所以，你首先要明白：1、失败是客观存在的，高水准的职业资格考试会吸引很多同样高水平的考生参加，通过率不是100%，这就意味着失败的客观存在，所以，无论是第一次参加考试，还是多次参加考试，考试失利都是一件正常的事情，不要因为一次失败就轻易放弃。2、说出你的失败，因为只有你自己最清楚，为了这次考试，你付出了很多，牺牲了很多。一个比较可行的办法是，让自己在心里真正接受这次失败，或者向其他参加考试的同事适当倾诉你的感觉，有一点抱怨也没关系。看看其他人在考试中遇到了哪些问题，也许对你会有帮助。3、擦干眼泪，付出行动，总结和分析失败原因，根据自身特点和问题，制订一个学习计划，重新开始，准备参加下一次考试。第二个问题：一、先看看中级职称报考条：1、基本条件： ⑴坚持原则，具备良好的职业道德品质。 (2)认真执行《中华人民共和国会计法》和国家统一的会计制度，以及有关财经、法规、规章制度，无严重违反财经纪律的行为。⑶履行岗位职责，热爱本职工作。⑷具备会计从业资格，持有会计从业资格证书（会计证）。 2、报名参加会计专业技术中级资格考试的会计人员，除具备本所列基本条件外，还必须具备下列条件之一：⑴取得大学专科学历，从事会计工作满五年。⑵取得大学本科学历，从事会计工作满四年。 ⑶取得双学士学位或研究生班毕业，从事会计工作满二年。 ⑷取得硕士学位，从事会计工作满一年。⑸取得博士学位。 二、从中级报考条件看：1、你具备了基本条件。2、也具备了基本条件外的报考条件之一：大专毕业，从事会计工作满5年的条件。3、可以考虑报考中级职称。不管你选择初级还是中级考试，只要坚定信心，勤奋加努力，相信你一定会成功的！</t>
  </si>
  <si>
    <t xml:space="preserve">大家能帮我看下这是什么狗吗?养了四处月了,母的 </t>
  </si>
  <si>
    <t>应该是京巴与其他犬的混血，不过可能混了不只一代了！</t>
  </si>
  <si>
    <t xml:space="preserve">如何成为一个药剂师？我想成为一个药剂师。 </t>
  </si>
  <si>
    <t>具有医药相关专业文凭的可以考药剂师</t>
  </si>
  <si>
    <t xml:space="preserve">在5173上买卖是不是要开通网上银行 </t>
  </si>
  <si>
    <t xml:space="preserve">尊敬的客户:    您好！5173回复客服02很高兴为您服务！    在5173上买卖不需要开通网上银行，但是开通网上银行更方便您交易或查询您银行帐户中的资金。                                                </t>
  </si>
  <si>
    <t xml:space="preserve">我合了一个7档暗刀还可以的属性可是就是上不到7每次到6就下来我试? </t>
  </si>
  <si>
    <t xml:space="preserve"> 我来帮你一把吧,一般的武器是比较难加7的,我的经验也是跟你差不多也是垫低级装备等下降0再上,降0也很难的,到7也不说不准,不过七档的其他装备很好加的,到6应该很好到7的啊,到6你先放上去炼碰碰运气,说不准会上的,我一般加一个七档最多5-8个幻身就可以了,不知你是哪个区的,可能跟区也有点关系吧!我是二区香雪海的谢谢,讲错的地方谢谢大家指正!</t>
  </si>
  <si>
    <t xml:space="preserve">设x,y属于R,集合A=(3,x平方+xy+y)B=(1,x平方? </t>
  </si>
  <si>
    <t>解：根据集合中元素的互异性、无序性 ∵A=B∴ 集合A=B=｛1,3｝ x^2+xy+y=1       ......1x^2+xy+X-3=3    .......2解方程组:得X=3   时Y=-2             X=-1  时Y=-6</t>
  </si>
  <si>
    <t xml:space="preserve">游戏中是否可以养宠物？ </t>
  </si>
  <si>
    <t xml:space="preserve">游戏内有宠物系统，玩家可以饲养宠物。但内测暂不开放宠物系统。 </t>
  </si>
  <si>
    <t xml:space="preserve">很小就有四环素牙，问下美白四环素牙的方法，我是四环素牙的，想知道 </t>
  </si>
  <si>
    <t>您好！四环素牙，是指牙齿发育阶段，牙釉质遭受四环素或类似药物影响而产生的不可逆损伤，因此任何方法都只能改善，而无法完全复原的。如果以完全复原为目的，没有太有效的。烤瓷牙修复是能做到接近牙齿本色的，但是不可能全口四环素牙都做烤瓷牙，口腔根本适应不了这种烤瓷材料的异物排斥，装了假牙也很容易会出现牙周炎及牙龈萎缩的后遗症。冷光及其他化学漂白方式，会对牙釉质形成进一步伤害，漂白过的牙齿，开始可能显得很白，一段时间后，就会出现牙本质过敏或牙齿脆化，建议不要采取这种方式。牙黄金2号，是通过植物萃取成份，去除四环素牙表面的氧化物，同时在牙齿表面加上一层生物保护层，令原本黯淡无光的牙齿表面恢复光泽，从而达到自然增白、改善四环素牙观感的效果。它不含任何化学成份，当然也不会有漂白剂。因此这是对牙齿伤害最小的健康护理方式，但是未必能达到过高期望的四环素牙美白效果。牙黄金对四环素牙还有一个好处，就是防止其过早出现牙体过敏及牙体脆化。您不妨比较清楚后，在选择对自己最合适的美白方法。广州爱牙网--传递健康！</t>
  </si>
  <si>
    <t xml:space="preserve">纳克萨玛斯的副本入口在哪啊?任务上说是在病木林那里有个传送阵可是 </t>
  </si>
  <si>
    <t>在病木林那，做一些任务后可以传送到副本里，你在东瘟疫接新的任务的时候，任务说明里有，在st前门和后门中间有个亭子，站上面就OK了</t>
  </si>
  <si>
    <t xml:space="preserve">地理知识世界上最长的河是什么？世界上最大的湖泊是什么？世界上最大 </t>
  </si>
  <si>
    <t>世界最长的河是尼罗河，尼罗河全长6600米，世界上最大的湖泊——里海，它的面积为37.18万平方千米世界上最大的海洋是太平洋 ,东西宽处约19000多公里，南北最长约16000多公里，面积达1.8亿平方公里，占全球面积的35%，整个世界海洋总面积的50%，超过了世界陆地面积的总和。世界上最高的山峰是珠穆朗玛峰 ,海拔8848米，为世界第一高峰.世界上最大的哺乳动物是蓝鲸 .最界上最快的陆地哺乳动物是猎豹 .</t>
  </si>
  <si>
    <t xml:space="preserve">到底新思域的全息座舱是什么样子的有谁试驾过吗？感觉怎么样？这款车 </t>
  </si>
  <si>
    <t xml:space="preserve">官方资料：全息座舱包括智能界面、仪表盘、方向盘、中控及座椅等几大部分，是第九代思域独特设计的次世代驾驶座舱（高科技感汽车驾驶座舱）。它将智能科技与人性化设计完美结合，所有行车信息高度整合呈现，让驾驶者置身于太空舱般驾驭空间，享受驾驶乐趣。我去试驾过一次，环绕式中控台像飞机驾驶舱一样，仪表盘采用黑底白字蓝色背景光，看起来很清晰，新思域很多这种富含科技感的蓝色背景发光源，看起来很炫，方向盘上都集成了大部分智能按钮，音乐、空调、换挡什么的都是信手拈来，非常方便， 可以做到手不离盘了。还有真皮的座椅把整个身体都包裹着，安全舒服。大概10月26号左右新思域会上市，到时候楼主可以亲自去了解体验一下这个全新的全息座舱。如果想要最快的得到相关信息，可以关注一下东本官方微博 </t>
  </si>
  <si>
    <t xml:space="preserve">你对整容支持吗？如果你是一位单眼皮的女生，你觉得整容（弄成双眼皮 </t>
  </si>
  <si>
    <t>只要看着不会觉得特碍眼就没有整容的必要啊毕竟还是自然美好~~~~~单眼皮的女生也可以很有味道啊</t>
  </si>
  <si>
    <t xml:space="preserve">请问如何能在职场中尽快提升自己的职位？ </t>
  </si>
  <si>
    <t>对于老板来说，招聘一个人后，他的能力、责任心、上进心、视角广度、人际关系处理，等等都是考量对象，而对于你来说，先在平时的小事里认真学、仔细做、多问问、多听听，这些都是需要做到的。不要担心自己比别人做的多，也不要顾忌自己得到的没别人多，你认真做，老总总是能够看得见的。至于同事关系，如果能够友好就友好，毕竟在公司里想交个朋友的确是每个人的愿望，尽管可能性太小了。不能友好保持工作关系也无妨的。把第一点做到位，加薪水、接受任务、得到威望都是水到渠成的事情。</t>
  </si>
  <si>
    <t xml:space="preserve">惊喜|还有一个月宝贝就一周了，该买什么礼物给宝贝呢？哪位宝妈知道? </t>
  </si>
  <si>
    <t>那就送一些儿童的餐具 或者是送一些儿童的读物吧   麻烦好评！！~~~~~~~~给宝宝准备书本和气球、金钱等哦。</t>
  </si>
  <si>
    <t xml:space="preserve">一直提示脚本错误，用360修复，修改IE8设置也没用。到底是怎么? </t>
  </si>
  <si>
    <t>访问者所使用的不能完全支持页面里的脚本，形成“脚本错误”。遇到“脚本错误”时一般会弹出一个非常难看的脚本运行错误警告窗口，而事实上，脚本错误并不会影响网站浏览，因此这一警告可谓多此一举。要关闭警告则可以在浏览器的工具菜单选择Internet选项，然后单击高级属性页。进入到浏览标签，并选中“禁止脚本调试”复选框，以后你就不会再收到这些警告了。建议您尝试进行以下操作：1、清除一下IE浏览器的缓存,点IE上的工具——然后再选择最下面的Internet选项，再点Internet删除文件(记得勾上删除所有脱机内容)，确定后再重新打开IE浏览器试试,同时请确认您使用的是IE6.0及以上版本。2、您的网页上清缓存,在网页上选择工具-&gt;Interner选项-&gt;删除Cookies和删除文件,然后再确定。3、请您点击IE浏览器中的“工具”，选择“internet选项”，进入“安全”页面，点击“自定义级别”，将您的安全设置设为“低”。4、清空一下IE浏览器的cookies文件，在IE浏览器中设置“禁止自动脚本更新”，并不要选择“禁止运行ActiveX控件”，然后再尝试操作。也可以尝试重新注册下IE的组件，方法如下：IE提示脚本错误解决方法： 1、点击“开始”菜单，打开“运行”。 第二、输入regsvr32 jscript.dll后选择“确定”。 出现提示后，点击确定。 第三、再次输入regsvr32 vbscript.dll选择“确定”。 再一次出现提示后，确定。</t>
  </si>
  <si>
    <t xml:space="preserve">买国外博彩公司的是否违法？我想问问大家，如果我去买国外博彩公司的 </t>
  </si>
  <si>
    <t>违法！很简单、国内不准许公开赌博、只有澳门有特权！国外是公开的、包括红灯区等、在中国他们资金经过代理洗钱才走出、公安机关一直关注抓外围庄家、但是很难、因为他们在国外利用国际网缆、公安机关是无权关闭国外网缆、更无权国外抓人、只能在国内抓代理抓赌徒！还有一点提醒你、千万别碰这玩意！！！钻进去听苦头的！！！合法的话也没必要躲藏了、这道理不是很筒单吗！</t>
  </si>
  <si>
    <t xml:space="preserve">猫··老鼠··都放水里，谁游泳比较好捏？ </t>
  </si>
  <si>
    <t>还是老鼠跑的快，因为有双重的压力。</t>
  </si>
  <si>
    <t xml:space="preserve">天生我材必有用txt全集总共有500多章吧。前200可以不要 </t>
  </si>
  <si>
    <t>小说天生我材必有用txt下载,天生我材必有用txt电子书全集免费下载... 天生我材必有用全文免费阅读,天生我材必有用TXT全集下载_歪歪小说网 ......</t>
  </si>
  <si>
    <t xml:space="preserve">秋季吃什么最好?不知道秋季该怎么吃才舒服才健康才过瘾` </t>
  </si>
  <si>
    <t>你好!进入秋季，我国大部分地区，气温逐渐变得凉爽宜人。空气温度降低，人的食欲逐渐增强，消化力也提高，正是弥补由于夏天气温炎热造成营养不足的好季节。同时这个时候又是收获的季节，各种动物肉肥味美，蔬菜瓜果种类齐全，数量又多，是安排饮食的最好季节。不过，如果安排不当，也容易由于营养过剩或是食性不当而伤身，那么秋季安排饮食要注意什么呢？ 1.要注意防止热能过剩。一般人到了秋季，由于气候宜人，食物丰富，往往进食过多。摄入热量过剩，会转化成脂肪堆积起来，使人发胖，俗话叫“长秋膘”，这样不好。在秋季饮食中，要注意适量，而不能放纵食欲，大吃大喝。 2.从食疗理论上讲，认为秋季属气燥，“宜食麻以润其燥”。在我国黄河流域，一到秋季，气候就变得晴朗干燥，因此主张应当润燥。怎样做到这一点呢？首先应当少吃一些刺激性强、辛辣、燥热的食品，如尖辣椒、胡椒等等，应当多吃一些蔬菜、瓜果，如冬瓜、萝卜、西葫芦、茄子、绿叶菜、苹果、香蕉等。另外，中医还认为秋季属合，万物收敛，因此又主张“应吃辛以发散”。意思是说避免各种湿热之气积蓄。因为凡是带有辛香气味的食物，都有散发的功用，因此提倡吃一些辛香气味的食物如芹菜。 3.由于秋季天气由热转凉，人体为了适应这种变化，生理代谢也发生变化，饮食特别注意不要过于生冷，以免造成肠胃消化不良，发生各种消化道疾患。所以提出“秋宜温”的主张，也就是说秋天应当避免光吃些凉和性寒的食物，应当多吃一些温性食物。 秋天，天气渐渐转凉，人们的口、鼻、皮肤等部位往往会出现不同程度的干燥感，故应吃些生津滋润的食品，少吃辛辣、煎炸食品。适合秋季食用的食品有：百合：清心安神、消除疲劳，有润燥止咳的作用；山药：其特点是不热不燥，不论男女老幼、体健体弱，都适合食用；莲藕：生藕能清热生津止渴，熟藕能健脾开胃。故有“暑天宜生藕，秋凉宜熟藕，生食宜鲜嫩，熟食宜壮老”的说法；栗子：有健脾养胃、补肾强骨的作用；胡桃：能温肺定喘，又能益气养血、润燥润肠；花生：深秋后花生成熟，宜用鲜花生仁或研末冲汤服或水煮煎服，不宜炒吃；红枣：秋食红枣，益肺补气，如能与银耳、百合、山药共煨食，效果更好。此外，秋季还适合食用梨、荸荠、海蜇、胡萝卜、荠菜、平菇、海带、番茄、兔肉，进补则适宜食用黄芪、人参、沙参、枸杞子、何首乌等。</t>
  </si>
  <si>
    <t xml:space="preserve">兵多时如何控兵??我玩了WAR3很久了!基本是天天玩~~~但是技 </t>
  </si>
  <si>
    <t xml:space="preserve">操作一群兵的话有几个要注意的东西:1。 队形一定要好。 肉搏单位在前， 远程/在后， 攻城在最后。 有些战术比如人族的万金油和NE的吹风流， 最厉害的就是在于队形， 最薄弱的也一样是队形。2。 注意大体积兵种不要自己卡住自己。 尤其是兽族。 要把所有的兵力尽量都冲上去， 不要把自己的进身兵种挡在后面。 否则一来红血的兵会被挤在前面， 二来后面的进身兵种起不到作用。3。 建议如果操作没有信心的话尽量不要爆空中部队。 空中部队需要良好的操作来保护贫血单位， 否则会被很快的全部消灭 (一群蝙蝠上来操作不好的话什么空中部队全都掉下来了)。 而且天上黑压压的一片兵， 看不清楚自己/对方的兵， 对集中火力没有帮助。4。 空中部队多的话地面部队自然就少。 如果对方正好爆了地面部队的话， 自己的英雄会很脆弱: 地面兵会上来把你的英雄干掉， 所以要加倍小心。 5。 对方如果有高等级的山丘/剑圣之类的英雄的话， 一定要注意自己英雄的保护。 如果自己的英雄挂掉了， 第二英雄没有回城卷轴， 那就麻烦大了。6。 注意卷轴的使用。 加速卷轴/保护卷轴/群补卷轴都是好东西， 用得好的话能给整个队伍加强很多。 7。 如果后期操作头疼的话就前期干掉敌人！！ </t>
  </si>
  <si>
    <t xml:space="preserve">为什么现在北京的工作都是晚上六点下班？以前都说朝九晚五，现在怎么 </t>
  </si>
  <si>
    <t>有些单位会早一些 这个不一定的总之大概是每天八小时吧~ 中英文简历模板下载 简历翻译服务</t>
  </si>
  <si>
    <t xml:space="preserve">长期吃护肝药有害吗？因为我有慢性肝炎还有另外一种病，另外一种病需 </t>
  </si>
  <si>
    <t>所有的药物都对身体有害，只是大小的问题。长期用药还得定期就医，请教有关专家好</t>
  </si>
  <si>
    <t xml:space="preserve">请高手帮忙估个价,花妖2TJ漫天乾坤罩.血73法65速度60是宝 </t>
  </si>
  <si>
    <t>哇新区的天技很吃香的.......3卡卖了吧,不过要尽快,不用了几天就2卡都不值了新手现在大多数都在45到65之间吧,过65的应该不是很多,所以花花正是当红的天技宠楼主运气不错</t>
  </si>
  <si>
    <t xml:space="preserve">请问哪间医院的去疤手术好?请问在五邑地区哪间医院的去疤手术好?是 </t>
  </si>
  <si>
    <t>江门市五邑医院第一门诊部.</t>
  </si>
  <si>
    <t xml:space="preserve">什么叫做混合条件虚拟从句? </t>
  </si>
  <si>
    <t>　　主句与从句的动作发生在不同的时间，这时主，从句谓语动词的虚拟语气形式因时间不同而不同，这叫做混合条件句。　　If you had aed him yesterday, you would know what to do now.如果你昨天问了他，你现在就知道该怎么做了。（从句与过去事实相反，主句与现在事实相反。）　　If it had rained last night (过去), it would be very cold today (现在).昨晚如果下了雨，今天会很冷。　　虚拟语气用来表示说话人的主观愿望或假想，所说的是一个条件，不一定是事实，或与事实相反。　　条件句可分为两类，一类为真实条件句，一类为非真实条件句。非真实条件句表示的是假设的或实际可能性不大的情况，故采用虚拟语气。　　真实条件句所表的假设是可能发生或实现的，句中的条件从句和结果主句皆用陈述语气。如：If I have enough money next year, I will go to USA.假若明年我有钱，我就去美国。　　有两点需要注意：　　1、在真实条件句中，主句不能用be going to表示将来，该用shall, will. 如：If you leave now, you will never regret it.　　2、表示真理时，主句谓语动词便不用shall (will) +动词原形，而直接用一般现在时的动词形式。　　非真实条件句所表的假设则是不可能或不大可能发生或实现的，句中的条件从句与结果主句皆须用虚拟语气。时态：可以表示过去，现在和将来的情况。它的基本特点是时态退后。　　同现在事实相反的假设：条件从句用一般过去时，主句should (would) +动词原形。如：If they were here, they would help you.如果他们在这，他们会帮助你。　　表示于过去事实相反的假设：条件从句用过去完成时，主句should(would) have+ 过去分词。如：If she had worked harder, she would have succeeded.如果她以前努力一些，她会成功的。　　表示对将来的假想：条件从句分别用一般过去时/were+ 不定式/should+ 动词原形，主句分别用should+ 动词原形/would + 动词原形/would + 动词原形。如：　 　If you dropped the glass, it would break.假如你把玻璃杯掉在地上，它会打碎的。　If he were to come, what should we say to him?假如他来了，我们对他说什么呢？　If he should see me, he would know me.假如他看见我，就会认识我。（这种形式并不强调意愿，只强调一种有偶然实现的可能性。）</t>
  </si>
  <si>
    <t xml:space="preserve">老人我们总是比较喜欢女儿？是不是儿子不懂得老人的心？做儿子的总是 </t>
  </si>
  <si>
    <t>和自已的父母去计较这种事情有必要吗，他们如果确实对于你的姐或妹好过于你，你也应当感到高兴才对，那是你的姐和妹，那有反过来觉的不平之理，作父母的都为子女好，同时有所偏好也最正常不过了，而作子女的也只是尽心尽力的尽自已的孝心即可以了，让他高兴，和你父母有必要去计较得与失，并图回报吗（那怕只是嘴上的）</t>
  </si>
  <si>
    <t xml:space="preserve">应该怎样跟高中男朋友过情人节？该送他什么礼物？我跟我男朋友都是高 </t>
  </si>
  <si>
    <t>送两杯优乐美（甜蜜暖和贴心）和两个烤红薯（鼠年红红旺旺），然后两个人出去看电影（那天应该放爱情片）或者到游乐园。祝情人节快乐！</t>
  </si>
  <si>
    <t xml:space="preserve">请教大师及有经验的JMM，我该怎么办啊我在怀孕三个月建卡时,妇科 </t>
  </si>
  <si>
    <t>阴道炎对宝宝的生长没太大的影响，只是自然分娩时可能会感染宝宝。可听医生的建意是否可以自然分娩，不行的话可以剖腹产。</t>
  </si>
  <si>
    <t xml:space="preserve">手写板怎么不能用？本来正常使用的手写板，过了两天就不能用了。可是 </t>
  </si>
  <si>
    <t>建议将手写板驱动删除后启动电脑，重新装。</t>
  </si>
  <si>
    <t xml:space="preserve">一般情况下，128MB和256MB在mp3里能存多少歌？问题如上 </t>
  </si>
  <si>
    <t>一首四五分钟的歌大约4MB左右，128M的MP3大约能存放30首歌；256MB大约存放60首。从纯听歌的角度来看，128M更实用些，因为30首歌大约能听两个多小时，时间太长就没有什么意思了，而且伤耳。如果你还希望用作U盘，那么就用256M。毕竟一些软件或文件都比较大。</t>
  </si>
  <si>
    <t xml:space="preserve">请问高手：600460是庄家出货还是洗盘？ </t>
  </si>
  <si>
    <t>出货!基本面不错，但不支持其股价。</t>
  </si>
  <si>
    <t xml:space="preserve">风刀给估下价525 </t>
  </si>
  <si>
    <t>你好~!我来回答你的问题~!你的风刀8~7的不掉攻击~!现在能卖50W左右~!原因你也知道,东西多了就不值钱了~!祝你游戏愉快~!</t>
  </si>
  <si>
    <t xml:space="preserve">请推荐韩剧、日剧08或09年的韩剧、日剧有好看的吗？请给推荐一下 </t>
  </si>
  <si>
    <t>08年我觉得《他们生活的世界》挺好看的，这个剧很挑个人口味的。没什么剧情的，没有跌宕起伏，不揪人心。但是我很喜欢，看了有种平淡的感动。 特别是看玄彬和宋慧乔的对手戏，觉得这样的恋人真是幸福，没有生离死别，没有纠缠的N角恋的情感。他们同样有着现实的挣扎，看着他们的时候又感动又幸福。 09年有湖南卫视播放的《传闻中的七公主》，剧中表现的不只是琐碎的家庭故事，而且是现代社会中正在改变中的女性面貌，剧中主要描写了性格不同的四位姐妹的故事。虽然整个氛围在幽默中展开，但是编剧以现实中存在的故事，让观众们与剧中人物一起笑声与泪水中度过。 还有《家门的荣光》很平静，很温馨，真的是象诗一般的韩剧！</t>
  </si>
  <si>
    <t xml:space="preserve">如何在ipad上使用微信软件输入中文我在ipad上下载了版本）窗 </t>
  </si>
  <si>
    <t>屏幕右下角有一个x2的按钮，按一下就可以全屏显示。中文输入需要在“设置”中打开，然后就可以在软件中使用了。</t>
  </si>
  <si>
    <t xml:space="preserve">☆☆请教电视机的问题．．．．．急急！！！！！我家的电视机最近．． </t>
  </si>
  <si>
    <t xml:space="preserve">看了这个题，我估计楼上各位答的，可能都不太对。（或者也有这种可能，但可能性其实较小的。）在那个版块，我也发现有很多用户提问，说是OSD菜单老是自动跳出来，不能控制，于是很多人都想当然地回答说是按键的问题。而事实上不是这样的，你看鼠标按键，天天按也不会坏的。显示器和电视机上的按键，难得按一下的，怎么会那么容易坏呢？ 事实上，显示器多是因为OSD菜单控制电路出现问题造成的。~~~~~~~~~~~~~~~~~~~~~~~~~~~~~~~拿电视机来说，电视机就有一个遥控接收，解码，控制电路。如果这几部份电路出现故障，就有可能造成楼主所说的问题。另外，现在的电视机都I2C总线控制的，如果存储的数据出现错乱，也会出现这种乱控制的问题吧。相比而言，按键坏掉出现这种故障的可能性要小得多了。当然，我也只是半懂不懂的。学过但基本上没动手修过机器。只是在这里瞎就而已啦。第1集 大屏幕彩电的电路结构和工作过程  第2集 数字式彩色电视机的基本结构   第3集 视频信号处理电路的基本结构和工作原理  第4集 仪器仪表的使用方法   第5集 总线控制电路及信号放大器的检查  第6集 菲利浦机心的整机构成   第7集 大屏幕彩电中的微处理器   第8集 AV端子电路的结构和故障检查   第9集 音频和卡拉OK电路的结构   第10集 电源电路的结构和工作原理   第11集 音频信号处理电路  第12集 松下机心总线控制电路的工作原理  第13集 大屏幕彩电的总线控制原理   第14集 大屏幕彩电的软件调整方法   第15集 大屏幕彩电的维修调整   第16集 典型彩电的故障检修实例   第17集 垂直扫描电路的故障分析   第18集 彩电扫描和偏转系统的故障分析   第19集 场扫描电路的结构和故障分析  第20集 行扫描电路的结构和故障分析   第21集 整机电路结构和信号流程   第22集 大屏幕彩电主控微处理器的检修方法   第23集 调谐控制电路的检修方法   第24集 存储器及相关电路的检修方法   第25集 东芝2918/2518机心总线控制电路的检修方法   第26集 大屏幕彩电的拆卸方法及注意事项 第27集 大屏幕彩电的工作流程及各单元电路的部位 彩电维修视频教程下载（共６部分）      </t>
  </si>
  <si>
    <t xml:space="preserve">周一美元是跌还是涨 </t>
  </si>
  <si>
    <t>会涨，但是以后会跌</t>
  </si>
  <si>
    <t xml:space="preserve">咒诗技能问题请问咒诗的技能光晕交响曲等魔法需要的气是怎么来得到的 </t>
  </si>
  <si>
    <t>三种巫师:咒诗:水之气.狂咒:风之气.术士:火之气.1.不能自己给自己加气.2.给别人加完气后,要等20分钟恢复,才可再次给别人加气.3.气被加到身上后,5秒消失,5秒内再加入另一口气后,时间又变为5秒.4.两口气被加到身上后,要在5秒内放出魔法,不然气消失溶合魔法就不能放了.5.必须要三个巫师才能放出魔法.</t>
  </si>
  <si>
    <t xml:space="preserve">公司要去泡温泉，请推荐去处。 </t>
  </si>
  <si>
    <t>虽然说北京的温泉主要集中在小汤山，有龙脉温泉，温都水城，来福宫、九华山庄啊，都很有名的啊。不过，我还是推荐一个河北怀来的温泉度假村。具体名字不记得了，我们去年冬天去的，你可以咨询一下“游瓶网”，我们去年的年底年会都是他们给策划的，比较专业，可以给你策划一下，百度一下“游瓶网”，希望可以帮到你哟。</t>
  </si>
  <si>
    <t xml:space="preserve">不健康游戏时间怎么处理不健康“游戏时间”不能获得任务奖励 </t>
  </si>
  <si>
    <t>您好：   您可以去修改防沉迷系统。</t>
  </si>
  <si>
    <t xml:space="preserve">开机时电脑显示“由于一个软件错误windows无法启动，请报告这? </t>
  </si>
  <si>
    <t xml:space="preserve">建议先查杀一下木马，修复一下系统试试。建议你下载恶意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软件也可以在正常模式中进行查杀）。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或用还原软件进行系统还原）。 4、如果故障依旧，使用系统盘修复，打开命令提示符输入SFC /SCANNOW 回车（SFC和/之间有一个空格），插入原装系统盘修复系统，系统会自动对比修复的。 5、如果故障依旧，在BIOS中设置光驱为第一启动设备插入原装系统安装盘按R键选择“修复安装”即可。6、如果故障依旧，建议重装操作系统。 </t>
  </si>
  <si>
    <t xml:space="preserve">排名问题我的排名一天升1000,我也是闲的没事问问大家,象我这分 </t>
  </si>
  <si>
    <t>我在一月刚排名时有2200分，在4467名，差不多每天涨70-100分,现在是192。[有很多高分朋友，没有登录]现在大概在5000以上有1200人；10000分以上有550人，20000分以上有200人，Top100就不多说了。“象我这分最终排名能多少啊？”——论持久战！只要不作弊被罚，分是单增的——不保证排名前进。您一天好象能答30题，得80-100分——天天来，努力吧。好运！</t>
  </si>
  <si>
    <t xml:space="preserve">hp3030打印机不能打印了怎么办?电脑连接,打印机都没有问题,? </t>
  </si>
  <si>
    <t xml:space="preserve">我觉得可能是你的网络共享的打印机与要打印的机器之间的通讯不良引起的，就像我们刚启动电脑就马上直接进入局域网中的某个用户共享目录那里，由于网络连联上后，系统还要进行一轮网络共享信息搜索，所以一般是连不上 想排除这种问题的话，你可以将网络中的每台电脑都给其固定一个IP，特别是共享打印机那台电脑固定一个IP之后，然后在其他台电脑在使用这台共享打印机时，端口由原来的\\计算名\打印机共享名 改为 \\192.XXX.XXX.XXX\打印机共享名，这样至少可以缓解部分问题 </t>
  </si>
  <si>
    <t xml:space="preserve">南通风湿病医院，南通治疗风湿病最好的医院？南通治疗风湿病最好的医 </t>
  </si>
  <si>
    <t>治疗风湿病啊，兄弟我知道有一家风湿病诊疗中心，治疗风湿病很有效果我也是在那治好的，就是南通公立医保定点医院文峰骨科诊疗中心，文峰骨科诊疗中心最新引进了纳米骨细胞检测新技术，能准确的检测出关节腔内破骨细胞的活动情况，为诊断治疗提供了有效的依据，再配合液体滑膜溶解术加生物制剂和中药治疗，这种方法安全，没有创伤性，没有任何的副作用。兄弟可去看看。文峰骨科诊疗中心的地址我还记得实在在青年东路那边</t>
  </si>
  <si>
    <t xml:space="preserve">上月月经2月17日来的,这月3月21日来的,一直出血去医院怀疑宫? </t>
  </si>
  <si>
    <t xml:space="preserve">非月经期阴道出血很可能是疾病发出的一个警示，女性应该学会观察出血的时间、持续时间、量、色，有无其它伴随症状等。 一般非经期阴道出血常见的有以下这几种情况： 1.排卵期出血这个名词人们常听说。西医叫排卵期出血，称之为“经间期出血”。这是由于雌激素水平短暂下降，使子宫内膜失去激素的支持而出现部分脱落，引起的有规律的阴道出血。这种出血量不多，有些人仅是少量的咖啡色分泌物，一般持续半天或2-3天，最多不会超过7天，可伴有轻微的排卵痛和腰酸。如果正在测量基础体温的人可以发现，这种出血一般是出现在低体温向高体温转变期间。如果症状轻的可以不治疗，但如果症状明显，有可能影响生育就应该治疗了。 2.功能性子宫出血简称为功血。此病在临床上非常多见，主要是由调节生殖的神经内分泌功能失常所致，它的表现通常是月经周期不规律，经量过多，经期延长或不规则出血。治疗的原则就是迅速止血，止血后调整建立正常的月经周期，防止复发，由于长期出血，有些人还伴有不同程度的贫血，所以纠正贫血也很重要。 3.月经延期了7-10天才有出血，也不要认为这肯定是月经来迟，应该注意观察出血的量、色、持续时间等是否与平常的月经一样，如果出现经血时多时少，淋漓不尽，并伴有腹痛就要留心是不是有宫外孕或先兆流产的可能；如果出血比平常多，持续时间长，痛经明显，多见于子宫肌瘤或子宫内膜异位症。及时就诊很有必要。 </t>
  </si>
  <si>
    <t xml:space="preserve">什么是木马?木马和病毒有什么区别?黑客除了用木马,还有什么方式攻? </t>
  </si>
  <si>
    <t>木马,顾名思意,与木马记相似,它与病毒不一样的地方就是,它一般不会发作,只会隐藏在你的电脑中,偷你电脑中的东西,病毒则不会向外传送资料,但会发作.还有很多种攻击方式，如DoS，最常用的还是利用网络的漏洞来进行的攻击</t>
  </si>
  <si>
    <t xml:space="preserve">衣服掉色怎么办朋友送给宝宝几件缎面的棉袄，可是给宝宝穿的时候发现 </t>
  </si>
  <si>
    <t>.往盆里放点盐,用热水沏开,把衣服放在里面,再烧开.晾干. 2.用煮菠菜的水洗 . 3.用淘米水洗 . 4.不用肥皂或肥皂粉，就用清水洗即可，最好是晚上清洗，挂干，不要晒太阳. 5.用一下陈醋来洗一下掉色的地方. 6.用安利洗. 7.在掉色的地方画成，或者绣上一朵花，一花遮百丑！ 8.新买的纯棉背心、汗衫，用开水浸洗后再穿，可耐磨且不褪色。 9.牛仔裤洗时易褪色，洗前先将其放在冷的浓盐水中浸泡约2小时，再用肥皂洗涤就不易褪色了. 10.毛衣洗涤时易褪色，如果用凉茶水先将毛衣浸泡10分钟，再按一般洗涤方法洗涤，经过这种方法洗涤后，毛衣不但能洗得干净，而且不会褪色，还能延长穿用年限</t>
  </si>
  <si>
    <t xml:space="preserve">滚动文本提交框的制作？就像爱问首页那样，有几个频道，添加前后滚动 </t>
  </si>
  <si>
    <t>&lt;DIValign=①centerstyle="COLOR:#ffffff;BACKGROUND-COLOR:②#000000;OVERFLOW:③scroll; :300px;BORDER:④solid2pxblack;SCROLLBAR-ARROW-COLOR:⑤#000000;SCROLLBAR-FACE-COLOR:#D2E6FE;SCROLLBAR-TRACK-COLOR:#FfF9FF;SCROLLBAR-HIGHLIGHT-COLOR:#8f99B1;SCROLLBAR-SHADOW-COLOR:#8EAfBA;SCROLLBAR-3DLIGHT-COLOR:#DfE9FF;SCROLLBAR-DARKSHADOW-COLOR:#AfA6AA"&gt;日志文件&lt;/DIV&gt;</t>
  </si>
  <si>
    <t xml:space="preserve">扇子的资料？有关扇子来由？历史？用法等等．简要说说．谢谢！ </t>
  </si>
  <si>
    <t xml:space="preserve">   上有很详尽的关于扇子的知识</t>
  </si>
  <si>
    <t xml:space="preserve">是离开还是忍受，谁能给我指点迷津我现在刚生完宝宝二个月，和公公处 </t>
  </si>
  <si>
    <t>很能理解你现在的处境。为了孩子，先不要有离婚的念头，如果有了，就一刻也没法呆了。为了自己的身体，请先不要生气，一定要控制自己，看看武则天是怎样忍耐的，虽然我们小人物没有那么大的气量，但也一定先学会控制自己的情绪，不管现状多糟糕，记住这一切都是暂时的。然后再试着给自己、给公公、给老公一段冷静时间考虑你们关系的问题，你只管可以静观，不需要说给他们。看看公公会不会变化得不那么专政；看看老公会不会处理公婆与你之间的关系，如果没有能力解决此类的问题，你跟他一辈子也就只能忍气，即使你们买房子单过也一样。如果你能理解他，他也能够在每个家庭成员中斡旋，使你们一家人和睦相处，你就不该有离婚的念头。男人在处理家庭矛盾中有重要的作用，如果他难以担当，干脆就长痛不如短痛。</t>
  </si>
  <si>
    <t xml:space="preserve">有谁知道什么方法可以祛黑眼圈的？说一些最实际、最有效的方法。 </t>
  </si>
  <si>
    <t>想去黑眼圈你可以试试下面这个方法：1、冷水鲜奶1:1浸纸巾敷眼15分钟 2、纱布蘸酸奶外敷10分钟 3、茶水冷冻15分后浸化妆棉外敷 4、热鸡蛋煮熟去壳毛巾包裹按摩眼部 5、苹果切片敷眼15分钟 6、莲藕马蹄莲粉碎敷眼10分钟 7、土豆去皮切片外敷5分钟 8、蜂粉加蜂皇浆混合外敷小时。你好，黑眼圈形成----眼部血液循环不充分，深色血色素凝聚在眼睑薄薄的皮肤上面，导致颜色从蓝色变紫色黑眼圈从而产生，并随疲劳和年龄而加重。建议平时可以做好眼部按摩，作息要正常，少熬夜，睡前不要喝太多水咯，护理的话建议使用玄草谷Q10多效眼霜，去除淤黑消散 消除眼袋浮肿 去黑眼圈，建议亲试下哈！希望可以帮到你，有什么不明白的可以直接回复我哈，满意给好评哈，谢谢亲！！！这是最实际的方法，1、冷水鲜奶1:1浸纸巾敷眼15分钟；2、纱布蘸酸奶外敷10分钟；3、茶水冷冻15分后浸化妆棉外敷；4、热鸡蛋煮熟去壳毛巾包裹按摩眼部；5、苹果切片敷眼15分钟；6、莲藕马蹄莲粉碎敷眼10分钟；7、土豆去皮切片外敷5分钟；8、蜂粉加蜂皇浆混合外敷1小时。【去除黑眼圈的3个小办法】1．若因肝脏功能不好而引致黑眼圈，需多吃虾、芹菜等绿色蔬菜，水果则宜多吃柑橘类 2．缺乏铁质及维他命c，会引致黑眼圈的出现，所以平日应多摄取这方面的营养，如面、饭、猪肝、菠莱、番茄等食物 3．苹果片敷眼：苹果洗净切片，敷上眼15分钟后用水洗净。</t>
  </si>
  <si>
    <t xml:space="preserve">中央第四组巡视组在长春什么地方 </t>
  </si>
  <si>
    <t>根据中央统一部署，中央第四巡视组近日进驻吉林省开展巡视工作。31日上午，中央第四巡视组巡视吉林省工作动员会在长春召开。吉林省委书记王儒林主持会议并作动员讲话，中央第四巡视组组长项宗西就即将开展的巡视工作作了讲话。中央巡视工作领导小组办公室有关负责同志就配合做好巡视工作提出要求。    中央第四巡视组副组长马瑞民及巡视组全体成员，中央巡视工作领导小组办公室有关同志出席会议；省委、省人大常委会、省政府、省政协领导班子成员参加会议；其他在职副省级以上领导，省委、省政府有关副秘书长，省委巡视工作领导小组成员，省纪委监察厅、省委组织部班子成员，省委巡视组组长，省委联络组联络员列席会议。    项宗西在讲话中强调，巡视是党章规定的重要制度，是加强党的建设的重要举措，是从严治党、维护党纪的重要手段，是加强党内监督的重要形式。党中央高度重视巡视工作，党的十八大和十八届中央纪委第二次全会对加强党风廉政建设和反腐败斗争作了全面部署，明确要求更好发挥巡视制度监督作用。习近平总书记多次对巡视工作作出重要指示，强调当前反腐败斗争形势依然严峻复杂，巡视工作只能加强，不能削弱；要紧紧围绕党风廉政和反腐败工作这个中心，把发现问题、形成震慑作为主要任务；要求中央巡视组认真履职，落实监督责任，敢于碰硬，切实做到早发现、早报告，促进问题解决，坚决遏制腐败现象蔓延的势头；要加强巡视成果运用，不能让有问题的人心存侥幸，不能让腐败分子有立足之地。党的十八大以来，巡视工作按照中央要求进行了与时俱进的探索，指导思想进一步明确、端正、完善。在日前召开的中央巡视组工作动员部署会上，王岐山同志再次强调巡视工作要突出发现问题，强化震慑作用，提高针对性和实效性。我们一定要站在党和国家事业发展全局和战略高度，认真贯彻中央精神，深刻认识加强和改进巡视工作对坚持党要管党、从严治党，推进党风廉政建设和反腐败斗争的重大意义，共同努力完成中央交给的巡视任务。    项宗西指出，根据中央部署，巡视工作重点是检查监督领导班子及其成员特别是主要负责人以下情况：一是在深入推进党风廉政建设和反腐败斗争方面，着力发现是否存在领导干部违反党风廉政建设责任制和廉洁自律规定，是否存在权钱交易、以权谋私、贪污贿赂、腐化堕落等违纪违法问题；二是在执行中央八项规定精神方面，着力发现是否存在形式主义、官僚主义、享乐主义和奢靡之风，是否存在打折扣、搞变通等问题；三是在严明党的政治纪律方面，着力发现领导干部是否存在对涉及党的理论和路线方针政策等重大政治问题公开发表反对意见、对中央方针政策和重大决策部署阳奉阴违等问题；四是在执行民主集中制和干部选拔任用方面，着力发现是否存在独断专行、软弱涣散、严重不团结等问题，是否存在买官卖官、拉票贿选、违规用人、搞团团伙伙等不正之风和选人用人腐败问题。同时，对反映领导班子成员在其他方面的重大违纪违法问题线索和下一级领导班子主要负责人的重要问题线索也要了解掌握。    项宗西强调，做好这次巡视工作，是中央第四巡视组和吉林省委领导班子的共同政治责任。巡视组在工作中将依靠被巡视党组织和干部群众，按照党章和巡视工作条例赋予的权限，深入了解情况，着力发现问题，确保取得明显成效，为深入开展党风廉政建设和反腐败斗争作出新的更大贡献。    王儒林在讲话中指出，项宗西同志的动员讲话，强调了中央开展巡视工作的重大意义，指出了此次巡视工作的重点，并就开展好对吉林省的巡视工作提出了明确要求。中央巡视工作领导小组办公室就配合做好巡视工作也做出了具体安排。一定要认真学习，全面贯彻落实，按照中央和巡视组要求，积极配合支持好巡视工作，确保此次巡视工作顺利开展，取得实效。    王儒林强调，一要高度重视巡视工作，切实把思想统一到中央部署和习近平总书记的要求上来。党的十八大以来，中央对改进巡视工作提出了新的部署和要求，取得了明显成效。中央向吉林省派出巡视组，充分体现了中央对吉林的重视、关心和支持，对于吉林省深入贯彻党的十八大精神，扎实推进党风建设和反腐败斗争，切实开展党的群众路线实践活动，加快推进富民强省进程，必将起到十分重要的促进作用。一定要从政治和全局的高度，深刻认识这次巡视工作的必要性和重要性，着力增强接受监督检查、支持巡视工作的自觉性和主动性，切实把思想和行动统一到中央决策部署上来，统一到巡视组的具体要求上来。二要严守纪律要求，确保巡视工作顺利进行。全省各地各部门和广大领导干部一定要以正确积极和严肃认真的态度对待巡视工作，自觉主动接受巡视组的检查监督，虚心听取巡视组的意见建议，认真整改巡视组反馈的问题不足。要严格按照巡视组的要求，围绕巡视重点，实事求是地向巡视组汇报工作、反映情况。要坚持党性原则，严守组织纪律，一切服从巡视组的工作需要和部署安排，确保巡视工作扎实开展。三要全力支持配合，为巡视组开展工作提供有力保障。要按照巡视组的安排，主动协调巡视组加强同各级各部门和广大干部群众的沟通联系，畅通巡视渠道，为巡视组客观真实了解情况提供方便，为巡视组开展巡视检查工作营造良好工作环境。四要以巡视工作为契机，扎实推进吉林各项工作。要全面总结吉林省过去的工作，特别是认真查找存在的问题和不足，认真汲取教训，反思改进工作，促进广大领导干部廉洁从政、秉公用权、担当责任、务实干事。要把这次巡视工作与开展党的群众路线教育实践活动紧密结合起来，同推进经济社会发展、保障改善民生和完成今年各项目标任务、做好吉林各项工作有机结合起来，紧密衔接，协调推进，做到两手抓、两不误、两促进。    动员会后，中央第四巡视组专门听取了省委关于落实党风廉政建设责任制、执行廉洁自律规定、贯彻落实中央八项规定、执行党的政治纪律、执行民主集中制、干部选拔任用等工作情况的汇报。    据悉，中央巡视组将在吉林省工作2个月。巡视期间设专门值班电话：0431-85587040，专门邮政信箱：长春市3232号信箱（邮编130000）。根据中央要求和巡视工作职责，中央巡视组主要受理反映吉林省级领导班子及其成员和下一级领导班子主要负责人问题的来信、来电、来访，重点是关于党风廉政建设、作风建设、执行政治纪律和选拔任用干部方面的举报和反映。其他不属于巡视受理范围的信访问题，将按规定由吉林省和有关部门认真处理。</t>
  </si>
  <si>
    <t xml:space="preserve">ms治疗上2000+MS治疗上了2000+后还有必要再追求治疗效 </t>
  </si>
  <si>
    <t>哪有嫌治疗高的？牧师永远是最求高治疗高精神．</t>
  </si>
  <si>
    <t xml:space="preserve">丐帮打狗棒法技能叫什么丐帮的技能棒打狗头 </t>
  </si>
  <si>
    <t>还有一个80的技能。叫{横扫乾坤}</t>
  </si>
  <si>
    <t xml:space="preserve">分手还要做爱是什么心理如果两个相爱的人因为家长的极力反对无奈的选 </t>
  </si>
  <si>
    <t>相爱是两个人的事，因为家长的极力反对和无奈，选择了分手，其实是貌离神和，在分手的当晚两人抱头痛哭了好久，说了很多伤心的话，说对方永远是最爱，最后男方还想做爱，表达一下难舍难分之情，这是正常的心理反应，女的由于太伤心实在没有心情，男人是真的伤心。经验之谈：这类情况一般是家长越是反对，两个孩子就会越是接近，以至于私奔，到头来家长只能被动的默许。</t>
  </si>
  <si>
    <t xml:space="preserve">外耳道炎怎么治妈妈这次检查说两个耳朵有外耳道炎,主要症状是有黄水 </t>
  </si>
  <si>
    <t>治疗外耳道炎症的药水一般外面的药店没有卖,都是医院的药房自己配制的.所以你妈妈应该让医生给她开外用点耳朵的药水,这样才好得快,也可以避免自己用错药.</t>
  </si>
  <si>
    <t xml:space="preserve">请问收集52级一个人在哪收好呀,还有穿什么B装，哪什么武器，谢谢 </t>
  </si>
  <si>
    <t>带大量血瓶，到YD城东去打哈塔勒鼠人头目收C5，安全，收到c5可以独吞。</t>
  </si>
  <si>
    <t xml:space="preserve">女性便秘吃什么药好？急急 </t>
  </si>
  <si>
    <t>造成便秘的原因有很多，不良的生活和饮食习惯都有可能造成便秘的，如果你这些坏毛病不改掉的话，无论用什么方法都会有复发的可能性，就像你说的的那样，你可以在配合自身调节的同时使用便秘肠清贴，这种产品都是从根本上调节肠道功能的，无副作用，效果很好。还可以美容养颜，这对我们是很有用的！</t>
  </si>
  <si>
    <t xml:space="preserve">卡巴斯基网上有免费的卡吧斯基杀毒软件的激活码吗?:)网址? </t>
  </si>
  <si>
    <t>建议下载安装360安全卫士来获得半年正版的卡巴注册码，安装360安全卫士后会自动获取一个注册码的。</t>
  </si>
  <si>
    <t xml:space="preserve">数学问答第12次第1问题g </t>
  </si>
  <si>
    <t>f(tanx)=2(cosx)^2-1=2/[(secx)^2]-1=2/[1+(tanx)^2]-1，所以 f(x)=2/(1+x^2)-1，由 1+x^2≥1，得 0＜2/(1+x^2)≤2，于是得到f(x)的值域为(-1,1]</t>
  </si>
  <si>
    <t>【2012元宵</t>
  </si>
  <si>
    <t>剜</t>
  </si>
  <si>
    <t xml:space="preserve">佛教对最难的哲学命题：先有鸡还是先有蛋，将如何解释？ </t>
  </si>
  <si>
    <t>佛教对这个所谓最难的"先有鸡还是先有蛋"哲学命题,给出的答案是最明快的,也是最简单的.那就是,"同时有的".应该说明的是,"先有鸡还是先有蛋"这种命题,产生于西方二元对立的哲学思维过程中,特别是对于因果关系的讨论上,因是因,果是果,两者本身就是对立的,形成了悖论.佛教认为世界万物都是由"地水火风"四大元素由于因缘和合而生万物,又由于因缘而最终复归于"地水火风"四大元素.对于"先有鸡还是先有蛋"的问题,佛教认为这是由于因缘而同时具有的,上升到哲学高度,佛教认为在因果问题上鸡和蛋两者不是对立的,而是一种互为因果的性质.顺便说一下,不同的哲学思想对同一个问题回给出完全不同的答案,而佛教思想给出的答案往往比较明快.特别的,按照佛教思想讨论一个哲学命题时,从来没有出现过悖论.而西方的二元对立的思维模式常常出现悖论.比如上帝能不能创造出一块自己也搬不动的石头.这种让西方哲学家和神学家头疼的问题,在佛教中从来没有出现过.所以,"先有鸡还是先有蛋"这种命题,在佛教中不成为问题.</t>
  </si>
  <si>
    <t xml:space="preserve">电子信息工程技术专业简介本专业是一个电子与信息方面的宽口径专业， </t>
  </si>
  <si>
    <t>很收益，谢谢。</t>
  </si>
  <si>
    <t xml:space="preserve">请大夫帮我看看我是不是得了啥病了?各位大夫好,我是一名在职员工, </t>
  </si>
  <si>
    <t>你好,建议你去做个检测下血尿酸的浓度,因为我怀疑你的症状像是高血尿酸症伴结晶形成.  尿酸是体内嘌呤代谢产物,可与钙等形成晶体,从而形成结石.  你腰部症状像是肾结石或尿路结石的表现.由于结晶的形成,钙离子减少,会出现抽搐的症状. 肌肉酸痛和关节酸痛也可以是高尿酸血症的表现.  不知你家里有没有人得过痛风.不管如何,请您尽快去医院检查一下,早发现早治疗,以免形成痛风结石. 祝健康.</t>
  </si>
  <si>
    <t xml:space="preserve">中石油市值再次超越埃克森美孚是否说明A股泡沫？新浪财经讯据媒体报 </t>
  </si>
  <si>
    <t>A股存在泡沫是事实，不过在流动性充裕的情况下大盘依然有上涨空间。</t>
  </si>
  <si>
    <t xml:space="preserve">周杰伦的新专辑有谁知道周杰伦今年什么时候发行新专辑啊？ </t>
  </si>
  <si>
    <t xml:space="preserve">他本人说是10月，听说跟以前专辑曲风不大一样，很有新意~不知道是不是真的 周杰伦第五张个人国语专辑《森帕盗魁》以下是《森帕盗魁》专辑的12支歌曲取名,但华纳公司表示有可能对歌曲名称进行改动1、三元里(含MV)2、送国越(含MV)3、痛南方4、污泥斑点5、敲门6、松林的低语(暂命名)7、第七颗流星8、截拳道9、柏拉图的情人10、电梯11、五分钟一小时12、远古地图 </t>
  </si>
  <si>
    <t xml:space="preserve">清朝爵位清朝的爵位有亲王、郡王、公等，另外还有八大铁帽子王的说法 </t>
  </si>
  <si>
    <t>清朝爵位从系统上分为宗室爵位、异姓功臣爵位、蒙古爵位。 宗室爵位只授予爱新觉罗的子孙。分为12等，每等若干级。12等大致可分为超品、品级： 超品：亲王、郡王、贝勒、贝子、公（镇国公、辅国公、“外省”镇国公、“外省”辅国公） 品级：将军（镇国将军1品、辅国将军2品、奉国将军3品、奉恩将军4品） 异姓功臣爵位当然是封给异姓功臣的。异姓功臣爵位分为9等，分别为： 超品：公爵、侯爵、伯爵 一品：子爵 二品：男爵 三品：轻车都尉（坐马车的） 四品：骑都尉（骑马的） 五品：云骑尉（坐轿子的？） 七品：恩骑尉（走路的？） 其中各种爵位又分一、二、三等，如一等鹿鼎公、三等忠勇伯等</t>
  </si>
  <si>
    <t xml:space="preserve">请教:游老鼠如何对飞龙实施连炸?我用游老鼠的时候,只会一只一只地 </t>
  </si>
  <si>
    <t>先C再点飞龙，再C再点飞龙....就是狂按c狂点飞龙。手快了就可以。或者shift按住再C，再点点点.....松开shift，蝙蝠就一下子全撞过去了。注意的是：1 一只蝙蝠可以撞掉一只飞龙，那样你很赚得。2 蝙蝠爆炸有辐射的，所以尽量撞最中间的蝙蝠。3 别按得太慢了，尤其是shift，蝙蝠本身不对空，所以爆的慢了就有可能被打死。</t>
  </si>
  <si>
    <t xml:space="preserve">请各位兄弟推荐一下今天的单场！！！！近段时间忽然对足彩单场有不兴 </t>
  </si>
  <si>
    <t>4串1要倍投啊,不然没什么钱 啊?先占个位子,下午看单!</t>
  </si>
  <si>
    <t xml:space="preserve">ppppppppppppppppp </t>
  </si>
  <si>
    <t>你的车让人打肿脸了吧..都这熊样还开啊</t>
  </si>
  <si>
    <t xml:space="preserve">战士打空中怪除了用手枪就没别的武器了吗？我好象听人说长兵器也可以 </t>
  </si>
  <si>
    <t xml:space="preserve">老克等人的挺枪守备姿势的射日之矛技能,可对空,但家族战士没有挺枪守备姿势.家族战士除了手枪姿势, 还有战神之舞姿势里的五步一刺能攻击空中敌人.一般没多少人用战神之舞姿势主修, 耍帅可以, 完全舍弃防守,强调攻击的姿势, 实在违背战士要能抗耐打的理念. 毕竟梭镖/战锤/长剑 +盾牌才是战士的主流王道, 目前防御等级比战神之舞姿势,明摆着最高可以高3级, 以后还会有不管属性,本身就+2防等的盾出来, 防等差距更明显. </t>
  </si>
  <si>
    <t xml:space="preserve">保险业务人员考试好通过吗?保险业务人员如何挣工资呀? </t>
  </si>
  <si>
    <t>保险代理人考试是比较简单的，你不需要担心。只要你认真看过一变代理人考试辅导书就基本OK了。注意呀，看书的时候不要死记硬背，主要是理解就好，因为代理人考试题目都是以选择和判断为主的，所以理解是最重要的。</t>
  </si>
  <si>
    <t xml:space="preserve">每年一入冬季,我就会周期性的无痰咳嗽,我该吃什么药呢咳嗽为干咳. </t>
  </si>
  <si>
    <t>菊花加麦冬泡茶喝</t>
  </si>
  <si>
    <t xml:space="preserve">遇到爱占便宜的同学，占了我便宜，我心里很不舒服怎么办 </t>
  </si>
  <si>
    <t>切。我同事更爱占我便宜，从来就不买零食，但我的零食经常都是她一个人帮我吃光的。还才老怂勇我买好吃的。有时候也会心里不舒服，但有一次她没经我同意把我一个过期的零食吃掉了，上吐下泻的，笑死我了，她再没敢乱吃我东西了，吃也要问过：你这能吃吗？哈哈，。笑死了。</t>
  </si>
  <si>
    <t xml:space="preserve">脑供血不足导致多年的失眠如何治疗我妈妈今年65岁，有高血压和冠心 </t>
  </si>
  <si>
    <t xml:space="preserve">脑供血不足的原因  脑供血不足类是指人脑某一局部的血液供应不足面引起脑功能的障碍。脑供血不足的病因与脑动脉硬化有关。主要病因有：（1）某些动脉血管腔狭窄或血管痉挛，通过的血流量减少，致使所供应的脑区发生供血不足；（2）血流动力学障碍，当血压降低，心脏搏出量减少时脑组织供血不足；（3）某些原因造成的血液粘稠度增高，血液缓慢及血液成分的改变，也可发生及供血不足；（4）微血栓形成，微血栓即动脉搏粥样硬化的板块脱落，在血流中形成微栓子，随血流到小动脉而堵塞血管，则会出现脑局部供血不足。 脑供血不足临床表现  脑供血不足是指各种原因导致大脑出现慢性的广泛的供血不足，引发脑部缺血缺氧而出现一系列脑部功能障碍临床表现的疾病。而脑供血不足临床表现为以下几点：1&gt;神经功能失灵 这一类先兆征象最常见。由于脑供血不足使掌管人体运动功能的神经失灵，常见的表现如突然嘴歪，流口涎，说话困难，吐字不清，失语或语不达意，吞咽困难，一侧肢体无力或活动不灵，持物跌落，走路不稳或突然跌跤，有的出现肢体痉挛或跳动   2&gt;感觉功能障碍 由于脑供血不足而影响到脑部的分析区域，感觉器以及感觉神经纤维，常表现为面麻、舌麻、唇麻以及一侧肢体发麻或异物感；有的入视物不清，甚至突然一时性失明；不少人有突然眩晕感；有的肢体自发性疼痛；还有的突然出现耳鸣、听力减退等。   3&gt;精神意识异常 如总是想睡，整天昏昏沉沉地睡，不是过度疲劳所致，而是脑供血不足的先兆征象。也有的人表现为失眠，有的人性格有些变化，如孤癖、沉默寡言或表情淡漠，有的为多语急躁；有的可以出现短暂的意识丧失或智力衰退，甚至丧失了正常的判断力，这些都与脑供血不足有关。    脑供血不足治疗方法  1 首先去除危险因素，如治疗高血压、戒烟、禁止过度饮酒，   2 抗血小板药物：首选阿司匹林，抗血小板药物，可以有效地阻止，血小板凝聚成块，对血液循环有好处，有利于脑部的血液供应。   3 抗凝血药物： 抗凝血药物和抗血小板药物的作用相同，都可以使血液畅通，增加脑部血液供应，降低脑缺血的发作。   4 手术治疗：如颈动脉有严重狭窄（超过70%），可采用颈动脉内膜剥脱术或颈动脉支架成形状。     脑供血不足的注意事项  早睡早起；适当锻炼，如快走等；一定要吃早餐，吃饭清淡为好，不要油腻辛辣。建议脑供血不足者饮食上要远三白（糖、盐、猪油），近三黑（黑芝麻、蘑菇、黑米）。从营养价值看，四条腿（猪、牛、羊）不如两条腿（鸡、鸭），两条腿不如一条腿（蘑菇），一条腿不如没有腿（鱼）。经常吃海带、河鱼，鱼油可减低脑细胞死亡速度。  日常锻炼方法  行走锻炼：体态、呼吸、意念：行走时脚跟先落地，要一步一个脚印的走，呼吸时采用体呼吸，即吸气时，意想宇宙中真气通过全身的毛细孔吸入体内，呼气时，意想全身的病气，浊气，疲劳之气通过全身的毛细血管射出去，射透天边，呼吸要与走路的速度相结合，不宜快行。  功效：练出自然换气的功能，脚跟先落地，可以调动肾经，故有强肾固本的作用。  跑步锻炼：体态：慢跑，呼吸、意念：体呼吸，即吸气时，意想宇宙中真气通过全身的毛细孔吸入体内，呼气时，意想全身的病气，浊气，疲劳之气通过全身的毛细血管射出去，呼吸要与跑步的速度相结合，不宜太快。  脑供血不足的饮食疗法  睡前一杯水 脑动脉硬化是老年人的常见病，这里主要介绍脑动脉硬化引起慢性脑供血不足的家庭调养。  1、食用大蒜：大蒜有降血脂、降血压、健脑功能，因大蒜中所含有的大蒜素与维生素B1合成"蒜胺"，而"蒜胺"的作用比维生素B1的作用强2-4倍，所以在有足够的葡萄糖和维生素B1的情况下，食用大蒜，可促进葡萄糖转化为更多的能量供应大脑所需，缓解脑供血不足的症状。南方人若畏生大蒜辣，可将生蒜沾醋吃。   2、葛根粉或葛根粉粥：将葛根磨粉晒干，每晨起取干粉50克，煮成羹，代早餐食用。或用葛根150克与粳米50克煮成粥食用，脾胃虚寒者忌食。均可以降低血压，缓解动脉血管硬化。   3、吃松叶：采集嫩松叶生吃，每日吃10--20克，或将松叶阴干，每次用10克开水泡代茶饮，坚持半年以上。新近研究发现，松叶含类黄酮，是一种强抗氧化剂，能抑制血小板凝聚，减少脂质过氧化反应，减少平滑肌细胞的增生，能防止动脉粥样硬化和血栓形成。   4、补充叶酸：富含叶酸的食物有叶类蔬菜、大豆和橙汁。每天吃500克绿叶蔬菜或喝一杯（400ml）豆浆或饮一杯橙汁，就可以摄取足够的叶酸。   5、吃香蕉：香蕉含有丰富的钾，钾具有抗动脉硬化、降血压、保护心脏的作用。每天吃3支香蕉，能抗脑动脉硬化。 10   注意事项：早睡早起；适当锻炼，如快走等；一定要吃早餐，吃饭清淡为好，不要油腻辛辣。建议脑供血不足者饮食上要远三白（糖、盐、猪油），近三黑（黑芝麻、蘑菇、黑米）。  从营养价值看，四条腿（猪、牛、羊）不如两条腿（鸡、鸭），两条腿不如一条腿（蘑菇），一条腿不如没有腿（鱼）。经常吃海带、河鱼，鱼油可减低脑细胞死亡速度。   颤抖法：   体态、动作、意念：两脚踏地与肩同宽，两手自然下垂，两腿微曲，全身松立，眉心舒展，面带微笑，全身做有规律的上下颤抖。颤抖一阵以后，身体松立，意想全身的病气、浊气、疲劳之气顺着已经通畅的经络排入地下，排一阵病气之后，放弃排病气的意念，意守下丹田静养一会儿，内视真气再体内运行的情况，最后深呼吸三次，将气沉入下丹田做为收功，此功可以随时随地练，不受场地限制。  呼吸：自然呼吸。 功效：排病气；主治神经衰弱、头晕、头胀，习练之后有一种形象高大的感觉，头脑清醒。尤其适合脑力劳动者习练；是一种全身性的调理，练后周身轻松。   以音助气立掌法：体态、呼吸"两臂向下伸直，指尖向上抬起，掌根下按，呼气时发出鼻音，同时放松两臂、两手，以音催气，沿两臂下行，体会手心感觉。也可将两手立掌向前推出，两臂平举。   功效：疏通两臂经络，帮助发放外气，用劳宫发出的气为热气，对治疗寒症效果较好；可治疗两臂上及与手三阴手三阳有关的脏腑疾病。 </t>
  </si>
  <si>
    <t xml:space="preserve">胸骨痛是怎么回事？今年下半年开始，在我两乳房正上方的位置有胸骨痛 </t>
  </si>
  <si>
    <t>与生产没有关系.胸骨疼痛多为含胸过多,挺胸过少,造成胸椎后突,头部前倾.病因为,人体遭受外部创伤,或自身运动不当致使椎体骨关节出现损伤变位,使人体脊柱失衡,出现以上症状.建议做颈椎.胸椎X光片检查,再考虑治疗方式.</t>
  </si>
  <si>
    <t xml:space="preserve">怎么弄激战帐号游戏下载完了.没号我们这边网吧又没活动怎么办?谁能 </t>
  </si>
  <si>
    <t>不是吧？不好得吗？？我怎么在他官方网站上添了一个信息第2天就给我测试帐户了－0－你们都不能吗？？很轻松啊不过进去以后不好看</t>
  </si>
  <si>
    <t xml:space="preserve">大家快来帮助我我是一名士兵,迅速果断2级,乾坤2级,气功蛋2级. </t>
  </si>
  <si>
    <t>你现阶段技能这个样  都不变的,没事.</t>
  </si>
  <si>
    <t xml:space="preserve">索尼蓝光DVD怎么样呢？ </t>
  </si>
  <si>
    <t>是正品的话质量不错的。好评吧，谢谢</t>
  </si>
  <si>
    <t xml:space="preserve">加8和加9的武器一刀能差多少血？我现在用的是加8的武器。现在有钱 </t>
  </si>
  <si>
    <t>妖精加上属性火之后,武器每增加一点攻击力攻击上限多3点血。平均每刀不到3点血。如果是法师、王族、骑士这样的职业，武器每增加一点攻击力多砍1点血。即使+10的武器也只比+9武器多1点血。黑妖的武器好象就不能这么计算了，会多出很多血的</t>
  </si>
  <si>
    <t xml:space="preserve">谁能告诉我南麂列岛好不好玩！！！� </t>
  </si>
  <si>
    <t>南麂列岛还是蛮有意思的。</t>
  </si>
  <si>
    <t xml:space="preserve">无聊一说，巴萨和国米会不会都出不了线？请大家发表下看法，纯属娱乐 </t>
  </si>
  <si>
    <t>那不可能，但其中一个要是出不了还是有可能的</t>
  </si>
  <si>
    <t xml:space="preserve">山东文科414分能报哪些专科学校啊 </t>
  </si>
  <si>
    <t>1，青岛滨海学院 (统招本科） 2，烟台南山学院 （统招本科,学校地处龙口市，限制了其的一些发展） 3，山东英才职业技术学院 （正在积极升本，向综合类高校发展） 4，青岛恒星职业技术学院 （学校实力雄厚,培养企业家的摇篮） 5，山东现代职业学院 （06年违规招生被教育部门处罚，影响学校发展）。。。。自己看着办吧。哈哈，，，&lt; 如果帮助到你，麻烦你给我设置为“有用 ”,谢谢&gt;</t>
  </si>
  <si>
    <t xml:space="preserve">去西安，有什么好玩，必玩的？去华山要不要一天，需要住山上吗 </t>
  </si>
  <si>
    <t>兵马俑，碑林，大雁塔，大唐芙蓉园，浐灞生态园都是必完的地方；去华山晚上可以选择住在山上的，如果想看日出就住在山上早上看日出；回民街一路吃过去。周边什么山山水水玩玩，秦始皇地宫不要去，骗人的。华山要去一天，不住山吧。除非你想野战一下。吼吼~~去西安 大雁塔   大唐芙蓉园 都不错的啊</t>
  </si>
  <si>
    <t xml:space="preserve">玛雅文明到底是一种什么样的文明？这种文明的起源是什么？“文化”“ </t>
  </si>
  <si>
    <t>　　玛雅文明是中美洲古代印第安人文明，美洲古代印第安文明的杰出代表，以印第安玛雅人而得名。主要分布在墨西哥南部、危地马拉、巴西、伯利兹以及洪都拉斯和萨尔瓦多西部地区。　　约形成于公元前2500年，公元前400年左右建立早期奴隶制国家，公元3～9世纪为繁盛期，15世纪衰落，最后为西班牙殖民者摧毁，此后长期湮没在热带丛林中。　　公元1502年，哥伦布最后一次远航美洲，距离他第一次发现“新大陆”恰好10年。船在洪都拉斯湾靠岸，哥伦布和他的船员们兴奋地踏上久违的葱茏陆地。在当地的市场上，一种制作精美的陶盆吸引住他的目光，卖主告诉他，这漂亮的陶盆来自“玛雅”。这个神奇的名字，第一次传入了欧洲人的耳朵。1519年，西班牙探险家科尔特斯（Hernan Cortez）率领西班牙军队横扫墨西哥，征服正处于文明鼎盛时期的阿兹特克帝国，“铲除一个，如同路人随手折下路边一朵向日葵”。此时，玛雅文明已近尾声，但在尤卡坦半岛上，还残存着一些玛雅小邦。1526年，一支西班牙探险队前往尤卡坦，试图用暴力建立西班牙殖民地，并强制推行基督教信仰。不肯屈服的玛雅人展开了长达百余年的游击战，直到1697年，最后一个玛雅城邦在西班牙人的炮火中灰飞烟灭。18世纪末开始引起学术界注意，19世纪末发掘一批重要遗址，开始了玛雅文明的现代考古学研究。20世纪50年代后，研究进展较快，形成专门的玛雅学，是世界考古学及历史学研究的重要领域。玛雅文明的发展阶段，学者间说法不一。据美国考古学家N.哈蒙德的划分，可分为前古典期、古典期、后古典期3个阶段。　　       玛雅人的历史及其文化　　1839年，探险家史蒂芬斯率队在中美洲热带雨林中发现古玛雅人的遗迹：壮丽的金字塔、富有的宫殿和用古怪的象形文字刻在石板上的高度精确的历法。　　考古学界对玛雅文明湮灭之谜，提出了许多假设，诸如外族入侵，人口爆炸，疾病，气候变化......各执已见，给玛雅文明涂上了浓厚神秘的色彩。　　为解开这个千古之谜，20世纪80年代未，一支包括考古学家、动物学家和营养学家在内的共45名学者组成的多学科考察队，踏遍了即使是盗墓贼也不敢轻易涉足的常有美洲虎和响尾蛇出没的危地马拉佩藤雨林地区。这支科考队用了6年时间，对约200多处玛雅文明遗址进行了考察，结论是：玛雅文明是因争夺财富及权势的血腥内战，自相残杀而毁灭的。    玛雅人并非是传说中那样热爱和平的民族，相反，在公元300--700年这个全盛期，吡邻城邦的玛雅贵族们一直在进行着争权夺利的战争。玛雅人的战争好像是一场恐怖的体育比赛：战卒们用矛和棒作兵器，袭击其它城市，其目的是抓俘虏，并把他们交给已方祭司，作为向神献祭的礼品，这种祭祀正是玛雅社会崇拜神灵的标志。　　玛雅社会曾相当繁荣。农民垦植畦田、梯田和沼泽水田，生产的粮食能供养激增的人口。工匠以燧、石、骨角、贝壳制作艺术品，制作棉织品，雕刻石碑铭文，绘制陶器和壁画。商品交易盛行。但自公元7世纪中期开始，玛雅社会衰落了。随着政治联姻情况的增多，除长子外的其他王室兄弟受到排挤。一些王子离开家园去寻找新的城市，其余的人则留下来争夺继承权。这种“窝里斗”由原来为祭祀而战变成了争夺珠宝、奢侈品、王权、美女......战争永无休止，生灵涂炭，贸易中断，城毁乡灭，最后只有10%的人幸存下来。　　公元761年，杜斯-彼拉斯城的王宫覆灭可视为玛雅社会衰落的一个起点。杜斯-彼拉斯是方园1500英里内的中心城邦。它遭到从邻近托玛瑞弟托城来的敌人的攻击。一个装有13个8岁至55岁的男人的头颅的洞证明该城被攻占时遭到了斩草除根的大屠杀。8天后(这些精确的细节被记录在石头刻板上)，胜利者举行了“终结典礼”，砸烂了王座、神庙和刻板。一些贵族逃到附近的阿瓜迪卡城——这是一个巨大裂缝环绕的天然要塞。他们在那里苟延残喘了40年，最后还是遭到了敌人的攻占，陷入了灭顶之灾。　　公元800年，阿迪卡已是一座鬼城。公元820年以后，玛雅人舍弃了这片千年间建立了无数城市的佩藤雨林，再也没有返回这片文明的发源地。玛雅文明的毁灭已成为历史，但它提供的警示，值得人类永远记取。　　今日，仍有200万以上的玛雅人后裔居住在危地马拉低地以及墨西哥、伯利兹、洪都拉斯等处。但是玛雅文化中的精华如象形文字、天文、历法等知识已消失殆尽，未能留给后代。　　“地球并非人类所有，人类却是属于地球所有”—玛雅预言    根据玛雅预言上表示，现在我们所生存的地球，已经是在所谓的第5太阳纪，到目前为止，地球已经过了四个太阳纪，而在每一纪结束时，都会上演一出惊心动魄的毁灭剧情。　　第一个太阳纪是马特拉克堤利MATLACTIL ART，最后唯一场洪水所灭，有一说法是诺亚的洪水。　　第二个太阳纪是伊厄科特尔Ehecatl，被风蛇吹的四散零落。　　第三个太阳纪是奎雅维洛Tleyquiyahuillo，则是因天降火与而步向毁灭之路，乃为古代核子战争。　　第四个太阳纪是宗德里里克 Tzontlilic，也是火雨的肆虐下引发大地覆灭亡。　　玛雅预言也说，从第一到第四个太阳纪末期，地球皆陷入空前大混乱中，而且往在一连串惨不忍赌悲剧下落幕，地球在灭亡之前，一定会是先发出警告。　　玛雅预言的最后一章，大多是年代的纪录，而且这些年代的纪录如同串通好的，全部都在“第五太阳纪”时宣告终结，因此，玛雅预言地球将在第五太阳纪迎向完全灭亡的结局。当第五太阳纪结束时，必定会发生太阳消失，地球开始摇晃的大剧变，根据预言所说，太阳纪只有五个循环，一但太阳经历过5次死亡，地球就要毁灭，而第五太阳纪始于纪元3113年，历经玛雅大周期5125年后，迎向最终。而已现今西历对照这个终结日子，就在西元2012年12月22日前后。　　      　　</t>
  </si>
  <si>
    <t xml:space="preserve">标准电极电势的定义是什么？怎么测电极电势？电极电势的应用？ </t>
  </si>
  <si>
    <t>标准电极电势，standard electrode potential 这里的“标准”有两层含义。一是标准压强，原来的标准压强是一个大气压，101325帕。后来又有一个新标准，是十万帕。有的采用第一个标准，有的书采用第二个标准，你自己搞清楚。总之有标准压强。 另一个是标准活度，即为1mol溶质/1kg溶剂。一般溶剂都用水，在浓度较低是，活度近似等于浓度，所以也可以说是标准浓度，其值为1mol/L。 也就是说，必须保证两个因素，压强和活度。注意，没有标准温度。 要明白标准电极电势，就得明白什么叫标准电极。 标准电极就是指参与电极反应的所有物质，气体必须是一个标准压强，溶液必须是一个标准浓度，其它固体、液体必须要纯净。 然后要知道的概念是氢标准电极。氢标准电极，下面的溶液中，氢离子的活度必须是1，上方通入的氢气要纯，压强必须是一个标准压强，电极材料用镀了铂黑的铂片。规定氢标准电极的电势为0V。 其它标准电极的电势的值，就用该标准电极与氢标准电极串连，测得的电势值就作为该标准电极的电势值。 例如，Cl2/Cl-的标准电极电势，测量时，先建立氯的标准电极。溶液中氯离子活度要是1，上方通入的氯气压强要是1个标准压强。将氯电极与氢电极串连，读数即可。 再强调一遍，只在标准活度和标准压强，没有标准温度。也就是说，任意一个温度下，都存在Cl2/Cl-的标准电极电势，而且其值不同。电极电势的测定国际上统一用标准氢电极（SHE）作为测量电极电势的标准。标准氢电极的组成为：H＋（1mol•L－1）│H2（100kPa），Pt如果测定某一电极的电极电势，可将待测电极与标准氢电极组成原电池标准氢电极 ║ 待测电极测定其电池的电动势，即是该电极的电极电势。计算原电池的电动势总是电极电势代数值较大的电对作为原电池的正极，而电极电势代数值较小的电对作为原电池的负极。原电池的电动势总是等于正极的电极电势与负极的电极电势的差值。E ＝j正极   －j负极</t>
  </si>
  <si>
    <t xml:space="preserve">这段时间特别累，喝红牛能好吗？ </t>
  </si>
  <si>
    <t>我每次感到疲惫或者劳累的时候就喝一罐红牛，整个人的感觉就立马不一样了，红牛能消除疲劳和调整人的情绪状态。</t>
  </si>
  <si>
    <t xml:space="preserve">2010春夏丝绸服装服饰博览会在哪开？ </t>
  </si>
  <si>
    <t>天津滨海国际会展中心你可以到凹凸会展网看看</t>
  </si>
  <si>
    <t xml:space="preserve">企业清算所得税处理包括的内容？ </t>
  </si>
  <si>
    <t xml:space="preserve">中华。会计网校快乐蓝精灵回复：（一）全部资产均应按可变现价值或交易价格，确认资产转让所得或损失； 　　（二）确认债权清理、债务清偿的所得或损失； 　　（三）改变持续经营核算原则，对预提或待摊性质的费用进行处理； 　　（四）依法弥补亏损，确定清算所得； 　　（五）计算并缴纳清算所得税； 　　（六）确定可向股东分配的剩余财产、应付股息等。 </t>
  </si>
  <si>
    <t>老公82年阴历正月22，早上9点我是84年阴历9.2711</t>
  </si>
  <si>
    <t>fenny（易学爱好者）暂时无法提供阳历2012年4月后领结婚证登记举行结婚（仪式）的黄道吉日 ，因为fenny还没有时间核对阳历2012年4月后领结婚证登记举行结婚（仪式）的吉日 。对不起。男方：阴历82（壬戌）年正月22，早上9点 女方：阴历84（甲子）年9.27,11-12点出生的结婚宴席在领结婚证登记举行结婚（仪式）之后，多在举行结婚（仪式）的当天。选举行结婚（仪式）的吉日时需注意，男女双方父母的属相不可以是“拜堂典礼、仪式”需避开的生肖！领证、宴客(结婚摆酒)和举行结婚仪式的吉日如下：领证和宴客(结婚摆酒)没有忌生肖，结婚仪式才有忌生肖。阳历2012年3～4月份除了下面的日子，没有你们可以领证和举行结婚仪式的日子。如果已经领了结婚证，就在下面的吉日中，选适合自己结婚（仪式）的黄道吉日。阳历2012年3～4月份适合两人领结婚证登记举行结婚（仪式）的黄道吉日：阳历2012年3月16日、4月11日或4月24日。分析如下：1、阳历2012年3月16日，农历（阴历）二月二十五（丁丑）日：丁丑日 和男方生肖五合；丁丑日是女方生肖的贵人；丁丑日和女方 生肖六合。“拜堂典礼、仪式”时不忌生肖。2、阳历2012年4月11日，农历（阴历）三月二十一（壬寅）日：壬寅日和男方生肖三合；壬寅日是女方生肖的禄。“拜堂典礼、仪式”时请生肖属猴的亲朋好友暂时避开。3、阳历2012年4月24日，农历（阴历）四月初四（乙卯）日：乙卯日是男方生肖的贵人；乙卯日和男方生肖六合；乙卯日的贵人是女方生肖。“拜堂典礼、仪式”时请生肖属鸡的亲朋好友暂时避开。阳历2012年3～4月份可以领结婚证和结婚，但对两人助益不大（无助无害）的日子：阳历2012年3月11日、3月15日、3月23日、3月29日、4月6日、4月9日或4月26日。1、阳历2012年3月11日，农历（阴历）二月十九（辛未）日。“拜堂典礼、仪式”时请生肖属牛的亲朋好友暂时避开。2、阳历2012年3月15日，农历（阴历）二月二十四（丙子）日 。“拜堂典礼、仪式”时请生肖属马的亲朋好友暂时避开。3、阳历2012年3月23日，农历（阴历）三月初二（癸未）日。“拜堂典礼、仪式”时请生肖属牛的亲朋好友暂时避开。4、阳历2012年3月29日，农历（阴历）三月初八（己丑）日 。“拜堂典礼、仪式”时请生肖属羊的亲朋好友暂时避开。5、阳历2012年4月6日，农历（阴历）三月十六（丁酉）日。“拜堂典礼、仪式”时请生肖属兔的亲朋好友暂时避开。6、阳历2012年4月9日，农历（阴历）三月十九（庚子）日 。“拜堂典礼、仪式” 时请生肖属马的亲朋好友暂时避开。7、阳历2012年4月26日，农历（阴历）四月初六（丁巳）日 。“拜堂典礼、仪式”时请生肖属猪的亲朋好友暂时避开。“拜堂典礼、仪式”指在女方家中拜别高堂（娘家父母）、拜高堂（婆家父母）、戴戒子、新娘奉茶…等。“拜堂典礼、仪式”举行后，就不忌生肖了。祝白头偕老，百年好合。因为爱问版面系统不让上传资料更改，如果对fenny（易学爱好者）答复后，还有其他疑问，请您重新到“演艺、、娱乐的运气与星座”的“风水”栏，向“易学爱好者”提问，并提供原始问题的“链接网址”，不要再复制fenny的答案，否则还是无法全文呈现，谢谢！</t>
  </si>
  <si>
    <t xml:space="preserve">幼儿强直性痉挛在成都如何治疗 </t>
  </si>
  <si>
    <t>引发痉挛的原因很多，在做上述处理的同时，应尽快到医院就诊，以免耽误治疗。1.注意围生期保健 保护胎儿和重生儿免受缺氧、产伤、感染等损害，尤应注意预防重生儿窒息和缺氧缺血性脑病。　　2.做好遗传咨询 对于引起癫痫的一些严重遗传性疾病，可进行遗传咨询，有的可进行产前诊断或重生儿筛查，以决定中止妊娠的必要性或早期进行治疗。　　3.积极预防小儿神经系统各种疾病 及时治疗，减小后遗症。　　4.积极防治高热惊厥 对婴幼儿时期的高热惊厥要给以足够重视，尽量防止惊厥发作;发作时应立即用药控制。　　5.预防生化代谢紊乱。家长要特别重视的是，在孩子开始服药时，应每2~3周去医院随访一次，以后每3~6个月复查一次。同时应密切注意药物的毒性表现，定期带孩子到医院检查肝肾功能和血常规，一旦发现异常，及时采取进一步的措施。</t>
  </si>
  <si>
    <t xml:space="preserve">匈奴和蒙古有什么关系匈奴的后人在哪里 </t>
  </si>
  <si>
    <t>匈奴和蒙古没有任何关系，只能够说蒙古人有可能一定程度上继承了匈奴血缘。匈奴和蒙古是生活在同一地区的不同时期的两个完全不同的民族。呼和浩特的昭君文化节只是利用了区域地理解住了匈奴文化在宣扬蒙古文化，不能因此将匈奴人和蒙古人混在一起。匈奴民族在东汉时期开始衰落，匈奴分成了两大部分：1、一部分匈奴人开始西迁，进入东欧，据说是匈牙利人的祖先，由文物中可以证明，世界上目前持出土了两件匈奴单于的王冠，一件出土于呼和浩特，另一件出土于匈牙利，我见过几两件文物的照片和仿制品，工艺差不多。2、另一部分留在草原，在两晋时期由于气候和鲜卑民族开始强大的两个原因开始南迁，越过秦长城，开始农耕生活，与汉族融合，成为现代汉族血统的来源之一，匈奴民族消失。蒙古族出现于唐朝中后期，在北宋时期开始强大，蒙古部落统一蒙古，并正式称作蒙古族并使用回纥字母创制了蒙文，直到今天。</t>
  </si>
  <si>
    <t xml:space="preserve">怎么会得尖锐湿疣 </t>
  </si>
  <si>
    <t>尖锐湿疣是由人乳头瘤病毒（HPV）感染所致的以肛门生殖器部位增生性损害为主要表现的性传播疾病。主要感染途径1.主要通过性接触传播。故本病在性关系紊乱的人群中易发生。2.间接接触传染：少部分患者可因接触病人使用过的物品传播而发病，如内衣、内裤、浴巾、澡盆、马桶圈等。3.母婴传播：分娩过程中通过产道传播而发生婴儿的喉乳头瘤病等。你好，尖锐湿疣不仅可以通过性传播，还有间接传播，比如不洁的内裤、公共澡堂里盆浴等，建议在确诊的情况下尽早去正规医院接受进一步诊治，防止因延误病情，错失最佳治愈时机。祝你健康！</t>
  </si>
  <si>
    <t xml:space="preserve">南方人说话听不懂，即使骂我我都不知道，有人说我吃亏，但我认为我听? </t>
  </si>
  <si>
    <t>其实他骂的话你听不懂也就不会生气，他反而白作功伤了自己的神。</t>
  </si>
  <si>
    <t xml:space="preserve">初入网络，见到MSN一词，有谁知道MSN是什么？请给我详细介绍一? </t>
  </si>
  <si>
    <t xml:space="preserve">MSN（Microsoft service Network），是由微软公司在1995年8月24日成立的因特网服务提供商，并随着Windows 95一起发布。MSN原来是一个类似CompuServe及AOL的收费服务，提供拨号上网及增值信息、聊天室等服务，但同时亦允许其它现有用户透过因特网来使用。后来互联网的普及化，使Microsoft将大部份原来要收费的项目，转变为免费的MSN入门网站，这是MSN的第二阶段生命。微软在收购Hotmail之后，不断将旗下的服务重新整合，特别是在它的.NET Passport认证技术成熟之后，MSN扩展了Hotmail、MSN Messenger和MSN Spaces服务，后者是一种博客服务。MSN门户也于近日登陆中国，并与北青报等多个内容提供商联合推出内容服务。 MSN是世界上第二大的因特网服务提供商，拥有着9百万的用户，仅次于AOL。 最近，人们经常把MSN Messenger简称为MSN，尽管这是不确切的说法。 MSN官方网站（英语）   MSN中国（简体中文）   MSN Messenger是微软公司推出的即时消息软件，凭借该软件自身的优秀的性能，目前在国内已经拥有了大量的用户群。使用MSN Messenger可以与他人进行文字聊天，语音对话，视频会议等即时交流，还可以通过此软件来查看联系人是否联机。MSN Messenger 界面简洁，易于使用，是与亲人、朋友、工作伙伴保持紧密联系的绝佳选择。新的MSN Messenger将带有面对家庭用户的各种各样的个性化选择。用户可以选择“我的MSN图片”作为自己的喜爱图片，这一图片显示起来就像在MSN浏览器8.0中的一样。用户还将可以看到MSN Messenger 6.0对Windows XP的互联网同步画面播出有着更加完善的支持，可以看到更多的游戏以及更重要的75种新的表情符号。用户可以在其中使用自己的表情符号，只是你的联系人的MSN Messenger上可能也需要有着相同的符号。利用MSN Messenger进行个人的即时通信和群体的群发这些功能将会保留在新的版本中。另外，MSN Messenger 6.0还会加入聊天背景，并可以保存聊天记录 </t>
  </si>
  <si>
    <t xml:space="preserve">合肥哪里可以治疗生殖器疱疹 </t>
  </si>
  <si>
    <t>很多非正规的医院都打着治疗费用低廉的幌子来骗取患者的信任，患者去治疗之后，病情没见好转，费用倒花出去不少。而且这样还耽误患者正常的治疗，加重患者的病情，令患者感到深恶痛绝。专家表示，患者在治疗生殖器疱疹时不要贪图小便宜，去正规医院治疗有保障。你好，选择一家好的生殖器疱疹医院，不仅仅要看城市，更要看医生的专业程度，医院技术水平，以及有没有适合您的治疗方法。如果治疗不当会导致病情反复复发、反复治疗，不但对您的身体没有好处，久而久之会对病体周围组织损伤极大，严重情况下更是存在致癌的风险。建议选择正规的医院。你好，选择一家好的生殖器疱疹医院，不仅仅要看城市，更要看医生的专业程度，医院技术水平，以及有没有适合您的治疗方法。如果治疗不当会导致病情反复复发、反复治疗，不但对您的身体没有好处，久而久之会对病体周围组织损伤极大，严重情况下更是存在致癌的风险。建议选择正规的医院。</t>
  </si>
  <si>
    <t xml:space="preserve">石狮哪里有宠物医院？哪里有给狗狗洗澡的？有电话吗？ </t>
  </si>
  <si>
    <t>宠物点就有些业余的兽医。在九二路西段有家比较好的宠物店希望对你有用哦石狮的步行街2层有2家，一个叫名士，一个忘了 都是宠物店，老板是医生，还有在狮城底下左边巷子有一家可能是石狮专业的，晋江陈村，车站方向 有一家不大，主要是为附近的狗看病福建石狮康美宠物医院 地址:福建石狮市子芳路北段951号中国动检大厦一楼北侧在石狮汽车总站，那边出口处向左走，那里有一家宠物医院，里面也可以给狗狗洗澡的，蛮不错的宠物医院在石狮康美宠物医院 地址；石狮市子芳路北段951号 电话号码；0595-88707098【{如果你觉得我的回答帮到你，记得点击“有用”哦！感谢就不用点击啦}】</t>
  </si>
  <si>
    <t xml:space="preserve">什么时候开始公测我想知道服务器什么时候可以开始公开测试 </t>
  </si>
  <si>
    <t>这种愚蠢的问题不要问易当，因为易当连服务器都养不起，你也不看看现在的服务器有多差劲？玩过网易时代的人都知道。易当算什么？能和人家比么？问公测时间还不如问倒闭时间</t>
  </si>
  <si>
    <t xml:space="preserve">我的博客在2007年12月7日上午全部失踪了，怎么回事？谁能给我? </t>
  </si>
  <si>
    <t xml:space="preserve">你好！不要着急！请参阅新浪博客下午的公告： 　　大家好！为给大家提供更优质稳定的服务，博客将于12月7日(周五)1:00--6: 00对数据库进行维护，届时，博客将暂停文章操作功能(发表，删除，修改)和评论发表功能。 　　1, 在调整之后，部分网友可能仍存在文章无法发表及修改、删除操作的情况； 　　2, 在调整之后，可能有些用户的文章暂时无法显示，或出现文章点击后显示被删除的提示，请大家不要着急，所有正常文章将会在稍后恢复； 　　出现以上两种情况的用户，预计在18:00左右恢复，造成诸多不便请大家谅解。如果当日18点后仍然有部分用户出现上述故障，请将链接地址提交到下方故障投诉入口中，我们会尽快在后台给大家紧急的临时处理。 故障提交入口:   现在还有很多朋友的博客未恢复，可能是系统维护还未完成，但我的博客已经恢复正常了，相信你的也会很快恢复！请进入故障提交入口将问题提交！ 阳光℡祝您愉快！多写出好文章！ 也祝你的博客早日恢复正常！ </t>
  </si>
  <si>
    <t xml:space="preserve">概率计算把3个不同的球任意投入3个不同的盒子内（每盒装球不限）， </t>
  </si>
  <si>
    <t>(1)P=3!/3^3=6/27=2/9 ,(2)P=C(3,2)*(2^3-2)/3^3=18/27=2/3C(3,2)表示3个盒子抽取2个盒子放入球2^3-2表示3个球放入盒子的所有排列减去2种使的有一个盒子为空的排列</t>
  </si>
  <si>
    <t xml:space="preserve">男友不同意分手，我们该不该继续我们好了四年了，可我们总是吵架，打 </t>
  </si>
  <si>
    <t>这是爱情并不是同情才要和他在一起。他有过一次动手就会有第2第3次的。你们现在亲情大于爱情，所以即使他在看不惯你的举动，他也不愿和你分开。从你这就不要总犹豫不决，如果真得想要分开就不要再理他。这样对于你们都是一种解脱。</t>
  </si>
  <si>
    <t>23期任九中奖单任九中奖单01德比郡(20)03</t>
  </si>
  <si>
    <t>博尔顿0利物浦3汉　堡3曼　联31</t>
  </si>
  <si>
    <t xml:space="preserve">看了金基德空房间两三次啦，还是不明白她讲什么。。。有没有好的评论? </t>
  </si>
  <si>
    <t xml:space="preserve">空房间 开放分类： 韩国、金基德、在熙、李成延 片名：空房间（英文名：3-iron） （又名：空房子，空屋，空屋情人）编剧/导演：金基德 Kim Ki-duk主演：李丞涓（译名：李成延）（Lee Seung-yeon） / 在熙 （Jae Hee）类型：生活/爱情  片长：88分钟 出品：金基德电影公司 / CINECLICK ASIA公司 / Happynet Pictures公司发行：青于蓝公司成绩：第61届威尼斯国际影展导演特别奖得主          在熙凭借电影《空房间》（空房子）于2004年第25次青龙电影男新人奖一...过年放假前，一个朋友请我吃火锅，在去饭店的路上。她向我推荐了两部电影，一部是《阿莫多瓦的不良教育》，另一部是金基德的《空房子》。她说这俩电影真不错，尤其是后者，男女主人公几乎没有对白，但故事设计得却特别好，只到结尾处，那个女人才说了两句话。一句是“我爱你”，另一句是“早餐做好了”。听她这么说，好像真的挺有意思。不过，一部主角是去年韩国慰安妇写真事件中被千夫所指的李成延演的电影，一部听说只拍了十三天就收工的电影，能有多好看呢？（问题就是非常好看）二 ........................................................................................................................其实，那个男人更像个城市里流浪的吉普赛人。骑着摩托，他游荡在陌生的街道上，在别人房门的钥匙孔上贴广告，然后第二天看是不是有人回来，如果广告还在那里没被撕掉，那就证明了它的主人不在。于是他会悄悄撬开门锁，打开电话答录机，听一下里面的留言，然后在这无人的房子里洗澡、做饭、睡觉。在其间他还会修理一下房间里的电器或者其它东西，与主人的相片一起合影。甚至还会帮那些不在的主人们洗洗衣服，他悉心地摆弄着房间里的一切，好像自己很快乐，又好像很替寂寞的屋子伤心。原来，他只是一个生活在寂寞地带的可怜小孩，可是他却兀自享受着那种不断追求的孤独。直到他遇见了她。在某一天，他进入了女人的屋子，他以为屋子里没人在，却不知道豪宅里有一双眼睛正在对他暗中窥视。那个女人像个古堡里被困的美丽公主。她的美好和她的心一样破碎，遍体鳞伤的躯体使她的眼神凄楚而又憔悴。她看着进入屋子里的他，看着他一声不吭地游走在屋子里，把坏掉的秤修好，把脏了的衣服洗干净，他把一切收拾得那么妥当，然后小心翼翼地走到摆着神像的花园，挥舞着球杆，一次次把高尔夫球击打出去。屋子里的人想逃出去，屋子外的人想躲进来。也许空房子暗喻的正是一种困惑与隔阂，拒绝与逃避。于是，她就那样毅然决然地选择了跟他走，好像一个与流浪歌手私奔的情人，好像一个奋不顾身的吻。不知道她是爱上了他的背影，还是爱上了他的沉默，又或者，只因为他曾给这房间带来过暖色。她跟着他走，默默地不说一句话。然后，他们在这城市里游荡着，在一间间无人的屋子里留下残屑与温情。奇怪的是那么多的屋子，竟然也带着主人的个性。如果主人生活得幸福而美好的屋子，他们开始享受的也是甜蜜。主人如果是拳击手，那么在屋子里他自然少不了吃拳头。主人如果是个懂得欣赏美丽的艺术家，那么，墙上挂着的却正是她的那副照片。电影里始终酝酿着一种寒冷中的温情。而两个沉默的人，也终于找到了一种对话的可能。他在空房子里照相留念的时候，她也凑了过去；他在洗手间，看到她正在帮他洗那些屋主的脏衣服；他被人打了，她拿着辛拉面，怜惜地送到他嘴边……男人更像是一个穿行在成人世界里的怪小孩，借着闯入一间间空房子而让自己的叛逆变得荒诞不经。可是这充满变数的世界却又怎能容许他把这游戏玩得持久？于是他们发现了一具尸体，他们按着悼别父亲的方式将那位孤独的老人埋进了土里，却误认为是杀人犯而被拘捕进了监狱。在拘禁室里，警察奇怪地问：你还有大学文凭，为什么还会闯入别人家里？电影里的男人始终一言不发，他只用眼神表达着他的冷，他的爱。眼神是那么清澈，却又那么透明。他没有辩解，也没有告白，连手语都没有。是太多的谎言让他已经焚心如灰，还是太多的回避使他这么沉闷？我在想，是什么让他和女人在喧哗的世界里，默不作声，甚至没有了最基本表达的权力。也许，那更多的代表的是一种放弃，当放弃了语言，也就意味着不能再去对这个世界有所要求。不必再和任何人有所沟通。当人们已经不需要面对面交流，把要说的东西通过电视、网络、报纸、电话传递的时候，当丈夫只会用暴力和金钱与妻子交易，当警察只会用拳头来掏出嫌疑人的口供，当同床的夫妻只剩下互相抱怨与猜疑，当一个老人默默地死在自己的屋子里，身边除了一只小狗，什么都没有。当这个貌似有序，并且畅通无阻的世界其实已经被无数的谎言与废话，隔阂与猜忌淤堵的时候。他选择斜睨着世界，只是击打着他的暴力高尔夫，似乎连呻吟一声都懒得。三 ........................................................................................................................她被当作让他拐走的女人，被送回了丈夫的身边。他被当作一个精神病，单独关进了一间牢房……如果说沉默代表着思想的回避，那么这一次他却要把身体也修炼成一个谜。他选择了存在于人们背后的另外180度的世界里，那是一个视线所不能及，只有第六感能察觉的世界，在那个世界里，他更安全，更宁静了。也只有那个爱他的人，才是惟一能看见他的人。于是他逃了出来，他回到了一间间曾经去过的房子，拾起了往日的回忆。电影就像是一部离奇而古怪的寓言，走进一间间空房子里，走进陌生人的房间。电影《阳光灿烂的日子》里有着类似的情节，他们似乎都是在寻找着自己在这个世界之外的生活。只是电影里的男人所有人走得都要远。甚至比《堕落天使》中的金城武还要沉默，金城武因为吃了过期的凤梨罐头而导致不能说话，可为了和他人交流，他不惜头破血流。而《空房子》里的男人在寻找空房子的过程里，却更像是在寻找一个可以完全和外界隔阂的空间。与其说他在不同的房子里漂泊，不如说他是在不同的房间里构筑一个完整的自我。可以说，电影里的他小心翼翼地收拾着空房子的一切，代表着他还对这世界心怀些许感激。可是当他彻底把身影埋藏在谁都看不见的世界里后，他却已经和这世界完全脱离了关系。也只有女人，才能在反射光线的镜子里看见微笑的他。直到最后，他终于回到了与她认识的那个房子，在她和她丈夫之间，近乎微妙地存在着。在那张餐桌上，他在她和男人之间更接近于透明。电影的结尾说：很难讲清楚我们生活的这个世界到底是真实还是梦境。导演给我们所有人编织了一个浪漫的梦境。无论什么，最后他和她到底还是紧密拥抱，站在那刻度为零的秤上。似乎象征着他们的沉默以及他们的灵肉真正结合在了一起。电影和金基德《坏小子》一样，都是以一个沉默而拥有神奇力量的男人为主题，他们甚至都拥有着死而复生的能力。可是这部电影却显然不像《坏小子》那样有着惊世骇俗的结尾以及全篇贯穿的邪性的压抑。这部《空房子》里更多的也许是一种人们所向往的东西，那是虽然沉默但是却恒久的温情，虽然流浪但是心无旁骛的安宁，虽然躲避但是却依旧袒露的心，虽然沉溺梦中却不愿醒来的清醒。 </t>
  </si>
  <si>
    <t xml:space="preserve">新生儿黄疸我的孩子出生第三天才发现有黄疸，一查血清高达310μm </t>
  </si>
  <si>
    <t xml:space="preserve">新生儿黄疸 无需急着断奶　　近年来由于国内对母乳性黄疸认识提高，加上大力提倡母乳喂养、开展母婴同室，纯母乳喂养率明显上升，母乳性黄疸的检出率明显增加。有临床统计发现，这类黄疸甚至可占到新生儿黄疸发生率的20%以上。　　专家提醒说，一旦新生儿血清胆红素高达256.5μmol/L(15mg/dl)以上时,最好停喂母乳改喝牛奶3～5天，如果发现胆红素下降50%以上，且排除了肝、脾异常并没贫血症状者，则基本可诊断为母乳性黄疸。虽然继续母乳喂养可引起小儿体内血清胆红素“反跳”，但一般不会超过原来的最高浓度，因此无需断奶。这类黄疸预后良好，会随着小儿月龄的增高逐渐消退，一般不会对日后的身体发育造成影响。　　　医学指导/广州药大学第一附属医院儿科教授许华　　宝宝黄疸持续一个月咋回事？　　小宝宝刚出生时肤色红润，月子里能喝能睡能长个，但在后半个月里肤色日见发黄。满月体检时发现血清胆红素竟高达338μmol/L，被通知必须住院做进一步的检查和治疗。医生将宝宝的眼睛遮住，并让他躺到一个蓝色的灯箱里。灯箱有一定的温度，宝宝眼睛看不见东西没有安全感，于是哭声不断。妈妈看在眼里痛在心里，三番两次求医生将宝宝抱出来歇会儿，喂口奶。但医生态度却十分坚决：如果想早点知道孩子的病因，只能暂时给喝葡萄糖水或牛奶，而且必须在灯箱里“住”够两三天。并建议妈妈将“发”出来的奶水挤掉，两三天内都不要给宝宝喂奶。　　好不容易挨过了三天，宝宝终于从蓝光箱里“释放”出来了，进一步检查发现，他的血清胆红素已下降到180μmol/L，而且肝脏和脾脏未发现异常，遂断定为母乳性黄疸，医院嘱焦急的妈妈将他接回家安心静养。可半个多月过去了，宝宝虽无其他不适症状，但皮肤仍有点发黄，妈妈放心不下：听说一般的生理性黄疸持续的时间只有几天，宝宝患黄疸都有一个多月了，到底是怎么回事？会不会影响到智力发育？是不是该重新检查一下？还需不需要暂时给孩子断奶，或者采取母乳和配方奶粉混合的喂养办法？ 　　新生儿黄疸与母乳喂养有关　　医生给宝宝抽血检查，发现他的血清胆红素达到205μmol/L，比半个多月前出院时升高了，但肝脾仍很正常，于是嘱妈妈每天让宝宝晒晒太阳，无需做进一步治疗，更无需断奶或过早进行混合喂养，耐心等其症状自然消退。妈妈将信将疑。　　对此，广州中医药大学第一附属医院儿科教授许华解释说：“由于新生儿胆红素产生相对较多，而初生时肝脏摄取、结合、排泄胆红素的能力不足成人的10%，因此极易出现黄疸。”　　许华指出，近年来国内由于对母乳性黄疸认识提高，加以大力提倡母乳喂养，开展母婴同室，纯母乳喂养率明显上升，随之母乳喂养性黄疸的发病率也明显增加。有临床统计发现，母乳性黄疸可占到新生儿黄疸发生率的20%以上。不过，导致新生儿母乳性黄疸的原因至今尚无明确结论。但以下两种观点都有一定道理：　　其一是与母乳中的某些未识别因子有关：有学者研究发现，母乳中含有某些未被识别的因子，这种因子通过母乳喂养进入新生儿体内后，可增加其肠道对胆红素的重新吸收，使其血液中的胆红素含量升高，从而出现黄疸。　　其二是与新生儿的肠肝循环特点有关：新生儿刚出生不久，肠道内正常的菌群尚未建立，不能及时将进入肠道中的胆红素转化为尿胆原和粪胆原排泄出去，这些未转化的胆红素可被肠壁重新吸收，并经肝门静脉送达肝脏，进一步加重肝的负担，造成黄疸。　母乳性黄疸持续2~3个月　　据许华介绍，可分为早发型及迟发型两种类型：早发型一般在出生后的两三天内出现，并在一个星期内达到“顶峰”，半个月后基本可以消退，也即与新生儿生理性黄疸的出现的时间及达到的峰值都较相似。迟发型常在出生后一个星期甚至是半个月后才出现，甚至常接着生理性黄疸之后发生，有的是在生理性黄疸的基础上进一步加重。而且，母乳性黄疸比一般生理性黄疸的持续时间比较长，有的长达2～3个月。　　“但无论是早发型或是迟发型的母乳性黄疸，一旦暂停母乳喂养3～5天后，查新生儿的血清胆红素值可有明显的下降。因此临床上常用这种排除法来做辅助性的判断。”许华指出，由于继续母乳喂养可使黄疸重新出现甚至加重，因此不少焦虑的家长也会担心孩子是否有肝炎或溶血问题。这时就应该查查肝和脾以进一步确诊。一般来说，出现母乳性黄疸的新生儿身体其他情况都良好，能吃能睡而且体重增加也很正常，而且其他肝功能正常，肝和脾都没增大迹象，查血象也没贫血症状。而患肝炎的小儿除黄疸外还伴有厌食、呕吐及明显的肝功能异常等，患溶血病的小儿病情一般较重，除了黄疸外还有贫血、肝脾大等症状。　　应对：　　照蓝光晒太阳 　　母乳喂养无需停　　1.光疗：蓝光能使血清胆红素下降　　许华建议，对于已经确诊的母乳性黄疸足月儿，如果血清胆红素实在太高，超过220μmol/L的绝对峰值，可先通过光疗把峰值降下来。　　“研究发现，波长425～475nm的蓝光下能使血清胆红素下降。经这种光线照射后，胆红素会被转化并通过尿和胆汁排出体外。”许华特别提醒说，患儿置于光箱前应用黑眼罩(纱布裹黑纸)遮盖双目，每小时改变一次体位以增加光照面积，并要注意给小儿补充水分以防脱水。一般应连续照24小时，或间隔照10小时，歇半天后再继续照，疗程为两到三天。　　而症状不太严重的小儿，每天多晒晒太阳也可以退黄，因为阳光中也有蓝光存在。但晒太阳时不能隔着玻璃，要暴露在日光下，如果温度超过30℃，可考虑让小儿裸体晒，让皮肤尽情接触日光中的蓝光，但要注意遮住眼睛。　　2. 药治：服用绵茵陈汤助退黄　　临床上常用茵栀黄注射液来退小儿的黄疸症状，但日前因山西某公司生产的茵栀黄注射液致一名新生儿死亡，所以有医院为慎重起见，建议让小儿改服茵栀黄口服液、茵栀黄颗粒或煲绵茵陈汤。不过专家认为，茵栀黄注射液是已用了30多年的老药，疗效得到公认，这次事故是药品质量出了问题，配方应没问题。　　3.喂养：母乳喂养应少量多次　　另外，针对妈妈们关心的是否应该减少甚至停止母乳喂养的问题，许华认为，虽然停喂母乳后黄疸会明显消退，但母乳为小婴儿最理想的食品，还是不要随便断掉奶，也无需过早采取母乳和配方奶粉混合的喂养方法。除非血清胆红素的值实在太高，才建议暂停母乳喂养三五天。　　在此期间，妈妈应用吸奶器将乳汁吸出，以保持乳汁的充分分泌，待小儿黄疸减轻后仍应继续哺乳。此后，即使症状出现反复，也不主张多次断奶，但可适当考虑改变喂养方式，如：改用多次少量的母乳喂养法，并适当给孩子多喝点水。一般来说，随着小儿的月龄增高，母乳性的黄疸可逐渐消退，且不会对婴儿的健康发育造成大的影响。　 </t>
  </si>
  <si>
    <t xml:space="preserve">我的电脑有以下毛病，长时间解决不了啊！请高手指教！开机后显示，W </t>
  </si>
  <si>
    <t>很像中了病毒， 按个杀毒软件杀杀.金山有那种25天试用版的.</t>
  </si>
  <si>
    <t xml:space="preserve">全自动洗衣机不脱水我使用的小天鹅的小小全自动洗衣机,有五六年.以 </t>
  </si>
  <si>
    <t>可查一下是否有如下原因：打开洗衣机后档板，可发现一根与洗衣桶连接，直径约6mm的乳胶管,是用夹子夹紧连接的，使用时间长了，乳胶管老化或脱落造成漏气，洗衣机就无法脱水。换根新管子或设法修好不漏气即可。</t>
  </si>
  <si>
    <t xml:space="preserve">潜水员在水下呼吸方法？潜水员在水下呼吸，都需要什么气体？他们的比 </t>
  </si>
  <si>
    <t>没设备没法收集，因为空气中混杂着氧气和氮气等等，不用装置，是不可能手动收集到的</t>
  </si>
  <si>
    <t xml:space="preserve">请问“老”字的由来？为什么叫自己的爱人叫老公或老婆？有什么意思？ </t>
  </si>
  <si>
    <t>几千年来，中国社会一直延续着农业社会和宗法社会，农业社会和宗法社会的传统根深蒂固，以致于在现代社会仍然大行其道。农业社会的特点，就是注重经验，一个人年龄越大，也就经历的农业劳动越多，生产经验也就越丰富，所以过去在中国农村“老把势”之类的“老者”，很受人们尊敬。宗法社会的特点，就是注重血源关系和伦理关系，也就是崇拜祖先、尊重长者，长者也是老者。所以说，在中国人的传统观念中，“老者”一向受到社会的尊敬。也正因为如此，“老”成为一个敬词，无论什么名词，前面加上个“老”字，也就多了一层“受人尊敬”的含义，如“老王”、“老李”、“老师”、“老板”、“老师傅”、“老东家”、“老奶奶”、“老爷爷”等等等等。即使是“老鼠”、“老虎”等不太好听的词，也包含着“无可奈何，敬而远之”的意思。如此，就不难理解“老公”、“老婆”、“老妈”、“老姐”、“老哥”、“老弟”、“老舅”、“老姨”之类称呼的意思了。</t>
  </si>
  <si>
    <t xml:space="preserve">怎么安装USB3.0的驱动？我这电脑自带吗？ </t>
  </si>
  <si>
    <t>xp系统不原生支持USB3.0,需额外安装驱动，而且主板有支持USB3.0硬件及接口，必须插入USB3.0接口的硬件才需要USB3.0驱动，一般买的设备可以到官网下载驱动</t>
  </si>
  <si>
    <t xml:space="preserve">为什吗记事本文件打开后没有内容？为什吗我的记事本文件打开后没有内 </t>
  </si>
  <si>
    <t>这种情况说明记事本打开的文件太大，或者根本不是记事本类型的文件，文件也很大。所以此类文件，用记事本打开会比较耗时，你耐心等下去，最终会有文件内容出来，或者记事本崩溃掉这种结局。而且，当记事本正在读取数据过程中时，你强制执行关闭操作，当然会显示无响应。不过，你如果在任务管理器中结束记事本进程，是非常快的，记事本是没有机会显示无响应的。而你所说的其它打开方式没事，肯定用的是比记事本更加强大的专业编辑软件了！</t>
  </si>
  <si>
    <t xml:space="preserve">偶找师傅！~~~~偶是奇门遁甲的偶想找个对偶好的师傅 </t>
  </si>
  <si>
    <t>哈哈我是奇门的，我做你师傅把……</t>
  </si>
  <si>
    <t xml:space="preserve">求人的时候伤到人要受罚吗？有一个小孩子被他爸爸放在阳台上面坐着， </t>
  </si>
  <si>
    <t xml:space="preserve">不会的。因为，这是法律规定的“紧急避险”行为。接住孩子是义举，造成点小伤是意外情况，总比孩子掉下去结果要轻吧！法律依据：《民法通则》最高法院相关解释……１５６．因紧急避险造成他人损失的，如果险情是由自然原因引起，行为人采取的措施又无不当，则行为人不承担民事责任。受害人要求补偿的，可以责令受益人适当补偿。 </t>
  </si>
  <si>
    <t xml:space="preserve">急.急.急.大侠进(2)听了大侠的指点.虚拟内存我挑到3000. </t>
  </si>
  <si>
    <t>上面的提示说找不到你的游戏文件,建议你重新安装一遍游戏程序.</t>
  </si>
  <si>
    <t xml:space="preserve">帮忙整一篇组织行为学的论文题目如下谢谢帮忙整一篇组织行为学的论文 </t>
  </si>
  <si>
    <t>与人相处与竞争制胜市场和竞争让每个人都感到了生存和工作的压力，农耕文明和计划体制形成的人际规则，也正被属于市场经济的新型人际关系所替代。转型期的人们如何适应人际关系的新变化？新型的人际关系准则是什么样的？　 　　有几个志同道合的人，创造了一种体验，让现代人在野外的游戏中，结合自己的工作和生活，感悟与现代社会竞争关系相适应的、发展型的人际关系。近日，记者采访了负责培训的赵伟先生，并到广州培训基地亲历了这种体验式游戏的惊险，也感受了参训者在游戏后对新型人际关系的认识。 　　竞争社会需要宽容，需要换位思考 　　竞争社会的工作节奏明显加快，对工作能力的要求也不断提高。人们对自己的要求会提高，对别人的要求可能会更高。而这一“更高”往往会给人与人之间的关系带来紧张甚至矛盾——这时，宽容和换位思维就显示出一个人的协调性，它甚至会成为影响个人和企业发展的重要因素。 　　李小姐从５米高的“空中断桥”上走下来后对记者说：“在地上时，看见别的同事站在空中的桥上半天不敢跨过去，心里很不以为然。不就是１．３米的跨度吗？竟然还需要下面的人不断喊口号、不断给他掌声鼓励才能跳过去。但当自己亲身走过之后才知道，在空中的感觉和在地面是完全不一样的。在地面的人很难理解在空中跨出那１．３米要战胜多少困难。 　　工作中同事间的相处也是这样。我们都很善于对别人的工作品头论足；对他人的成绩不以为然，而对其过错却非常苛求：‘那是一个弱智的错误，是挂在很多人口头的话。这种方式，既不利于工作，也不利于团结，而且如果每个同事都持这种思维方式的话，工作环境就会变得很压抑。” 　　对此，李小姐体会殊深。她曾因同事和上级让她感到委屈而离开，她曾服务的这家企业的业绩也一直在下滑。“这件事使我对同事多了戒备心理，也对别人更挑剔。走过‘空中断桥’后，我就想，如果当时我们同事间、老板与员工间都懂得站在对方的位置去判断是非，都懂得互相体谅、宽容，那么，结果可能就不是这样。” 　　游戏：空中断桥——在离地８米高的空中，架设了Ａ、Ｂ两块木板，木板间距１．２米至１．９米，受训学员要从Ａ木板跨越至Ｂ木板。 　　竞争社会更需要信任，需要掌声和鼓励 　　陈小姐在一天的游戏中表现相当突出。“最初登上８米高空的断桥时，我真有些害怕。这时培训师及时地指导我行动，队友们也喊着我的名字和口号激励我，我是在掌声中跨过断桥的。接下来在‘登天梯’训练中，大家都推选我做第一组成员，要我给大家做个好榜样。这个信任更给了我胆量和自信。游戏让我知道别人的信任和掌声的重要性，而在现实工作、生活中，别人对我的信任度以及我对别人的信任度都不够高，我给别人的掌声和别人给我的掌声也都不够响亮。也许，从此我会习惯给我身边的人多些信任和掌声的。” 　　翟先生是一个民企老总，他在做“背摔”训练失败后，与培训师交流：“我之所以不能按要求直挺挺地从１．６米的高台上倒下来落到大家用手腕组成的软垫上，是因为我心里担心自己这么重的身体，倒下后队员会不会突然害怕我的重量而纷纷把手腕撤了？我做这个游戏失败的原因也许和我的企业目前出现困境的原因有些相似：我比较多疑，不太信任人。 　　二十年前，我从手工作坊开始，把企业做到今天有上千人的规模。但我自己对企业的管理却有点力不从心了。所以，从前年开始我就高薪聘请总经理，这两年总经理换了三个，但频繁的换人并没有让企业起色；我分析了一下自己换人都有一个共同点：经理人都抱怨说在我这里得不到充分的信任。这个游戏的感悟，可能会对我的企业有些帮助。” 　　游戏：背摔——要求小组成员依次从１．６米的平台上，直身向后倒去，小组其它成员则依次排在一起，伸出双腕做成软垫在平台下接住倒下来的团员。 　　竞争社会更需要安全感和归宿感 　　竞争中冰冷的一面，总是让人感到残酷。现实生活中，员工们感受到的大多是冷冰冰的各种考核指标，而原有的集体温暖，原有的可资寄托的归宿感和安全感在渐渐消失。 　　但一个团队的竞争力恰恰来自于每一个成员的积极努力，一个感受不到“安全”和“归宿”的团队，其竞争力必然要大打折扣。从事多年拓展训练的赵教授说，拓展训练的一个目的，就是要在训练中让学员意识到：一个给全体成员“归宿感”的团队，才是有竞争力的团队。　　有一位从事证券工作的领导，与他的员工们一起参加“登天梯”的训练：他与合作者从地面开始，他先踩着伙伴的肩膀爬上第一根悬在空中的木桩后，再将伙伴拉上横木桩，如此爬向第二个、第三个……当他们最终上到１２米的高空下来后，他感慨地说：“我之所以有今天这么高的位置，是因为有人让我站在他的肩膀上。如果我爬上第一个阶梯后就抛弃了‘让我踩肩膀的人’，那就不可能再往上爬；而旁边那些为我拉着‘保护绳’的人，也会从第一个人的遭遇中对自己的‘未来安全’和‘归宿’感到担心。一个‘高高在上’的人的举止，会对‘下面的人’产生直接的感情影响，最终影响团队精神。” 　　自己的经历，让这位领导决定：单位的处级干部都来参加这个项目的培训。他要让他的下属都明白，做领导的要学会让下级感到有团队在，就有他们的利益在，就有他们的安全在。只有团队中人人一起进步，才有自己的真正进步，这样的团队才可能在市场竞争中立于不败之地。 　　游戏：登天梯——六根直径大约２０厘米的木桩成梯状悬于１２米的高空，小组成员被随机分成２人一组，相互配合共同向上攀。而在天梯旁，团队成员从左右两边为登梯者拉着“保护绳”。　　刚完成“过电网”游戏的王小姐从游戏中感受到的是领导和同事间的温暖。“最初我感觉让男同事抬着我‘过电网’，心里有障碍。但我在一旁看着大家专心致志地把每一个人安全送过了“电网”，而且我还看到我们的老总总是站在电网旁不停地忙乎，连‘过电网’人头发丝这么小的细节都注意到了。我就想，参加这个游戏除了能感到安全外，还能体验到一种温暖，一种被老总爱护的温暖。” 　　做完这个游戏，以前老跳槽的王小姐发现，自己能在这家公司一呆五年不走，就是因为在这个团队里感情上有安全感，领导懂得怎样从根本上关心员工——放手让大家大胆工作，同时为大家解决工作中出现的疏忽和漏洞。 　　游戏：过电网——一张由很多小洞组成的网挂在空地上，团队成员要自己想办法，让每一个成员选择一个不同的洞穿过去，身体的任何部份都不能触到网。 　　 竞争社会更需要充分沟通 　　人际矛盾的原因，大多可追溯到“沟通不畅”上来。谢培训师告诉记者，忙碌的现代人相互间的沟通已成了一个不小的问题。 　　他讲了一个故事：广东某市有家名牌小学是由两个小学合并而成的，这两所小学的教师各有自己的特点和长处，但两校合并后由于彼此间沟通不畅，双方产生了误解。校领导为了让这些教师自己悟出沟通的重要性并学会沟通，让教师们参加了一个叫“罐头鞋”的体验游戏。游戏中，几个人一起站在由三个铁筒支撑的两块活动木板上，不许离开，在规定的时间内将铁筒移至前方目标。游戏开始后，怎么做成了大家争论的焦点：有的老师认为要讨论清楚每一步怎么做后再行动，而有的老师却认为应边行动边找方法，最后这个游戏他们做失败了。 　　事后，老师们一致认为失败的原因在于行动前意见不一，行动中配合不好。最后，谢培训师总结引导说，大家在争论一个问题时，没有绝对的“对”“错”之分，但每个人都要重视对方，沟通时要特别注意自己的态度，沟通态度端正了，彼此间才愿意真诚倾听对方的意见，才能取得沟通的效果。</t>
  </si>
  <si>
    <t xml:space="preserve">清泉老师,看好以下股,哪只更好?谢谢!000562/000825? </t>
  </si>
  <si>
    <t xml:space="preserve">000570 600678 </t>
  </si>
  <si>
    <t xml:space="preserve">银行承兑汇票此票据的到期日指什么?只有到期了此款项才可以入账吗? </t>
  </si>
  <si>
    <t>承兑贴现随时都可以/到期日,票据下面有提示的.如果不贴现的话,就是到期前几日,去票据行,要求入帐</t>
  </si>
  <si>
    <t xml:space="preserve">瑞思少儿英语教的好么？？怎么样？瑞思少儿英语教的好么？？怎么样？ </t>
  </si>
  <si>
    <t>瑞思全名不叫瑞思少儿英语，应该是瑞思学科英语，我去咨询的时候那的老师特意和我强调的，主要是让孩子用英语学习各种专业的、语文等等各种知识的，就和我们小时候上学学的一样，只不过是全部英文授课，我主要觉得他家教学理念挺好的，像我老公是外语专业毕业的，口语很好，完全可以和我家宝贝对话了，但是专业的词汇量就不行，他表示听听懂都勉强，别说对话了，我看瑞思还比较靠谱，环境什么的，打算先报一年试试，效果好的话继续读。真的不错，身边好多朋友孩子都在那学习，首先性格方面就开朗活泼自信了好多。瑞思少儿英语很好，除了师资、价格、环境、班级人数、学习内容以及教学方法等常规的考量外，建议家长给孩子选择暑假英语培训课程，一定要从两方面来选择：一是家长要考虑自己的时间和工作，选择轻松高效的学习方式。如果工作繁忙，还要来回接送，路途时间长，等待孩子们上下课无事可做等等因素都应该有所考虑，不然孩子辛苦家长也辛苦，长时间下来一家人都会很辛苦。二是家长要考虑孩子的学英语的可持续恶性和学习习惯的培养。可持续性就应该考虑孩子报了一个班后下一个班应该学什么。而少儿时期培养良好的学习习惯很重要，此后学习任何事情都根据这个习惯来养成。诚心为您回答，希望可以帮助到您，赠人玫瑰，手有余香，好人一生平安，如若对回答满意，给个好评吧O(∩_∩)O~</t>
  </si>
  <si>
    <t xml:space="preserve">有子宫肌瘤的人到底应不应该喝蜂皇浆?又说蜂皇浆能抵抗肌瘤和癌得增 </t>
  </si>
  <si>
    <t>喝不喝，与子宫肌瘤都没关系。</t>
  </si>
  <si>
    <t xml:space="preserve">1.大家怎样看二婚的男人2.他们对待下一段感情会是如何呢?3.假 </t>
  </si>
  <si>
    <t>因人而异吧不过我是这么认为的二婚的人因为经历了一段,所以有些人会更珍惜下一次的感情,因为他们被爱伤害过,所以他们很勇敢,冒着再一次将被伤害的可能进行下一段的感情,他们也需要勇气的因为爱走到一起,其实爱到最后只剩下了责任感,所以就该多对这个人了解一段时间再说,不要被眼前的东西蒙蔽了哦,不要因为28了就急着结婚这样不好,我相信一个有责任感的人,一定能陪你走到最后,结婚只是一个形式,重要的是你们是不是有走到最后的决心和他对爱的责任心各方面的阻力,爱你的朋友,关心你的父母,和许多想知道你过的好否的人,重要的不是有多少阻力而是你们有多少努力战胜这个阻力的决心女性的心思很细腻,会有很多想法,可是我希望真的爱一个人就要坚定,在没了解之前不要操过急哦,一切从自身利益出发,毕竟以后要过一辈子的人是你,一定要三思而后行,女人一定要对自己好男性的心态很难说,为什么呢，我不想动摇你的任何想法,可是希望给个建议,一,反正离婚过也不在乎什么了,急着找个伴侣吧,总之目的性更明确了,不会像第一段感情是因为爱更多一点吧,更成熟的看待你们之间的感情了</t>
  </si>
  <si>
    <t xml:space="preserve">关于photoshopCS2的操作有谁能帮我汇总一下在制作pho </t>
  </si>
  <si>
    <t>看一遍帮助吧。或者，弄张图片肆意修改。</t>
  </si>
  <si>
    <t xml:space="preserve">这是什么型号的战斗机?哪国拥有,它的来历如何? </t>
  </si>
  <si>
    <t>型号:MG-21产地:前苏联现在所属:美国空军假想敌中队(是美国空军的陪练)由来:该飞机原是一架伊拉克空军的战斗机,后叛逃至以色列,再经由以色列转     到了美国人手里.</t>
  </si>
  <si>
    <t xml:space="preserve">002087业绩良好，但是纺织行业受出口影响最大，后市如何操作？ </t>
  </si>
  <si>
    <t>有走出底部的可能，可以考虑补仓，3.5元以上持有，4元附近高抛。</t>
  </si>
  <si>
    <t xml:space="preserve">药物治疗癫痫的注意事项有哪些？ </t>
  </si>
  <si>
    <t>药物治疗癫痫的注意事项：由于癫痫是慢性病，药物治疗的患者需要长期按疗程服药，这是药物治愈癫痫的首要原则。个人因素对癫痫的治疗也起着很重要的作用，如果一个人不能坚持规律服药，间断服药的危害可能比不服药更大。癫痫的诊断必须明确，对可疑的病例不能应用抗癫痫药物治疗。长期用药的毒副作用应考虑在内。对存在促发因素的癫痫，在没有消除促发因素之前就迫不及待用药，如低血糖、糖尿病、酗酒或一些药物及环境因素引起的癫痫，用药效果差。临床上许多医生在诊断为癫痫后，不做任何影像学的检查就不顾后果地用药，导致许多不适合长期用药的病人长期服药。所以需要估计反复发作的机会和抗癫痫治疗改善这些机会的程度，只有当这种发作反复的危险性超过药物在医学及社会心理上的危险性时，用药才是合理的。</t>
  </si>
  <si>
    <t xml:space="preserve">爱你没商量。（成语一） </t>
  </si>
  <si>
    <t>情有独钟</t>
  </si>
  <si>
    <t xml:space="preserve">9年级数学方程解答题如图所示那还是来点过程把尽快啊没时间咯 </t>
  </si>
  <si>
    <t>13.（a1+b1)(a1+b2)=(a2+b1)(a2+b2)=1=&gt;a1^2-a2^2=-(a1-a2)(b1+b2)a2=-a1-b1-b2a1=-a2-b1-b2(a1+b1)(a2+b2)=(a1+b1)(-a1-b1-b2+b2)=-(a1+b1)(a1+b2)=-1(a1+b2)(a2+b2)=(-a2-b1-b2+b2)(a2+b2)=-(a2+b1)(a2+b2)=-1.x=[-b±√(b^2-4ac)]/2ax^2-3x+m=0x=[3±√(9-4m)]/2x1=[3+√(9-4m)]/2,x2=[3-√(9-4m)]/2x^2+3x-m=0x=-[3±√(9+4m)]/2x1=[-3+√(9+4m)]/2,x2=[-3-√(9+4m)]/2当a1=[3+√(9-4m)]/2，-a1=[-3-√(9-4m)]/2=[-3+√(9+4m)]/2,=&gt;m=9/4,a1=3;或：-a1=-3-[√(9-4m)]/2=-3-[√(9+4m)]/2,=&gt;m=0,a1=3当a2=[3-√(9-4m)]/2，-a2=[-3+√(9-4m)]/2=[-3+√(9+4m)]/2,=&gt;m=0,a2=0或：-a2=-3+[√(9-4m)]/2=-3-[√(9+4m)]/2,=&gt;m=9/4,a2=3;所以a=3或0。</t>
  </si>
  <si>
    <t xml:space="preserve">寻找呼和浩特市的真三玩家网一CC！ </t>
  </si>
  <si>
    <t>我是包头的，不是很远吧？哈哈!不过我是LB得</t>
  </si>
  <si>
    <t xml:space="preserve">封印加点问~~~在2中的封印真的只能用魔法,不能加攻击了吗??? </t>
  </si>
  <si>
    <t>恩  目前来看是这样因为加力量会加物攻和魔攻，要是加力量的话攻击和魔法都有很大的杀伤 怎么削宝宝的血啊所以只能加智力了。。。</t>
  </si>
  <si>
    <t xml:space="preserve">怎么才能把牙齿由黄变白？ </t>
  </si>
  <si>
    <t>到口腔科洗牙是最立竿见影的，还有坚持刷牙</t>
  </si>
  <si>
    <t xml:space="preserve">那位给发张鸡头米的照片？谢谢了， </t>
  </si>
  <si>
    <t>鸡头米，与鸡无关，是水生作物芡实的别称。由于芡实果实上花萼退化的部分形如鸡喙，所以大家就给了它“鸡头米”这个亲切也贴切的俗名。</t>
  </si>
  <si>
    <t xml:space="preserve">我最喜欢老令公（四字常言）休息天，发几条老谜乐一乐，大家周末愉快 </t>
  </si>
  <si>
    <t>业余爱好</t>
  </si>
  <si>
    <t xml:space="preserve">我是不是中签了？1）上次申购的景兴纸业，我的交易系统上显示我的配 </t>
  </si>
  <si>
    <t>今天现在还不知道中了没有，到明天查账户余额就知道了，或者今天晚些时候（八点左右查资金余额也可能知道）什么时候上市请留意新浪---财经---新股或者WWW.STOCKSTAR.COM</t>
  </si>
  <si>
    <t xml:space="preserve">济南广电宽带网的总出口是租用的谁的？如题，他的速度如何，稳定吗？ </t>
  </si>
  <si>
    <t xml:space="preserve">济南广电宽带简介      济南广电宽带网络于1999年开始建设，投资方为济南市广播电视局，注册资金1.2亿元人民币。主要经营广电宽带综合业务网，为用户提供各类数据接入服务、Internet服务和信息服务及有线电视网络增值业务，拥有覆盖济南市各区县的ATM及IP两个骨干宽带网络平台和新视听信息服务平台（网站）。     广电网以覆盖济南市各区县的光纤网络为基础，采用先进的ATM 155/622M和千兆IP技术作为骨干传输，为客户提供优质、高速、安全、经济的电信级宽带网络服务。    公司主要业务：     l、专网互连 为用户提供基于ATM公用网络的虚拟专用网络，可以兼容不同的用户协议，如帧中继、电路仿真、ATM等等。安全性高，速度快，主要用于行业和企事业单位专用数据的传输。     2、Internet专线接入 专线接入Chinanet出口节点。速度快，光缆线路稳定可靠，并可为用户提供各项网上信息服务和技术支持。     3、宽带IP网 10M或100M到桌面，骨干传输速度为1000M，骨干容量大于100G，速度快，安装简易，用户可以充分享受到宽带服务，如具有广电特色的影视点播，音乐欣赏，高速浏览，网上证券、互动节目等。     4、网站业务 主要有虚拟主机、服务器托管、域名注册、网站建设与规划、网上业务技术支持与合作等。 济南广电宽带网面向本地业务，同时依托广电系统的全国干线网络积极与其他ISP开展业务合作，是全国广电系统比较有影响的网络之一。目前已经开展了与省内与国内数家运营商的合作，内容包括长途数据业务，IP VPN，IDC，IP 语音等，且合作内容和深度不断扩大。     公司成立至今，已经为济南市数百个单位、小区、酒店提供了Internet接入及互联业务，涉及到党政、金融、财税、保险、信息产业等各行各业和几万个家庭，成为济南市信息化建设的重要推动力量。 </t>
  </si>
  <si>
    <t xml:space="preserve">肛瘘术后怎么办我一周前做了肛瘘手术，肛门切了个大口口，去医院复查 </t>
  </si>
  <si>
    <t>正常切口痊愈，在正常换药的情况下需要一个月，而且前提是肛瘘内口准确切除，而且您的手术是否挂线？我们一般都需要住院治疗的</t>
  </si>
  <si>
    <t xml:space="preserve">请问数据结构该怎么复习？ </t>
  </si>
  <si>
    <t>学好数据结构最重要的是对方式和程序语言概念和实现的理解int i;int i[];struct i{};ADT i{};到底有什么区别，这就是程序设计语言实现的问题了。定义了一种数据类型就是定义了一类操作int i,j;i=j+1;这样的操作在语言本身中实现了，也就是说你不需要关心这样的操作程序语言是如何完成的，所以int就是基本数据类型抽象了基本数据类型的就是数据结构。当你定义了ADT P{}；的时候，比如如果P是链表，这就要你去实现它各种的操作。而且P能够完成的所有操作都必须由你去实现，而你实现得基础就是这些char int float *p...基本数据类型。这就是抽象数据类型。当你把类型定义完成后，剩下的就是算法去完成程序流程的控制。所以：数据结构+算法=程序还想说点的是，设计思想，程序设计语言，和数据结构，始终是促进计算机软件科学发展的最大动力。一般来说都是思想先与语言，然后出现支持这种思想和包含这样思想的数据类型的语言实现。具体说：面向机器编程 机器语言，汇编语言面向过程编程 C。。。。语言面向对象编程 JAVA C++当然思想毕竟只是思想，你可以用不同的语言实现。但必须说明的是只能用一个层面上的语言实现。比如，机器语言，由于其语言本身抽象层很低，低到了就像给一个对象赋值的操作也要程序员进行位操作。而，C语言本身就支持了这样的操作 int i,j; i=9... 所以想用机器语言完成面向过程的编程几乎不可能，因为在语言实现这个层面上，它不支持。为什么说C也可以进面向对象的编程呢？关键就在C很好的支持ADT了。他可以用复杂了ADT去代替C++中已经变成基本数据类型的CLASS，但是正是因为要用C完成OO，必须程序员来实现（定义ADT）。所以说，C不适合开发OO软件。而C++却恰恰把CLASS定义成了一个基本类型，这样就完成了OO这一个层次的抽象。当然由于C++是C的超集，他同样是完全支持面向过程的。</t>
  </si>
  <si>
    <t xml:space="preserve">小儿发烧小儿前天开始流鼻涕，咳嗽，低烧，到医院化验血常规，都是正 </t>
  </si>
  <si>
    <t>您好，根据您的描述，建议您可以采取物理降温方式（温水中不要加酒精）全身擦浴，这样可以使宝宝感到舒适。宝宝发热时，要给宝宝多喝水，不要穿太多衣服。烧退后，要注意防寒保暖。这种情况可能会反反复复，需要耐心治疗。要给宝宝勤测体温。如果症状不改善，要及时去医院就诊。</t>
  </si>
  <si>
    <t xml:space="preserve">期货手续费最新标准期货手续费各品种最新执行标准是多少？ </t>
  </si>
  <si>
    <t>《期货交易管理暂行条例》中规定的经纪公司手续费收取标准已名存实亡。手续费大战使本不景气的期货公司元气大伤。中国证监会有关部门的负责人日前表示，原有标准已不适应市场情况，今后手续费如何收取将充分征询行业和中国期货业协会的意见。 　　今年上半年期货交易量比去年同期扩大了一倍，但经纪公司为吸引客户争相降低手续费标准，导致的结果是交易量扩大却不见利润。几乎所有的期货公司都面临着这样的问题。格林期货大连部经理马志敏介绍说去年每手大豆的手续费还能收到７、８元，现在只能收到６元，除去交给交易所的４元，每单和约经纪公司只能收到２元。 　　目前期货公司的业务单一，所提供的服务大同小异，手续费的高低自然是客户选择经纪公司的主要条件。《期货交易管理暂行条例》中规定了经纪公司手续费收取的标准应该是交易所收取标准的３倍，据有关监管人士介绍，制订３倍的标准初衷是为了保护良好的市场环境，但从实践来讲，这一标准不够，也不适应各地的情况，执行得很差。交易所所在地基本上没有遵守这个标准，经纪公司更是将标准抛在脑后。 　　渤海期货总经理孙彤感叹手续费现在已降无可降。为什么降无可降还在降？手续费收入不够维持交易成本，６０％的期货公司亏损，“如果别人的手续费下降你不降，客户马上就流失了。领跌的一家期货公司老总解释说：“我们也不想降低，但其他公司抢我的客户，一个客户走了，对公司损失很大，我们不想去冒这个险。哪怕只收１元，总比没有好。”去年大连商品交易所搞了一个返还手续费，但是是按月的，客户一听说，又要求经纪公司降手续费，此处不降自有降处。与其等别人先降拉走自己的客户还不如自己先降，经纪公司也是被逼无奈。 　　有人呼吁交易所降低手续费收取标准，譬如现在交易所收４元，经纪公司收６块，以后交易所降为２元，经纪公司便可多得２元。但协会负责人认为，目前的问题不是交易所手续费太高，而是经纪公司之间的恶性竞争问题。交易所降了２元，经纪公司是不是又要给客户降２元，实际仍然没有赚什么钱。以前每次交易所降低手续费，客户也要求经纪公司同步降低手续费，经纪公司并没有得到什么好处。北亚期货总经理苗颖在会上呼吁，“目前市场存在着很多不规范的地方，竞争的结果必然是手续费的降低，这是没有办法的办法。公司要么优惠手续费，要么透支。我们希望证监会在制订手续费标准的问题上是不是能有一个说法，或者地方上能有一个规定，根据地方的情况有一个差别。” 　　据到会的有关专家介绍，国外的手续费收取与他们多层次的期货代理制度相配套，不同的代理级别有不同的标准，最高６０美元，低的只有９美元。 　　据说新疆地区的期货公司手续费已收到双边１００元，大家不竞相压价，都能得利。 　　黑龙江几家公司自发成立了一个黑龙江省期货业协会，统一制订了１５元的最低手续费标准，各公司老总都签了字，并且各公司执行的都不错，从收入和交易量来看应是成正比的。黑龙江的做法得到了协会以及其他许多许多期货公司的认可。 　　中国的历史证明，搞最高限价最低限价最终都无法落实。是否要继续让期货手续费市场接受完全的市场竞争？还是要进行行业限价？中国期货业协会的有关负责人认为，不同的公司、不同的地区有不同的交易成本，不能采取一刀切的办法，但到底如何收取，是否应该根据不同情况规定不同的保护价，目前还处在意见的收集阶段。</t>
  </si>
  <si>
    <t xml:space="preserve">请帮忙算算PL期我是4.15,5.10,6.8,7.9,8.4, </t>
  </si>
  <si>
    <t>周期很不准，平均28天，大致算一下，是13号左右，可在9号到15号间隔天AA。用试纸检测，抓住强阳转弱阳的那几个小时补AA一次，最好。不过，我还是建议你借助B超卵泡检测，不容易错过，在YJ干净后2、3天去做一次，以此推测排卵日期，医生也会给你按排AA的建议。祝好孕！</t>
  </si>
  <si>
    <t xml:space="preserve">2014春节期在国内那里玩比较好？请推荐？谢谢了。 </t>
  </si>
  <si>
    <t>厦门，很适合悠闲的玩玩吃吃海南，气候很舒服</t>
  </si>
  <si>
    <t xml:space="preserve">洗车店的英文在欧美，洗车店或者洗车房应该怎么说？ </t>
  </si>
  <si>
    <t>在欧洲，一般在加油站或停车场有洗车房，通常一个大的招牌“Car Wash”吸引大家的注意。car wash 洗车self service car wash 自助洗车（自己用高压水枪洗）automatic car wash 自动洗车（机器洗）car wash facility 洗车场所（但通常不作为招牌使用）</t>
  </si>
  <si>
    <t xml:space="preserve">什么叫幽默大家解释一下啊 </t>
  </si>
  <si>
    <t>2356幽默的言行是意料之外,情理之中.有这样一些例子(国藉姓名都不记得了)某名人与对手狭路相逢.对手说:"我从不给白痴让路."名人说:"我相反."就闪到一边,做了个让路的姿势.在一次名人聚会时,一位女士对一位长得不太好的学者说:"如果我们两人结合,生下的孩子具有你的头脑,我的面貌,将是一件完美的事."学者说:"如果具有你的头脑,我的面貌,那将怎样?"幽默不一定能让人立即捧腹大笑,但却能让人发出会心的微笑.</t>
  </si>
  <si>
    <t xml:space="preserve">单位买了个5D3，还要配点啥么？ </t>
  </si>
  <si>
    <t>首先买个包，单反天天拎在手上还是挺煞风景的。好的相机包既方便携带还能提供保护又很好看，会直接增进你拿起相机出门的欲望（毫不夸张）。一机一头可以看看国家地理的小包。滤镜用肯高的PRO1D系列即可。除了UV之外如果风景多也可以配个C-PL。三脚架不要急于上，先看看自己是否有需求。如果上的话不要低于2000级，否则不如不要。电池5D3的很强大，单位用用就不用再买一块了。</t>
  </si>
  <si>
    <t xml:space="preserve">魔兽3.0.5安装问题手动安装补丁显示，Unabletoinit </t>
  </si>
  <si>
    <t>大意是，“不能够初始化数据。请检查您的网络连接是否正确。如果这个问题依然存在，请联系暴雪技术支持”（汗~,国际玩笑，9C都跳过去了）。你问暴雪，暴雪也得理你啊。你重启机器再安装一次，如果不行就是文件损坏了。下载过程中你是不是暂停或卡了？这样容易损坏文件（官网这样说的）。看看以前的客户端验证码和补丁验证码和官网上的一样不？不一样的话就下个完整客户端，比较安全。我也在下，慢慢下啦，不急。</t>
  </si>
  <si>
    <t xml:space="preserve">两道化学题，要写过程1、在一密闭容器中进行反应:2SO2(g)+ </t>
  </si>
  <si>
    <t>2道题一样.用极端假设法(化学的解题方法--实际上可逆体系是各物质共呈态)2SO2(g)+O2===2SO3(g)⑴0.2   0.1    0.2⑵0.4   0.2    0⑶0     0     0.4从上可知SO2不可能为0.4  ; O2不可能为0.2(否则体系中没SO3)SO3   SO2的和为0.4而不可能为0.15+0.15==0.3所以第1题选D第2题选B  OK.不懂还可问</t>
  </si>
  <si>
    <t xml:space="preserve">自动更新问题,一定要帮啊我用的正版XP系统,今天想更新到SP2, </t>
  </si>
  <si>
    <t>使用Windows 9x/Me的朋友最害怕的便是突然屏幕上出现“非法操作”的提示，而其中的显示信息又常常涉及kernel32. dll这个文件，那么kernel32.dll是什么，如何应对与解决这类问题呢？相信下面这篇文章会为你指点迷津。一、什么是kernel32内核文件 kernel32.dll是Windows 9x/Me中非常重要的32位动态链接库文件，属于内核级文件。它控制着系统的管理、数据的输入输出操作和中断处理，当Win dows启动时，kernel32.dll就驻留在内存中特定的写保护区域，使别的程序无法占用这个内存区域。有时，Windows会弹出“非法页错误”的消息框，简单地说，这是因为某个或多个程序试图访问kernel32.dll所占用的内存保护区域，从而产生冲突而造成的。该错误一般由某个特定的程序引起，也可能是多个文件或程序。如果是由某个程序引起，那么可以尝试重新安装或升级该程序来解决问题，而如果由多个文件和程序引起，那就极有可能是因损坏的硬件设备驱动而引起的。二、引起kernel32出错的主要元凶1.Windows自身的临时交换文件被破坏； 2.文件分配表（FAT）出现错误； 3.用户名和密码列表错误； 4.装载了已经被破坏的或者是不正确版本的ker -nel32.dll文件； 5.注册表文件被损坏；6.计算机硬件有问题，如CPU过热、超频使用、损坏的电源、地线波动、射频噪音、损坏的磁盘控制器； 7.BIOS中等待状态设置出现问题，或者RAM时钟有错误； 8.已经损坏或者没有正确、完整地安装软件； 9.临时文件夹不存在或者已经损坏； 10.损坏的控制面板文件(扩展名为cpl)； 11.不正确或者已经损坏的硬件驱动程序； 12.没有正确安装打印机驱动程序； 13.Java设备错误； 14.已经被破坏的.LOG日志文件； 15.访问历史文件夹错误； 16.不合适的或损坏的动态链接库文件； 17.机器感染了病毒； 18.损坏的或者不正确版本的msinfo32.exe文件； 19.磁盘空间不足。 三、行之有效的解决方案知道了哪些情况可能引起kernel32.dll文件出问题，那么就可以采取排除法一一解决。不过，在大多数情况下，我们建议你优先实施以下解决方案： 1.错误的内存模块：用“记事本”打开根目录下的 s，并在其中插入命令行：DEVICE=C:\WINDOWS\HIMEM.SYS /TESTMEM:ON，然后在电脑重启时观察屏幕所显示的HIMEM has de tect ed unreliable mem o ry at ad dress xxxxxxxxx，这样就可以基本确定内存出了问题。不过，这可能需要重启几次来逐一发现。当然也可以下载、运行相应的系统诊断软件，特别是内存检测软件； 2.错误的显卡驱动程序：最新版本的显卡驱动程序可以保证显卡更加稳定、高效地运行，因此你要确保显卡驱动程序是最新版本； 3.超频CPU、总线速度：如果想要你的电脑运行得更加稳定、持久，建议不要将CPU和总线超频使用，恢复到默认值； 4.CPU或者电源风扇转速不正常或落满灰尘：风扇的不稳定可能导致CPU或电源温度过高，从而引起系统不稳定。CPU风扇可以用小刷子和吹风机处理，电源风扇则需要由专业人员清扫； 5.图形加速设置过高：右击“我的电脑”，选择“属性”命令，在“性能”选项卡中选择“图形”按钮，将硬件加速调低一个刻度，然后确定后重启，如果还有问题，再重复以上步骤继续往下调低一个刻度，直到正常为止； 6.动画光标、鼠标轨迹和活动桌面：这些花哨的设置都有可能引起kernel32.dll错误，尝试禁用这些功能，然后再一个一个激活这些功能，直到发现错误为止； 7.相当有效的解决方案：实践证明这个方法解决过许多ker- nel32.dll崩溃的问题。在C盘根目录下，用“记事本”创建或者直接修改系统配置文件 s，在其中加入如下3行语句： FILES=65 BUFFERS=40 STACKS=64,512 如果错误仍然存在，可使用“记事本”打开系统文件夹下（如〈C:\Windows\〉）的 i文件，然后在[386Enh]节上加入如下两行语句： ; Increases default stack pages from 2 to 6 MinSPs=6 （MinSPs默认值是2，如需要，每次增加2直到解决问题为止，而第一句前面的“;”主要起注释作用。） 修改好后保存退出，重启使之生效。 8.删除临时交换文件：如果错误仍然存在，可以尝试删除 Windows的临时交换文件Win386.swp来解决问题，不过该文件无法在Windows下删除，你需要退到DOS实模式下进行，进入系统目录（如C盘〈Windows〉目录）删除Win386.swp，当系统重启后Windows会重新生成该文件。 9.密码列表损坏：如果系统密码列表文件被损坏也会引起错误，这时需要重建该文件，在“资源管理器”中选择〈Windows〉文件夹，然后按下F3调出查找对话框，在文件名中键入：*.pwl，然后进行查找，当符合条件的文件列出来后，将它们全部删除掉，接着重启，让系统重建密码列表文件。 10.病毒：如果系统显示的是MSIMN错误导致kernel32.dll产生无效页面错误，那么你的电脑很有可能被Happy 99蠕虫病毒所侵害，你需要使用杀毒软件对你的系统进行一下清除。</t>
  </si>
  <si>
    <t xml:space="preserve">超爱twins的朋友请进你们为什么喜欢twins </t>
  </si>
  <si>
    <t>没有理由喜欢就是喜欢如果有理由就不叫喜欢了</t>
  </si>
  <si>
    <t xml:space="preserve">PSP的用途到底怎样,性价比怎样?看到很多人开始关注PSP,我很 </t>
  </si>
  <si>
    <t>看电影,听音乐,打游戏,但是PSP的机子的价格不低大概在2000元记忆棒也很贵,2G的大概在650元左右UDM游戏盘也很贵，而且没有盗版。性能高,价格也高.</t>
  </si>
  <si>
    <t xml:space="preserve">晒晒你最近收到的有意思的短信让大家开开心咋样 </t>
  </si>
  <si>
    <t>我没有手机也就没有短信.爸爸妈妈给我的短信都是面对面发过来的,那就是在我不听话时,他们说:"一,二-----"那个三就老是发不出来.因为我已经投降了.</t>
  </si>
  <si>
    <t xml:space="preserve">我的电脑开机后滴的一声起来后出现microsoftcorpora? </t>
  </si>
  <si>
    <t>建议先查杀一下木马，修复一下系统试试。建议你下载恶意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软件也可以在正常模式中进行查杀）。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如果正常模式恢复失败，请开机按F8进入到安全模式中使用系统还原）。 4、如果故障依旧，使用系统盘修复，打开命令提示符输入SFC /SCANNOW 回车（SFC和/之间有一个空格），插入原装系统盘修复系统，系统会自动对比修复的。 5、如果故障依旧，在BIOS中设置光驱为第一启动设备插入系统安装盘按R键选择“修复安装”即可。6、如果故障依旧，建议重装操作系统。如果实在不行，建议选择修复安装，这样即修复了系统，又可使C盘的程序和文件不受损失。进入系统慢（优化系统）1、建议你下载恶意软件和木马强杀工具windows清理助手查杀恶意软件和木马： 下载网址： 2、解决开关机慢和系统结束程序慢的问题。开始/运行输入regedit打开注册表编辑器找到[HKEY－CURRENT－USER\Control Panel\Desktop]键，将WaitToKillAppTimeout改为：1000，即关闭程序时仅等待1秒。另：程序出错和系统自动关闭停止响应的程序如何实现快速关闭。1、将HungAppTimeout 值改为：200，表示程序出错时等待0.5秒。2、将AutoEndTasks 值设为：1，让系统自动关闭停止响应的程序。建议你下载超级兔子，让她帮助你优化电脑的开关机速度，自己就不用进行上述设置了，超级兔子就帮助你做了。下载地址： 3、打开控制面板/性能维护/管理工具/双击本地安全策略，在右侧选“关机清理虚拟内存页面文件”双击他选“已禁用”按应用重启即可。4、右击“我的电脑”/属性/硬件/设备管理器/点击“IDE ATA/ATAPI”选项/双击“次要IDE通道”/高级设置/设备类型，将“自动检测”改为“无”，主要要IDE通道也做相同的设置。 5、启动项过多也可造成开机慢，点击"开始"/运行/输入msconfig后回车/点击"启动"/只保留"ctfmon/杀毒软件/防火墙,"其它前面的勾都去掉./然后点击"应用"/按"确定"。 6、用系统自带的系统还原，还原到你没有出现这次故障的时候修复（如果正常模式恢复失败，请开机按F8进入到安全模式中使用系统还原）。 你按照下面的方法优化系统： 1、鼠标右键单击“我的电脑”选择“属性”/“高级”/在性能栏点击“设置”按钮，此时将弹出“性能选项”窗口，选择“调整为最佳性能”。点击“应用”按钮，确定退出。 2、"开始"/运行--输入msconfig后回车--点击"启动"/只保留"ctfmon/杀毒软件/防火墙,"其它前面的勾都去掉./然后点击"应用"/点击"确定"。3、鼠标右键单击“我的电脑”选择“属性”/系统还原/选择“在所有驱动器上关闭系统还原”。点“应用”确定退出（也可保留C盘的系统还原）。 4、在“我的电脑”上点右键/属性/硬件/设备管理器/点击“IDE ATA/ATAPI”选项－双击“次要IDE通道”/高级设置/设备类型，将“自动检测”改为“无”，主要IDE通道也做相同的设置。 5、“开始/运行”中输入 c，打开组策略编辑器。找到“计算机配置/管理模板/网络/QoS数据包调度程序”，选择右边的“限制可保留带宽”，选择“属性”打开限制可保留带宽属性对话框，选择“禁用”即可。这样就释放了保留的带宽。 6、建议你下载超级兔子软件让它帮助你经常清理系统垃圾。（如垃圾文件、系统注册表垃圾） 7、建议将你电脑中的IE临时文件和虚拟内存设置在非系统盘中。 8、在平时不要同时打开太多的应用程序软件，将杀毒软件或其它优化软件的监控功能关闭，因为杀毒软件或其它优化软件的监控功能特别占据系统资源。 9、重启电脑，启动到桌面后，会弹出一个窗口，在小方格中添加勾选，点“确定” （因为改动了系统配置实用程序）。</t>
  </si>
  <si>
    <t xml:space="preserve">准备司考用什么书比较好啊 </t>
  </si>
  <si>
    <t>国家司法考试辅导用书，俗称“三大本”。法律教育网上有很多司法考试方面的信息和资料，还有网络课堂，对你的复习会有所帮助。</t>
  </si>
  <si>
    <t xml:space="preserve">数学问题解答网学校买来8个足球和60根跳绳，共用去274.2元。 </t>
  </si>
  <si>
    <t>设足球价格为x 绳子价格为yx-32y=0.78x+60y=274.2x=0.7+32y8x+60y=274.28（0.7+32y）+60y=274.2316y=274.2-5.6y=0.85x=32*0.85+0.7=27.9</t>
  </si>
  <si>
    <t xml:space="preserve">给诛仙的建议这个问题我想大家都会同意请把游戏设置个交易时间上线1 </t>
  </si>
  <si>
    <t>你到这里发什么牢骚啊！</t>
  </si>
  <si>
    <t xml:space="preserve">父母是外地户口，将来社保和医疗能转到北京来吗？我的父母在河北一县 </t>
  </si>
  <si>
    <t>不能,但可以办理异地就医等手续,享受在北京看病,回原籍报销的待遇.</t>
  </si>
  <si>
    <t xml:space="preserve">推荐一个篮球网站或论坛不是评论NBA比赛的，是专门讲篮球战术的 </t>
  </si>
  <si>
    <t xml:space="preserve">江湖任务之老船的问题。。。。请问高手们，我做到贞喜给的半块破碎的 </t>
  </si>
  <si>
    <t>带上破碎的红印上船打,呵呵,跟我上次一样.</t>
  </si>
  <si>
    <t xml:space="preserve">人体含血糖的标准是怎么样分别得？ </t>
  </si>
  <si>
    <t>人体空腹血糖正常值为 3.6一6.1mmol/L空腹血糖≥ 7.0 mmol/L，或餐后2小时血糖≥11.0、或葡萄糖耐量试验 2小时  ≥11.0 时，可诊断为糖尿病。如空腹血糖&gt;6.0 &lt;7.0 mmol/L，为空腹血糖损害；餐后2小时血糖或葡萄糖耐量试验 2小时≥7 .8 &lt; 11.0 ，为糖耐量损害。二者均为糖稳定损害。相当于过去的隐性糖尿病或糖尿病早期改变。如血糖低于2.8mmol/L时，为低血糖。</t>
  </si>
  <si>
    <t xml:space="preserve">常常出现眼酸、眼胀、眼痛？用眼时间久，总觉得眼睛发干、模糊，看电? </t>
  </si>
  <si>
    <t>用眼过度，视力下降，当心老花眼提前。每日补充蓝莓精华，能够有效改善眼睛微血管循环，消除眼睛干涩、酸用、流泪等症状，淡化黑眼圈，缓解眼疲劳，提升视力，明晰双眸，扫除各种眼疾隐患“干眼症”已成为上班族健康头号威胁美国眼睛保健协会调查显示：90%的年轻人眼睛存在问题，尤其是干眼症患者，美国达到3000万人。英国因老化、隐形眼镜、暖炉、冷气及影响。也有400万人干眼症患者。在我国一家公司250名参加体检的员工中，查出85%患有干眼症，90%出现眼球玻璃体浑浊，主要原因是长期受电脑、手机、PSP、电视、空调、日光灯辐射造成，已成为上班族健康最大潜在威胁。视力宝蓝莓软胶囊欧洲护眼秘方1小时解决眼干问题在欧洲，蓝莓不但是养眼、护眼的良方。更是增强视力的珍馐佳肴，作为护眼秘方已存世千年。早在上个世纪二战时期。英国皇家空军在夜晚执行任务前就服食蓝莓来增强夜间视力。优选澳洲高地矮脚野生蓝莓富含高于其它蓝莓10倍的抗氧化“花青素”，有效缓解眼睛干涩疲劳、视力衰退、改善酸胀、红肿、黑眼圈，预防过早老花、白内障。8大珍贵护眼成分   全面改善各类眼疾澳洲野生蓝莓：提升视力，强化血管。天然大豆卵磷脂：改善眼倦，天然补湿。地中海葡萄籽：强化视网膜，减少黑眼圈。天然维生素E：加强血液循环，补充营养。南美万寿菊：改善视力，预防眼睛老化。鱼油DHA：活血活脑，软化水晶体。欧洲小米草：清除过多分泌物，收紧眼袋。鱼油EPA：疏通微血管，加速营养输送。使用体验1小时后  眼部血液流量明显加快，发干、疲劳现象缓解；1周后  流泪、畏光、酸痒症状明显好转；坚持服用  分泌物过多、浮肿均有改善，视力得以提升。国际研究机构对蓝莓研究报告1979年，哈佛大学医学博士沃科主持的“野生蓝莓治疗及预防近视和各类眼疾”获突破性进展，被列为欧洲航空飞行员专用护眼营养品，1992年该成果获得诺贝尔生理学奖。1996年，美国60家以上的研究协会联合发布了野生蓝莓对眼睛健康的作用。被联合国列为人类五大健康食品之一。兴誉为“黄金浆果”。1999年，Tulfs大学的James博士和Colorad大学的Paula博士研究证实：野生蓝莓在延缓衰老等方面具有巨大作用。2008年，野生蓝莓被美国《时代》杂志评选为“十大最佳营养品之一”。</t>
  </si>
  <si>
    <t xml:space="preserve">半年前胸部被人一打，非常气愤，话都说不出来。第二天开始胸闷，自以? </t>
  </si>
  <si>
    <t>关键是有没有出现进行性加重的呼吸困难，注意是进行性加重。如果有需要去医院复查。可能存在心脏迟发损伤。临床上在部分病人身上的确存在这种情况。如果没有那可能是：1，心理因素2，新发胸部以及心脏疾病3，当时急诊照的片子，明明有骨折，医生没看见。如果是这种的话，恢复起来需要时间比较长。但也就是回家养着，对症止痛，治疗原则没有什么出入。如果仅仅是软组织损伤，三个月的时间早应该已经好了。</t>
  </si>
  <si>
    <t xml:space="preserve">请问小德因为可以变鸟能节省多少金？小德是否要学习骑术? </t>
  </si>
  <si>
    <t>不是很清楚 但是我知道300骑术的那5000G是必须的 除非你只学68的</t>
  </si>
  <si>
    <t xml:space="preserve">请问Kindle33G版怎么样呢？最近想买个Kindle3，不过 </t>
  </si>
  <si>
    <t>给你一些建议1.3g功能不实用。屏幕是eink，只能键盘操作，上网很不便。3g要贵出300块，并不值得。2。kindle3为6寸屏幕，看txt足够，pdf要看情况。就多看系统而言，中文支持是没问题，看一些经过排版的pdf，效果不错。如果是扫描版的pdf或者未经排版的，6寸是不够用的。我建议你购买kindle dx的官翻版本  价格在1800，或者dxg的官翻，价格2400,如果不看扫描pdf，kindle3 wifi版已经够用了 1100</t>
  </si>
  <si>
    <t xml:space="preserve">日常任务得到的复仇军的钥匙有什么用？如题？ </t>
  </si>
  <si>
    <t>在风暴复仇军营地有很多粉色的球球监狱，用你得到的钥匙打开，如果出的是怪，杀掉可以获得犯人标识牌一个，必掉一个绿装，据说能掉蓝装，牌子交给维序派营地的阿米尔指挥官+250财团声望；如果开监狱出的是某个阵营的NPC，如时光守护者，则加对应阵营声望+500</t>
  </si>
  <si>
    <t xml:space="preserve">尾生担保谁愿意用点卡和我换武器啊，本人武名B，内政全部30以上， </t>
  </si>
  <si>
    <t>你要多少元的点卡？</t>
  </si>
  <si>
    <t xml:space="preserve">求助了，急！急！帮朋友问一个问题：末次月经10.15，本月9号M </t>
  </si>
  <si>
    <t>月经周期是28天，推算得出她的安全期和排卵期日程如下：10月15号--24号，是前安全期。10月25号--31号，是排卵期。11月1号--10号，是后安全期。由此可见，11月9号是出于后安全期的末尾，ML是绝对安全的。因为在这个时间，不会排出新的卵子来，所以可以说这个时间ML的怀孕几率很小，趋近于零。</t>
  </si>
  <si>
    <t xml:space="preserve">顺产有撕裂现在第十天伤口疼，可以用康威达复合碘消毒吗? </t>
  </si>
  <si>
    <t>可以的。（赠人玫瑰，手有余香，祝你好运，帮到你请给个好评）</t>
  </si>
  <si>
    <t xml:space="preserve">我是konney。请问为什么从爱问升级后我就不能登陆了？现在是我 </t>
  </si>
  <si>
    <t>konney01：    您好！帐户不能登陆是跟升级是没有关系的，目前登陆还是使用以前的帐号密码即可登陆。所有的帐号都是由新浪通行证号统一管理的，如果您的密码丢失，您可以提供您的10位数字的通行证号码，拨打新浪通行证客服电话：95105670 告知新浪通行证密码丢失，并咨询密码找回流程即可。如有其他问题，可以与我联系，祝愉快！</t>
  </si>
  <si>
    <t xml:space="preserve">笔记本电脑摔了，在开机时屏幕亮度很低，但能正常进如系统,那个好象? </t>
  </si>
  <si>
    <t>建议修修去，可能屏幕有两个灯管坏一个，到电子市场问问，不见得安装原装的。</t>
  </si>
  <si>
    <t xml:space="preserve">臭氧对人体有什么危害吗？越详尽越好！谢谢！ </t>
  </si>
  <si>
    <t>臭氧具有很强的杀菌效果，有研究表明臭氧可在5分钟内杀死99%以上的杀死繁殖体；同时臭氧也起到除臭的目的，许多室内空气净化器以臭氧的强氧化性为原理，将空气中的有机物氧化，以达到净化空气的目的。     但是，臭氧的强氧化性对人体健康却有危害作用。一般认为臭氧吸入体内后，能迅速转化为活性很强的自由基-超氧基(O2-)，主要使不饱和脂肪酸氧化，从而造成细胞损伤。臭氧可使人的呼吸道上皮细胞脂质过氧化过程中花生四烯酸增多，进而引起上呼吸道的炎症病变，志愿者研究表明接触0.09ppm臭氧2小时后肺活量、用力肺活量和第一秒用力肺活量显著下降；浓度达0.15ppm时，80%以上的人感到眼和鼻粘膜刺激，100%出现头疼和胸部不适。由于臭氧能引起上呼吸道炎症、损伤终末细支气管上皮纤毛，从而削弱了上呼吸道的防御功能，因此长期接触一定浓度的臭氧还易于继发上呼吸道感染。臭氧浓度在2ppm时，短时间接触即可出现呼吸道刺激症状、咳嗽、头疼。</t>
  </si>
  <si>
    <t xml:space="preserve">财务问题对于借款的利息怎么计算本金和利息？ </t>
  </si>
  <si>
    <t>利息=本金*利率*借款时间如，某企业向银行借款100万，年利8%，借款1年。利息=100*8%*1=8万2009-09-18 11:16 补充问题例如：09年1月15日向某某借款100万，月利率2%元，借款时间6年，（1）每月支付利息=100*2%=2万元（2）6年利息合计=2*12*6=144万（3）6年本利合计=100+144=244万 09年7月8日又向其借款50万，利率不变，时间为5年，那么我每个月该付这个的利息和本金共计多少？（1）和上面计算方法一样。（2）本金就是借款金额，一般到期后偿还本金。</t>
  </si>
  <si>
    <t xml:space="preserve">请问我做纯商，积累到1000万后，接下去怎么玩？我先做纯商，我想 </t>
  </si>
  <si>
    <t>2楼是一种方法，如果你想与是无争的话，可以选择练个站商做点东西什么的！战商后期东西没几千W是做不出一件来的哦</t>
  </si>
  <si>
    <t xml:space="preserve">厨房有哪些风水问题需要注意？ </t>
  </si>
  <si>
    <t xml:space="preserve"> 你好，禁忌1　　若是阳台正对大门或厨房，可将窗帘长时间拉上以作为阻绝。出入大门的位置不要正对阳台，这形成了所谓的“穿心”，家中会不易聚财，有破财之事。　　解决方法：　　放置玄关柜阻隔大门和阳台，在大门入口处放置鱼缸(命中忌水者不可放鱼缸，可以屏风取代)。可设置阳台窗，将阳台阻隔或种植盆栽及爬藤植物，窗帘长时间拉上也是可行的方法。　　禁忌2　　阳台也不可正对厨房。这也是一种“穿心”，会使得家中的团聚功能减弱，丈夫易外遇、老婆会红杏出墙，小孩不爱回家。　　解决方法：　　做花架种满爬藤植物或放置盆栽，使其内外隔绝。阳台落地门的窗帘尽量拉上或是在阳台和厨房之间的动线上，以不影响居住者行动为原则，作柜子或屏风为遮掩，总之就是不要让阳台直通厨房即可。　　禁忌3　　若是长沙发摆放在横梁下，可以让天花板的装饰阻断其冲煞的力量；长沙发与床不可放在梁的下方，长时间使用长沙发和床的人，身体易多病痛。　　解决方法：　　长沙发和床避免放在梁下方或以装潢手法把梁包起来，使其不显露于外即可。　　</t>
  </si>
  <si>
    <t xml:space="preserve">斯托伊科维奇第一个欧洲杯进球时多大？ </t>
  </si>
  <si>
    <t xml:space="preserve">   1984年欧洲杯，前南斯拉夫球员斯托伊科维奇在对法国的比赛中攻入他的欧洲杯第1球，当时他只有19岁3个月零16天。是当时欧洲杯历史上最年轻的进球者</t>
  </si>
  <si>
    <t xml:space="preserve">跪求:朋友们知不知道石家庄哪个中医治疗癌症好呢?我父亲得了肺癌, </t>
  </si>
  <si>
    <t>如果去大医院的话这个既花钱还不敢说能治好!如果你还能等两天的话 我帮你问一个民间的名医 在西二环附近!很多疑难或是医院没法治愈的病在他那都能得到明显的缓解!先占个地方 我会尽快给你提供该名医的地址具体地址在友谊大街通向西里街的那条路上(具体叫什么我忘了)顺着这条街往东走不远路南有一个宿舍,门口写着中医,一栋老房子的一楼,不太醒目,只要你问那得居民都知道这个人.我还被帮你问的!去之前自己先去看看 别带着病人 万一找不到病人受不了你近两天去问问 然后给我答复 实在不行约个地方亲自带你去!</t>
  </si>
  <si>
    <t xml:space="preserve">怎么知道学校是几本?找二本的学校要知道是二本一或二本几..... </t>
  </si>
  <si>
    <t>在学校的招生章程中有注明的。</t>
  </si>
  <si>
    <t xml:space="preserve">求背景轻音乐这个文件里面的那首背景轻音乐是什么 </t>
  </si>
  <si>
    <t>《萨丽花园The Sally Gardens》是一首著名的苏格兰音乐，网上各种版本很多，比较有名的有卡兰.迪伦、班得瑞、藤田惠美等。你这个风笛版的是乔安妮·麦顿Joanie Madden的《漫步神秘园Dow By The Salley Gordens》。百度就有自己搜吧。找不到下载可信息联系叶之树，贴邮箱我发过去。</t>
  </si>
  <si>
    <t xml:space="preserve">股票：想换证券公司，是否要把帐户上原有的股票全卖空？深圳和上海的 </t>
  </si>
  <si>
    <t>不需要！你只需要到原来的证券公司去办理撤销指定交易（上海）和申请转托管（深圳），再到新的证券公司去办理指定交易和托管手续就可以了。但是，如果你有未了结交易的话是不可以办理的。</t>
  </si>
  <si>
    <t xml:space="preserve">请问各位,兼容的打印机耗材和品牌的打印机耗材哪一种要适用？请问各 </t>
  </si>
  <si>
    <t>打印机都是进口的,按经济来说当然是兼容耗材的适用.不论你选择哪一种最终都会用兼容的耗材.不知你用打印机的打印量是多少,打印量大就买激光的,用来打印的鼓一定要买原装的鼓,没有粉了可以灌国产的粉,国产的粉也要买品牌的粉,比如天威的很好用,灌一次70-50元,可以灌4到5次很经济的.要是你打印的量很小就买墨水的那种.它本身就有代用兼容墨盒.</t>
  </si>
  <si>
    <t xml:space="preserve">魔力宝贝这个游戏大概还能支持多长时间 </t>
  </si>
  <si>
    <t>按照目前SE这么 操作的话 用不了多长时间的</t>
  </si>
  <si>
    <t xml:space="preserve">股骨头坏死第三期怎么治疗 </t>
  </si>
  <si>
    <t>目前的跛行，应当是疼痛所引起的，现在如果经过及时的治疗是完全可以彻底的治愈的。 重庆贻青中医院是一家专门治疗股骨头坏死的专科中医院治疗该病已经有30多年的历史了，在这方面有非常丰富的临床经验。采用的纯中药的靶位定向体液疗法，中医外治，保守治疗，做到了不换股骨头。靶位定向给药作用于患部，在不干扰机体大环境的前提下，调节患部的微生态，降低血液的粘、稠、滞状态，改善酸性环境，促进患部的血管脉增多，管腔扩大，建立有效的微循环或侧支循环，重建骨小梁，提高免疫能力，协助机体在患部利用自组织、自运转、自维护的生态能力，从根本上治愈股骨头坏死。你好，这种情况一般考虑是需要做人工股骨头置换手术治疗的，祝早日康复</t>
  </si>
  <si>
    <t xml:space="preserve">采鸟问题黑洞是什么？怎么去？海盗岛怎么去，几级适合去？这些地方？ </t>
  </si>
  <si>
    <t xml:space="preserve">海贼岛在燃柳左门口处找杜发传送到隐藏的港口再坐船去,以下是转贴的海贼岛功略海贼岛地面的怪,说穿了就是一堆猪 狂野之魔,狂野之毒,狂野毒牙,蓝尾蜥蜴,奇异鹦鹉 猪都会主动攻击,黑妖在这边很吃香,因为有的猪会施毒,放个毒抗来再多也不怕 基本上没宝,缺祝解卷的话开法师引一堆清应该很快就打的到图腾XD 还会有不小心打到的蓝海贼手套蓝海贼长靴等等的垃圾orz 而蓝尾蜥蜴,不会看穿变身,不过会同族互助,这支算是满重要的一支怪,虽然没宝 因为解任务用的"儿子的信"和"蓝尾蜥蜴之皮"就只有他会掉 而奇异鹦鹉的话,没事别去打,他咬人都有2x-4x,除非要去打莱斯塔的戒指 靠上方的海贼地监入口附近,会有一支高等蜥蜴人和一支狂暴蜥蜴人和一支重装蜥蜴人 组成的巡逻队,一次有二队,但是并不会主动攻击 而靠右方的海贼地监入口,则是一支高等蜥蜴人和二支狂暴蜥蜴人的组合 别以为这个巡逻队跟海贼地监里的一样废 48级法师开过去....卷四个火风三支都还是活跳跳 因为高等蜥蜴会补中治,而且是连续补,mp好像没有上限,但是若是用黑妖来清, 会很轻松愉悦orz,别问我为什么,我也不知道XD 要解任务的话,请去打地监里的高等蜥蜴人,别在地面上自找罪受 动物部份的话,有熊,暴走兔,浣熊 浣熊会帮助被打的怪(找死),而且抓取不易海贼地监,有二个入口 一个在村子的上方,一个在村子的右方 不过不管怎么走,路程好像都差不多 海贼岛地监一楼 出没的怪,有狂暴蜥蜴人,重装蜥蜴人,高等蜥蜴人 不管来的角色是哪种职业,都应注意高等蜥蜴人,因为他电人实在是痛 抗魔100被电还会扣3x-4x滴,要是有钱装双风戒,应该会好很多吧@@ 然后是重装蜥蜴人,这支有二格攻击,攻击力落在1x-3x,打人算痛 不过数量并不会很多 狂暴蜥蜴人,杂兵,一格攻击,攻击力1x 一般有点等级的角色,带支法师在这都可以很愉快的渡过一整天(谜) 特产有,蓝海贼斗篷,受诅咒的钻石戒指,其他的我没打过,请自己摸索(殴) 法师召肥来这不好练,因为怪的mp都很少,狂暴蜥蜴人和重装蜥蜴人只有5mp 高等蜥蜴人15-20mp,又会电人,所以法师要解任务请找人帮忙吧 因为解任务不能组队,也不能召肥,所以法师解起来特别慢,也特别硬  海贼岛地监二楼 出没的怪,有狂暴蜥蜴人,重装蜥蜴人,高等蜥蜴人,海贼骷髅,海贼骷髅士兵 一下二楼后,出现的还是蜥蜴人系列,不过,路程愈接近三楼入口,开始会出现 海贼骷髅和海贼骷髅士兵这种不好应付的怪 这边有地雷,踩到直接生二支海贼骷髅,海贼骷髅是还好,攻击力1x-2x 但是海贼骷髅士兵就不好惹了....他是不死系的弓箭手,攻击力有3x-4x 一般角色,尤其是法师来这边,不小心会变箭猪,因为命中率算满高的 但是黑妖就很吃香,闪避提升一放,如入无人之境(当然被打到还是很痛就是了) 靠进入口处,最近有不少野比伸助,看来那边经验值还满肥的@@ 海贼岛地监三楼 出没的怪,有海贼骷髅,海贼骷髅士兵,海贼骷髅首领,德雷克 一下三楼,怪物出生的频率很稀,但是愈走到后面会愈多(其实也还好) 一样有地雷,踩到直接生二支海贼骷髅, 比较要注意的是海贼骷髅首领,这支打人满痛的,攻击力大概3x-4x, 同时也是任务道具"儿子的肖象画"的掉落者,不过...掉的钱反而没有士兵多就是了 至于德雷克的话,出没时间我并不清楚,不过我大概可以说明一下强度 范围攻击,攻击力12X-14X,双刀攻击攻击力7X-10X,血量大概1600 黑妖的话单P请带白水,澄的闪不回来,大概喝个20瓶可以解决...吧? 海贼岛地监四楼 只有npc古代精灵和精灵之墓传点,基本上,可以在海贼岛地监内猎取到 精灵碎片(地面上的蜥蜴人也会掉)在这边用20片碎片和3颗魔宝换到一颗精灵结晶 尔后只要到海贼岛右上角的精灵祭坛使用即可直接传到精灵之墓,无限次数使用 重量也只有1 说到这精灵之墓 真是不少人的痛(?)啊 以下攻击力皆为抗魔100%的数字 出没的怪有以下几种 火之牙,水之牙,风之牙,地之牙 这几支没啥好说的,就是用元素箭k你,不过冰锥满痛的就是了 还有,地之牙会让你暂时不能移动 火灵之主(长的像火蜥蜴) 首屈一指的恶劣怪,会使用魔力夺取,抗魔不够高会被吸假的 而且也会使用"地图兵器",超广域范围火球术,攻击力2x-5x在跳 请列为最优先处理 水灵之主(长的像sea dancer) 没比水之牙强多少 风灵之主(长的像闪电球), 用极道落雷k你,攻击力落在3x-5x 痛归痛,还是单体攻击啊...(茶) 地灵之主(长的像高仑) 地裂术,攻击力落在4x-8x且会让你暂时不能移动 深渊火灵(烈焰术),深渊水灵(水之矛),深渊风灵(忘了),深渊地灵(地裂+移动不能) 西斯(长的像死神),不过通常不会单独出现,基本上会配备二支funnel..啊,是深渊 弓箭手,或者是二支深渊食尸鬼 深渊弓箭手倒还好,攻击力跟血量跟残暴的骷髅神射手差不多而己 但是深渊食尸鬼就很麻烦了,血量有2000以上,攻击方式除了远距离施毒以外 近距离也是满痛的,是非黑妖职业最讨厌打的一支(有魔法消除配高等法的妖精除外) 西斯本身血就有2400了,打人虽然慢,但是都有6X-9X的攻击力 加上二支会深渊食尸鬼,每一支最少都打4X-6X..万一中毒,每3秒扣60HP 真的是很硬 曼波兔,出现次数很少,会用单体魔法冰裂术(同蕾雅)和冲击波(范围),近距离是 拿红菜头K你,没打过,不知道痛不痛 曼波兔部下,"应该"会和曼波兔一起出现,长的像暴走兔,也没打过 深渊之主,紫色的恶魔 打这支要有心理准备 他本身的实力跟恶魔差不多而己 但是,为什么那么多人讨厌打他呢 因为他有"无视魔防必中相消" 所以打他之前,请记得把所有辅助魔法都关掉,用基本攻击力打他就好,记得变卷 和勇绿设热键就是了 精灵之墓大略可以分为四区 每一区在进入另一区时,会有一小段不生怪的区域,而且特别窄 第一区 进入精灵之墓后,让你适应的一区 出没的怪有,火之牙,风之牙,地之牙,水之牙,水灵之主,火灵之主,风灵之主,地灵之主 落单的深渊食尸鬼,落单的深渊弓箭手 虽然只是入口处,但是若是不习惯的话也是很不好混,一样,打了一支后同画面的怪 会全部k你,请做好心理准备 第二区 出没的怪有,火之牙,风之牙,地之牙,水之牙,水灵之主,火灵之主,风灵之主,地灵之主 落单的深渊食尸鬼,落单的深渊弓箭手 这边开始会出现三支一组的元素精灵,而且怪物的密度变高了,这边也是我单练的极限 第三区 最恐怖的一区,怪物密度是全精灵之墓最高,也是宝掉最大的地方 尤其是下侧的废墟区....简直是地狱啊啊啊啊啊 除了元素精灵,元素之主外,也会出现深渊火灵和深渊风灵,以及西斯大队 建议至少3个攻击手和三支法师来这边才不会轻易灭团 第四区 2个攻击手和2支法师在这区可以愉快的(?),怪物密度是全域最低 除了元素精灵,元素之主外,会出现深渊水灵和深渊地灵,以及西斯大队 算满好适应的地方XD 至于清怪方面,火灵之主列为最优先处理,然后是弓箭手,精灵王,食尸鬼,西斯, 元素之主,元素之牙,这是我的习惯啦@@ 地底湖 应该是唯一会让我的黑妖mp耗尽的地方吧 跟精灵之墓的npc对话可以到达这个地方 跟海音地监一样,要喝伊娃的祝福或者是穿水底长靴才不会扣血 但是里面没人卖就是了 不过,在里面按回卷可是会飞到隐遁者村庄的,所以要飞之前请三思 (更,都被打飞了还三思咧) 里面出现的怪,有三支会施毒,不幸的是,这三支怪占了4成以上 而且,里面没半支主动怪...所以要打怪几乎都要发光箭 地底蟹人 地底湖最恶质(?)的怪,为什么说恶质呢...因为打人很痛 3x-10x的数字都见过,而且,他会主动帮助任何一支挨打的其他怪 所以有时就算眼前有其他更肥的怪,我还是会先把它清掉 小身体和品质系列的宝石掉落率还不差 地底蜥蜴人 地底湖第2恶质的怪,单支出现实在没啥威胁性,你用光箭开他他了不起丢一发冰锥 扣2x滴,但是近身是恶梦,可以打4x-7x滴,经验值比蟹人高是唯一卖点 地底魔蝎(会施毒) 地底湖我最爱打的怪,因为和地底蛇蝎比起来,他打人比较不痛,大概2x-5x在跳 一次来个三支也不怕 地底蛇蝎(会施毒) 名字差一个字,攻击力天差地远,攻击力在4x-9x在跳,一次来二支就很硬了 地底巨王虫(会施毒) 跟金属蜈蚣长相一样,血稍厚了点,攻击力大概2x-4x,目前全天堂唯一会掉银原石 的怪,但是掉落率很低,我去了很多趟也才打了3颗.... 地底伊莱克顿 血满厚的,不过咬人命中率很差,电人也不痛,只要没有蟹人或其他怪来乱实在是 肥美的怪一支(经验值8000整) 接下来要介绍的都是群体怪,而且也都跟蟹人一样会主动帮助任何一支被打的怪 地底多眼怪+3支地底蜥蜴人 最讨厌的组合,三支地底蜥蜴人一支各敲一下外加多眼咬一下可能会有破200的 伤害值,我最常被这个打飞,常常在打伊莱克顿或巨王龟时来乱,要是旁边蟹人 再来插个花就更欢乐了XD,解决的方法是,不计代价先清掉一支蜥蜴人,这样 会轻松很多,多眼经验值5000整,算是不错,抗魔不够高的话,多眼会放一种 减慢攻击速度的魔法,大概10秒才会回覆正常,满讨厌的 经验上,整个地底湖同时会有3组,一组全灭才会再出,重点是 跟飞龙一样,会直接出在你旁边 地底巨王龟+2支地底蟹人 最硬的组合,不过这个"硬"不是说难打,而是要打很久, 遇到时请先清掉二支蟹人,不然你打巨王龟时他们在旁边乱,偶尔爆个1xx滴你 还是要飞,巨王龟的话,全状态+8幽爪的黑妖,有放双倍破坏,刀数落在95-120之间 若是有高等法缓速的话,就可以打的很简单,刀数甚至可以低到15刀左右 和多眼一样,会放减慢攻击速度的魔法,而且会放广域寒冰(跟火灵之主有的比) 打他请撑高抗魔,不过经验值10000整是其最大诱因 经验上,整个地底湖同时会有2组,不过没遇过直接出在旁边的@@ ps,上次看到有人在地底湖用火风.... 地底湖按回卷可以到这里 或者地底湖一直往左上走也可以到达入口(不是村子) 常逛地底湖的人至少要把村子到地底湖入口的路线上记好 免得常飞会很麻烦又要找路 这边出现的怪基本上都不强,稍有装备就可以过的很轻松 出没怪物 魔蝙蝠 远距离音波攻击,近距离物理攻击都不强,可以放在最后再打 蝙蝠之牙在做卷轴时会用到很大量,掉落率也满高的 犰狳 近距离物理攻击力有2x-3x的水准,但血非常少,可以先打 魔狼 攻击力1x-2x,会喷神走,加减打 会掉狼皮,掉落率不高,做卷轴的必备材料 魔熊 攻击力1x-2x,集缓喷很大,血大概有400,但是还是很嫩 深渊之花 攻击力1x-2x,不会掉什么好东西,不过深渊花枝条是很重要的卷轴材料 但是掉落率是低到可爱 毒蝎(会施毒)攻击力1x-2x,打过相消和敏盔(惊),同时也会掉毒蝎的皮,是不是卷轴材料 就不清楚了 烈炎兽 攻击力1x-2x,喷火比蚊子叮还痒,会掉落地狱犬的毛 鼹鼠 攻击力4x-10x,是的,你没看错,是10x,这支怪又很难发现,要是专丢法师 会有很大的危险,请列为第一攻击对象,专掉最没用的名产--鼹鼠的皮 不过,自从我把抗魔提升后,被打都2x-5x在跳,请各位自行测试 村庄往上走会追加一些怪 欧姆民兵 攻击力1x,没宝 重装欧姆兵 攻击力1x,没宝 古代巨人之墓2区 魔狼,魔熊,深渊之花,鼹鼠,魔蝙蝠 ?之精灵 很嫩的怪,打人1x在跳,但是会喷书 ?之精灵王 ?之精灵强化版,打人2x-3x在跳,也会喷书 黑暗精灵使 此区最须注意的怪,不管是打宝还是保命都很重要,会使用范围魔法 抗魔不够高被k到都是6x-10x在跳,不过近距离就没什么好怕的, 记得法师离远一点,还有,有时他也会召?之精灵,不过召出来的真的很麻烦 因为血跟?之精灵王一样厚,经验值才1xx.... 顺带一提,这支就是最近召戒大跌的元凶, 圣结界,绝对屏障,精灵使戒指都是他短命的原因 </t>
  </si>
  <si>
    <t xml:space="preserve">《神武》90级剧情怎么过？ </t>
  </si>
  <si>
    <t>90第一个火德，同样建议刷好怒，带一个罗汉，以后刷怒之类的不说了。先封了凤凰再封一个龙女，先杀蝴蝶。等怪都控制了后就杀主 如果能放罗汉把罗汉放了。第二只，火魔基本不需要刷怒，先封上骑，再封一个蛇然后封芙蓉杀TB，TB都死了就可以杀主。第三只铁扇，我们杀的一般先封了龙女和蚌女，杀财迷杀蚌女，再看情况杀一个侍女或者直接杀主。第四只牛魔王，牛魔王先杀瑞兽，封西域妖道和野蛇精，然后封铁扇和小妖 不要杀小妖</t>
  </si>
  <si>
    <t xml:space="preserve">邮票积分内容问题发生时间：2005年2月17日详细描述：节后打开 </t>
  </si>
  <si>
    <t xml:space="preserve">非常抱歉，由于新浪邮票服务器正在升级，目前您的邮票积分不能正常显示，在此期间，将暂停邮票积分的累加及兑换。请放心您的邮票积分不会丢失的，稍后就可以正常显示了。十分抱歉，给您带来的不便，也十分感谢您提供给我们的信息，谢谢您对新浪网的支持。如有更多问题， 请咨询新浪客服中心。全国统一客服热线：     咨询邮箱：webcn@  </t>
  </si>
  <si>
    <t xml:space="preserve">爱情和战争一样，没有公平可言。你如何看待这句话？ </t>
  </si>
  <si>
    <t>本身就是战争 生活就是一场战斗 谁交枪谁就注定挨打都在大喊公平的同时 却没有一个人愿打公平的硬仗  自古成败论英雄 大到国家 小到家庭 总要有一个拍板说了算的 动物界都如此 不然就天下大乱了把对手打败还不行 还要把他打服气 今后跟你一头打别人那天不打了 威慑也要依然长存 那些软绵绵的道理 与圣人之言 等老了在看 使人心平气和的安度晚年 还有延年益寿的功效</t>
  </si>
  <si>
    <t xml:space="preserve">推荐一个看小说的网站 </t>
  </si>
  <si>
    <t>起点中文网  算是最diao的小说网站了,提供在线阅读和下载. 红袖添香  吾爱文学网  潇湘书院  世纪文学  文学屋小说阅读网 WenXueWu.Com 还有QQ图书小说阅读网  言情的强烈推荐 和空姐同居的日子 一部生活中充满点滴关爱的小说都市强烈推荐 极品公子校园推荐 梦里花落知道少，左耳，沙漏 武林高手在校园修真推荐 寸芒 星辰变 诛仙网游推荐 猛龙过江 风流骑士穿越推荐 极品家丁（超搞笑）也可以到 去找，那里全是全本的TXT小说，而且是免费的或去  全国最大的小说网找吧或去 找吧，那里也是免费的，TXT版的，而且与起点同步更新祝你找到想要的小说哦 谢谢采纳~~~</t>
  </si>
  <si>
    <t xml:space="preserve">我该怎么办？12月7日月经第一天，第十一天的时候监测排卵，结果医 </t>
  </si>
  <si>
    <t>最好是看中医，吃些副作用小的中药，这样随时有了宝宝都可以要，但有可能效果不如西医的好，只不过西药副作用大恐怕得停药三个月以后才可以怀孕，祝你好运了！</t>
  </si>
  <si>
    <t>哪位帮忙看一下体检报告平均血红蛋白浓度362，正常302</t>
  </si>
  <si>
    <t>从数据上来看，你各项指标都不是在正常的范围之内，不是高出就是低下，单纯看这个看不出来，你还是问问体检那边的医生吧，针对你的各项情况做最适合你的治疗．</t>
  </si>
  <si>
    <t xml:space="preserve">关于鬼泣3特别版为什么我开始完的时候只能选择单丁的，怎样才用到维 </t>
  </si>
  <si>
    <t>在鬼泣3-特别版中要一开始使用到但丁的哥哥维吉尔就要有美版的鬼泣3记录或者是把鬼泣3-特别版里但丁的故事模式通关1次就可以在游戏一开始的哪个标题画面里选择维吉尔用啊，而且维吉尔的游戏流程和但丁的是一模一样，共20关，只是第7关，第13关和第20关的BOSS是打自己的翻版货之外，其余的流程和但丁的一样的，至于老哥维吉尔的黑骑士是要把HARD难度通过后就获得，其实是一套服装啊，是鬼泣1代中的维吉尔被魔帝改做后的样子啊，是要变身成魔人状态的时候才显示黑骑士的形态啊。而且游戏追加了VERY HARD难度和一个类似无限关卡的BLOODY PALACE模式，追加了DEMO DIGEST《动画观赏模式》和追加了维吉尔的片头的2段动画啊。</t>
  </si>
  <si>
    <t xml:space="preserve">肾小球肾炎？？得了肾小球肾炎到底要怎么治、 </t>
  </si>
  <si>
    <t xml:space="preserve">典型症状有：1、 水肿：在整个疾病的过程中，大多数患者会出现不同程度的水肿，水肿程度可轻可重，轻者仅早晨起床后发现眼眶周围、面部肿胀或午后双下肢踝部出现水肿。严重的患者，可出现全身水肿。然而也有极少数的患者，在整个病程中始终不出现水肿，往往容易被忽视。2、 高血压：有些患者是以高血压症状来求治的，医生要他们化验小便后，才知道是慢性肾炎引起的血压升高。对慢性肾小球肾炎患者来说，高血压的发生是一个迟早的过程，其血压升高可以是持续性的，也可以间歇出现，并以舒张压升高（高于12．7kPa）为特点高血压的程度也有很大的个体差异，轻者仅18.7—21.3/12.7—13.3kPa，严重者甚至可以超过26．7/14．7kPa。3、 尿异常改变：尿异常几乎是慢性肾小球肾炎患者必有的现象，包括尿量变化和镜检的异常。有水肿的患者会出现尿量减少，且水肿程度越重，尿量减少越明显，无水肿患者尿量多数正常。当患者肾脏受到严重损害，尿的浓缩—稀释功能发生障碍后，还会出现夜尿量增多和尿比重下降等现象。把慢性肾小球肾炎患者的尿液放到显微镜下观察，可以发现几乎所有的患者都有蛋白尿，尿蛋白的含量不等，可以从（±）到（++++）。在尿沉渣中可以见到程度不等红细胞、白细胞、颗粒管型、透明管型。当急性发作时，可有明显的血尿，甚至出现肉眼血尿。4、 除此之外，慢性肾小球肾炎患者还会出现头晕失眠、神疲纳差，不耐疲劳、程度不等的贫血等临床症状。包括饮食、降血压、应用抗血小板药、皮质激素治疗、细胞毒性药物治疗、控制和去除加重肾损伤因素。补充回答： 其中陈氏肾炎方治疗肾小球肾炎的效果不错。中药治疗可以试试。 </t>
  </si>
  <si>
    <t xml:space="preserve">如果老公网恋了...... </t>
  </si>
  <si>
    <t>你也去和你老公上网啊,和他一起聊聊,你不要告诉他你是谁,有可能你就成了他的网上恋人了呢?呵呵......</t>
  </si>
  <si>
    <t xml:space="preserve">请问法师人之有志，如树有根，立定此志，须念念谦虚，尘尘方便，自然 </t>
  </si>
  <si>
    <t>有大志，则自知不足，应常怀谦虚，随时随缘学习，“三人行，必有我师焉；择其善者而从之，其不善者而改之”。</t>
  </si>
  <si>
    <t xml:space="preserve">中超级联赛VS国外豪门1.大连实德　　魅力所在：甲A老霸主，在大 </t>
  </si>
  <si>
    <t>不看此文，竟然不知道中超有如此之多的豪门啊．．．．．．</t>
  </si>
  <si>
    <t xml:space="preserve">富人最关心什么？让自己永远富有下去，能让财富有代代传承，自己的企 </t>
  </si>
  <si>
    <t>富人，大部分的人之所以能成为富人，就是有一颗积极进取，不知满足的心。所以，他们关注的永远都是“赚钱、赚钱、赚更多的钱”。</t>
  </si>
  <si>
    <t xml:space="preserve">我的5173帐号怎么被锁定进不去了我的5173帐号怎么被锁定我也 </t>
  </si>
  <si>
    <t xml:space="preserve">尊敬的客户:     您好！5173客户服务033很高兴为您服务！    经查询，该用户名由于订单号DB200810257613969069在买家支付成功后由于卖家原因导致交易取消而被锁定，2008-11-01系统自动解锁。                                                    </t>
  </si>
  <si>
    <t xml:space="preserve">还有多少练CK那些废物的看看吧！建议大家玩私服去~~~老被NC那 </t>
  </si>
  <si>
    <t>这么说可能不太礼貌...但会不会是你自己的操作问题...或者是战术上的错误?</t>
  </si>
  <si>
    <t xml:space="preserve">请问札晃现在怎么样。受影响大吗？大家好。我的亲人在札晃，我想知道 </t>
  </si>
  <si>
    <t>1、地震海啸影响不会太大。但是这次最可怕的是大范围的核辐射污染，这个是必须当心的。包括空气和水，以及食品。2、札幌距福岛核电站的直线距离为620多公里。目前看属于比较安全的范围之内。但是看样子核辐射污染离彻底控制，尚需几个月甚至更长时间。现在核电站每时每刻都在源源不断地经空气和海水向外排放污染物质。现在周围的国家包括中国、韩国、俄国、德国、英国、美国等等，全部检测到污染物质。3、能回国避几个月好，能彻底回国就更好。一、日本今后可能面临更多大地震的威胁；二、日本以后不会像以前那样富裕了。英国预测日本从此开始走向贫穷。我同意这个观点。我对日本的将来持悲观态度。以上供参考。</t>
  </si>
  <si>
    <t xml:space="preserve">人为什么会晕血呢？晕血怎么办? </t>
  </si>
  <si>
    <t xml:space="preserve">晕血症又叫“血液恐怖症”，是一种特殊处境中的精神障碍，此症与怕见蛇、怕见毛毛虫的“物体恐怖”，以及怕见陌生人、怕见异性的“交际恐怖”同属恐怖症，与胆小无必然联系。晕血症与晕车晕船也不同，前者与恐高症类似，是心理问题；后者是内耳平衡器官的生理问题。虽然目前尚未弄清晕血症的发病原因，但这种精神障碍肯定不是俗称“神经病”的那一类精神病。除了不能见血以外，晕血者与常人无异。 患晕血症者，轻者见血就感到恐怖、恶心；重者会失去知觉。这些问题可能会影响患者的工作和生活。但是晕血症不是不治之症，此症若经过“脱敏”治疗(在心理医生指导下反复、逐步地由弱变强地见血)，即可以治愈。 </t>
  </si>
  <si>
    <t xml:space="preserve">Excel使用问题请教各位大虾,在Excel表格中,在输入大量数 </t>
  </si>
  <si>
    <t>选定适用区域，点“格式/单元格/数字/自定义”，在类型框输入固定数字如136，后面输入相应位数如8位#号；使用时，只要输入后8位数字，就会显示136打头的11位数字。</t>
  </si>
  <si>
    <t xml:space="preserve">为什么会有狐臭 </t>
  </si>
  <si>
    <t>一般而言，汗腺有两种，一种是外分泌腺又名小汗腺分布于全身，分泌99%的水分和0.5%的盐分。另一种为顶浆腺又名大汗腺座落皮肤真皮层，开口于毛根部，只分布在腋下或阴部和眉毛，会分泌较浓稠之液体，含有油脂、蛋白质及铁分。再经由腋下上的细菌分解分泌汗，形成恶臭。</t>
  </si>
  <si>
    <t xml:space="preserve">哺乳期我为什么总是感冒啊我的宝宝刚3个多月，我感冒了3次，平均一 </t>
  </si>
  <si>
    <t xml:space="preserve">选择在白开水中泡一些苦丁茶,苦丁是清热解毒,用来祛火的,喝了以后效果很好,记住:一定要多喝水!其实宝宝在前6个月抵抗能力很强的,没有那么容易被传染上感冒,如果你实在不放心的话,喂奶的时候可以戴上口罩!祝你早日康复! </t>
  </si>
  <si>
    <t xml:space="preserve">内侧号应该都会删吧？要不会有新区开的吧。不然没得玩了 </t>
  </si>
  <si>
    <t>必然不删号!!!但新区也必然会开的哈</t>
  </si>
  <si>
    <t xml:space="preserve">我看别人名字有蓝色还有别的颜色的怎么弄的粉名和红名不算啊其他颜色 </t>
  </si>
  <si>
    <t xml:space="preserve">推荐值   </t>
  </si>
  <si>
    <t xml:space="preserve">道具加能力的有没时间限制的？有限制的话，是多久啊？ </t>
  </si>
  <si>
    <t>你在购买的时候上面写着 （+属性 ）的东西 是有12天的使用时间的！(有一条裤子是用积分买的，所以例外）在点了 ‘购买’ 以后上面有写：12天-XXXX点卷这类东西是不管你穿还是不穿，12天以后都要消失的东西！（可以卖积分，在还有最后一天时卖了吧！1000多积分呢，消失了什么都没了）也有用点卷买的东西上面没写 （+属性），着些东西是永久保存的！（头发）点了“购买”以后，只有写：无限制-XXXX点卷，而不写天数！ （这些是永久保存的）</t>
  </si>
  <si>
    <t xml:space="preserve">服务器发生内部错误,上不了,怎么办? </t>
  </si>
  <si>
    <t>既然是内部错误，当然需要内部解决。呵呵，这是蜗牛的问题。大家只能等待了。</t>
  </si>
  <si>
    <t xml:space="preserve">眼睛易发红由于连续加班半个月，用眼过度造成眼睛发红一个多月，用过 </t>
  </si>
  <si>
    <t xml:space="preserve"> 不知是否有异物感，眼干等症状？如果没有其他明显的不适感。通常是因为休息不好，睡眠质量不佳或睡眠不足导致。睡眠不足，可导致眼表球球结膜血管扩张充血（即大家常说的红血丝），所有人如果熬夜（例如一夜未眠),用眼过度（长时间看手机，看电脑屏幕等）可导致眼表反应性充血，表现为“白眼仁”出现明显的红血丝。如何处置？首先进尽可能避免用眼过度（疲劳用眼），如工作时需要长时间注视电脑屏幕，或者需要长时间注视近处。如果有可能，每40-50分钟，休息5-10分钟（可闭眼休息）。同时点用人工泪液。润洁滴眼液不是目前主流的治疗干眼和眼疲劳的滴眼液，因含剂，长期点用还有明显的副作用，建议点用海露滴眼液，白天可每60-90分钟点一次，双眼各点一滴，点后闭眼30-60秒。这种滴眼液不含防腐剂，没有副作用，同时瓶口的设计防污染，一瓶可以用一个月以上。近期注意改善睡眠，尽可能避免上火。睡眠时间足够了，睡眠质量好了，同时点用海露滴眼液，眼红（球结膜充血）会逐渐缓解和消失。另外，所有人的球结膜下都有毛细血管，仔细看都会发现“轻度红血丝”，如果不明显不必在意。祝球结膜充血早日痊愈，有问题欢迎随时留言。</t>
  </si>
  <si>
    <t xml:space="preserve">配电脑利润问题一台组装机商家利润多少钱?品牌机赚多少钱?单价大概 </t>
  </si>
  <si>
    <t>一般品牌机的利润要看买什么牌子，好的品牌价格高，利润当然也高，大概500～1000+。组装机的利润就少多了，如果在电脑公司认识人甚至可以用厂家价格买到，一般不认识人的人去配，利润大概在400元左右。</t>
  </si>
  <si>
    <t xml:space="preserve">如果有一万元资金怎样买股票合适？一万元资金，买低价股合算还是买高 </t>
  </si>
  <si>
    <t>选择业绩好，风险低的，毕竟本金不多，保本最重要</t>
  </si>
  <si>
    <t xml:space="preserve">求二战时英国江河级护航舰的全部舰名和舷号只需在英国海军服役的中文 </t>
  </si>
  <si>
    <t>英国的江河级：K21飞镖河、K92埃克斯河、K97艾文河、K215尼思河、K217斯韦尔河、K219内斯河、K221切尔默河、K222蒂维厄特河、K224柔斯河、K227伊钦河、K230威尔河、K232泰河、K235杰德河、K239特斯特河、K241卡列河、K243特伦特河、K246斯佩河、K248韦弗尼河、K250特威德河、K251里布尔河、K252海尔福德河、K253赫姆斯戴尔河、K254埃特里克河、K255巴林德里河、K256班恩河、K257德格河、K258格莱纳姆河、K259拉干河、K260莫尤拉河、K261莫恩河、K262艾尔河、K263辫子河、K264剑桥河、K266法尔河、K267弗洛姆河、K269埃杜尔河、K269米恩河（沿用转让美国的K297埃杜尔河的舷号）、K270内内河、K271普利姆河、K272塔维河、K292托里奇河、K293蒂斯河、K294托微河、K295鄂斯克河、K297安南河、K298巴尔勒河、K299古克米尔河、K300埃文洛德河、K301芬德霍恩河、K302茵佛河、K303洛夕河、K304帕瑞特河、K305希尔河、K356奥德扎尼河、K365洛希河、K370温德拉什河、K371瓦伊河、K392纳德河、K404安南河（II）、K417哈拉德尔河、K441曼诺河、K458蒂姆河、K523多维河、K525里布尔河（II）、K526奥河、K637塔夫河、战争中，英国海军损失5艘江河级 K227伊钦河号1943年9月23日在北大西洋被德国潜艇U-666击沉K250特威德河号1944年7月1日在爱尔兰西北海域被德国潜艇U-305击沉K259拉干河号1943年9月20日在北大西洋被德国潜艇U-260重创，后无法修复被废弃。 K261莫恩河号1944年6月15日在拉芒什海峡被德国潜艇U-767击沉K299古克米尔河号1943年12月11日在阿尔及尔外海被德国潜艇U-233重创后无法修复被废弃。这是被击沉的K250特威德河号</t>
  </si>
  <si>
    <t xml:space="preserve">第一场可不能出0呀。。那就死了好多单呀。。 </t>
  </si>
  <si>
    <t>确实算冷了！富勒姆这个再进一个吧，进了我就中了啊！</t>
  </si>
  <si>
    <t xml:space="preserve">问些物理题1.雷电是一种常见的自然现象，它蕴藏着巨大的能量。设某 </t>
  </si>
  <si>
    <t>1.(电压你打错了吧,才109V,太不现实了,应该是10^9V吧)(1)W=UIt=UQ=10^9×16.8J=1.68×10^10J(2)Q吸=cm(t1-t0)=4.2×10^3(70-30)J=1.68×10^5Jm水=W/Q吸=1.68×10^10J/1.68×10^5J=10^5kg(3)清洁无污染,可再生.2.空气污染,噪音污染3.从理论上讲，只要不超过声音传播的速度就行了,则再接收到并完成分析以前就撞墙了4.已知：飞机速度V＝680m/s，飞机距离地面高度S＝6000m,声速v'=340m/s。 求：飞机已飞到前方多远的地方s. 解：t=S/v'=6000/340=17.6s s=Vt=680×17.6=12000m. 答：飞机已飞到前方多远的地方12000m</t>
  </si>
  <si>
    <t xml:space="preserve">央行准备金率下调与储蓄存款利率之间有什么关系？后者会受到什么样的? </t>
  </si>
  <si>
    <t>准备金是银行及其他金融机构必须按存款总额的一定百分比（以前是13%）缴存中央银行的存款，这个比例就是准备金率。中央银行通过变动准备金率以影响金融机构的信用创造力和可用于贷款、短期投资的资金，从而调节资金供应和信贷规模，这是中央银行“最猛烈而不常用的武器”。当央行降低存款准备金率时，各商业银行手头的资金就多了，其资金可用于贷款和短期债券投资，投入短期债券的资金多了债券市场收益率就自然会下降。准备金率与储蓄利率都是我国调整经济的一种手段，调低准备金率不一定会影响储蓄利率的调整，当储蓄利率不变时，选择储蓄的人会增多些。</t>
  </si>
  <si>
    <t xml:space="preserve">怀孕三个月为什么阴道会阵痛我是第一次怀孕的，三个月感觉阴道里有时 </t>
  </si>
  <si>
    <t>没有去医院检查吗？首先要排除宫外孕的哦！！！要保持好的心情，有可能是心理的影响吧！！！</t>
  </si>
  <si>
    <t xml:space="preserve">适宜人类享用的使用的淡水资源占淡水资源总量的%几？？ </t>
  </si>
  <si>
    <t>4%.........................................................</t>
  </si>
  <si>
    <t xml:space="preserve">评价下资本主义经济危机资本主义经济危机是偶然的还是必然的,是偶然 </t>
  </si>
  <si>
    <t>原先有个长波理论来定量研究资本主义经济规模随时间变化的过程。只不过似乎最初的研究者因为派系斗争而被排除在主流的社会主义理论家之外，连带着这个理论也被排除了。以个人浅见，这个现象还是必然的吧。比如前几年东南亚金融危机，似乎肇因就是对房地产的过度投资造成泡沫——资本家拼命投资在热门领域抢钱，结果再生产速度过快，搞得不少独立的经济个体不能维持下去而破产；社会的各个经济部门都是相互依赖的，一个部门垮掉了那就至少要波及到为社会生产提供资金的银行系统，进而影响其它领域。关键是如果个体可以完全掌握一部分生产资料，那么他或她就总要去想方设法扩张这个资本，于是即使在僧多粥少时，仍然会有不少的资本继续在自己的领域里扩张，难免最终会浪费大量的社会产品。于是发展到上世纪的时候就需要政府通过宏观调控来控制社会生产能力分配到什么领域。</t>
  </si>
  <si>
    <t xml:space="preserve">小学生应不应该多看电视（正方应说的） </t>
  </si>
  <si>
    <t>1适当的看一点，看多了会让小孩的思维被动，但是电视会让孩子长的见识，也可以学到点东东，如看看奇趣大自然长点对自然的知识，看看学英语的节目，让孩子在轻松中学一些英语。    2从电视上可以接收很多消息，适量的看对每个都有好处的，小学生也是如此，小朋友也有小朋友的世界，如果你不让他看电视，也许他和他的朋友们就会少了不少共同话题，这也是一种社交啊！   3可以丰富知识，增加生活的乐趣，丰富课余生活 看电视作为一项现代社会中信息传播的方式，已经渗透到大多数人的生活中，所以看电视很有必要，起码它是了解自己不能直接接触到的外部世界的最直观、最有效的手段。小学生应该看些动画片、科教片、内容健康的故事片以及一些无伤大雅的娱乐节目（比如“同一首歌”），在掌握得好的情况下，小学生看电视会很有收获呢。</t>
  </si>
  <si>
    <t xml:space="preserve">剥的读音它有几个读音？什么时候读什么音呢？ </t>
  </si>
  <si>
    <t>剥有两个意思，意义基本相同，但是在用法上还是有一点不同１、读bāo：意为去掉外面的皮或其他东西：～皮。～花生。(单音字）２、读bō：义同１，用于复合词：～夺。～削（xuē）。～落。～蚀。　　生吞活～。</t>
  </si>
  <si>
    <t xml:space="preserve">其他业务收入的问题年底报企业所得税,利润表上没有其他业务收入这一 </t>
  </si>
  <si>
    <t>2012-05-07 22:17 补充问题公司是小规模纳税人,交增值税1、会计分录应该借：银行存款等贷：其他业务收入贷：应交税金--增值税2、月末结转时借：其他业务收入贷：本年利润3、如果是所得税季度申报，其他业务收入与主营业务收入合并填写到“营业收入”栏。如果是年报，在附表一第8行“其他业务收入”栏填写。</t>
  </si>
  <si>
    <t xml:space="preserve">请问箭头和弦怎么制作要到武器制作哪章哪节才能学会? </t>
  </si>
  <si>
    <t>箭是武器制作里面的  箭头是铠甲制作里面的  弦是裁缝制作里面的  但个人建议去商店买划算  除了以后的弩失做以为箭最好用买的  或者去任务介绍所做个得200以上点的任务然后再在任务介绍所里面换箭</t>
  </si>
  <si>
    <t xml:space="preserve">学习俄语有什么好处吗?前景怎么样? </t>
  </si>
  <si>
    <t>俄语难学,但是对脑筋有好处...圣彼德堡是好城市,大学院校也多,干净,另外:俄语是冷门,应是有很好的前景的</t>
  </si>
  <si>
    <t xml:space="preserve">各位老师002191成本32元,明天如何操作?谢谢! </t>
  </si>
  <si>
    <t>连续多日在高位调整震荡,有头部迹象,既有获利,看不懂时先离场观望.</t>
  </si>
  <si>
    <t xml:space="preserve">大家进来说说爱沙尼亚VS土耳其这场比赛爱沙尼亚VS土耳其历史战绩 </t>
  </si>
  <si>
    <t xml:space="preserve">01 俄(0) 10-15 23:00 芬　兰(0) --31 02 挪　威(0) 10-16 01:00 荷　兰(0) --10 03 马耳他(0) 10-16 01:30 匈牙利(0) --0 04 卢森堡(0) 10-16 02:15 摩尔多(0) -- 05 斯洛伐(0) 10-16 02:15 波　兰(0) --31 06 波　黑(0) 10-16 02:15 亚美尼(0) 3 07 奥地利(0) 10-16 02:30 塞尔维(0) --30 08 希　腊(0) 10-16 02:30 瑞　士(0) 09 爱沙尼(0) 10-16 02:30 土耳其(0) 10 比利时(0) 10-16 02:45 西班牙(0) 11 伊　朗(0) 10-15 21:30 朝　鲜(0) --30 12 智　利(0) 10-16 07:15 阿根廷(0) --30 13 巴　西(0) 10-16 08:50 哥伦比(0) --3 14 委内瑞(0) 10-16 09:00 厄瓜多(0) </t>
  </si>
  <si>
    <t xml:space="preserve">谜语独游紫金山（成语一） </t>
  </si>
  <si>
    <t xml:space="preserve">元朝和清朝为加强对台湾地区的管辖而采取的相同措施是什么？ </t>
  </si>
  <si>
    <t>元朝和清朝为加强对台湾地区的管辖而采取的相同措施是( ).A.设置行政机构 B.抵御外国入侵C.实行改土归流 D.册封宗教首领【解题思路】本题是2002年上海高考题,考查学生识记重要历史知识以及归纳概括历史问题的能力.中国古代史上中央政府对边疆地区的管辖是学生应突出掌握的重点.元朝设立澎湖巡检司,管辖澎湖和琉球,琉球即今台湾;清朝于1684年设立台湾府,隶属福建省,后于1885年设立台湾行省.[答案] A[应试技巧] 应着重掌握中国古代史上中央政府对边疆地区的管辖,并对同一地区进行纵向归纳.</t>
  </si>
  <si>
    <t xml:space="preserve">文件为什么打不开？急急急急！！！以前我有一个文件夹，用属性高级选 </t>
  </si>
  <si>
    <t xml:space="preserve">xp系统：你那根文件的everyone权限不存在所以打不开，解决的方法是1。找到管理工具--〉本地安全策略--〉安全选项--〉访问：本地账户的共享和安全模式，把它改为“仅来宾：（后面省略）”。如果是2000系统则不用这些改变，直接进行下面的设置。2。找到你打不开的文件夹右键属性--〉安全（“组和用户名称”里应该空的）--〉第一种方法《1》添加--〉高级--〉立即查找--〉找到administrators或你现在的登陆名称--〉确定--〉确定--〉把底下的权限选项钩上完全控制--〉确定。第二种方法《2》高级--〉所有者--〉应该看到administrators的--〉选中并点选底下的替换子容器。。。--〉权限--〉添加--〉高级--〉立即查找--〉找到administrators或你现在的登陆名称--〉确定--〉确定--〉把访问设为完全控制并勾选下面的将这些审核项目。。。--〉确定--〉等待完成--〉审核--〉下面的步骤同权限选项卡--〉完成后确定--〉确定。在试着打开你原来打不开的那个文件夹。祝你好运。如果还有问题。 </t>
  </si>
  <si>
    <t xml:space="preserve">周三是否凶多吉少？你悲观还是乐观 </t>
  </si>
  <si>
    <t>周三有继续向下的可能，不过现在还看不出大盘的走向，个人认为周三不是关键，如果横盘整理后继续向上，应该没有问题，但如果回补了前日的跳空缺口，就要小心了。</t>
  </si>
  <si>
    <t xml:space="preserve">云南昆明,文科,男,576分,报考中南财经政法大学有无希望中南财 </t>
  </si>
  <si>
    <t>渺茫 但是有时候需要点勇气 我考的时候是估分填报志愿报的最高志愿是云大 分数下来后才知道 可以上复旦</t>
  </si>
  <si>
    <t xml:space="preserve">确认结婚日期男，农历1984年三月初六女，农历1984年十月十八 </t>
  </si>
  <si>
    <t>您好，您提供的日期资料有误！以下2天都不宜领证和举行结婚仪式。1、阳历2012年7月7日，农历（阴历）五月十九（己巳）日。2、阳历2012年7月15日，农历（阴历）五月二十七（丁丑）日。祝白头偕老，百年好合。</t>
  </si>
  <si>
    <t xml:space="preserve">怎样挥复因主机更换qq密码和昵称而丢失的聊天记录?请教各位大侠, </t>
  </si>
  <si>
    <t xml:space="preserve">看了那么多的朋友在想找回丢失了的QQ聊天记录，终于让我找到了方法。这里介绍的方法很好用，尤其是找回指定QQ号码的聊天记录，而且还是指定QQ号码自使用到现在为止所有的聊天记录。具体看这里介绍的方法： </t>
  </si>
  <si>
    <t xml:space="preserve">问题１你们在农行的定投委托书是什么样的？我的这个叫－－开放式基金? </t>
  </si>
  <si>
    <t>拿着你的委托书，到银行去问明白！（否则你心里踏实吗？）要有定投基金名称；定投金额；每月扣款日期。期限，有的有，有的没有，无所谓。三次卡里没钱或钱不够，定投终止，基金份额仍是你的，可随时赎回。</t>
  </si>
  <si>
    <t xml:space="preserve">关于电磁炉电磁炉什么品牌的最好用？１，我是三口之家，买多大功率的 </t>
  </si>
  <si>
    <t>我是二年前花二百元买的九阳电磁炉，天天都在用，不太爱惜，插头一天到晚都插着的。　但现在居然还是很好用。唉，推荐你买九阳的吧。电碰炉本身不是很贵，从网上购买，算上运费，绝对不会便宜的。若是知名品牌的从网上买，居然比在商场便宜，估计是冒牌的吧？~~~~~~~~~~~~~~~电磁炉的功率，是可以很方便地调节的。所以，买较大的功率较好，一般家用的，在1800W～2000W左右。　我用的九阳是1900W的。电磁炉，功率是可以调节的，所以买2000W是个好选择。我的是1900W的。电磁炉从低到高有十多个档位调节，还有炒菜、火锅等多种模式，另外还可以设定时间，在使用上是相当方便的。一般家里，添个电磁炉，电线都可以用的，放心。　若是房子的配电线路较老，需要检查一下。</t>
  </si>
  <si>
    <t xml:space="preserve">怎么样才能提高？ </t>
  </si>
  <si>
    <t>要提高什么？ 粉丝的话就多关注别人就有了</t>
  </si>
  <si>
    <t xml:space="preserve">历次印花税相应调整后大盘走势回顾证券交易印花税调整的历史，无论是 </t>
  </si>
  <si>
    <t>这次什么状况呢？大家拭目以待！</t>
  </si>
  <si>
    <t xml:space="preserve">粘塑料的胶水有哪些？ </t>
  </si>
  <si>
    <t>小面积用５０２，ＡＢ哥俩好都可以，大面积则需要用大力胶，俗称８０１或９６６来粘接!</t>
  </si>
  <si>
    <t xml:space="preserve">求助求助求助尼康J1第一次充电需要几个小时？ </t>
  </si>
  <si>
    <t>24个小时左右</t>
  </si>
  <si>
    <t xml:space="preserve">生产多晶硅的原料是什么？ </t>
  </si>
  <si>
    <t>多晶硅（Polycrystalline silicon）是生产单晶硅的直接原料，是当代人工智能、自动控制、信息处理、光电转换等半导体器件的电子信息基础材料。被称为“微电子大厦的基石”。主要的多晶硅生产商有Hemlock Semiconductor、瓦克集团(Wacker Chemie)、REC、日本德山公司(TOKUYAMA)、MEMC、Mitsubishi、Sumitomo-Titanium，以及一些中国的一些比较小的生产商。排在前面的7家公司2006年产量超过全球多晶硅产量的75%。</t>
  </si>
  <si>
    <t xml:space="preserve">钓鱼300之后到哪去学 </t>
  </si>
  <si>
    <t>钓鱼 宗师钓鱼教材 - 下钩的艺术 乔诺·杜伏恩 赞加沼泽 坐标（78 66）</t>
  </si>
  <si>
    <t xml:space="preserve">贝多芬给了学生什么样的启示？ </t>
  </si>
  <si>
    <t>背了课本就会多得分.</t>
  </si>
  <si>
    <t xml:space="preserve">心脏供血不足，平时吃什么可以缓解平时感觉到心脏有点供血不足。可是 </t>
  </si>
  <si>
    <t>心肌供血不足，主要因为冠状动脉硬化或有纤维蛋白、胆固醇等粘在血管壁上，造成血管腔变窄，血流通过量减少，或者因为吸烟或饮酒后、或者情绪异常、气候突变等因素导致冠状动脉的痉挛，使供给心肌的血液不足。冠状动脉供血不足可以引起心绞痛，严重的可引起心肌梗塞。保持平稳，避免忽高忽低，那样对心脏不利。不严重可以先用点中药，或者用点复方丹参片也挺好。关键还是把血压稳定好。不用太紧张。</t>
  </si>
  <si>
    <t xml:space="preserve">一子三叶茶效果怎么样？ </t>
  </si>
  <si>
    <t>.全国免费订购热线：400-0330-968在线咨询客服ＱＱ：321306798一子三叶茶的减肥功效已经被广大肥胖患者所肯定，而它的泄脂能力也是受到了广大肥胖患者的认可，它采用中草药配方，安全无任何副作用，已经获得了国家权威部门的认证，是消费者公认的减肥好产品。身材发胖，这其实不是传说中的福相，而是身体发出了不健康的信号。大家都知道，肥胖的主要原因就是由于摄入了过多的营养物质，导致身体脂肪堆积，最终形成赘肉，不仅仅是有损形象，也是高血脂等疾病的主要原因。因此，为了我们的形象，更为了我们的健康着想，我们必须要想方设法减肥，恢复健康的好身材，而选择一子三叶茶一定是明智之选。</t>
  </si>
  <si>
    <t xml:space="preserve">ie浏览器程序被删掉了怎么恢复ie浏览器程序被删掉了,怎么恢复? </t>
  </si>
  <si>
    <t xml:space="preserve">IE是删除不掉的，可能是你的IE出现了错误，建议修复一下系统。建议先查杀一下木马，修复一下系统试试。建议你下载恶意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软件也可以在正常模式中进行查杀）。1、开机按F8进入安全模式后在退出，选重启或关机在开机，就可以进入正常模式（修复注册表）。 2、如果故障依旧，请你用系统自带的系统还原，还原到你没有出现这次故障的时候修复（或用还原软件进行系统还原）。 3、如果故障依旧，使用系统盘修复，打开命令提示符输入SFC /SCANNOW 回车（SFC和/之间有一个空格），插入原装系统盘修复系统，系统会自动对比修复的。 4、如果故障依旧，在BIOS中设置光驱为第一启动设备插入原装系统安装盘按R键选择“修复安装”即可。5、如果故障依旧，建议重装操作系统。如果实在不行，建议选择修复安装，这样即修复了系统，又可使C盘的程序和文件不受损失。如果是IE损坏，请下载超级兔子在她的选项中有重装IE，建议重装IE。下载地址： </t>
  </si>
  <si>
    <t xml:space="preserve">钣金喷漆费用大概是多少?右前侧车身，车轮上方被其他车辆倒车撞了一 </t>
  </si>
  <si>
    <t>这位网友您好:通过您的描述应该没有上商业保险，属于自费，若没有伤到底漆的话建议先不要处理，因为一旦喷漆就和车身颜色有差别，有机会一起处理。谢谢</t>
  </si>
  <si>
    <t xml:space="preserve">如何提高怀孕机率我32,她41,她的月经很正常,我们的性生活也正 </t>
  </si>
  <si>
    <t>你好！建议你爱人在来月经的第3-5天（经期）空腹抽血做性激素六项检查（包括：促黄体生成素(LH)，促卵泡刺激素(FSH)，泌乳素(PRL)，睾酮(T)，孕酮(P)，雌二醇(E2)）；并在排卵期做B超了解是否有成熟的卵泡发育，你本人最好5-7天不排精做精液分析。了解你夫妻的受孕能力就可以知道为什么几个月过去了你爱人没有怀孕的原因。</t>
  </si>
  <si>
    <t xml:space="preserve">救急!!妇科医生和妇女进!!我今天检查出患有外阴白斑,请问外阴白 </t>
  </si>
  <si>
    <t xml:space="preserve">妇女外阴白斑(外阴营养不良）是妇科疑难症之一， 发病机理主要来自于三种原因：1、遗传或隔代遗传;2、自身内分泌的缺乏或失调;3、自身免疫功能下降。此病主要分四型：增生型、单纯萎缩型、苔藓硬化型、混合型，病情顽固复杂。轻者白带增多、痒痛难忍；重者外阴部增生、硬化、萎缩，性欲减退或无性欲。尤其是单纯萎缩型患者（无明显瘙痒或轻微瘙痒），如得不到及时治疗，可引起尿道炎、膀胱炎、肾炎、肾盂肾炎等。严重的可导致外阴萎缩，失去弹性、双侧小阴唇完全消失，阴蒂与包皮粘连、尿道萎缩、尿频、阴道狭窄、尿失禁或尿射向两侧、淋漓不尽、或尿流入后面到肛门处等，性生活疼痛并伴有裂口,或失去性生活功能的患者，晚期则易发生癌变.到这里看看 </t>
  </si>
  <si>
    <t xml:space="preserve">大家一般怎么称呼自己的另一半"?"暧昧的,含蓄的,直接的大家不妨 </t>
  </si>
  <si>
    <t>根据情况(环境 心情 等)分别有以下几种叫法:    家自婆(上海音)    达令    嗳    子超娘(爹)    HI    老婆    亲爱的    翠花    内人    宝贝    老太婆    我的一半呢    菜皮</t>
  </si>
  <si>
    <t xml:space="preserve">求一千字的时事论文,有关朝核问题.时间紧张,在此谢谢了 </t>
  </si>
  <si>
    <t xml:space="preserve">    10月9日，朝鲜宣布成功进行了核试验，在社会引起巨大震动。中国政府发表声明，谴责朝鲜无视国际社会的普遍反对悍然实施核试验的行为，明确表示了“坚决反对”的鲜明立场。美、日、韩、俄、澳等国也纷纷谴责朝鲜的行为。联合国安理会展开紧急磋商，并于14日通过第1718号决议，宣布对朝鲜实施包括武器和战略物资禁运、冻结金融资产、奢侈品禁运等多项内容的严厉制裁。日本和澳大利亚等国还宣布了各自进行的对朝制裁措施。    面对国际社会的强烈反应，朝鲜政府于17日发表声明，称核试验是“主权国家自主的、合法的权利”，是保卫国家安全的“积极的防御措施”。声明称安理会决议是根据美国的脚本拟定的对朝“宣战布告”，朝方“强烈谴责和坚决拒绝接受”该决议。不仅如此，来自美日韩等国的信息显示，朝鲜正在准备进行第二次或更多次核试验。     目前，美国国务卿正在对日韩中俄等国展开访问，中心议题是讨论如何落实安理会决议并为缓解当前急剧升高的朝核危机寻找解决方案。中国政府一直主张应尽快恢复六方会谈，通过外交渠道解决问题。美国政府也已表示准备无条件重返六方会谈。朝鲜政府在进行核试验的同时，也表示有意通过外交谈判解决核危机。今后朝鲜政府能否在重返六方会谈上作出积极回应将成为人们关注的焦点。    诚然，由于过去举行的多轮六方会谈事实上未能达到阻止朝鲜发展核武器的目的，导致国际社会对六方会谈的前景出现信心危机。但是，即使在目前形势下，包括美国在内的各国仍坚信必须通过和平方式和外交手段解决朝核危机。从这个意义上讲，六方会谈虽然并非完美有效的方式，但仍是在目前形势下外交解决朝核危机的惟一为各国接受的现实方式。    因此，只要与会六国能够在总结以往经验教训的基础上，重建对会谈的信心，进一步改善、充实并强化六方会谈的机制，就能够在外交解决朝核危机的道路上取得新的进展。为此，美朝应该显示灵活，为重启六方会谈作出更多努力。</t>
  </si>
  <si>
    <t xml:space="preserve">2006年上海会计上岗证考哪些科目？考试安排、报名时间、参考书目? </t>
  </si>
  <si>
    <t>根据《中华人民共和国会计法》、财政部《会计从业资格管理办法》及上海市财政局《上海市会计从业资格管理实施办法》的精神，现就2006年上半年会计从业资格考试的有关事项通知如下：　　一、考试科目和日期　　会计从业资格考试实行全市统一组织、统一命题、统一评分标准。　　考试科目为：财经法规与会计职业道德、会计基础和初级会计电算化三门科目。　　考试日期定于2006年4月8日（星期六），具体安排如下：　　财经法规与会计职业道德 ：下午13：00—14：30　　会计基础 ：              下午15：30—17：30　　初级会计电算化: 全年常设考场。考生另行报名参加上海市初级会计电算化考试。</t>
  </si>
  <si>
    <t xml:space="preserve">怎样买到分期付款的车。我想买辆车做出租车生意，但是一次拿不出那大 </t>
  </si>
  <si>
    <t>买二手的吧，那种公司用了还没一年的，不难找的。有的公司买了后悔的很多价格可以便宜好几万</t>
  </si>
  <si>
    <t xml:space="preserve">同一个角α的正弦、余弦的平方和等于1，商等于角α的正切。这句话后? </t>
  </si>
  <si>
    <t>什么叫“正切长度”? 正切是三角函数（直角三角形中锐角的对边长度与邻边长度之比），无量纲的！</t>
  </si>
  <si>
    <t xml:space="preserve">我现在怀孕30周，早几天做B超发现胎儿双肾积水5mm,这样严重吗? </t>
  </si>
  <si>
    <t>胎儿肾积水0.5-1cm，90%未生理性，生后不需治疗。</t>
  </si>
  <si>
    <t xml:space="preserve">推薦：卡塔尼??（+1）大家觉得呢 </t>
  </si>
  <si>
    <t>卡塔尼??（+</t>
  </si>
  <si>
    <t xml:space="preserve">鬼火是怎么回事? </t>
  </si>
  <si>
    <t xml:space="preserve">鬼火”实际上是磷火，是一种很普通的自然现象。它是这样形成的：人体内部，除绝大部分是由碳、氢、氧三种元素组成外，还含有其他一些元素，如磷、硫、铁等。人体的骨骼和磷脂里含有较多的磷。人死了，躯体里埋在地下腐烂，发生着各种化学反应。磷由磷酸根状态转化为磷化氢。磷化氢是一种气体物质，燃点很低，在常温下与空气接触便会燃烧起来。磷化氢产生之后沿着地下的裂痕或孔洞冒出到空气中燃烧发出蓝色的光，这就是磷火，也就是人们所说的“鬼火”。 </t>
  </si>
  <si>
    <t xml:space="preserve">裁判漏判曼城点球！很明显的禁区犯规！ </t>
  </si>
  <si>
    <t>不是漏判,庄家就是这么安排的</t>
  </si>
  <si>
    <t xml:space="preserve">今天有点冲动，想加1W的嘉实主题，大家觉得怎么样。如上。 </t>
  </si>
  <si>
    <t>如果准备长期持有，加！我在1号那天也狠下心加了，结果昨天跌了，今天又涨回来了，心理还算平衡。</t>
  </si>
  <si>
    <t xml:space="preserve">身体痕痒暑假时身体就开始痕痒,间中搽了药,打了针,和吃了中药,都 </t>
  </si>
  <si>
    <t>有一种草方.用破豁.板篮根和大清叶.蒲公英.芦根.鱼醒草等清热解毒的药物用水煮沸泡身体.</t>
  </si>
  <si>
    <t xml:space="preserve">请问如何判断个股股价在一个价格区间可能会破位？ </t>
  </si>
  <si>
    <t>看盘中成交明细交易量大小，有无多次大的卖单出现</t>
  </si>
  <si>
    <t xml:space="preserve">想带孩子去成都玩玩，有去过成都的朋友给点意见，怎样住宿游玩？ </t>
  </si>
  <si>
    <t>如果是想去自然风光的话，可以去成都周边的峨眉山、青城山、都江堰看一下，除了峨眉山，其他基本上都可以一天解决。如果是想去人文一点的话，成都城区有武侯祠、杜甫草堂等。另外成都城里有锦里、宽窄巷子、琴台路，是近几年比较热门的商业综合街，集成都传统文化与现代文化于一体的。另推荐古镇：成都周边古镇黄龙溪（双流）、洛带（龙泉），都是值得一去的。推荐路线：第一天，抵达成都安排在城区住宿，下午至晚上去逛宽窄巷子或者锦里，这儿两个地方的夜晚灯光还是挺棒，可以第一时间感受到成都的气氛。第二天，在市区旅游客运中心车站乘坐汽车前往青城山，走前山参观道观及山区自然风光，夜晚住在青城山山脚下的古镇。第三天，从青城山山脚回来，顺路到都江堰参观。所谓问道青城山，看水都江堰。第三天下午回到成都，根据自身状况安排是否游览城区。第四天，一样乘坐旅游客运中心的车前往洛带或黄龙溪古镇。两个古镇的风光不太一样，洛带更偏重于玩和吃，人比较多。黄龙溪更生活化，居民有很多直接住在当地，很多成都人在天气好的时候都在那里打麻将。黄龙溪的油炸小鱼虾有点不干净，可以适当买一点尝尝，炒野菜和一家袁肘子的肘子很好吃，可以试试。（如果要坐飞机回家的话，可以考虑黄龙溪，它就在双流，就可以不用回成都了）。希望能帮到你，有什么问题可以再联系我。</t>
  </si>
  <si>
    <t xml:space="preserve">您好!请问探亲避孕药哪个品牌的药效好些,对身体伤害小些呢?我和我 </t>
  </si>
  <si>
    <t>建议你去正规的计划生育服务部门去问一下，可以免费发放。安全而经济。</t>
  </si>
  <si>
    <t xml:space="preserve">建文帝朱允文请问建文帝的南京被燕王用了多久攻破.?手下有什么有才 </t>
  </si>
  <si>
    <t>从发兵公用4年，齐泰，黄子澄等，武将李景隆算一个。靖难之役，是明朝开国皇帝朱元璋死后不久爆发的一场统治阶级内部争夺皇位的战 争。起于建文元年（1399年）燕王朱棣以“清君侧之恶”的名义举兵反抗朝廷，至建文 四年朱棣由燕王荣登皇位而结束，历时4年。     由农民起义领袖登上皇位的朱元璋，为了确保朱明王朝千秋万代地统治下去，一方 面加强君主专制统治，把军政大权牢牢地掌握在皇帝一人手中，另一方面，想方设法加 强皇室本身的力量，其具体的办法就是分封诸王。他把自己的24个儿子和1个从孙封为 亲王，分驻全国各战略要地，想通过他们来屏藩王室。朱元璋是这样说的：“天下之大， 必建藩屏，上卫国家，下安生民，今诸子既长，宜各有爵封，分镇诸国。” 从全国来看，这些封藩主要有两类，一是腹里，二是边塞要地。受封诸王在自己的 封地建立王府，设置官属，地位相当高，公侯大臣进见亲王都得伏而拜谒，无敢钧礼。     每一个藩王食粮万石，并有指挥权，于王府设亲王护卫指挥使司，辖军三护卫，护 卫甲士少者3000人，多者1．9万人。边塞诸王因有防御蒙古贵族侵扰的重任，所以护卫 甲士尤多。北平的燕王朱棣拥兵10万，大宁的宁王“带甲八万，革车六千”。他们在边塞负责筑城屯田、训练将兵、巡视要害、督造军器。晋王、燕王多次出塞征战，打败元 朝残余势力的军队，尤被重视，军中大将皆受其节制，甚至特诏二王军中小事自断，大事才向朝廷报告。尤其是燕王，由于功绩卓著，朱元璋令其“节制沿边士马”，地位独尊。     藩王势力的膨胀，势必构成对中央政权的威胁。在朱元璋大封诸王的时候，有个叫叶伯巨的人指出，藩王势力过重，数代之后尾大不掉，到那时再削夺诸藩，恐怕会酿成 汉代“七国之叛”、西晋“八王之乱”的悲剧，提醒朱元璋“节其都邑之制，减其卫兵， 限其疆土”。朱元璋不但听不进劝告，反而把叶氏抓进监牢，囚死狱中。 事态的发展，远远超出了叶伯巨的预料，中央政权与藩王之间的矛盾，未及数世而在朱元璋死后就立即强烈地爆发了。     洪武二十五年（1392年）太子朱标病死，朱元璋立太子的嫡子朱允?晌侍铩：?武三十一年，朱元璋去世，朱允?杉吹畚唬俏ㄎ牡邸Ｖ煸?稍谧龌侍锸保投灾?藩王不满，曾与他的伴读黄子澄商量削藩对策。即帝位后，采纳了大臣齐泰、黄子澄的 建议，决定先削几个力量较弱的亲王的爵位，然后再向力量最大的燕王朱棣开刀，并令 诸亲王不得节制文武将吏。皇族内部矛盾由此迅速激化。建文帝命令将臣监视朱棣，并 乘机逮捕之。朱棣得到这一消息，立即诱杀了前来执行监视逮捕任务的将臣，于建文元 年（1399年）七月起兵反抗朝廷。     朱元璋当国时，恐权臣篡权，规定藩王有移文中央索取奸臣和举兵清君侧的权利， 他在《皇明祖训》中说：“朝无正臣，内有奸逆，必举兵诛讨，以清君侧。”朱棣以此 为理由，指齐泰、黄子澄为奸臣，须加诛讨，并称自己的举动为“靖难”，即靖祸难之 意。因此，历史上称这场朱明皇室内部的争夺战争为“靖难之役”。     朱棣初起兵时，燕军只据北平一隅之地，势小力弱，朝廷则在各方面都占压倒性优势。所以战争初期，朝廷拟以优势兵力，分进合击，将燕军围歼于北平。朱棣采取内线作战，迅速即攻取了北平以北的居庸关、怀来、密云和以东的蓟州、遵化、永 平（今河北卢龙）等州县，扫平了北平的外围，排除了后顾之忧，便于从容对付朝廷的 问罪之师。 经过朱元璋大肆杀戮功臣宿将之后，朝廷也无将可用，朱允?芍缓闷鹩媚杲畔〉?幸存老将耿炳文为大将军，率军13万伐燕。建文元年八月（真定之战），师至河北滹沱河地区。燕王 在中秋夜乘南军不备，突破雄县，尽克南军的先头部队。继而又于滹沱河北岸大败南军 的主力部队。建文帝听到耿炳文军败，根据黄子澄的推荐，任李景隆为大将军，代替耿 炳文对燕军作战。     李景隆本是绔绔子弟，素不知兵，“寡谋而骄，色厉而馁”。九月，李景隆至德州， 收集耿炳文的溃散兵将，并调各路军马，共计50万，进抵河涧驻扎。当朱棣侦知李景隆 军中的部署后，笑着说，兵法有五败，李氏全犯了，其兵必败无疑，这就是政令不修， 上下离心；兵将不适北平霜雪气候，粮草不足；不计险易，深入趋利；求胜心切，刚愎 自用，但智信不足，仁勇俱无；所部尽是乌合之众，且不团结。为了引诱南军深入，朱棣决计姚广孝协助世子朱高炽留守北平，自己亲率大军去援救被辽东军进攻的永平，并告诫朱高炽说： “李景隆来，只宜坚守，不能出战。”朱棣还撤去了芦沟桥的守兵。     朱棣这一招果然灵验，李景隆听说朱棣率军赴援永平，就率师于十月直趋北平城下。 经过芦沟桥时见无守兵，禁不住欢喜，说：不守此桥，我看朱棣是无能为力了。这时朱高炽在北平城内严密部署，拼死守卫。李景隆则号令不严，指挥失当，几次攻城，皆被击退。南军都督瞿能曾率千余精骑，杀人张掖门，但后援不至，只好停止进攻。又因李景隆贪功，要瞿能等待大部队一起进攻，错过了时机。燕军则因此得到喘息，连夜往城 墙上泼水，天冷结冰，待到次日，南军也无法攀城进攻了。 朱棣解救永平之后，率师直趋大宁（今内蒙古宁城西）。    大宁为宁王朱权的封藩，所属朵颜诸卫，多为蒙古骑兵，骁勇善战。朱棣攻破大宁 后，挟持宁王回北平，合并了宁王的部属及朵颜三卫的军队。朱棣带着这些精兵强将于 十一月回师至北平郊外，进逼李景隆军营。燕军内外夹攻，南军不敌，李景隆乘夜率先 逃跑，退至德州。次日，士兵听说主帅已逃，“乃弃兵粮，晨夜南奔”。     建文帝为大臣所蒙蔽，反而奖励打了败仗的李景隆。建文二年（1400年）四月，李 景隆会同郭英、吴杰等集合兵将60万众，号称百万，进抵白沟河（今河北雄县北）。朱棣命令张玉、朱能、陈亨、丘福等率军十余万迎战于白沟河。战斗打得十分激烈，燕军一度受挫。但南军政令不一，不能乘机扩大战果。燕军利用有利时机，力挫南军主将， 南军兵败如山倒。李景隆再次退走德州。燕军跟踪追至德州。五月，李景隆又从德州逃 到济南。朱棣率燕军尾追不舍，于济南打败李景隆率领的立足未稳的十余万众。济南在都督盛庸和山东布政使铁铉的死守下得以保住。朱棣围攻济南三月未下，恐粮道被断，遂回撤北平，盛庸收复德州。    李景隆在几个月的时间内一败再败，建文帝撤免了他的大将军职务，建文帝采黄子澄之谋，遣使议和以求缓攻，又任命盛庸为平燕将军，代李景隆统兵代之以盛庸。盛庸屯兵德州，以遏燕军南下。 建文二年九月，盛庸率兵北伐，十月，至沧州，为燕军所败。十二月，燕军进至山 东临清、馆陶、大名、汶上、济宁一带。盛庸率南军于东昌（今山东聊城），严阵以待。     燕军屡胜轻敌，被南军大败，朱棣亲信将领张玉死于战阵，朱棣自己也被包围，借朱能 援军的接应才得以突围。东昌战役是双方交战以来，南军取得的第一次大胜利。兵败后， 朱棣总结说：东昌之役，接战即退，前功尽弃，今后不能轻敌，不能退却，要奋不顾身， 不惧生死，打败敌手。    建文三年（1401年）二月，朱棣率军出击，先后于滹沱河、夹河、真定等地打败南 军。接着，又攻下了顺德、广平、大名等地。战争已经进行了两年的时间，南北交战主要在河北、山东。燕军虽屡战屡胜，但南军兵多势盛，攻不胜攻，燕军所克城邑旋得旋失，不能巩固。能始终据守者，不过北平、保定、永平三府而已。正在朱棣为此而苦恼之际，南京宫廷里不满建文帝的太监送来了南京城空虚宜直取的情报。朱棣手下谋士也劝朱棣勿攻城邑，越过山东，以迅速行动直趋金陵，金陵势弱无备，必可成功。于是朱棣决定跃过山东，直捣金陵。朱棣据此决定举兵南下，直指京城。     建文四年（1402年）正月，燕军进入山东，绕过守卫严密的济南，破东阿、汶上、 邹县，直至沛县、徐州，向南直进。而燕军已过徐州，山东之军才南下追截。四月，燕军进抵宿州，与跟踪袭击的南军大战于齐眉山（今安徽灵璧县境），燕军大败。双方相持于淝河。在这次决战的关键时刻，建文帝受一些臣僚建议的影响，把徐辉祖所率领的军队调回南京，削弱了前线的军事力量，南军粮运又为燕军所阻截，燕军抓住时机，大败南军于灵璧，仅俘获南军将领即几百人。自此，燕军士气大振，南军益弱。朱棣率军突破淮河防线，渡过淮水，攻下扬州、高邮、通州（今江苏南通）、泰州等要地，准备强渡长江。这时，朱棣之子朱高煦引番骑赶到，燕军军势大振。    建文帝曾想以割地分南北朝为条件同燕王议和，被拒绝。六月初三，燕军自瓜洲渡 江，镇江守将降城，朱棣率军直趋金陵。十三日进抵金陵金川门，守卫金川门的李景隆和谷王为朱棣开门迎降。燕王进入京城，文武百官纷纷跪迎道旁，在群臣的拥戴下即皇帝位，是为明成祖，年号永乐。历时四年的 “靖难之役”以燕王朱棣的胜利而告终。 　　“靖难之役”历时三年，前期作战南军连连败藉。但自济南保卫战后，南军主力屯驻德州，相机出击，以遏燕军。德州处在运河线上，南北交通便利，燕军自河北南下，始终处在德州的监控之下。燕军南攻时，南军或自德州横出断其归路，或袭扰其补给线，或乘虚北攻。所以，虽以朱棣之善用兵，南军再未出现过战争初期的那种大的挫败，燕军势力基本上被阻在山东以北。朱棣未克山东，故虽屡战屡胜，激战两年半，却始终未能打开局面。等到他越过山东，直趋金陵，半年时间便夺取了政权。  　　不过，朱棣撇下山东，径直南下，实属铤而走险。南北朝时，以北魏的国力和太武帝之雄才大略，在击破刘宋黄河一线之军后，长驱江淮，兵临瓜步，饮马长江，也未敢渡江以争江南。朱棣的这种战术也只能在那时特殊的形势下才有可能成功。自明初朱元璋杀功臣后，明廷已无堪与朱棣相匹敌的将才，所以朱棣南下才有恃无恐。其次，“靖难之役”在那个时代的观念中，纯属一家一姓内部之争，所以建文帝虽一再下诏“勤王”，但真正勤王者少，而归顺燕军者多。不然，朱棣孤军南下，建文帝只需坚守金陵，坐待四方勤王之师会合，山东方面则截断燕军的补给线和退路，那样的话，朱棣处境势必极其危险。因此，换上另一人，换上另一种背景，则断不敢冒险采取这种战术，置山东于不顾。    战争虽结束，与此相关的历史却在发展。 燕王进京后，宫中起火，建文帝下落不明。有的说建文帝于宫中自焚而死，或云建 文帝由地道出亡，落发为僧，云游天下，传说他于正统朝入居宫中，寿年而终。建文帝 的真正下落已不可确考，成为明史上的一大悬案。     当上皇帝的朱棣，大肆杀戮曾为建文帝出谋划策及不肯迎附的文臣武将。齐泰、黄子澄、景清等被整族整族地杀掉： “命赤其族，籍其乡，转相扳染，谓之瓜蔓抄，村里为墟。”有“读书种子”之谓 的方孝孺，因不肯为朱棣撰写即位诏书，九族全诛，这还没完，又将其朋友门生作为一 族全部杀掉，十族共诛873人。这次清洗极为残酷，共有数万人惨死于朱棣的屠刀之下。     四年的“靖难之役”，给明初刚刚有所恢复的社会经济以较大的破坏，而直接遭到 战争践踏的地区，破坏可为严重，史书上称“淮以北鞠为茂草”，当为真言。</t>
  </si>
  <si>
    <t xml:space="preserve">电学中“耦合”是什么意思？ </t>
  </si>
  <si>
    <t>耦合是指两个或两个以上的电路元件或电网络的输入与输出之间存在紧密配合与相互影响，并通过相互作用从一侧向另一侧传输能量的现象；概括的说耦合就是指两个或两个以上的实体相互依赖于对方的一个量度。耦合作为名词在通信工程、软件工程、机械工程等工程中都有相关名词术语</t>
  </si>
  <si>
    <t xml:space="preserve">我153CM的身高，42公斤的体重，一尺九的腰围（其实只有一尺八? </t>
  </si>
  <si>
    <t>有个公式计算体重是否正常：标准体重=（身高CM-105)x2                         按照这个公式你的体重应该是48公斤，可以看出你属于偏瘦的。千万不要在意他人的说法，健康才是最重要的。祝开心快乐！</t>
  </si>
  <si>
    <t xml:space="preserve">大家看看我的车怎么改车是马丁PDFKSSSC一套SJ一套SUC一 </t>
  </si>
  <si>
    <t>城市0.22  SUC一套  -85  方向看自己习惯锦标SSC6件  SUC高凸 四度  -105(短图)  -85(长图)  0.22方向自己习惯</t>
  </si>
  <si>
    <t xml:space="preserve">在家上网玩中国游戏中心在线游戏突然掉线再上提示密码不对知道号被盗? </t>
  </si>
  <si>
    <t>先下个木马清除工具，比如ewido,后断开网络，然后先用杀毒软件做次全盘杀毒，接着用你下的木马清除工具再做次全盘清除。应该可以了。同意楼上的意见，应该是中了木马。</t>
  </si>
  <si>
    <t xml:space="preserve">病毒入侵会不会对网络速度有哪些影响？如果黑客用病毒来探测机器会不 </t>
  </si>
  <si>
    <t>首先要明确的是，黑客是不能用病毒来扫描你的，黑客只是用一些远程木马扫描工具或端口扫描工具来对其攻击，病毒通常是通过文件，邮件等来传播的．有的病毒确实可以让你的网速变慢，它可以占用你大量的ＣＰＵ，造成系统资源不足导致网速变慢，楼上说的蠕虫病毒更是传播速度快，范围广，严重时导致网络短暂性瘫痪．但不会造成你说的游戏断线，有的病毒可以屏蔽大多数的防病毒网站和娱乐网站，但不会造成使压缩包都不能下载，不能使用倒有可能，如破坏你的压缩文件．其实黑客并不可怕，只要及时的为你的杀毒软件升级，系统打上补丁，将防火墙安全级别设为最高，并不上不良网站，不打开可疑邮件，不下载黑客软件（大多都捆绑木马），打开实时监控，那么你很安全．</t>
  </si>
  <si>
    <t xml:space="preserve">猪和狗猪可爱还是狗可爱啊？ </t>
  </si>
  <si>
    <t>它们其实是不可以放在一块比较的，再说每个人有不同的喜好，喜欢 猪的憨厚的人也有很多啊，总的来说都是一样的。只要你喜欢，即便是青蛙也是可爱的。</t>
  </si>
  <si>
    <t xml:space="preserve">想查下商标，哪家公司能给商标查询？ </t>
  </si>
  <si>
    <t>商标查询吗，大信智和商标代理公司可以是免费给您查询，你可以看看</t>
  </si>
  <si>
    <t xml:space="preserve">将点燃的蜡烛熄灭，会产生白烟。用火柴去点它，蜡烛能否重新燃烧。由? </t>
  </si>
  <si>
    <t xml:space="preserve">    能，白烟是蜡烛不完全燃烧的产物，一般是含碳的有机混合物。提问者有没有发现蜡烛熄灭的瞬间白烟出现在火苗的位置，而不是紧贴着蜡烛融化的液体的表面，所以不是石蜡蒸汽。蜡烛在燃烧的过程中看不到白烟，是因为蜡烛不完全燃烧的产物还未到达火苗的最顶处，该产物到达火苗顶端处即被完全氧化掉。整个过程是：石蜡在火苗下面的时候融化，通过灯心到火苗处燃烧，到达火苗最高处即温度最高处被完全烧掉，但是由于空气中的氧含量达不到石蜡完全燃烧的程度，还是有部分有机物被氧化成碳漂到空气中，就是我们看见的黑烟。   石蜡是石油经过提炼后的副产品，是有机混合物，遇热首先会裂解为分子量较小的有机物，然后小分子有机物燃烧。石蜡不是直接燃烧的。</t>
  </si>
  <si>
    <t xml:space="preserve">军衔问题少校是几级的击杀啊，少校装是不是很好啊，在那个战场，ＢＬ </t>
  </si>
  <si>
    <t>少校好象和勇士是一个级别的10级。你要是BL就只能穿勇士套。BL最高军衔叫高阶督军可以买一套督军装（督军就可以买）+武器，盾牌，远程武器比较强悍！但是据说资料片开了后荣誉装备会大幅度贬值的！</t>
  </si>
  <si>
    <t xml:space="preserve">世搏会有什么用手去玩好玩的项目还有它们在什么展览馆 </t>
  </si>
  <si>
    <t>铁路馆有模拟的铁路驾驶，但有时间段，且参与的人不多。航空馆有模拟驾机，黑龙江馆有冰壶、滑雪等小游戏，江西馆有模拟驾机，小孩子可以去育乐湾</t>
  </si>
  <si>
    <t xml:space="preserve">毛囊炎应该在饮食上注意什么身上有毛囊炎，大腿上的很多，红疹和脓包 </t>
  </si>
  <si>
    <t>毛囊炎的预防我们应该做到，避免物理性刺激，饮食要注意忌辛辣，刺激性食品。多吃蔬菜水果 ，保持大便通畅，注意个人卫生，增强自身免疫力。不要饮酒和抽烟。酒中成分很多，可以助长 湿热作用，饮酒会使人体发热，毛孔扩张，细菌容易侵入皮肤。饮酒会导致毛囊炎患处扩大，如 果不及时用药物控制可能导致细菌的大面积扩散。治疗毛囊炎，还是使用肤平康乐效果好</t>
  </si>
  <si>
    <t xml:space="preserve">现在都有什么好看的电影阿？爱情的最好阿谢谢了 </t>
  </si>
  <si>
    <t xml:space="preserve">  七剑 做头 我的电脑会说话 情爱画廊 天下无贼 绝代双娇 无名天使3D 身娇肉贵 天龙八部 新警察故事 银饰 2046 千禧曼波 神经侠侣 辣妹特工 A君C君 我要做Model 绝色神偷 精武家庭 千机变2之花都大 龙凤斗 飞侠小白龙 后备甜心 早熟 美人依旧 七剑上天山 倩女幽魂 时差七小时 喜马拉亚星 韩城攻略还有好多呢， 我就不说了</t>
  </si>
  <si>
    <t xml:space="preserve">上海哪些酒吧比较好? </t>
  </si>
  <si>
    <t>1九重天 最低消费120元+15%的服务费。九重天在金茂君悦的87层，距离地面330多米，被吉尼斯世界记录千禧年版列为“世界最高的酒吧”。 九重天是一个环形酒吧，外环是金茂特有的大落地玻璃。 华灯初上，临窗而坐，整个外滩的景色一览无余。 酒吧的装修充分利用了大厦内部独特的空间，立柱、斜撑钢梁和抛光镀铬镜面弧形连接，有种太空味。 夹层里有种很高的椅子，2米高的人坐上去脚也不会碰到地面，桌子是绿色的透明玻璃，在这坐喝酒的人有一种悬浮感。 九重天里大多会放一些轻，有时也放爵士，因为这里应该是个很安静的地方。 上海最适合聊天、约会的酒吧，还有两个老外将这里包下来，进行他们的婚礼。 在这喝酒首选气泡鸡尾酒，品种很多，有一款就叫“九重天”，售价87元。 鲜虾春卷和炭烧牛肉味道很好，是这儿的招牌小吃。双人份，价格都在百元以下。甜品有冰激凌，最具特色的是“焦糖大冰山加烧香橙酒及腌樱桃”，售价140元。 地址：浦东世纪大道2号　金茂君悦酒店87层2蝙蝠吧香格里拉酒店（老店）下的旧仓库；每个月一个主题派对；每天晚上9：30有乐队演出；啤酒50元 走进富丽的香格里拉大堂，向左一拐，再从一个挂着巨型壁画的楼梯走下去，你会看到一个完全不同的世界。蝙蝠吧象是香格里拉的一个大仓库或地窖。 酒吧的名字和装修来自印度尼西亚雅加达的蝙蝠吧，那里的生意很好。在上海，人们似乎也很乐意接受这种风格。 酒吧的墙壁露出红砖的表面，带出地下和粗犷的味道。中央是一个很大的吧台，三三两两的老外坐在高脚椅上聊天。 蝙蝠吧每个月都会有一个主题派对。 吧台旁边有一个老式的理发店躺椅，这和酒吧里的一款特色酒有关。你需要做的只是躺在这把椅子上，张开嘴，酒保会把最好的Tequla Layback酒倒进你的胃里。 蝙蝠吧每天晚上9：30会有乐队的演出，都是从外国来的水准很高的流行乐队，大约4个月左右会换一支。 前几天，美国德州的牛排正式进入蝙蝠吧的西餐角。带来美味的同时，也带来了一头电子牛。坐在上面像坐在真正的公牛背上一样，剧烈的摇晃，感受西部牛仔驯牛的刺激。这种特殊的牛目前在上海只有一头。 这还有正宗的古巴雪茄供应，摆在一个特制的雪茄柜中。 这儿的软饮料价格40元，啤酒50元。 地址：浦东高城路33号3、California Club 红色情挑；这里的California Margarita独此一家；7成的外国人；周末人满为患 红是California Club最醒目的特征。 红色的高脚椅、红色的沙发、红色的靠垫、红色的灯光和上海老外里最出挑的红男绿女，让California Club里有种神秘和暧昧的气氛。 Club里，也会有故事等待人在回忆里讲述。 这儿的设计师是马来西亚人，交给香港人做装潢，拉来了整个广东的人马。 California Club是Park97一部分，外面是两个风格迥异的餐馆，有趣的是，餐馆里的招牌菜也红得落落大方。 如果去得早一点，酒吧里人会很少，你可以找个沙发舒舒服服地坐下来，要一杯酒，与朋友聊天，或者干脆独自享受Louis Amsrtong忧郁的嗓音。地址：皋兰路2号　复兴公园内4、Goya 45种以上的Martini（马天尼）酒；演艺圈、广告界的人经常光顾 Goya拥有45种以上不同的Martini（马天尼）酒，是上海Martini品种最齐全的酒吧。 从美国回国的电影演员孙思翰两年前开办了这家酒吧，事务繁忙的他现在仍是Channel V的制作人。由于老板本人的原因，所以演艺圈、广告界的人经常光顾这里。Goya来源于一个画家的名字，Goya的名片上印有画家的作品《不着衣的玛哈》。 Goya临街，门却开在一侧的弄堂里，外墙上刷着很朴素的灰色调的水泥，它以它的隐蔽和出奇的低调而引人注意。但这种方式使得每次在夜色里走到Goya门外都会有很强烈的感觉，特殊而亲切。 酒吧里全部的坐椅都是特大的沙发，坐起来特别舒服，配合若隐若现又无处不在柔和的曙红色灯光形成了这里最大的特色。墙上用石灰水抹上的旧粉红颜色很漂亮，顶上尖细的红色灯泡的光芒打在暗红古旧的墙上，渗出幽暗的美丽。 照明以烛光为主，墙上的烛台，桌上的水杯里漂浮的蜡烛，拉起的长长的帷帘隔开了相继的几个空间，有居家的感觉。 音乐是孙思翰本人喜欢的另类而轻柔的那种，身陷特制的大沙发中，倾听低扬的音乐，人放松到几乎有了倦意，非常地舒适，是一个极适合三两个朋友休息闲聊的地方， 地址：新华路359号5、George V 英式怀旧酒吧；西班牙生火腿＋爵士乐队；晚上7：30~8：30酒水半价；Blues歌手 George V（乔治五世）在美领馆的斜对面，地处闹市，却独享清闲。象一个中年的英国绅士坐在摇椅上抽烟斗。 走进去，这种感觉更为强烈。酒吧里所以装修的木头都闪着古老的光泽，连地板都经过精心的改造，彻底将人带进古老的时代。 酒吧有三层，上面两层是半环形，乐队演出的时候，从楼下向上看，正好是舞台。老板认为这样的设计有一种团结和开放性。 舞台的背景是一个壁炉和上面的雕花饰板，中央嵌着一张老布鲁斯歌手的照片，告诉顾客这里的音乐口味。 爵士乐队演出的时间是星期三、四、六。其他时候是一个叫Shawn Boy Blues的美国吟唱歌手，他2000年才来上海，在George V里驻场。酒吧最热闹的是有客人上台即兴表演，看客的情绪也很快热起来。对面美领馆的人经常过来玩，而且有一支完整的乐队，技术被放在后面，即兴是最重要的。 这里所有鸡尾酒的中文名字都采用了经典电影和影星的名字，《罗马假日》、梦露、克拉克·盖博、《魂断蓝桥》，同里面的装修一样古老。酒单是用整块意大利进口的牛皮制作，自身的价值就不菲。但酒水的价格在附近是比较低的，大杯的扎啤35元，一杯洋酒25~45元。在每天晚上的7：30~8：30，客人还能享受到酒水半价。 地址：乌鲁木齐路1号甲6。59milestone 印度酒吧＋印度特色啤酒Kingfisher；平均消费30元 位于茂名南路59号老锦江饭店内的是59milestone。这样你可以明白酒吧名字的来由。来自印度的老板给酒吧的命名颇为诱人。 整个酒吧的面积并不大，目测估计四五十个平米。 踩上地毯，进入酒吧，最先映入眼帘的是红色绒布的精致座椅。摆设其实非常简单，玻璃圆桌上放着两件印度器皿，一个小花瓶，内插一朵新鲜玫瑰，一个铜制的镂花夹子，上面有蛇、鱼等吉祥的图案，内夹一张白色餐巾纸。 墙纸和墙板上的挂件也很简单。镜框里的画是印度神话故事中手绘线描着色的，极其精致，色彩清晰，图案精美，但年代久远的样子，画都在一张宣纸上，边缘已经残缺。 屋子中央的大柱也是包铜的。用铜片铺的天花板，仰头看去好似古代的女人在照镜子，这才知道打磨得光滑的铜片，照出的人也是有不同角度变化的，古人必定是要在心里综合起这些形象了。 最主要是这里的印度音乐，这里也许是全上海能听到最多最好印度音乐的地方。印度音乐不绝于耳。 开业不久时，就已经在上海颇有知名度。 服务生是个年轻帅气的印度男孩，亲切而富有风度，他介绍说这里没有什么特别的活动和节目，唯一的特点是：如果你带来了自己的CD，即便是其它类型的音乐，也可以在这里放。 经常有一对年老的美国夫妇，带来他们喜爱的CD，然后随着音乐在这里起舞。 地址：茂名南路59号，锦江饭店北楼一楼7。Judy’s too 德国啤酒Endingen(Dark of Blonde)；Kamikazzie（试管饮料）；上海最早由老外开的酒吧之一；黑人乐队 它的前身是入住上海最早的由老外开的酒吧之一，当时在武警会堂的地下室，距今已经约有11年的历史。 这是一个有名的迪吧，文艺界的名人和玩客们经常光顾，在不大的室内拥挤在一起随着音乐疯狂舞动。 乐队的名字也富有特色，名叫Wala Wala，这是一支黑人乐队，但他们演奏的乐曲却非同名称那样带有简单的喧闹色彩，大多是一些舞曲和轻柔的音乐，当然也不排除疯狂。 周四有专场，届时客人特别多，老外们尤其喜欢——因为有国外80年代的老歌回放。 这里以老外居多，最多的是德国人，其次是法国人、英国人。 酒吧的整体风格是以红色为基调，室内设计风格是中西结合的做旧。比如Judy’s too最有特色的红漆门是以老上海店面的门板作为原型设计。 室内的角落里有老上海的路灯照明，是那种颇为温暖的裸露着的圆形大灯泡。 跳舞集中在地面上画出的Judy’s too的圆形标志上。 地址：茂名南路176号8。M-box“音乐盒” 最好的伏特加；固定驻场乐队；主题派对；预先订位 M-box是Absolut Vodka的形象店，店里的很多地方你都可以找到它的标识。 而Absolut Vodka代表着世界上最好的伏特加，所以在M-box里，你很有必要叫上一杯用它为主要原料调制成的鸡尾酒，虽然价格稍微贵了点。 酒吧里装修的风格是旧木桶颜色的墙壁加上纯蓝色的座椅，样子有一点像远洋的船舱。空间开阔，显得很干净。设计师是一个台湾人。 我一进门的时候，就看见几个酒保在那耍酒瓶子，技术都不错。瓶子在他们手里上下翻飞，是个带动酒吧气氛的好方法。 每天的9点到12点，是乐队演出的时间。酒吧有一支固定的驻场乐队，以爵士和一些经典的英文流行曲为主，上海比较知名的酒吧歌手田果安、刘英英等经常在这里表演。 演出开始，人陆陆续续地进来，很快场子就满了。所以有一点要注意，来的时候最好先订好位子，特别是周末。 M-box每月还会有一个固定主题的派对。 这里一般软性饮料的价位是40元。 地址：淮海中路1325号　百富勤广场3楼9。Bon Ami“朋友” 黑白相映；美日混合装饰风格；特色酒具格调是美国和日本混合。 Bon Ami2000年4月开张时，就已经颇有名气了，它也确实是一家很有特色和潜力的酒吧。 Bon Ami的老板是新加坡人，与他美丽的香港妻子合开了这家酒吧。“Bon Ami”是法文“朋友”的意思。 酒吧着意以环境取胜，主色调是永远的流行色——黑白两色。内里灯光幽暗，布质白色沙发套，围着黑色方木桌还有数列两两对应的长沙发。纸质的长方形灯罩看起来有大理石的纹路效果，和白色大理石的吧台配合默契。墙上的大幅挂画是抽象水墨和一些静物山水黑白摄影。 酒吧位于二楼，临街的墙被巨块落地玻璃替代，窗外恰好有一棵茂盛的梧桐，另一侧也是层层幽深的云杉。酒吧的布局和布置都力求简洁，黑色花瓶里插有细长的干支，桌上的白瓷托盘里放着一颗硕大的圆形白烛。 吧台里有一种颇富特色的酒具，设计得非常精美的两个酒杯，并蒂相连。沙发上亲昵的情侣相拥而坐。由于楼下颇富盛名的Bon Ami餐厅，所以在楼上的酒吧里也可以品尝到做工精致的欧陆糕点。 地址：兴国路380号10。Cotton Club“棉花俱乐部” 上海最好的爵士乐酒吧；美国乐队 墙上挂着相当多的Billy Holiday、John Coltrane等爵士乐大师们的海报，非常规整地嵌在正方形棕色木框内。 从门廊沿着弧形的吧台进入表演区，周围环境典雅，红棕色的樟木圆桌和墙板、吧台格调统一。不带肆意渲染或夸大的成分，没有多余的布置，一切各归其所，恰到好处。 这是一个以其实力而著称的酒吧，是上海最富盛名的爵士乐酒吧，拥有非常多的忠实常客。 身陷表演区侧面的黑色转角真皮沙发内，听Cotton Club乐队的现场演奏，可以感受到其内在的静谧与优雅。 因为彻夜的演出，Cotton Club不是一个适于和朋友聊天的地点。 Cotton Club有一支主要成员来自美国的乐队，演出前的排练非常严格。 音乐总监美国人Greg Smith，同时也是该酒吧的老板。主唱Terrence和贝司手、鼓手都来自美国，主要成员还有两名中国人，他们都是来自音乐学院或做音乐多年的专业选手。演出的经典曲目有：Little Red Rooster、Six Strings Down、So What、Blue Train。 Cotton Club开业几年间吸引了不少名人前去那里，如果你多去几次，就可以见到眼下一些当红的女作家。 地址：淮海中路1428号，复兴中路口还有：上海 BABYFACE IS GOOD 。   地址：淮海中路138号上海广场101室 营业时间：每日晚8：30至凌晨4点   阿曼尼 ARMANNI CLUB鹏菲酒吧（李亚鹏）地址：乌鲁木齐北路459号A-4静安文化馆内MUSE CLUB（刘嘉玲）地址：上海静安区余姚路68号同乐坊内(近海防路)</t>
  </si>
  <si>
    <t xml:space="preserve">清泉老师请进600357承德钒钛明日是否可以介入?什么价位较为合 </t>
  </si>
  <si>
    <t>盘中回档可适当关注.</t>
  </si>
  <si>
    <t xml:space="preserve">怎么申请啊 </t>
  </si>
  <si>
    <t>微博达人申请标准1、用户群体：未申请新浪V认证、微博女郎的真实个人活跃用户；2、申请标准1) 有头像：头像为你本人近期清晰照片；2) 绑定手机：你的微博帐号已经成功绑定手机；3) 粉丝数不低于100；4) 关注数不低于100；5) 有效互粉数不低于30（互粉的好友中绑定手机的用户数计为有效互粉）</t>
  </si>
  <si>
    <t xml:space="preserve">哈尔滨哪里有教少儿绘画的画室？我儿子八岁，想学习正规的素描基础教 </t>
  </si>
  <si>
    <t>在银行街与果弋里大街交叉口有一家艺萌自由空间画室，我孩子就在那里学画。孩子的进步也很大。我感觉教的不错的，把电话给你问问看看那适合不适合你家孩子。电话53606651</t>
  </si>
  <si>
    <t xml:space="preserve">到底什么时候可以玩啊到底什么时候才可以玩啊等的都烦了还能不能玩啊 </t>
  </si>
  <si>
    <t>先玩别的游戏吧,过一个月来看看再说,这个游戏不会这么快就开始的.</t>
  </si>
  <si>
    <t xml:space="preserve">此情况如何处理？同事前两个月介绍我认识了一个男孩，第一次见面后两 </t>
  </si>
  <si>
    <t>如果有租房的信息，告诉他也无妨，这与你们的交往没有多大的关系吧。两人交往重在相互了解，选取的地方多噻，不一定在屋里，要注意有些人心怀不轨哟。特别是像你们这种还没交往几天的。还是稳重一点好。</t>
  </si>
  <si>
    <t xml:space="preserve">我想问下啊，改造妖犬的一个道具能值多少钱啊？我无意中偷到的改造白 </t>
  </si>
  <si>
    <t>一个东西的价现在大概是200W左右,,,,一只改狗的话大概在800~~1000W之间,,,</t>
  </si>
  <si>
    <t xml:space="preserve">确认交易是什么意思是不是在签定确认交易后才算是真正拥有基金?那我 </t>
  </si>
  <si>
    <t>基金交易的确认是，基金公司在你购买基金后的第一个交易日，对你购买的行为进行审核，包括是否符合基金合同的规定（资金是不是达到最低的钱数），你的钱是不是到帐等等。如果符合规定，那么你的申购就成功了。你应得到的基金份额按照你申购基金当天的净值计算。基金确认是基金公司的事情，你不用参与，最早你可以在购买后的下一天的晚上就可以查询到结果，一般是你购买后的第二天可以查询。最晚的需要四天（比如华夏中小板），如果你注册了手机，少数基金你可以在购买后的第二天的早上就会得到信息（比如上头基金公司的基金）</t>
  </si>
  <si>
    <t xml:space="preserve">隔热镀膜中空玻璃K值隔热镀膜中空玻璃(5+12A+5)K值是多少 </t>
  </si>
  <si>
    <t>无镀膜中空玻璃(5+12A+5)K值：1、无框玻璃大约为4.02、用于普通铝合金窗大约为3.93、用于断热型铝合金窗大约为3.04、用于塑钢窗大约为2.7以上K值根据传热组R0反算，均包含了内外交换热阻（否则无框玻璃大约为10.0，与其它窗户缺乏可比性）镀膜中空玻璃比较复杂，实际K值没有增加，但在有阳光直射时，其节能效果可等同于K值减小10-30%简单说，隔热镀膜中空玻璃(5+12A+5)K值大约是10.0</t>
  </si>
  <si>
    <t xml:space="preserve">中国真的不可能走资本主义社会吗？也许走资本主义会比现在发展的更快 </t>
  </si>
  <si>
    <t>现在社会主义的成分还有多少？但名义上是绝对不会走资本主义道路的。这叫---走中国特色的社会主义。关键就在这个“特色”一说。千言万语都在不言中。</t>
  </si>
  <si>
    <t xml:space="preserve">这个配置能开特效吗主板：华擎775V88.80G的硬盘。内存51 </t>
  </si>
  <si>
    <t>恩,可以..但不能全开.开一半就行</t>
  </si>
  <si>
    <t xml:space="preserve">关于索爱！！据说索爱手机的摇杆很容易失灵，是这样吗？ </t>
  </si>
  <si>
    <t>没错,没错.索爱的机子摇杆确实爱坏.修完之后总是没有当初使用的那么顺畅.不过索爱的画面很细腻.音色也很不错.你要是买,就买不带摇杆的.这样会好一些!</t>
  </si>
  <si>
    <t xml:space="preserve">请问：中国现在只有中国银行可以做外汇交易吗，是现货还是期货？如果 </t>
  </si>
  <si>
    <t>四大国有商业银行都 可以办理外汇业务，是现货交易。 买入后只存在贬值或增殖的问题，只要不卖就象股票一样永远有那么多股数，这么理解对吗？----是这样的,你的理解不全对,如果你同时买入10000美元和等价的欧元,那么无论怎么变化,价值是不变的,如果是非美元,你的理解是正确的</t>
  </si>
  <si>
    <t xml:space="preserve">我看报纸上说英国前首相布莱尔是不是最近来中国了，他来曲美家具做什? </t>
  </si>
  <si>
    <t>11月6日，世界气候组织的项目“碳路未来-中国企业碳战略”启动会议在北京举办，英国前首相布莱尔出席了本次活动，曲美家具是国内家具行业钻石级受邀请参会的嘉宾，曲美家具、中国移动、淘宝网等中国企业对鼎力支持和勇担减排责任，博得了布莱尔等高度肯定。</t>
  </si>
  <si>
    <t xml:space="preserve">老人有抚养女婿的义务吗？老人一直有退休金，和女婿、女儿一起住。女 </t>
  </si>
  <si>
    <t>（1）法定的抚养义务是基于自然或拟制的血缘关系，如亲自父子和养父子关系，除非其中一方死亡，否则抚养关系一直存在。（2）因结婚而形成的姻亲关系，不属于血缘关系，所以不用承担抚养义务。即使夫妻关系也不能说是抚养关系，而是相互扶助的关系，婚姻法对此明确规定。结论：老人没有扶养女婿的义务。老人愿不愿扶助女婿完全由他自己决定。</t>
  </si>
  <si>
    <t xml:space="preserve">亡灵盗贼有必要买部落徽记吗觉得亡灵意志应该够用吧。到底要不要买部 </t>
  </si>
  <si>
    <t>能买为什么不买呢？亡灵意志只能解恐惧 诱惑和睡眠 而现今版本的徽章可以解所有控制技能 什么冰环 减速 恐惧 死缠 昏迷 凿几 变羊什么的都可以解 盗贼的PK首饰搭配 ZUG首饰+徽章 王道也！PS：如果楼主能熬过没有徽章的日子 那就直接买70级的徽章吧 节约点荣誉点数</t>
  </si>
  <si>
    <t xml:space="preserve">怎么用早早孕试纸,用的时候有什么要注意的. </t>
  </si>
  <si>
    <t>一般用晨尿早上起来尿尿，刚开始的不用，最后的不用取中间一点，滴试纸上等待一般说明书上都有</t>
  </si>
  <si>
    <t xml:space="preserve">股权转让是怎么回事？会影响股价吗？近来看到网上说“国旅联合”要转 </t>
  </si>
  <si>
    <t>不是这样得,涉及到公司之间得整合,不都是不好得公司,有些是强强联合得,而且大多在中国都涉及到整个产业得整合,可以关注.</t>
  </si>
  <si>
    <t xml:space="preserve">2008年流行什么样的连衣裙？前几天同学聚会好糟糕，看到她们都衣 </t>
  </si>
  <si>
    <t>今年比较流行韩板的裙裙,</t>
  </si>
  <si>
    <t xml:space="preserve">石家庄到北京京昆高速有多少公里，京石有多少公里 </t>
  </si>
  <si>
    <t>从市区到市区算的话，京石大约300公里，京昆大约330公里的样子。</t>
  </si>
  <si>
    <t xml:space="preserve">在北京买房付着付需杀鸡,是杀肥鸡好还是瘦鸡好?我是在今年4月底刚 </t>
  </si>
  <si>
    <t>哎呀!我觉得选基时机还很重要,我才买的基金,收益都有10%以上了,你可以在一些基金排名网站上去看看,前期业绩都排名靠前的可以选择,现在是换基的时间,等下周回调时再进好基,推荐二只组合:博时主题+南方绩优.如果要首付,建议杀业绩不好的吧!过往业绩应该参考!</t>
  </si>
  <si>
    <t xml:space="preserve">姐姐哥哥帮帮小妹我买了只4810的JB犄角虎现在是80级了我买的 </t>
  </si>
  <si>
    <t>楼上的回答。。。。。汗吃道胎技能就没了，吃转生丹技能还有！！梦回 孤傲壁虎上</t>
  </si>
  <si>
    <t xml:space="preserve">二战时，英国为了保护自己的一个间谍而牺牲一座城市，让德国人轰炸? </t>
  </si>
  <si>
    <t xml:space="preserve">    你说的应该是轰炸考文垂。但这篇报导在介绍事实时有错讹之处，其观点也较偏颇。      当时丘吉尔“牺牲考文垂”并不是为了保护“一个间谍”，而是为了保护一个密码。当时英国人已经破译了德国的恩尼格密码，从而会得知德军的最高行动机密。英国人通过破译埃尼格玛事先得知德军将对考文垂进行大规模轰炸，这个事实一点没有错。结果考文垂市民没有被提前疏散，英方蒙受巨大损失，德军轰炸大获全胜，这个也是事实。所以，后世人便总结为：丘吉尔牺牲一座城市来保护一个密码，可谓用心良苦的苦肉计，称赞者说它是一曲情报界的千古绝唱，而反对者称老丘够心狠手辣。    一般的故事，也就讲到这个程度了。但我对这种有些偏颇的观点是持有异议的。    首先我承认，丘吉尔没有同意提前疏散考文垂市的居民，确实是有保护恩尼格码的考虑。这个有战后多种回忆录作证，没什么可争的。因为这个情报来源实在太有价值了，因为它不仅非常可信，而且相当全面，这当然绝不是多少个间谍所能替代的。    但丘吉尔并没有因此就甘心“牺牲一个城市”。他的决策应该有以下考虑：    一、疏散居民不解决问题。疏散居民的工作量非常大，特别是考文垂这种大城市，而且是重要工业中心，你总不可能放弃吧？那么你疏散了什么时候召回来？德国飞机来去是很快的事，比你疏散和召回居民方便的多。它今天炸不成考文垂，明天可以再来，或者转成其它城市，你靠疏散来得及吗？折腾都被德国人折腾死了。事实上，二战中大城市遭受空袭的时候，很少有大规模疏散居民的应对办法。因为疏散的代价比挨些炸弹可能更高，二战你死我活的斗争环境中，这个成本代价是要计算的。    二、德军战略轰炸力量有限，考文垂市应该不会受到重大损失。当时德军装备的主要就是亨克尔－111这类中型轰炸机，飞到英国时也就能带1吨多炸弹。这跟后来盟军炸德国特别是日本时那种巨大的载弹量不能比。而且当时德国夜间轰炸是靠无线电导航，一直使用的“弯腿”导航系统精度很差，通常能差出一公里之谱。所以丘吉尔有理由相信，这次轰炸不致于使考文垂市被彻底摧毁。    三、英军完全可以通过战机拦戴和干扰导航等方式进行积极防御，而非消极疏散。当时英军有警戒雷达系统，足以导引战机进行拦截。而且英国人已经找到了干扰德人一直用的“弯腿”无线电导航系统的方法，这足以使德国轰炸机群大部偏航而减少损失。这些德国人都知道，不会因为有战机拦截和导航系统受到干扰而猜测到密码被泄。    但事实上，英国人的运气不佳，德军的轰炸还是取得了比丘吉尔预想得更大的战果。这主要是因为德军在这次轰炸考文垂时突然改用了比“弯腿”更先进的“X仪”导航系统。后者是在前者双直线波束交叉定位的基础上，把主导航波束分成几股，这样轰炸机可以听音辨别偏航，而且另一道横波也分成三股，分别定位在距目标30公里、15公里和0公里处，这样轰炸机群可以明确地知道位置，导航误差急剧缩小到90米。这种全新的导航系统，英国人突然遇到，所以没能干扰掉。    另一件倒霉事，是当晚英国人的组织的战机全面拦截阴差阳错失败了。原因很多，战后还在争论，这里不详说了。反正结果就是，英国出去了121架战机拦截（在当时这已经是吃奶的劲儿了），再加上地面高炮拦射，但居然只击落和击伤各一架德机。    所以德国人创造了比丘吉尔预料的更大的轰炸成果。但即使如此，考文垂市也不过死亡554人，重伤864人。这与考文垂市的人口相比，离摧毁相差甚远。经济损失倒较大，500多家店铺和5万多户民房被毁，但这是即使疏散居民也会遭受的损失。    由此可见，丘吉尔原打算是两全其美，既不泄露密码破译的秘密，又同时把损失减少到最小。按他的计划，并没有打算“牺牲一座城市”。虽然他运气不佳吃了比预计更大的亏，但也仅限于五百多条人命，这在二战中实在不错太大的损失，跟网上盛传“牺牲一座城市来保全一个密码”的说法相去甚远。</t>
  </si>
  <si>
    <t xml:space="preserve">三证合一的工作流程是什么？ </t>
  </si>
  <si>
    <t xml:space="preserve">　　工商登记“一个窗口”统一受理申请后，申请材料和登记信息在部门间共享，各部门数据互换、档案互认。各级税务机关要加强与登记机关沟通协调，确保登记信息采集准确、完整。 　　各省税务机关在交换平台获取“三证合一”企业登记信息后，依据企业住所（以统一代码为标识）按户分配至县（区）税务机关；县（区）税务机关确认分配有误的，将其退回至市（地）税务机关，由市（地）税务机关重新进行分配；省税务机关无法直接分配至县（区）税务机关的，将其分配至市（地）税务机关，由市（地）税务机关向县（区）税务机关进行分配。 　　对于工商登记已采集信息，税务机关不再重复采集；其他必要涉税基础信息，可在企业办理有关涉税事宜时，及时采集，陆续补齐。发生变化的，由企业直接向税务机关申报变更，税务机关及时更新税务系统中的企业信息。 </t>
  </si>
  <si>
    <t xml:space="preserve">一年没怀上，近三个月查出巧克力囊肿巧克力囊肿，一个月比一个月大了 </t>
  </si>
  <si>
    <t>巧克力囊肿是“肿块”但并非是“肿瘤”，它是子宫内膜异位症的一种病变。正常情况下，子宫内膜生长在子宫腔内，受体内女性激素的影响，每月脱落一次，形成月经。如果月经期脱落的子宫内膜碎片，随经血逆流经输卵管进入盆腔，种植在卵巢表面或盆腔其他部位，形成异位囊肿，这种异位的子宫内膜也受性激素的影响，随同月经周期反复脱落出血，如病变发生在卵巢上，每次月经期局部都有出血，使卵巢增大，形成内含陈旧性积血的囊肿，这种陈旧性血呈褐色，粘稠如糊状，似巧克力，故又称“巧克力囊肿”。这种囊肿可以逐渐增大，有时会在经期或经后发生破裂，但很少发生恶变。你的一年没怀上，就是由于巧克力囊肿的影响。既然你自己不想做手术，那就先服用中药试试，至于哪家医院的中医好，其实这个好不好也是相对的。首先你自己不要怕，怕“越吃中药长得越大”，也是没有根据之说。</t>
  </si>
  <si>
    <t xml:space="preserve">今年药用土元多少钱一公斤 </t>
  </si>
  <si>
    <t>批发零售价格不太一样。10公斤140元土元市场价格因地而异,目前多数价格在每公斤50～60元左右浮动～</t>
  </si>
  <si>
    <t xml:space="preserve">我学生一个寻书！！欢迎你的到来(@有什么电脑入门书籍祥系介绍些。 </t>
  </si>
  <si>
    <t>学电脑，这本书挺好，我给我的辅导班学生推荐就是它，只是价格稍稍有些贵，但里面的纸质比较好，加上彩页比较多，对于初学者来说一个字值。还有就是电脑报，价格便宜，量又足，因为是以报纸的形式，所以是每周都有，信息量足够大。</t>
  </si>
  <si>
    <t xml:space="preserve">再次出售规则是什么？不是购买一个月以后就可以在次出售了吗？？这个 </t>
  </si>
  <si>
    <t xml:space="preserve">尊敬的客户:    您好！5173客户服务002很高兴为您服务！    根据之前公布的帐号交易规则，购买的帐号如需再次出售，必须使用原购买时用户名发布出售信息，否则将无法发布出售。    如需帮助或投诉，请与我们客服中心联系，客服中心服务热线：0579-83225173。真诚感谢您一如既往地对我们工作的大力支持与帮助!                                                 </t>
  </si>
  <si>
    <t xml:space="preserve">公务员考试要看那些书籍？准备要参加2008的公务员考试了，但目前 </t>
  </si>
  <si>
    <t>人民日报出版的  京华出版的买点习题做吧地方公务员有考“公共基础知识”</t>
  </si>
  <si>
    <t>请教高手如此加匕首贼天赋可以吗？？刺杀天赋(30点)恶意</t>
  </si>
  <si>
    <t>迅速隐蔽 - 5/5 点使你的潜行技能的冷却时间减少5 秒。个人感觉加到欺诈高手上 然后强化伏击减少1点 加到刺杀天赋的精力天赋上 结合夜幕杀手套5件的套装效果一共120能量</t>
  </si>
  <si>
    <t xml:space="preserve">有些股国家都给了安全保险价，可想富的人们确不敢买为什么？我敢。 </t>
  </si>
  <si>
    <t>扯淡，那个股国家给了安全价？记得工商银行3块8的时候，汇金公司买进了，那时候新浪全屏都是国家队进程救市的文章，涨了几天又跌回3块8了，社保基金又来了，新浪又是全屏国家队，又涨了几天，最后都跌到3块4去了。。现在也是3块6，早就过了国家的保险价吧</t>
  </si>
  <si>
    <t xml:space="preserve">火影忍者漫画观看地址 </t>
  </si>
  <si>
    <t>私信给你了，</t>
  </si>
  <si>
    <t xml:space="preserve">父母吵架，女孩不开心，怎么安慰她我们明天一起去学校...家离的也 </t>
  </si>
  <si>
    <t>子曰：事几谏。见志不从，又敬不违，劳而不怨。（侍奉父母，对他们的过错稍加规劝。看到自己的规劝没有被听从，仍要恭顺他们，不加违抗，担忧他们但不怨恨。）请注意“稍加”一词。也许是大道理了，希望有所帮助。人的一生要面临大大小小各种问题，而我们就是在其中成长的。所以要勇敢面对真实的人生。作子女的，其实并不能很了解父母；很多事情随着自己阅历的丰富，才能不断感同身受。如果她父母是常吵架的，那就很没必要担心什么。他们彼此练就了这么多年，吵架已不可或缺。甚至有人说：“这么长时间，吵也吵出感情了。”吵架有时也是交流和必要的发泄方式。如果她父母是因为少有的重大事件吵架，你们则要多加注意。特别当他们面子上抹不开时，调解也是容易的。要多打电话，了解事态发展。要教她勇敢，男孩的勇敢也是在“要勇敢”的信念中不断学得的。多哭也伤身。在她哭的时候，如果她不反感，就认真地转移她的注意力：说她特别感兴趣的人或事等。哭有时只是一种对伤心事的执着。教她面对现实，“不要为打翻的牛奶哭泣”。父母已经这样了，而且不是一天两天。要接受自己不能改变的现实，才能有力气改变能改变的事情。成长很多时候就是学会一种节制：对情绪、对欲望等等。被呵护是甜蜜的，而成长才是真正的幸福。所以爱她，就要帮她自己站立。</t>
  </si>
  <si>
    <t xml:space="preserve">股票使用大智慧软件如何下载数据？使用大智慧软件，下载数据，点击下 </t>
  </si>
  <si>
    <t xml:space="preserve">右击一均线，重新设置。 </t>
  </si>
  <si>
    <t xml:space="preserve">谁知道桑2000的轮毂孔的规格?轮胎是19565R14,孔是4孔 </t>
  </si>
  <si>
    <t>4*100应该是4孔,每个孔直径10毫米.100代表直径100的螺丝.</t>
  </si>
  <si>
    <t xml:space="preserve">下列鲁迅作品中哪部不是杂文集1.《呐喊》2.《坟》3.《热风》 </t>
  </si>
  <si>
    <t>1. 《呐喊》。。。。</t>
  </si>
  <si>
    <t xml:space="preserve">用南瓜当主食可以减肥吗 </t>
  </si>
  <si>
    <t xml:space="preserve">   《本草纲目》里说：“南瓜补中益气。多食发脚气、黄疸。”同时，南瓜在常用食物血糖生成指数上属于高指数食物，可以吃，但不能多吃，吃多了会升高血糖。    为了减肥而把南瓜当主食要三思！</t>
  </si>
  <si>
    <t>第三期周股票排行（２月１１－１６日）第三期周股票排行(2月11</t>
  </si>
  <si>
    <t>000800:调整后，风险释放较充分，下周目标6.5元!</t>
  </si>
  <si>
    <t xml:space="preserve">歇后语（泊来品）半夜鸡叫—— </t>
  </si>
  <si>
    <t xml:space="preserve">半夜鸡叫--不晓;乱了时辰 </t>
  </si>
  <si>
    <t xml:space="preserve">怎么刷积分如题 </t>
  </si>
  <si>
    <t>知识人积分就要积极回答问题咯，共享积分要多多上传资料</t>
  </si>
  <si>
    <t xml:space="preserve">陶瓷属于什么专业 </t>
  </si>
  <si>
    <t>单一的“陶瓷专业”其实是隶属于化工专业下的制作陶瓷品的专业，将来毕业了去水泥厂，砖瓦厂，各类卫浴产品公司等。可能你的意思不是这样，那么如果你指的是制作陶器，那应该去报艺术专业，里面有雕刻，捏塑等分专业如果你是指鉴赏、鉴别陶瓷品，那只能去报考古</t>
  </si>
  <si>
    <t xml:space="preserve">用金龙升级问题我现在86级用几张点卡可以到90，一般情况？ </t>
  </si>
  <si>
    <t>你是说咂龙把,推荐不要去了,现在刷金不是很快吗,你去买3张点卡,拿2张去换YXB去买别人的卷,买20个是没问题的,再用最后一张去买满道具,30元刚够,中午开始组队刷到晚上你到90是没问题的</t>
  </si>
  <si>
    <t xml:space="preserve">心理纠结初恋女友要和人结婚，心里酸涩，同居女友和我分手，心理有阴 </t>
  </si>
  <si>
    <t>初恋是难忘的。第一次都会留下刻骨铭心的印记。那是一生都忘记不了的。苦涩的感觉那是正常的，因为你无可奈何！有失落，也有悲哀。同居女友。这个是对你的打击。这时你已经开始检讨自己。说明你开始成熟起来。不过为什么他们都离你而去你。而现实又是残酷的。除了无奈还是无奈啊。现在的女友。你有不满。可能跟之前的女友相比。要差不少吧？因为你调了不少不满过来。对前面两个女孩，你的感觉就是后悔。后悔没有珍惜。对吗？人在拥有的时候，容易当局者迷。总是认为或者觉得，别人的才是最好的。换句话说没有的才想要。你觉得自己错了。所以现在你很包容现在的女友。希望不再犯同样的错误。所以即便她让你满意。你也下意识的开始珍惜。压力就来至于你开始珍惜。说明你更加成熟了。经历是一笔宝贵的财富。人生就是在经历各种环境。让自己明白人生的道理。缘生缘灭，需要一个过程。之间无能你是收获，还是损失。都只是化解这段缘分。因果循环，总会有个开始，总会有个结果。早晚了断。你现在的迷茫，只有通过你的努力改善。怎么努力。其实很简单。目前的窘迫增加收入就能改善。不过是两个人的事。该买的可以买。靠金钱是不可能维系感情的。至少目前你维系不了。</t>
  </si>
  <si>
    <t xml:space="preserve">为什么我在家电脑所有帐号都登陆不上去了?点登陆就象按F5刷新一样 </t>
  </si>
  <si>
    <t>明显中毒。</t>
  </si>
  <si>
    <t xml:space="preserve">PG用学训练的3分吗?我小号20PG我想问一下组织后卫用学训练技 </t>
  </si>
  <si>
    <t>用意楼上的  我18PG觉得没必要学3分  毕竟现在SG满大街都是 就算你学了 也没法比 还是跑的快点好啊 学跑动吧  呵呵</t>
  </si>
  <si>
    <t xml:space="preserve">薏米是什么？和高粱米有啥区别？是煮粥还是蒸饭，怎么做最好吃！ </t>
  </si>
  <si>
    <t>薏米主要成分为质、维生素B1、B2有使皮肤光滑，减少皱纹，消除色素斑点的功效，长期饮用，能治疗褐斑、雀斑、面疱，使斑点消失并滋润肌肤。而且它能促进体内血液和水分的新陈代谢，有利尿、消水肿的作用，也被当作节食用品。　作法：最简单的，是将炒过的薏仁当作茶泡来喝，或是将炒熟后的薏仁磨碎，每天服薏仁粉。薏仁茶或薏仁粉市面上都有贩售。也可以和绿豆一起煮，煮成绿豆薏米粥（在煮之前把薏仁浸在水中泡软，煮起来会比较快）。内服：煎汤，10-30g；或入丸、散，浸酒，煮粥，作羹。　　养生保健食谱:　　薏苡粳米粥：薏苡仁、粳米各30克，共煮粥，空腹食用，可治风湿脾痛、筋脉拘挛、脾虚泄泻。 　　薏苡冰糖饮：薏苡仁50克，百合10克，水煎汁，加冰糖服用，可治扁平疣、雀斑、痤疮。 　　薏米粥：薏苡仁50克，杵末，加适量水煮成粥食之，1日3次，久服可轻身益气。 　　薏米羊肉汤：苡米150克，羊肉250克，加水适量煲汤，食盐、味精凋味(亦可加生姜数片)。佐膳。可健脾补肾，益气补虚。治病后体弱，贫血，食欲不振等。薏米和高粱米长的很像，可以这么区别：高粱米粒小，薏米粒大高粱发黄，薏米发白 两种作物都可以煮粥，个人比较偏爱高粱米和大米在一起煮饭</t>
  </si>
  <si>
    <t xml:space="preserve">新款佳能IXUS200IS有几种颜色？我只看到紫色的了 </t>
  </si>
  <si>
    <t>伊克萨斯IXUS 200 IS金属质感的机身投射出温润的典雅感，镜头环金属镀膜周围淡淡的棕色传达出精致的印象。以都市中尽显高品质的色调作为颜色的选取灵感：梦幻银、畅想蓝、风情棕、神秘紫四种典雅色彩彰显IXUS 200 IS的卓越风范。</t>
  </si>
  <si>
    <t xml:space="preserve">基金赎回问题!大家好！很久没来这个大家庭了，抱歉啊！问问我们热心 </t>
  </si>
  <si>
    <t>问了上投廊司客服，回答是：再投资这部分份额要重新计算持有时间，如果现在赎回需要付0。5％手续费。理由是：再投资这部分份红利重新买入基金计算了份额，你原耒的份额没有变，重新买入基金份额免收申购费。去年上投摩根系的回报率％：［总体表现不好］1，上投摩根中国优势(吧)80.802，上投摩根内需动力(吧)72.623，上投亚太优势QDII(吧)58.494，上投摩根阿尔法(吧)57.575，上投摩根成长先锋(吧)50.156，上投摩根双核平衡(吧)42.017，上投摩根双息平衡(吧)38.75总体表现不好，建议赎回换基，银华核心价值优选、兴业社会责任、易方达价值成长、新华优选成长、中选一支。参考</t>
  </si>
  <si>
    <t xml:space="preserve">披风如何能得到？有几种？ </t>
  </si>
  <si>
    <t>1.在百宝阁内用元宝购卖,但无属性.白2.用RXB卖的,可以收无属性,也可以收有属性.3.别的玩家送给你的.4.你盗号盗来来的.5.你捡到的.以下省略.......</t>
  </si>
  <si>
    <t xml:space="preserve">宝宝两个半月，母乳喂养，宝妈感冒了能打头孢吗？对宝宝吃奶有影响吗? </t>
  </si>
  <si>
    <t>建议最好不要使用头孢类药物，可以改用青霉素等抗菌药，基本不影响喂奶。如果症状不严重，服用清开灵、双黄连口服液就行。最好不要打头孢，如果打了 停药三天后再喂宝宝。其实中医治疗感冒效果很好的 ，葱白 生姜 红糖煮水喝也可以的，希望点击好评</t>
  </si>
  <si>
    <t xml:space="preserve">急！！有经验的进我朋友7月25日做的人流，8月10来号才正式不见 </t>
  </si>
  <si>
    <t>大约九月十日左右来月经。</t>
  </si>
  <si>
    <t xml:space="preserve">是不是只有我们中国才有书法？ </t>
  </si>
  <si>
    <t>并非只有中国才有书法，日本，韩国，朝鲜，这些受中国影响的国家都有书法。日本的书法称书道。一开始是从中国而来。据《日本书纪》记载，应神天皇58年，朝鲜百济国使王仁进献了《论语》十卷、《千字文》一卷，是汉字传人日本的开始（具体年份不详）。但比它更早的时候，在与中国的交往中已明显知道汉字。是一名叫王仁的到达了日本，带去了系统的汉字和汉文的典籍，因此这算是日本人学汉文的真正开始。后来阿直竣、王仁的子孙到日本后同化为日本人，作为东西文部住在大和、河内之地，任祭扫、出纳等职。到了推古天皇朝代，日本与隋朝建立了邦交，随着留学生和留学僧的归国而带去了中国书法。 日本后又崇拜起王羲之，这对于日本的书法的形成起了很大影响。到后期的假名书法时终于有了自己的特色。韩国书法源出于汉字的书写形式，每一个字都是在一个想象的方块中由一些形状不同的线组合而成，都是为了表达一个特有的意义。书法在韩国始终与绘画关系密切，他们认为从笔法安排的有力与和谐的角度而言，绘画是受到书法的影响。所以在韩国，书法艺术比绘画艺术更受人们的重视，人们常把书法作品像绘画一样挂在墙上欣赏，而且像对画一样赞赏它的每一笔独到之处，赞赏它用墨的韵味，赞赏它整幅布局的功力、骨格、神韵等等。 韩国的书法有悠久的传统，韩国人从大约公元二世纪或三世纪开始使用汉字表达意愿或行为，即使在1446年韩国字母韩字创造出来以后，汉字仍然作为官方文字使用。据了解，从那个时候开始，王室的书院和国家办的高等学堂里讲授中国文学。书法的历史如此悠久，无数贵族阶层的人和艺术家又在许多世纪里为促进书法艺术作了显著努力，可惜在经过多次外国入侵和内部纷争之后古代书法作品保存到今的极少。特别是16世纪末同日本丰臣秀吉军队之间的七年战争，造成的人员死亡自不待言，而且还在韩半岛各地对具有历史意义的石碑和文物造成了严重破坏。因此，属于那场战争以前年代的残存的书法作品现在不到20件。 能藉以了解位于西南部的百济王国的书法艺术所达到的高度的资料更少。根据这个王国的学者水平高、艺术品精致这两点看来，它在书法上很可能也达到相当成熟的程度。1972年在韩国中部百济古都公州偶然发现的武宁王和王后的王陵内发现了许多具有重要考古价值的文物，其中有一块方形石碑对书法家和碑铭学家说来是稀世奇珍。这方石碑置于这座六世纪时的墓的入口处，类似为建造这座陵墓而向地下神祗购买一片土地所立的文契。石碑上所刻的汉字字体优美，表现出很高的技术。 在接下来的统一新罗时代，由于崇尚中国唐朝文化，因而产生了许多书法家，如金生、崔致远。他们的字体基本上追随书法大师欧阳询和虞世南。另一位书法大师王羲之也备受仰慕，他的行草书为人们普遍临摹。但是，从新罗王国开始流传的字体方正的欧阳询体在高丽时代仍占主要地位，直到1350年左右。朝鲜时代最著名的书法家是实学派的金正喜。金正喜是杰出的书法家和学者，他建立了人称“秋史派”的风格。他的书法脱胎于中国隶书，但是他在布局上富于画感，善于在不对称中见和谐，而且笔触有力无比，使笔下的字充满活力。由于这些才能，他终于创造了自己特有的生动有力的风格。 在韩国，学书法被认为是有修养人士陶冶情操的必要过程。书法作为书写或者传递信息手段的实际功用往往不如字写得优劣所含有的哲学意义更重要。在韩国如同在中国和日本一样，书法被认为是一种高雅艺术，书法家也受到人们的尊重。韩国的书法组织虽不象中国具有完整的体系，但韩国书法的民间组织却非常普及，而且活动频繁。接待我们访韩的韩国海东研书会就是一个出色的民间组织。海东研书会于1971年8月1日创立，很具规模的书法活动就组织了200多次，并组织多次国际间的书法交流，这对于一个民间组织来讲，确实是难能可贵的。会长金东渊先生是一个有成就的书法家，在韩国书法界很有影响。金先生崇尚传统，重视基础，他的字有时近乎于篆书，有时近乎于隶书，或在两者之间斟酌取舍，可谓变化奇谲、仪态万方，随心所欲而不逾矩。</t>
  </si>
  <si>
    <t xml:space="preserve">我想调剂.总分275英语59政治68数学一60结构力学88/愿调? </t>
  </si>
  <si>
    <t>调剂的各个学校都不一样你在这里问作用肯定不容易得到你想要的结果。一般的招生负责人怎么会这么巧来到这个地方呢，你如果想得到更好的结果我建议你按下面的方法作。我建议你把你所能搜到的学校,特别是西部院校,普通院校,研究所等上他们网站,这个一般你上google或者baidu，搜这个学校的名字就可以了。然后得到他们招生办电话,一个个的打,不要怕麻烦，不要怕失败，一个个的问，会得到调配资格的  一个个的打一边电话吧，命运掌握在你自己手上的。我同学当年就是这样,后来居然有一个学校一个研究所都愿意接收他的调配加油下面的是我一个在学校研究生办公室工作过的朋友说的一般说来，在3月中旬，各学校的成绩陆续出来了，调剂名额也就差不多了,在这个时候各个学校都会把自己接受调剂的专业和联系电话发布出来,按照他的电话,你就给接受调剂的学校打电话，问他如何把自己的材料给他.一般情况下都是传真,这是最有效也是最快捷的方式.同时出现自己报考的相近专业和相同的专业接受调剂考生的情况以后，你就打电话联系，发传真给他.要向许多学校发传真.把材料传过去之后，每隔三天两天的就打电话问国家线出来了没有,和老师客气一些,多打电话。如果是34所自己订线的学校，咱们学校（北理工）就是，可能更好办一些</t>
  </si>
  <si>
    <t xml:space="preserve">中国人姓氏的由来?越详实越好 </t>
  </si>
  <si>
    <t>在上古三代，姓和氏不是一码事。氏是从姓那儿派生出来。从汉代开始，姓氏混而为一。现代我们中国人的姓，大部分是从几千年前代代相传下来的。考其来历，大致可分为12种类别：        1)以姓为氏。姓作为氏族公社时期氏族部落的标志符号而产生，其后人有的便直接承袭为氏。母权制氏族社会以母亲为姓，所以那时许多姓都是女字旁。如：姬、姜、姒、姚等。        2)以国名为氏。如我们所熟悉的春秋战国时期的诸侯国：齐、鲁、晋、宋、郑、吴、越、秦、楚、卫、韩、赵、魏、燕、陈、蔡、曹、胡、许等，皆成为今天常见姓。        3)以邑名氏。邑即采邑，是帝王及各诸侯国国君分予同姓或异性卿大夫的封地。其后代或在这些采邑中的人有的便继之为氏。如周武王时封司寇岔生采邑于苏(今河北省临漳县西)，岔生后代便姓苏。据统计，以邑为氏的姓氏近200个。一些复姓由于漫长的历史演变，至今已不复存在。        4)以乡、亭之名为氏。这类情况不多，今日常见姓有裴、陆、阎、郝、欧阳等。        5)以居住地为姓。这类姓氏中，复姓较多，一般都带邱、门、乡、闾、里、野、官等字，表示不同环境的居住地点。        6)以先人的字或名为氏。出自此条的姓氏很多，据统计有五六百个，其中复姓近200个。如周平王的庶子字林开，其后代以林性传世。宋戴公之子公子充石，字皇父，其孙以祖父字为氏，汉代时改皇父为皇甫。        7)以次第为氏。一家一族，按兄弟顺序排行取姓，如老大曰伯或孟，老二曰仲，老三曰叔，老四曰季等。后代相沿为氏，表示在宗族中的顺序。但也有例外。鲁庄公之弟庄父、排行老二，本为仲氏、仲孙氏，因他有弑君之罪，后代便改姓孟，或姓孟孙。        8)以官职为氏。如司徒、司马、司空、司士、司寇等。一些以官职为姓的姓氏，丹从字义上看，也可以分辨出来，如籍、谏、库、仓、军、厨等。        9)以技艺为氏。如巫、卜、陶、匠、屠等。        10)古代少数民族融合到汉族中带来的姓。        11)以谥号为氏。        12)因赐姓、避讳而改姓</t>
  </si>
  <si>
    <t xml:space="preserve">工作中，到底是工资重要，还是心情重要？ </t>
  </si>
  <si>
    <t>看你最缺的是什么，最缺什么，什么就最重要，生活中也是有短板效应的！</t>
  </si>
  <si>
    <t xml:space="preserve">想团购鞋子，哪家网站团购好的啊? </t>
  </si>
  <si>
    <t>我建议你去第一鞋团,我的很多朋友都在那里买鞋的，这卖的都是品牌鞋，正品鞋！服务态度好，价格超实惠！</t>
  </si>
  <si>
    <t xml:space="preserve">少儿网校ACE英语网校和vipkid哪个好啊？ </t>
  </si>
  <si>
    <t>vipkid跟ACE英语网校不是一家啊，区别还是很大的，vipkid的老师都是欧美外教，针对的是12岁以下的孩子，用的是美国小学ccss同步的原版教材，如果家里有小孩要选择外语补习，这个在线补习班算是不错的选择</t>
  </si>
  <si>
    <t xml:space="preserve">高中的一道函数题~~求大家一定要帮帮忙~急已知函数f(x)=ax </t>
  </si>
  <si>
    <t>易知：一次函数y=x与二次函数y=(x^+1)/2相切于(1,1)又：f(x)“恒”夹在y=x与y=(x^+1)/2之间---&gt;f(x)=ax^+bx+c与y=x也切于(1,1)(1,1)在f(x)上：a+b+c=1(-1,0)在f(x)上：a-b+c=0---&gt;b=1/2,a+c=1/2相切---&gt;y-x=ax^+(b-1)x+c=0的判别式=(b-1)^-4ac=0---&gt;4ac=1/4---&gt;ac=1/16---&gt;a、c是t^-t/2+1/16=(t-1/4)^=0的解---&gt;a=c=1/4---&gt;a=c=1/4,b=1/2</t>
  </si>
  <si>
    <t xml:space="preserve">有谁能帮我找到《栀香如酥》这本小说啊？Txt格式的全文~谢谢 </t>
  </si>
  <si>
    <t>http://ishare.iask.sina.com.cn/f/21670499.html</t>
  </si>
  <si>
    <t xml:space="preserve">查询电话号码姓名和地址 </t>
  </si>
  <si>
    <t>查询姓名、地址是没发办到的吧，要是查询归属地区到是可以的。</t>
  </si>
  <si>
    <t xml:space="preserve">为什么微博改名，明明名字没有人用，显示此昵称被人占用？ </t>
  </si>
  <si>
    <t>因为这个名字以前有人使用过，即使别人修改名字不在是这个名字，系统还是默认这个名字是有人使用的，所以会显示被占用</t>
  </si>
  <si>
    <t xml:space="preserve">收据上公司名称少一个“市”字，能否作为对方收款凭据对方是建筑公司 </t>
  </si>
  <si>
    <t>你公司收到的这张收据，发票抬头少写一个市字没有关系，因为收据上盖有他们公司的财务章。这张收据可以作为他们公司收取工程款的依据。</t>
  </si>
  <si>
    <t xml:space="preserve">大地到底应该如何纹身？65+的大地到底应该如何纹身呢？请详细说明 </t>
  </si>
  <si>
    <t>+4敏-4力，+4体-4力，+4智慧-4智力衣服随对手不同而更换！绝对好用！</t>
  </si>
  <si>
    <t xml:space="preserve">如何正確認識馬克思主義理?? </t>
  </si>
  <si>
    <t>马克思主义理论的产生是人类史、认识史上的伟大革命变革。这场变革是极其深刻的，它集中地从哲学的内容、对象和使命三个方面表现出来。当然,马克思主义理论的产生，决不意味着哲学发展的结束。马克思主义哲学在社会实践的基础上，把唯物主义和辨证法有机地、高度地统一起来，从而创立了辨证唯物主义哲学。唯物主义和辨证法的这种科学统一，在马克思主义哲学中从多方面表现出来，既表现在哲学的整个体系上，也表现在它的每一组成部分和每一原理、每一命题上。马克思主义哲学在哲学内容、理论体系上的另一重大变革，是把辨证唯物主义的自然观和历史观有机地、科学地结合起来，创立了历史唯物主义的这一科学历史观。这是马克思主义哲学的独创，是更为伟大的贡献。两个科学统一，即唯物主义和辨证法的科学统一、辨证唯物主义的自然观和历史观的科学统一，以及由此而建立起来的辨证唯物史观和历史唯物主义的完整严密的科学体系，是马克思主义在哲学内容上的伟大革命变革，是马克思主义哲学区别于其他哲学的根本特征之一。实践性是马克思主义哲学区别于其他一切哲学的最主要、最显著的特征，而马克思主义哲学的革命性，突出地表现为它的无产阶级的阶级性并且公开申明，鲜明地提出自己的革命主张。在马克思主义哲学中，世界观、历史观和人生观三者是统一的，是不可分割的有机整体。而树立正确的世界观和人生观，是为了更好地改造客观世界（自然和社会）。恩格斯曾经说过：“一个民族想要站在科学的最高峰，就一刻也不能没有理论思维”。（《马克思恩格斯选集》第3卷、第467页）科学的思维能力是智力发展水平的主要标志，是从事科学研究、各种专业和一切社会实践活动的基本功。因此，认真学习马克思主义理论，掌握科学思维方法，对于做好各项工作具有重要意义。</t>
  </si>
  <si>
    <t xml:space="preserve">中土之战（指环王），为什么每次play还没见敌人就死了？ </t>
  </si>
  <si>
    <t>这是自爆问题自爆是指：　　进行一会儿，甘道夫或者别的什么人，在身边十里之内没有一个敌人、HP全满没有中任何异常状态的情况下，突然“啊”一声的倒下，而且建筑物都自爆，屏幕上出现“失败”的字样。　　本人用作了详细测试,资料如下'　　电脑两台.xp, 有还原系统, 　　原版繁体中文版一只,　　小镜像(这里下载的.当时只有英文版未有中文版,所以我相信这小镜像是英文版的小镜像)　　测试一　　A电脑装原版繁体中文版,使用小镜像,游戏中没有自爆,汇出reg,把A电脑的中土传送到B电脑,把A汇出的reg在B电脑汇入,就算使用小镜像或是正版CD,也会自爆,也测试过把unicode语言改成英语也是自爆.　　测试二　　把刚才能正常玩的A电脑.在[HKEY_LOCAL_MACHINESOFTWAREElectronic ArtsEA GamesThe Battle for Middle-earthergc]把原装的cd-key改作其他cd-key.,进入游戏.会发生自爆,之后再把[HKEY_LOCAL_MACHINESOFTWAREElectronic ArtsEA GamesThe Battle for Middle-earthergc]改回正版的cd-key,进入游戏.竟然也会自爆,再试把之前汇出的reg汇入回A电脑.进入游戏.也是自爆,我在这情况下不得不把XP还原.再重装中土。　　测试三　　把A电脑重装XP后.再重装中土,安装后未开始游戏.直接入[HKEY_LOCAL_MACHINESOFTWAREElectronic ArtsEA GamesThe Battle for Middle-earthergc]把cd-key改为其他cd-key. 之后也没有开始游戏.再立即把cd-key 改回原版的cd-key. 使用原只光碟执行游戏.竟然自爆.　　结论.只要是把cd-key修改过.就会自爆......　　当然我不知道ea 的游戏如何测到这个情况.(其他EA游戏也有这情况,例如将军会自爆,最近的太平洋战役连上线上会出现cd-key错误,cd-key是正版的)　　这里的朋友想解决自爆的问题我有方法.　　第一是需要安装中土的安装档.我不知大家下载回来的是怎样的,但第一个条件,你的安装档必须跟原版的一样要在安装时输入cd-key那一种安装档.　　第二,是把你登录档内,在安装中土前,把以前的中土登录档移除.步骤如下,先在开始--&gt;执行--&gt;输入regedit　　有两处地方的资料要手动删除1.[HKEY_LOCAL_MACHINESOFTWAREEA GamesThe Battle for Middle-earth]2.[HKEY_LOCAL_MACHINESOFTWAREElectronic ArtsEA GamesThe Battle for Middle-earth]请看清楚.两个都是差不多.但其实是不同地方.　　确实删除后.再安装一次中土.相信100%不会再自爆</t>
  </si>
  <si>
    <t xml:space="preserve">我包包里的元素到100了怎么换令契 </t>
  </si>
  <si>
    <t>首先~你要学习生产技能~在卖生产技能的地方有合成元素的技能可以学习，学会了就可以自己和成了</t>
  </si>
  <si>
    <t xml:space="preserve">为什么升级不加魔法攻击力?施法速度和移动速度也没有加好像 </t>
  </si>
  <si>
    <t>升级加魔法攻击的，施法速度和移动速度不会加的。不过如果你的级别很低，那么就不会很明显，2-3级加一次魔攻</t>
  </si>
  <si>
    <t xml:space="preserve">新手60FS求救老鸟FS~~~~我现在刚到60打元素买的千金我不 </t>
  </si>
  <si>
    <t>资料片应该也就是1个月左右的事情了。不建议再购买太多低端G团的装备了。T1级完全没有保留价值，（ZG里基本都是不如T1的，FX里有些比T1好的）。除非是T2以上级别的装备还有些须价值。不过一般来说价格都不会太便宜。最实惠的就是攒钱。。。资料片里需要用到钱的地方很多很多~</t>
  </si>
  <si>
    <t xml:space="preserve">燃油宝能省油吗？有些加油站推销燃油宝，能省油吗？ </t>
  </si>
  <si>
    <t>没有什么实际的作用，加不对付有可能会损坏发动机，不如注意定期保养清理节气门、喷油嘴等部位来的实惠，且对发动机有好处。</t>
  </si>
  <si>
    <t xml:space="preserve">福州闽侯大学城里包括什么学校大概有多少学校？包括大中专，尽量具体 </t>
  </si>
  <si>
    <t xml:space="preserve">福州大学、福建师范大学、福建医科大学、福建中医学院、闽江学院、江夏学院等。 </t>
  </si>
  <si>
    <t xml:space="preserve">成就有撒用？ </t>
  </si>
  <si>
    <t>没啥用，炫耀用的，呵呵~~~</t>
  </si>
  <si>
    <t xml:space="preserve">为何一个文件夹里面再放一个文件的时候，另一个文件就被删除？为何一 </t>
  </si>
  <si>
    <t>一个文件夹里面已有一些文件的情况下，再放一个文件的时候是不会删除另一个文件的。同时，文件夹是没有容量的，文件夹的容量是受磁盘容量控制的。当磁盘容量满后，在你这个磁盘的任何一个文件夹都放不进文件了。在这种情况下，电脑会提示你磁盘容量不够了，放不下你要放的文件了。再回到上面的问题；一个文件夹里已存在一些文件的情况下，再放入其他的文件时，一般不可能将原来存在该文件里的文件删除的，只有一种情况时有可能会的，这就是你刚存入的文件的名称与你原来文件夹里的名称是一致的，这样新输入的文件就会将你原文件夹同名称文件替换掉。但是电脑在遇到这样的情况时，也会提示，告知，询问你是否替换？你若点击“是”电脑就将原来的同名文件替换成你刚输入的文件，这样你原来的同名文件就被新输入的文件替换掉了。要想不被替换掉也很简单，只要将你新输入的文件名改一下就可以了。哪怕是后面加一横或加个数字也可以。反正只要与原来的文件名有一点点不同就可以了。</t>
  </si>
  <si>
    <t xml:space="preserve">上班族什么时候才能买的起房子 </t>
  </si>
  <si>
    <t>我觉得年轻人要对自己狠一点 有了首付和每月的还贷能力就可以考虑买房的事情了 这样才有压力 有了压力也就有 了上进心 这样不但有了自己的固定财产 有能在事业上有所成就！</t>
  </si>
  <si>
    <t xml:space="preserve">结婚后买的房,产权证上写一方名字,共有权人栏为空,另一方有所有权? </t>
  </si>
  <si>
    <t>只要是婚后买的房子就属于夫妻共有财产，另一方是有所有权的。产权人不经过另一方的同意就抵押，如果抵押权人不知情，而且房产证上没有写明共有人，抵押权人有理由相信房产归产权人所有，抵押权是有效的。</t>
  </si>
  <si>
    <t xml:space="preserve">民法上的优先权民法上一共有多少个优先权？ </t>
  </si>
  <si>
    <t>买卖不破租赁 ~合伙人转让份额~其他合伙人的还有有物的担保的优先受偿~。。。我再想想~。。</t>
  </si>
  <si>
    <t xml:space="preserve">我要贷款我新房要装修,我想贷款装修请问怎么办理,利息要多少了 </t>
  </si>
  <si>
    <t xml:space="preserve">个人装修贷款           “个人住房装修贷款”是指建设银行向个人客户发放的用于装修自用住房的人民币担保贷款。住房装修贷款可以用于支付家庭装潢和维修工程的施工款、相关的装修材料款和厨卫设备款等。      基本规定1.贷款对象：十八至六十周岁，具有完全民事行为能力的中国公民；2.贷款额度：贷款起点为人民币5000元（含5000元），最高不得超过人民币15万元（含15万元）；3.贷款期限：最短期限为半年，最长期限不得超过5年（含5年）；4.贷款利率：按中国人民银行规定的同期贷款利率执行；5.担保方式：建设银行认可的质押、抵押和符合条件的第三方自然人保证。6.需要提供的申请材料：（1）有效身份证件的原件和复印件（2）建设银行认可部门出具的借款人收入证明（3）与装修企业等签订的《家庭装修工程合同》、《购买家庭装修材料合同》、《购买厨卫设备合同》以及家庭装修预算书（4）装修企业的营业执照和资格证书复印件（5）以抵押或质押方式申请贷款的借款人，应提供抵押物或质押财产权利凭证清单、权属证明及有权处分人（包括财产共有人）同意抵押或质押的证明。由第三方提供保证的，应出具保证人同意提供担保的书面文件和有关资信证明材料（6）我行要求的其它资料办理渠道及办理流程1.办理渠道：借款人通过中国建设银行开办个人住房装修贷款业务的分支机构申请办理个人装修贷款业务。 2.办理流程：①借款人申请办理住房装修贷款，须到开办该项业务的营业网点提出申请，填写申请表，提交相关资料、办理有关担保手续；②客户经理调查、审核同意后，报经有权审批部门审批同意后，签订借款合同；③客户经理办理放款手续，将款项转入借款人在我行个人结算账户上，客户即可使用贷款资金；④借款人到营业柜台还款，或在存款账户或银行卡上留足还款金额，委托贷款银行代扣还款；⑤贷款结清后，银行与客户解除债权债务关系，办理有关手续。 </t>
  </si>
  <si>
    <t>荐谜：出将入相</t>
  </si>
  <si>
    <t>田中行?</t>
  </si>
  <si>
    <t xml:space="preserve">大神问题到南宫平前用莲花连木头上钩子的小游戏，我怎么也连不完六根 </t>
  </si>
  <si>
    <t>其实这个问题有个笨办法解决，就是连续按笔业键，但不用画。因为使用笔业的时候时间是静止的，所以等到画面有莲花出现的时候再连接就可以解决了。菜鸟方案，但很实用，我第一次玩就是用这个方法过去的。</t>
  </si>
  <si>
    <t xml:space="preserve">我下载的瑞星杀毒软件过期怎么办？不卸载原来的软件，能不能解决。 </t>
  </si>
  <si>
    <t>给你个网址 这里定期出升级包，如果不行你先下那里的安装程序。如果这个网址不能用时，你就到Google里搜“瑞星　太阳人”，这个网站偶尔会不能进</t>
  </si>
  <si>
    <t xml:space="preserve">不吃肉能减肥还是不吃主食能减肥？有人说不吃肉就能减肥，有人说不吃 </t>
  </si>
  <si>
    <t>我觉得这和个人体质有关系！以前我们班的同学非常瘦，吃再多东西都不胖，晚上还总吃消夜，真搞不懂啊！我建议你可以在平时吃完东西后，把刚刚吃的东西记下来，然后再每天记录一下体重，然后过一段时间自己分析一下，自己的身体到底是属于吃饭胖还是吃肉胖，然后再对症下药，克制一下自己吃了比较容易胖的食物！虽然记录非常麻烦，但我觉得还是挺有用的哦！祝你减肥成功！！</t>
  </si>
  <si>
    <t xml:space="preserve">有谁知道有比较不常见的邮箱啊 </t>
  </si>
  <si>
    <t>很多的啊！比如很多企业的内部邮箱，我们一般都不会认识的!</t>
  </si>
  <si>
    <t xml:space="preserve">对待男人的小心眼，什么才是杀手锏？最恨男人的小心眼，比鸡毛还小的 </t>
  </si>
  <si>
    <t>对待小心眼的人最好别计较,要不你就比他更小,连丝线都穿不入了......</t>
  </si>
  <si>
    <t xml:space="preserve">让人哭用什么办法？如果想让小孩子哭用什么办法呢？？ </t>
  </si>
  <si>
    <t>拧她。不过太残忍了。</t>
  </si>
  <si>
    <t xml:space="preserve">三相电路基本概念U=50sin(wt+60)是等于U=50角60 </t>
  </si>
  <si>
    <t>都是对的，50∠60°是最大值向量，25√2∠60°是有效值向量。一般计算时候用有效值向量进行计算。</t>
  </si>
  <si>
    <t xml:space="preserve">又一张与"万元"擦肩而过的票继069期后,老天再次糊弄于我!百元 </t>
  </si>
  <si>
    <t>继续努力吧！曙光在前头！！</t>
  </si>
  <si>
    <t xml:space="preserve">关于卡的问题为什么现在50这么卡呀？是网络原因还是服务器原因？总 </t>
  </si>
  <si>
    <t>一直都是这样,卡的要命,建议上半夜睡觉,下半夜再玩,这样就解决问题了.</t>
  </si>
  <si>
    <t xml:space="preserve">魔力的世道会越来越黑吗?骗宠物，骗道具，骗帐号，骗感情，盗帐号！ </t>
  </si>
  <si>
    <t>不能不爱，你又在刷分了，太明显了伙计，何必呢~这里的分要一个月才能换奖品，你这样刷没一个月就被封了，傻</t>
  </si>
  <si>
    <t xml:space="preserve">请尽快答复为什么我邮箱的收费是每月13元，不知贵网又给我提供了什 </t>
  </si>
  <si>
    <t>两种方法:方法一:通过手机写短消息,内容为0000发送给8888(联通为9888),在收到退订成功的短信后,您在新浪网的所有栏目就可以注销了.方法二:请您打开新浪短信息服务的首页，在页面左上角的“手机号码登陆区”输入您的手机号码和密码进行登陆。登陆后的页面左侧有“我的订阅”一项服务。进入该页面后，您可以看到已经订阅的短信服务栏目。如果您想退订某个栏目，点击该栏目右侧的“停止”按钮，即可退订任何一个已订阅的栏目,退订操作在第二天生效。</t>
  </si>
  <si>
    <t xml:space="preserve">从哪里可以下载《名人传》反对注册，反对特殊下载器，反对掏钱 </t>
  </si>
  <si>
    <t>建议你下载个bt--比特精灵，然后去 去找。</t>
  </si>
  <si>
    <t xml:space="preserve">如果巴萨输的话能折多少人啊哥们们巴萨赢是肯定的还是说不好啊 </t>
  </si>
  <si>
    <t>30%,9场奖金提高800</t>
  </si>
  <si>
    <t xml:space="preserve">买个包送女朋友价格1000元左右请问买什么牌子的好？？？？？明天 </t>
  </si>
  <si>
    <t xml:space="preserve">你女朋友好幸福啊.试试DIOR的也不错哦.不过你女朋友如果喜欢LV的,就根据她的气质,选择一个合适的款式吧. </t>
  </si>
  <si>
    <t xml:space="preserve">S双汇，S双汇什么时候开，有消息的吗， </t>
  </si>
  <si>
    <t xml:space="preserve">目前没有具体消息！但从双汇公司网上的消息看应该在1月内！估计在四月份就可以复牌了！参考！ </t>
  </si>
  <si>
    <t xml:space="preserve">急问各位:兴业可转债是哪个基金公司的？谢谢！ </t>
  </si>
  <si>
    <t>兴业可转债是兴业基金公司的其旗下还有兴来全球视野和兴业趋势!</t>
  </si>
  <si>
    <t xml:space="preserve">大连到哪里能找到放心的保姆？中介太多了，服务没有一个好的 </t>
  </si>
  <si>
    <t>大连家政中心的保姆不错~地址在人才大厦</t>
  </si>
  <si>
    <t xml:space="preserve">快帮忙看看这个药方是否能治痘痘！谢谢…碌霉素针药水六支，百宁（炎 </t>
  </si>
  <si>
    <t>我想是不能去痘的。你的药方第一种是主要是抗菌作用，第二种主要是消炎作用，第三种顺峰康王主要是抗真菌除皮癣的，珍珠粉虽有美容作用但在这里也没什么作用。据我所知现在还没有哪种药或药方能治痘痘，市面上的那些声称能治的东东最多也只能起缓解作用。长了痘痘后要以清淡食物为主，保证充分的睡眠，每天保持良好的心情，勤洗脸，用清水即可，保持脸部清洁，不要挤痘痘，痘痘就会慢慢减少直至消失。</t>
  </si>
  <si>
    <t xml:space="preserve">哪个职业比较好？升级快一点的？技能好一点的？ </t>
  </si>
  <si>
    <t>呵呵，这个问题是个高手就回答不上来，因为谁也说不准，纯粹个人喜好，哪个职业都有优缺点，所以建议你把每个职业都练一遍估计才能了解～</t>
  </si>
  <si>
    <t xml:space="preserve">快乐的不需要巧克力的情人节！今天是情人节，我和老公结婚十四年了， </t>
  </si>
  <si>
    <t>你真幸运找到了这么好的男人当老公，婚姻就是两个人互相关爱与扶持着牵手到老，祝你们永远幸福……</t>
  </si>
  <si>
    <t xml:space="preserve">七年级科学关于光的问题太阳光通过三棱镜色散后,再通过蓝色的玻璃片 </t>
  </si>
  <si>
    <t>因玻璃是透明的物体，而透明的物体的颜色由它通过的光的颜色决定的，因玻璃是蓝色的，所以只能让蓝色的光通过，所以屏上的颜色是蓝色的。</t>
  </si>
  <si>
    <t>有请澳彩专家挪超费德列斯达:汉</t>
  </si>
  <si>
    <t xml:space="preserve">刚上来 我先把昨天的盘口 复习一遍 稍后给出结果 事先声明我不会下注这种比赛 平手和平半的盘子 这种球队 没意思下 不像赌强队爆冷 值得投资 如果投资 汉坎值得投资 真是不爽 昨天都熬成灯了 既然大家那么支持我 我就下轻注吧 下哈尔母嬴平和汉坎嬴负 投注建议 哈尔母O 汉坎30 </t>
  </si>
  <si>
    <t xml:space="preserve">口交后是刷牙还是漱口?这不是扯淡吗?也能发表.声讨!!!!! </t>
  </si>
  <si>
    <t>辛苦了!!你真是用心良苦呀.我也深有同感,不公正待遇经常发生!!我也加入你的声讨队伍!!</t>
  </si>
  <si>
    <t xml:space="preserve">来看看怎么开英雄冢里的那些黑铁箱呀？我有矿铲，还是不能开呀，两仪 </t>
  </si>
  <si>
    <t>那个箱子是任务箱子的,没有接那个任务是挖不了的,好象是29级的修真任务时挖的,一般人没有任务都不可以挖.</t>
  </si>
  <si>
    <t xml:space="preserve">三星液晶电视接VGA没反应。电脑显卡输出VGA接入三星液晶电视的 </t>
  </si>
  <si>
    <t>你笨吗，就应该先把电视开了，然后选择节目源，选择PC第一个选项，然后开电脑就可以不过我建议就不要开了，因为三星用VGA线连电视，亮度跟太阳一样，你的眼睛会受不了的。</t>
  </si>
  <si>
    <t xml:space="preserve">大家怎么看待死亡 </t>
  </si>
  <si>
    <t>人有生必有死,全人类都知道,我感觉,人死后就象睡着了一样,然后灵魂又漂到另一个地方,像种子一样,生根发芽,又有了新的生命.楼上的朋友说的对,在有生的日子多做一些有意义的事,人生才有价值,有意义.常言道:人的命,天注定,胡思乱想不顶用.!还是回到现实生活努力工作吧!</t>
  </si>
  <si>
    <t>柳浪闻莺</t>
  </si>
  <si>
    <t>鸟 唤春</t>
  </si>
  <si>
    <t xml:space="preserve">一直在烧的水能喝吗一直在烧沸腾了还在烧的水没停过　这种水能喝吗　 </t>
  </si>
  <si>
    <t xml:space="preserve">  你好!长时间沸腾的水不能喝.  第一.这是因为水在烧开1分钟之后，就开始产生硝酸盐,如果你喝了这样的水,硝酸盐在人体内经过氧化还原反应,会变成对人有致癌作用的亚硝酸盐.长期喝这样的水,会使人体内的细胞癌化，最后会发展成癌症患者.  第二,我们知道水里有相当数量的矿物质,这些矿物质平常对人体无害或者有利,但是经过长时间的沸腾,水里的矿物质浓度会大大提高,这样的水喝下去，会对人的肾脏造成危害,进而引发高血压,慢性肾炎等一系列疾病.  你对饮食安全关注是个好事情,健康的身体需要他的主人精心呵护,祝你健康!</t>
  </si>
  <si>
    <t xml:space="preserve">喜欢!张韶涵的图片!我喜欢收藏图片,所以越多越好!谢谢大家拉! </t>
  </si>
  <si>
    <t xml:space="preserve">安全码能改吗怎么改? </t>
  </si>
  <si>
    <t>需要身份证 如果有的话 再去 看看 希望采纳为答案</t>
  </si>
  <si>
    <t xml:space="preserve">我有出国运吗?我是1975年1月8日0点苏州出生的，女。我觉得我 </t>
  </si>
  <si>
    <t>你的土﹑月﹑日﹑木形成一??誤差教大的風箏﹐而且日﹑土合軸﹐今後事?I上的發展不可限量。而且我認?槟愠?目赡苄苑浅４螬o因?橥谅??m合MC。婚姻上注意互相容忍﹐否?t容易吵架。</t>
  </si>
  <si>
    <t xml:space="preserve">公务员定级、工资问题08年大学本科毕业，当年考入事业单位，11月 </t>
  </si>
  <si>
    <t>公务员录用的第一年为见习期，对于应届毕业生报考的，见习期往往要拿见习工资，对于在职人员报考的，可以参照原来的工资标准按照公务员的工资标准进行套改后执行公务员的工资标准。你大学刚毕业，虽然有一年工龄，但由于工作时间还是比较短，录取单位往往还是按照应届毕业生的情况在见习期内发放见习期工资。见习期满后，重新制定工资标准，当然原来的一年工龄也计算在内，一年工龄的工龄工资也就几块钱。你如果当初参加的是科员职务的招考，见习期满定为科员职务。公务员法规定：年度考核，连续五年称职或者联系三年优秀涨一级工资。科员职务任职满三年，只是说才有资格晋升上级职位，是否能晋升要受指标限制。</t>
  </si>
  <si>
    <t xml:space="preserve">AP1000技术的原理? </t>
  </si>
  <si>
    <t>ＡＰ１０００是一种先进的“非能动型压水堆核电技术”。用铀制成的核燃料在“反应堆”的设备内发生裂变而产生大量热能，再用处于高压下的水把热能带出，在蒸汽发生器内产生蒸汽，蒸汽推动汽轮机带着发电机一起旋转，电就源源不断地产生出来，并通过电网送到四面八方。采用这一原理的核电技术就是压水堆核电技术。</t>
  </si>
  <si>
    <t xml:space="preserve">口苦\口干\口淡\口咸分别是什么疾病的信号? </t>
  </si>
  <si>
    <t>防治口干舌燥3法 1.莲子芯水可防治口干舌燥：将莲子芯用开水沏，不要过浓也不要过淡，日饮二三次可预防口干舌燥、虚火上升、嗓子疼痒、声音嘶哑、脑觉昏沉等。同时还可治疗咳嗽。 2.吃拘杞子治夜间口于症：每晚吃拘杞子30克，嚼得越烂越好，要坚持不断。但应指出，对长期口干的老年人，应进一步检查，例如有人患癌症， 也有口于的现象，请万万莫大意。另外，对糖尿病或老年人因津液分泌减退而感到口干者，尤其在夜间，可将拘杞子洗净备用，需要时取一粒含在舌心上，几秒钟后，就会从舌根生出津液，解除了口中干渴，入睡前含人，一夜不用喝水。 3.蜂蜜加米醋治咽干舌痛：每天早晚各一次， 每次1匙蜂蜜、2匙米醋，冲一大杯开水，连续喝几个月就会好转，同时对大便异常也可得以恢复正常。 口腔异味多见于口臭，所谓口臭（也有称“口气”的），就是人口中散发出来的令别人厌烦、使自己尴尬的难闻的口气。别小看口臭这小小的毛病，它会使人（尤其是年轻人）不敢与人近距离交往，从而产生自卑心理，影响正常的人际、情感交流，令人十分苦恼。 有些人，口臭较重，自己就可以闻到自己的口气臭秽；而有些人，通过他人的反应，才知道自己口臭。自测口气的方法：将左右两手掌合拢并收成封闭的碗状，包住嘴部及鼻头处，然后向聚拢的双掌中呼一口气后紧接着用鼻吸气，就可闻到自己口中的气味如何了。 口臭的原因 一. 口腔疾病：患有龋齿、牙龈炎、牙周炎、口腔粘膜炎以及蛀牙、牙周病等口腔疾病的人，其口腔内容易滋生细菌，尤其是厌氧菌，其分解产生出了硫化物，发出腐败的味道，而产生口臭。 二. 胃肠道疾病，如消化性溃疡、慢性胃炎、功能性消化不良等，都可能伴有口臭。近来，我们还发现，导致许多胃疾病的幽门螺杆菌感染者，其口臭发生率明显高于未感染者，而根治幽门螺杆菌后，口臭症状明显减轻。原因可能是幽门螺杆菌感染直接产生硫化物，引起口臭。 三. 吸烟、饮酒、喝咖啡以及及经常吃葱、蒜、韭菜等辛辣刺激食品，或嗜好臭豆腐、臭鸡蛋等具有臭味食物的人，也易发生口臭。 四. 节食，或因病不能进食，或老年人的唾液腺功能降低、妇女在月经期间出现内分泌紊乱而导致唾液分泌减少，有利于厌氧菌生长，因此发生口臭。 五. 少女口臭：有些处于青春发育期的女性，卵巢功能不全，性激素水平较低时，口腔组织抵抗力下降，容易感染病菌从而产生口臭。 口臭可因口腔卫生不良、牙周病、干口症、抽烟、生病或吃了特定食物而产生。当口腔卫生不佳，牙周病或唾液不足，而有细菌堆积时，口臭便会发生，唾液对于洗去食物残渣及细菌而言有其必要性，某些药物，如高血压、精神科用药或特定的疾病也可能会造成干口症，偶尔鼻腔或呼吸道的感染，也可能造成口臭，假如口臭持续发生，可请牙医师检查看看是否与牙科相关疾病有关。 口臭怎么防治？ 定期检查是否有牙周病、干口症或其它疾病。维持良好的口腔卫生，消除牙周疾病，且定期请牙医师洗牙、洁牙，都可有效减少口臭。而不论口臭的主因是什么，良好的口腔卫生仍是最重要的，每天刷两次牙并清洁一次牙缝，若有假牙，晚上必须取下休息，隔天清洁干净后才可戴回，如此对口臭的消除都大有助益 口臭为临床常见疾病。患引病者，不仅令人厌恶，而且患者也常为交际、洽谈而苦恼。为帮助患者消除口臭，特将口臭的种种表现及治法，浅述如下。 胃火口臭：多由火热之邪犯胃所致。其证除口臭外，每兼面赤身热，口渴饮冷，或口舌生疮，或牙龈肿痛，流脓出血等。应清泻胃火。宜用清胃散（黄连、升麻、生地、丹皮、石膏、当归）治之。大便秘结者，加大黄。 食积口臭：多由过饱伤胃、缩食停滞胃中引起。其证口出酸腐臭味，脘腹胀痛，不思饮食，嗳气口臭等。应消食导滞，保和丸或枳实导滞丸，均可随症选用。 热痰口臭：多由热痰犯肺或热痰郁久化脓化腐引起。其证除口臭外，每兼咳吐痰浊或脓血，胸痛短气等。应清肺涤痰。未化脓化腐者，宜用小陷胸汤（半夏、黄连、瓜萎）治之；化脓化腐者，宜用千金苇茎汤（桃仁、苇茎、冬瓜子、苡仁）加味治之。 虚热口臭：多由阴虚生内热所致。口臭而兼见鼻干，干咳，大便干结，为肺阴虚弱之候。当清润肺脏，宜用清燥救肺汤（石膏、桑叶、杏仁、枇杷叶、人参、麦冬、阿胶、胡麻仁、甘草）化裁治之；口臭而兼见心烦不安，失眠多梦，肌肉跳动，爪甲不华，为肝之阴血亏损。当补益肝之阴血。用酸枣仁汤（酸枣仁、茯神、知母、川芎、甘草）合四物汤（熟地、当归、川芎、白芍）加减治之，其效颇佳。口臭而兼见腰腿酸软，多梦遗精，口干咽燥，夜间尤甚，为肾阴虚损，相火妄动之证。用知柏地黄丸滋阴降火，久服必验 ◆口腔异味——疾病的“信号” 在门诊中，常有病人在主诉时，说自己什么病也没有，就是里有一种或酸、或甜、或淡、或咸、或苦、或辣、或臭、或香的味道。由于这个缘故，这些人总感到吃东西不那么香甜可口，甚至“味同嚼蜡”。 根据中医的说法，口腔味觉的正常与否，主要取决于心、脾的功能。心者，君主之官，心开窍于舌，心和则舌能知五味；脾者，仓禀之官，脾开窍于口，脾和则口能知五谷。若心气不和，脾气不足，运化失常，就会出现口味异常(口腔异味)。故中医认为，口腔异味常是某些疾病的“信号”，应当引起注意。 口 甜 中医认为，口腔产生甜味，是由于脾胃湿热郁阻，肝脾痰炎内蕴所致。 现代医学认为：口腔出现甜感，与消化系统功能紊乱有关。由于消化系统功能紊乱，导致各种酶的分泌异常，唾液中淀粉酶的含量过多，舌部味蕾受剌激而产生甜感。一般认为，此症也多见于糖尿病患者。 口甜伴有纳呆、脘腹满闷、小便短赤、舌苔厚腻、脉濡渭者，方用佩兰一味，开水冲泡代茶服。也可取芡实、茯苓、扁豆、厚朴花、陈皮、栀子、黄连、藿香各15克，水煎内服。 口 苦 口腔出现苦味，多属肝胆热证和肠胃热证。此症多由胆气蒸腾所致。多见于各种炎症急性发作期。 通常认为：口苦与胆汁排泄失常有关。有些癌症患者由于舌微循环发生障碍，舌尖感受甜味的味蕾萎缩，加上唾液成分的改变，所以常有口苦之感。 出现口苦，如伴有头痛、眩晕、目赤、急躁易怒、睡眼欠佳、舌苔黄、脉弦数，可用龙胆泻肝汤清泄肝胆郁热，热清则口苦自除。 口 咸 口咸主要是肾阴不足、虚火上浮的一种表现。症见腰膝疲软、午后潮热、舌红少苔，脉细数。中医认为与肾有关。多见于慢性咽炎、口腔溃疡。有时也可出现在慢性肾炎、肾功能损害者身上。这些人的唾液中所含的钠、钾、钙、镁含量增多，PH值多呈碱性。 口 酸 口酸多系肝胆之热乘脾所致。“肝热则口酸”，这是中医的见解。口酸反映了“脾胃气弱”，多见于胃炎和消化道溃疡。有些胃肠道异常病人的胃酸分泌过多，也往往有口酸的感觉。从口酸患者唾液中测得，这些人唾液中多数乳酸、磷酸酶、碳酸酐酶含量均偏高，PH偏于酸性。 口酸如伴有胸闷肋闷，舌苔薄黄，脉弦数，可服左金丸。或用煅瓦楞(或乌贼骨)30克，水煎服。也可取吴菜萸1克、黄连6克，加水300克，煎至200克，内服。 口 淡 口腔感到淡而无味，多见于脾胃虚寒或病后脾虚运化无力者；此外，消化系统疾病、内分泌疾病及长期发热的消耗性疾病、营养不良、维生素及微量元素锌的缺乏、蛋白质及热量不足等，均可使舌部因味蕾敏感度下降而产生口淡之感。患者常常食欲不振，进食无味而厌食。在部分高龄的老年人中，由于味蕾退化，也多出现此症。 如伴脾胃虚弱，食欲不振、四肢无力、胸腔不畅、舌淡苔白，脉虚而缓，可服参苓白术散补气健脾。 口 辣 肝火偏旺、肾虚痰热者，口腔多感辣味。多为肺热或胃火上炎所致。在大叶性肺炎、支气官肺炎、脓疡、高血压、神经官能症、更年期综合症和长期低热患者中也可出现。 有报告说，口辣还与舌温偏高，舌粘膜对咸味和痛觉过分敏感有关。 治口辣，可用泻白散泻肺清热；也可取鲜地骨皮煎汤代茶饮服。 口 臭 一般认为：患有牙周病、龋齿、口腔溃疡等疾病的人，口中常有一股难闻的臭味。此外，鼻咽部和鼻腔内有炎性病灶或脓性分泌物时，也会引起口臭。 也有认为。口臭与消化机能失调有关。这是因为肠胃功能紊乱或消化不良，可使人的唾液成分发生变化而呈现酸性，有利于腐败类细菌的繁殖与活动，从而导致口臭。 祖国医学认为，脾开窍于口，脾胃湿热，内火上熏，就会发生口臭。 口臭患者可内服保和丸。也可单用夏枯草6克，水煎代茶饮服，症状可在短期消失。 口 香 多见于消渴症(糖尿病)重症。患者口腔中常感有一股果味萦绕。出现这种情况时，应去医疗机构检查，对症治疗，切切不可大意!   不良的口气，即所谓口臭，是相当常见的一种生理现象，也是许多人在日常社交生活中挥之不去的梦魇。即便衣冠楚楚、举止洒脱，一旦张口时传出不雅异味，也会让人皱眉败兴并进而或多或少地对之产生反感。之所以引起口臭，往往与人的身体健康状况及口腔卫生有着密切关系。口腔唾液的生化成分、酸碱度、杀菌功效、分泌量等皆会受到身体内外环境的影响而发生变化。为了让自己在公众场合的形象风采不留一丝缺憾，不妨让我们一起来了解一下口臭的成因及对付它的积极办法吧。 生活中人们互相交往及社交活动中，人们交谈中常会感到一些人有口臭，要么对方突然与自己拉开距离，要么我们不自觉地疏远对方。这就是口腔异味造成的难堪局面。有哪些原因会引起口臭呢？ ● 口腔疾病： 1．龋病等口腔病灶内含大量细菌腐化牙质，食物残渣的发酵，炎症分泌物。 2．牙龈炎、牙周炎、菌斑、牙石、软垢堆积，食物嵌塞发酵造成。 3．拔牙后伤口感染、智齿冠周炎、口腔溃疡等。 防治： 定期上医院检查口腔并利用超声波洁牙机清洗牙齿。如发现牙齿坏损，需及时修补。平时注意洁牙护牙，餐毕正确漱口，并多食苹果等富含纤维素的食物。及时治疗口腔疾病。 ● 鼻咽部疾病： 1．鼻窦炎、鼻腔分泌物、萎缩性鼻炎。 2．慢性咽炎、化脓性扁桃体炎等。 防治： 积极治疗鼻咽部疾病，消除病灶。 ● 胃肠道疾病：消化不良、饱食、胃炎、溃疡病。 防治： 肠胃疾病患者应按时服药治疗并调整饮食结构，尽量避免吃冰冷、油腻、刺激性及不易消化的食物。 ● 肺脓疡：呼出气味带臭味。 ● 全身代谢性疾病：糖尿病。 防治： 及时就医，治疗病症。 ● 食物因素：葱、蒜、韭菜、烟、酒等。 烟、酒及蒜、葱、韭菜、芹菜、臭豆腐等气味浓裂的食物一经进食后，很容易被血液吸收，然后经由呼气排出体外，产生难闻气味。 防治： 积极戒烟，少喝酒，吃了蒜、葱等刺激性食物后，应立即漱口，咀嚼茶叶、红枣或嚼些新鲜香菜、饮牛奶、咀嚼口香糖，以减轻口臭。 ● 人体代谢运作不畅，如便秘不能进行正常代谢时，体内毒素无法及时排出体外，也会使口腔产生不佳气味。 防治： 多喝水，多食蔬菜水果及豆类、动物肝脏等食物。患便秘的减肥人士如果想控制食物热量，则可从高纤维饮食下手，适当多吃苹果、香蕉、西瓜、竹笋、叶菜、燕麦片、糙米粥等高纤维食物。生活作息规律，适时舒解精神压力以保持自律神经的平衡，对预防便秘也极有助益。此外，平日还应注意多做运动，以刺激肠胃蠕动。 ● 有些药物，如镇静药、降血压药、利尿药、减肥药等．服后会使唾液分泌减少，从而引致口臭。 防治： 勿滥服药物，确有病而需要服药时，需格外注意口腔卫生。 因此要消除口臭，必须清楚口臭的原因，去除病因。建议你出门时，尤其是参加重要的聚会前，除了整装修容外，别忘了刷牙，再自测一下口中是否有异味，以便及时采取相应措施。 自测口气的方法很简单，将左右两掌合拢并收成封闭的碗状，包住嘴部及鼻头处，然后向聚拢的双掌中呼一口气，就可闻到自己口中的气味了。 清新口气速效处方： 1．嚼无糖口香糖。 2．放几片茶叶在嘴里咀嚼。 3．使用口腔清新喷雾剂。</t>
  </si>
  <si>
    <t xml:space="preserve">急求盗贼一个绷带宏盗贼的一个绷带宏——就是用完凿击后，不取消连击 </t>
  </si>
  <si>
    <t>/target 柿子牛人/Script UseContainerItem(4,6); /Script if ( SpellIsTargeting() ) then SpellTargetUnit("Player");end柿子牛人是我的名字呵呵。。。绷带放在左边第一个背包的第6个格子就可以了。</t>
  </si>
  <si>
    <t xml:space="preserve">现在１级红鬼在哪抓的？　要具体坐标谢谢好象说１的鬼关掉了但是现在 </t>
  </si>
  <si>
    <t>鬼灵 峡之洞窟（74.4）需要做牛鬼的逆袭任务击倒罗连斯后几率蛮高的</t>
  </si>
  <si>
    <t xml:space="preserve">32几盗贼的问题本人是32几的小盗，在经过努力之后开锁终于到了1 </t>
  </si>
  <si>
    <t>LM我没练过贼,不过湿地箱子的位置还是知道的,从港口出来.路的北边.沉船旁边的陆地上,有一群一群的鱼人,他们每个营地中大概都有个箱子.这段时间是开锁郁闷期.慢慢练吧.顺便说一下.开锁280左右就去黑石深渊练吧.一次提升3点很容易到300</t>
  </si>
  <si>
    <t xml:space="preserve">问题热血江湖一定要超级密码吗?.........怎样找回来... </t>
  </si>
  <si>
    <t xml:space="preserve">尊敬的用户:    您好! 5173客户服务040很高兴为您服务!超级密码没有是无法通过审核上架的。如果您忘记了超级密码，请联系游戏官方客服咨询找回。感谢您对5173的支持!!!                                                                      </t>
  </si>
  <si>
    <t xml:space="preserve">慢性咽炎怎么治好呢? </t>
  </si>
  <si>
    <t>您好，对于慢性咽炎医学上称之为咽喉壁滤泡增生，这个病治疗起来是比较棘手的，因为治好后很容易复发，服用药物也只能治标不治本的，对于慢性咽炎，建议去医院五官科行激光或是微波的手术方法来清除增生的咽喉壁滤泡，可以达到治本的目的，同时治好后，平时要戒烟限酒，减少辛辣和刺激性的食物的摄取，平时注意保暖，以防感冒后再次诱发疾病的发作，同时平时可以喝点野菊花茶，可以弄点胖大海(一种中药)泡水喝，这样可以预防和减轻咽炎发生的。</t>
  </si>
  <si>
    <t xml:space="preserve">网上买手表会不会有假货有没有筒子知道沙特代购的手表，怎么鉴别真伪 </t>
  </si>
  <si>
    <t>最好是找个专业的师傅问问，这年头假货水货防不胜防，听我朋友说淘宝的恒典表行挺专业的，他们有一套鉴别真假的绝招，在我看来，不过就是鉴别发票和联保卡的作假。</t>
  </si>
  <si>
    <t xml:space="preserve">定向天线是什么东西定向天线有什么作用呢 </t>
  </si>
  <si>
    <t>定向天线（Directional antenna）是指在某一个或某几个特定方向上发射及接收电磁波特别强，而在其它的方向上发射及接收电磁波则为零或极小的一种天线。　　采用定向发射天线的目的是增加辐射功率的有效利用率，增加保密性；采用定向接收天线的主要目的是增加抗干扰能力。</t>
  </si>
  <si>
    <t xml:space="preserve">正常的夫妻生活多长时间一次？ </t>
  </si>
  <si>
    <t>每周做爱多少次没有很科学或规范的说法，因为性生活次数多少主要依赖于做爱双方的身体状况而定。一般情况下，只要双方在做爱后第二天没有疲劳感或身体不适，说明做爱次数适度，你不妨可以试着增加每周做爱次数，当你们任意一方感觉到腰酸背痛或腿软，说明身体过于劳累了，就应该减少性交次数。你们可以试试看，身体条件允许的话就可以多做。不瞒你说，我今年47岁了，每周还可以做4-5次呢！祝你们性福！</t>
  </si>
  <si>
    <t xml:space="preserve">诸葛亮的父亲是谁? </t>
  </si>
  <si>
    <t>诸葛亮的父亲是诸葛?,字君贡,在东汉末做过泰山郡丞。</t>
  </si>
  <si>
    <t xml:space="preserve">我应该怎么办啊？一个男人刚刚向我表白，说他喜欢我，我们已经认识将 </t>
  </si>
  <si>
    <t>多多少少都有点不愿意为了一棵树放弃一整片森林的想法,我这样说也不怕男士们朝我扔石头砸鸡蛋.如今眼看这棵树要跑了,当然要想方设法留下它.不然,森林不是会越来越稀疏了么?人不能光看表象,一个看似老实的人,肚子里的东西说不定比看起来很坏的人还要肮脏.我并非特指某个人,而是要你看清楚一个人的本质,先不要一头热的栽进去,先冷眼旁观的从多方面的观察一下,你如果让你那颗发热的心先冷静一下的话,会发现很多你平时发现不了的问题.再想想你到底想要的是什么.你是否能接受他那些你目前已经怀疑了且一旦证实会更令你难堪的事呢?爱一个人心里应该毫无芥蒂,如果还没开始心里已经有疙瘩了,它会在你的心力慢慢的滋生,越来越大,最终受到伤害的也许还是你,因为你的投入越多失去的时候你会越痛.如果你有把握让他为了你而放弃他的森林,当然是件好事,关键是这要担风险,不知道你可愿意一博?赢了当然皆大欢喜,输了呢?想想问题也不是很大,输了,又重新来!所以如果你如果是个爱挑战的人,那么放手去博一博,如果你在感情上是个比较脆弱的人,对打击的承受能力也很弱的话,最好不要去试.你还是自己权衡利弊然后作出抉择,这也许是你人生的一个转折点,你要为自己今天的选择无悔.最后祝你好运!!!</t>
  </si>
  <si>
    <t xml:space="preserve">别克君越怎么样？ </t>
  </si>
  <si>
    <t>君越是上汽通用旗下一款热门B级车型，外形商务大气，内饰豪华，舒适和安全性配置丰富。新款君越经过中期改款，外形和内饰有所提升。此外车型空间充裕，动力充沛，操控平稳舒适，在B级车市场中有着较高人气和关注度。不足之处：网友反映车型价格偏高，油耗较大，变速箱有漏油的问题，后期养护费用较高。亲，如果我的回答对您有帮助，请赐个好评吧。谢谢！</t>
  </si>
  <si>
    <t xml:space="preserve">关于红豆女之恋?《红豆女之恋》中的歌曲（包括插曲之类的）都有些什 </t>
  </si>
  <si>
    <t xml:space="preserve">大概是爱    甜美的梦（Sweet Dream）   一个人也可以    红豆 I ll Be There For You </t>
  </si>
  <si>
    <t xml:space="preserve">专业问题？向您请教！应用化学、生物化学与分子生物、食品科学与过程 </t>
  </si>
  <si>
    <t>　　这个问题在高考后填报志愿的时候许多学生和学生家长所关心的问题，随着我国社会经济、政治、文化的发展，社会需要的人才还很缺乏，像应用化学、生物化学与分子生物、食品科学与过程、生物工程是新兴的专业，社会在这方面还很需要甚至缺乏这方面的人才，只要你努力学习，社会在期待真正的人才的到来。　　祝你学习进步！</t>
  </si>
  <si>
    <t xml:space="preserve">什么药物治疗胰腺癌效果最好我姑姑得了胰腺癌，后来吃了一种叫“中药 </t>
  </si>
  <si>
    <t>呵呵，那么有效你早拿出来给乔布斯试试呀，那样你就发了，既有名又有钱！</t>
  </si>
  <si>
    <t xml:space="preserve">我该怎么结束这感情呢????/提笔写这篇文章的时候,我真的很想哭 </t>
  </si>
  <si>
    <t>离开那个地方！不要再联系，时间可以改变一切！在一起没什么的，你要结婚过不下去再离婚，你就惨了！</t>
  </si>
  <si>
    <t xml:space="preserve">英文对话Howareyou?(怎样答?)Howareyoudoi </t>
  </si>
  <si>
    <t>How are you?  ---Fine, thank you, and you?等How are you doing?  ---Just so so.等基本上是一个意思。老美的口头语中更多用How are you doing?</t>
  </si>
  <si>
    <t xml:space="preserve">我是山东考生,今年考了600分,高出重点线17分,报考贵校有希望? </t>
  </si>
  <si>
    <t>兄弟，你报那所学校~？真不知道，请告知~</t>
  </si>
  <si>
    <t xml:space="preserve">我想吃大闸蟹，哪里有？？ </t>
  </si>
  <si>
    <t>超市里面有啊，去买了自己煮下。</t>
  </si>
  <si>
    <t xml:space="preserve">认认他是谁？11 </t>
  </si>
  <si>
    <t>图为在淮海战役中脱逃的国民党军追晋陆军二级陆军上将李弥 李弥（1902年—1973年），字炳仁，号文卿，云南腾冲人。生平1926年黄埔第四期毕业。1936年任江西瑞昌县长，1939年参加昆仑关战役。1940年，枣宜会战后，调升为第八军荣誉第一师师长。1944年奔赴滇西松山战场，加入中国远征军，打响松山战役，因功升任第八军军长。1948年所部改编为第十三兵团，任十三兵团司令官。淮海战役中，奉命支援黄百韬部未果，不久第十三兵团全军覆没，李弥化装逃到山东潍县、青岛、乘海轮赴南京、上海。后任第十三编练司令部司令兼重编第八军军长，往闽西、云南征兵。1950年李弥率部撤往缅甸、老挝、泰国交界地(既著名的"金三角")，任云南省政府主席兼云南绥靖公署主任。1954年撤往台湾。1973年3月10日病逝于台北。</t>
  </si>
  <si>
    <t xml:space="preserve">怎样分辨皮鞋的皮是真皮和透气性如果去买真皮鞋想买透气性好质量好结 </t>
  </si>
  <si>
    <t xml:space="preserve">真皮和人造皮革的鉴别及其透气性分析目前，市场上流行的皮革制品有真皮和人造皮革两大类，而合成革和人造革是由纺织布底基或无纺布底基，分别用聚氨酯涂复并采用特殊发泡处理制成的，有表面手感酷似真皮，但透气性，耐磨性，耐寒性都不如真皮。如何区别真假皮革制品呢? 1.革面：天然的革面有自己特殊的天然花纹，革面光泽自然，用手按或捏革面时，革面无死皱或死褶，也无裂痕；而人造革的革面很像天然革，但仔细看花纹不自然，光泽较天然革亮，颜色多为鲜艳。 2. 革身：天然革，手感柔软有韧性，而仿革制品虽然也很柔软，但韧性不足，气候寒冷时革身发硬。当用手曲折革身时，天然革曲回自然，弹性较好，而仿革制品曲回生硬，弹性差。 3. 切口：天然革的切口处颜色一致，纤维清晰可见且细密。而仿革制品的切口无天然革纤维感，或可见底部的纤维及树脂，或从切口处看出底布与树脂胶合两层次。 4. 革里面：天然革的正面光滑平整有毛孔和花纹。革的反面有明显的纤维束，呈毛绒状且均匀。而仿革制品中部分合成革正反面一致，里外面光泽都好，也很平滑；有的人造革正反面也不一样，革里能见到明显的底布；但也有的革里革面都仿似天然革，革里也有似天然革的绒毛，这就要仔细观察真假品种的差异性。 5．羊皮革：其特征是粒面毛孔扁圆，较斜地深入革内，毛孔几根排成一组，排列的很像鳞片或锯齿状。花纹特点如“水波纹“状。在羊革中又分为绵羊革和山羊革。 A． 绵羊革：皮层中脂肪含量较多，革的纤维组织松弛，非常柔软，粒面细致，延伸性较大，但不坚固 B．山羊革：皮层中脂肪含量较少，纤维组织比绵羊革饱满，坚实耐用。 二者的区别：绵羊革粒面细致光滑；山羊革毛孔清楚，革质有弹性。无论那一种羊革制品制成的服装都具有美观的花纹，光泽柔和自然，轻薄柔软，富有弹性，但强度不如牛革和猪革。 表皮位于毛发之下，紧贴在真皮的上面，由不同形状的表皮细胞排列组成。表皮的厚度随着动物的不同而异，例如牛皮的表皮厚度为总厚度的0.5～1.5%；绵羊皮和山羊皮为2～3%；而猪皮则为2～5%。真皮则位于表皮之下，介于表皮与皮下组织之间，是生皮的主要部分。其重量或厚度约占生皮的90%以上。 6．制革的原料是动物皮，虽然我们生活中最常见的是猪皮、牛皮、羊皮，但实际上大多数动物皮都可以用于制革。只是牛皮、猪皮和羊皮的质量好且产量大，是制革的主要原料。 虽然制革的原料皮种类繁多，根据国际颁发的动物保护条例等一系列法律法规，真正用于生产的原料在一下程度上受到了限制，常用的皮革是：牛革、羊革、猪革和马革。 7．皮料的特性与区别 头层皮与二层皮：按皮革的层次分，有头层和二层革，其中头层革有粒面革、修面革、压花革、特殊效应革、压花革；二层革又分猪二层和牛二层革等。 ①．粒面革：在诸多的皮革品种中，全粒面革居榜首，因为它是由伤残较少的上等原料皮加工而成，革面上保留完好的天然状态，涂层薄，能展现出动物皮自然的花纹美。它不仅耐磨，而且具有良好的透气性。 A．全粒面皮革特性：分为软面革、皱纹革、正面革等。特性为完整保留粒面，毛孔清晰、细小、紧密、排列不规律，表面丰满细致，富有弹性及良好的透气性，是一种高档皮革。用此牛皮制成的皮革产品，使用舒适耐久且美观。 B．半粒面皮革特性：其在制作过程中经设备加工、修磨成只有一半的粒面，故称半粒面牛皮。保持了天然皮革的部分风格，毛孔平坦呈椭圆形，排列不规则，手感坚硬，一般选用等级较差的原料皮。所以属中档皮革。因工艺的特殊性其表面无伤残及疤痕且利用率较高，其制成品不易变形，所以一般用于面积较大的大公文箱类产品。 ②．修面革：是利用磨革机将表面轻磨后进行涂饰，再压上相应的花纹而制成的。实际上是对带有伤残或粗糙的天然革面进行了“整容”。此种革几乎失掉了原有的表面状态， A．修面牛皮特性：又称“光面牛皮”，市场也称雾面、亮面牛皮。特性为表面平坦光滑无毛孔及皮纹，在制作中表层粒面做轻微磨面修饰，在皮革上面喷涂一层有色树脂，掩盖皮革表面纹路，再喷涂水性光透树脂，所以是一种高档皮革。特别是亮面牛皮，其光亮耀眼、高贵华丽的风格，是时装皮具的流行皮革。 B．特殊效应牛皮特性：其制作工艺要求同修饰面牛皮，只是在有色树脂里面加带珠、金属铝或金属铜元素进行综合喷涂皮革上，再滚一层水性光透明树脂，其成品具有各种光泽，鲜艳村目，雍容华贵，为目前流行皮革，属中档皮革。压花牛皮特性：用带有图案的花板（铝制、铜制）在皮革表面进行加温压制各种图案，成一种风格的皮革。目前市场流行有”荔枝纹牛皮”，其就是利用一块带有荔枝纹图案的花板，名称也随之称“荔枝纹牛皮”。 ③．二层革：是厚皮用片皮机剖层而得，头层用来做全粒面革或修面革，二层经过涂饰或贴膜等系列工序制成二层革，它的牢度耐磨性较差，是同类皮革中最廉价的一种。 二层牛皮特性：其反面是牛皮的第二层皮料，在表面涂上一层PU树脂，所以也称贴膜牛皮。其随工艺的变化也制成各种档次的品种，如进口二层牛皮，因工艺独特，质量稳定，品种新颖等特点，为目前的高档皮革，价格与档次都不亚于头层真皮。 </t>
  </si>
  <si>
    <t xml:space="preserve">奇怪的梦昨天梦见我老公死了，可是死了他的灵魂还跟我在一起不离开我 </t>
  </si>
  <si>
    <t>梦就是白天的记忆晚上的延伸，有时候是白天没有办法满足的事情晚上满足了，有些梦境可以预测未来，不过有很多梦境是刚好相反的，死亡是大家排斥的，但是事实上死亡的梦却是相反的，都是好事情。心仪对象死…可获青睐。</t>
  </si>
  <si>
    <t>刚才发现44中奖单</t>
  </si>
  <si>
    <t>沾点喜气，呵呵</t>
  </si>
  <si>
    <t xml:space="preserve">清泉老师!看你来了,好开心..最近股市这么冷.也不见您的踪影.. </t>
  </si>
  <si>
    <t>除了加息等紧缩政策之外，本周A股市场面临着较多敏感事件的冲击，巨大的不确定性令投资者离场观望的心态极为浓厚；前期表现强势的二三线股昨日开始加入杀跌阵营，令市场恐慌情绪迅速升温，多杀多的格局更趋明显，后市仍将面临更激烈的非理性杀跌。下跌中也看到了希望反弹.</t>
  </si>
  <si>
    <t xml:space="preserve">海关关务员一般分为哪几种职位？ </t>
  </si>
  <si>
    <t>你好：关务员就是有进出口贸易的企业内部设立的一个普通岗位，一般就是“关务员”，有的企业叫“关务专员”。没有更详细的职位。关务员主要负责本单位进出口相关报关业务、负责国内运输相关事宜、加速通关作业流程、追踪三检防止通关延误、保持与相关申购单位的沟通等等。一般来说熟悉海关的进出口流程操作、有海关报核经验，会操作电子手册和保税仓储系统、熟悉海关法规知识，商检法规知识应聘时有优势。</t>
  </si>
  <si>
    <t xml:space="preserve">请教几个技能方面的小问题请问：1、35级传教士想学洁净，可冯奴家 </t>
  </si>
  <si>
    <t>35级想就职就去做露比任务~~然后才可以学习的~~不过传是不可以学习的~~要转巫~用专职保证书先转巫~~再转回传好了~~打露比的人应该不少~~喊几个人一起去~~就是时间问题了~祝你好运~6种抗我认为，抗石/混，比较有必要学习~~忍者魔不多~酒醉无所谓~~~遗忘是最没什么的我感觉``睡觉被打的话就醒了~~中毒也没什么必要抗~~如果你有兴趣学三个就在学个抗睡</t>
  </si>
  <si>
    <t xml:space="preserve">两地相思，一言千里来相会（中草药一，二字） </t>
  </si>
  <si>
    <t>马莲</t>
  </si>
  <si>
    <t xml:space="preserve">天津处女膜修复多少钱？有谁知道吗？要结婚了，想做处女膜修复手术， </t>
  </si>
  <si>
    <t>我知道啊，我原来在天津解放军272医院做过，超级逼真，真的看不出来。花了一千多块钱，不过也值了。呵呵。</t>
  </si>
  <si>
    <t>继续5W元的任9~~~~~~~~~~01亚特兰10</t>
  </si>
  <si>
    <t>有胆  但是1000……%不中                      玩钱也不是这样   还不如买吃的 。</t>
  </si>
  <si>
    <t xml:space="preserve">昨天开始手脚臂腿、头脖臀沟奇痒,有的有红包,有的无包,腋下、臀部? </t>
  </si>
  <si>
    <t>这个要仔细分析一下，首先是看看你吃了什么过敏性的食物或者用了过敏性的药物或者是遇到什么过敏性花粉或者蚊虫叮咬等等，然后对症抓药。最好去意愿去做一下检查，老听别人的也只是一种建议或者猜测，容易产生误导。</t>
  </si>
  <si>
    <t xml:space="preserve">沪深股指背离能说明什么？ </t>
  </si>
  <si>
    <t>强势。</t>
  </si>
  <si>
    <t xml:space="preserve">在哪里能做权证投资？ </t>
  </si>
  <si>
    <t>股市上</t>
  </si>
  <si>
    <t xml:space="preserve">昌北机场公交听说昌北机场通公交了,不知道什么时候的末班车,哦乘坐 </t>
  </si>
  <si>
    <t>从2月1日开始,到昌北机场有两条公交车线路:608和606公交车,606路公交线路走向:火车站—鄱阳湖大酒店—富豪大酒店—民航大酒店—丰和立交—昌北国际机场 608路公交线路走向：文教路口—东航大酒店—省政府—江西宾馆—省委—昌北—昌北国际机场.两条线路发收班时间为:早上6：00发班,末班根据航班结束时间确定。</t>
  </si>
  <si>
    <t xml:space="preserve">请教陈院长精液分析禁欲9天精液外观:灰黄精液量:3.5ml嗅味: </t>
  </si>
  <si>
    <t>A加B没过30%不太好怀孕,还有液化时间常了一点,所以兼议补WE跟锌,对生精和液化都有好处</t>
  </si>
  <si>
    <t xml:space="preserve">2010年上海居民的水费价格应该怎么样算？我家住上海，最近同一楼 </t>
  </si>
  <si>
    <t>现在每2个月自来水公司来抄一次表，水费单子上应该就显示你2个月用了多少字，该付多少钱。有2部分组成——供水：1个字是1.33元，用30个字*1.33=39.9元排水：用的总字数打9折，1个字是1.08元，用30个字=排水是27个字，27*1.08=29.16两者相加，你要付69.10元。</t>
  </si>
  <si>
    <t xml:space="preserve">大家觉得什么时候才会再次出手永久套装？ </t>
  </si>
  <si>
    <t>可能是十一，如果要准确的话去问TY客服</t>
  </si>
  <si>
    <t xml:space="preserve">晚上睡觉时穿太紧的内裤会有什么坏处?很紧,会对阴茎产生什么影响? </t>
  </si>
  <si>
    <t>应该说对阴茎（包括勃起）没有太大影响。关键是长期穿这样紧的内裤会对男性生殖造成一定影响。首先穿的过紧也不舒服。其次我们知道，睾丸在阴囊里，受阴囊的热胀冷缩来调节温度。睾丸的温度比体内的温度低1.5-2度，这是精子的生成温度，过高和过低都不利于精子的生成。紧身内裤的直接结果是使睾丸紧贴裆部，使睾丸温度上升，时间一长就会造成精子生成障碍或精子多畸形。但其有可逆性，恢复穿宽松内裤，一定时间后，精子生成会恢复正常。还有就是使阴囊不通气，容易滋生霉菌等，引起一些不必要的炎症。</t>
  </si>
  <si>
    <t xml:space="preserve">请问清泉老师持有8.28(600986)科达3500是留,还是抛? </t>
  </si>
  <si>
    <t>主力拉高减仓，学会与主力共舞，陆续分批退出</t>
  </si>
  <si>
    <t xml:space="preserve">清泉老师,600357承德矾钛后市会怎么走?谢谢您 </t>
  </si>
  <si>
    <t>可等收复30日均线.</t>
  </si>
  <si>
    <t xml:space="preserve">我该怎么办？我男朋友《可能》和我最好的姐妹好了，（因为没有证据， </t>
  </si>
  <si>
    <t>竟然都想到要分手了，为什么不直接问一下当事人呢，先把事情理清。如果是真的肯定分了，而且跟好友的友谊也不要了，抢自己好友的男友跟脚踏两条船的男人而且一条还是自己好友的贱男人，就让这两个贱人一起过日子得了……</t>
  </si>
  <si>
    <t xml:space="preserve">为什么在iask中问问题时，它能自己分出分类？ </t>
  </si>
  <si>
    <t>你提问的时候，系统会监测到关键字而自动显示大体分类。</t>
  </si>
  <si>
    <t xml:space="preserve">大家都是去的哪里的三维兴趣班？推荐一下啊，帮别人找的！ </t>
  </si>
  <si>
    <t>大家都说王康慧那边还是很不错的，有时间的话可以去咨询一下，估计不会失望的！cgwang在业界还是很有影响力的！</t>
  </si>
  <si>
    <t xml:space="preserve">请问现在EVE中制造业都集中在哪个星域,星系,星座?作为职业制造? </t>
  </si>
  <si>
    <t>商业中心~~~~是吉他....你打开星图...输入吉他~2字..搜索....就能找到........</t>
  </si>
  <si>
    <t xml:space="preserve">我用的是腾迅TT浏览器，总是出现浏览器没有响应问题。有时候刚上网? </t>
  </si>
  <si>
    <t>你好，explorer.exe遇到问题需要关闭首先试试用“360安全卫士”“超级兔子”交替进行优化，记得重启。推荐使用360安全卫士下载地址 超级兔子魔法设置下载地址 有关IE错误的问题，出现这种问题应排除其他的原因如病毒和的故障，还有浏览器损坏或文件丢失，其次主要是IE核心的某些DLL文件在注册表中的条目丢失或有错。这类问题一般由于安装了某些软件引起的。特别是一些设计的不规范的软件，要解决应使用REGSYR 32命令，需要重置IE：　　　1 在"开始"菜单中打开"运行"窗口，在其中输入"regsvr32 actxprxy.dll"，然后"确定"，接着会出现一个信息对话 框"DllRegisterServer in actxprxy.dll succeeded"，再次点击"确定"。　　　2 再次打开"运行"窗口，输入"regsvr32 shdocvw.dll　　　3 再次打开"运行"窗口，输入"regsvr32 oleaut32.dll　　　4 再次打开"运行"窗口，输入"regsvr32 actxprxy.dll　　　5 再次打开"运行"窗口，输入"regsvr32 mshtml.dll　　　6 再次打开"运行"窗口，输入"regsvr32 msjava.dll　　　7 再次打开"运行"窗口，输入"regsvr32 browseui.dll　　　8 再次打开"运行"窗口，输入"regsvr32 urlmon.dll1.发送错误报告　　【故障现象】在使用IE浏览网页的过程中，出现“Microsoft Internet Explorer遇到问题需要关闭……”的信息提示。此时，如果单击“发送错误报告”按钮，则会创建错误报告，单击“关闭”按钮之后会引起当前IE窗口关闭；如果单击“不发送”按钮，则会关闭所有IE窗口。　　【故障点评】这是IE为了解用户在使用中的错误而设计的一个小程序，不过我可不想当微软的“免费测试员”，更何况每天它都会面对成千上万的报告，谁知道有没有在意我的报告问题呢？！　　【故障解决】     对Windows XP的IE 6.0用户，执行“控制面板→系统”，切换到“高级”选项卡，单击“错误报告”按钮，选中“禁用错误报告”选项，并选中“但在发生严重错误时通知我”，最后单击“确定”按钮。2.IE发生内部错误，窗口被关闭　　【故障现象】在使用IE浏览一些网页时，出现错误提示对话框:“该程序执行了非法操作，即将关闭……”，单击“确定”按钮后又弹出一个对话框，提示“发生内部错误……”。单击“确定”按钮后，所有打开的IE窗口都被关闭。　　【故障点评】该错误产生原因多种多样，内存资源占用过多、IE安全级别设置与浏览的网站不匹配、与其他软件发生冲突、浏览网站本身含有错误代码……这些情况都有可能，需要耐心加以解决。　　【故障解决】　　①关闭过多的IE窗口。如果在运行需占大量内存的程序，建议IE窗口打开数不要超过5个。　　②降低IE安全级别。执行“工具→Internet选项”菜单，选择“安全”选项卡，单击“默认级别”按钮，拖动滑块降低默认的安全级别。　　③将IE升级到最新版本。IE 6.0 SP1　　可使用以IE为核心的浏览器，如MyIE2。它占用系统资源相对要少，而且当浏览器发生故障关闭时，下次启动它，会有“是否打开上次发生错误时的页面”的提示，尽可能地帮你挽回损失。3.出现运行错误　　【故障现象】用IE浏览网页时弹出“出现运行错误，是否纠正错误”对话框，单击“否”按钮后，可以继续上网浏览。　　【故障点评】可能是所浏览网站本身的问题，也可能是由于IE对某些脚本不支持。　　【故障解决】　　①启动IE，执行“工具→Internet选项”菜单，选择“高级”选项卡，选中“禁止脚本调试”复选框，最后单击“确定”按钮即可。　　②将IE浏览器升级到最新版本。</t>
  </si>
  <si>
    <t xml:space="preserve">继续求学办公软件首先很感谢爱问知识的会员给我的建议！是这样的我以 </t>
  </si>
  <si>
    <t>办公软件其实是很基础也很简单的，但是往往简单的东西都会被我们忽略。所以建议你多看书，多操作，熟能生巧。希望你以后工作顺利。</t>
  </si>
  <si>
    <t xml:space="preserve">4级帮会升级材料3级帮会升4级帮会时,系统需要完美九理角和200 </t>
  </si>
  <si>
    <t>好象是去咆哮台那里面刷个大怪 他会爆的 经验可高了</t>
  </si>
  <si>
    <t xml:space="preserve">使用手机银行（短信）怎么消费支付 </t>
  </si>
  <si>
    <t>你可以直接在手机上进行手机话费、寻呼机月费和保险费等日常费用的查询和缴纳。申请办法：请直接拨打银行服务系统的热线电话，在“自助缴费”功能中申请相应缴费项目，也可以到相关银行网点去办理“自助缴费”申请手续。申请时，请记住所申请缴费单位的“商户代码”，以便在查询和缴纳费用时使用。</t>
  </si>
  <si>
    <t xml:space="preserve">我花心吗?我真的是那种不好的女孩吗?我觉得我好象进了个怪圈,我好 </t>
  </si>
  <si>
    <t>我似乎有点理解你,.    可是如果你真心的话为什么不坚持着和一个人谈呢?也许有很多方面的原因吧,可是这样不好的,应该学会处理双方的矛盾啊误会啊,不要一有什么就躲避就分手,那样可能会被误会的.    而且尝试着你不去说分手看能维持多久的关系,然后检验一下自己是否付出了真感情.   总之是比较复杂的啦...</t>
  </si>
  <si>
    <t xml:space="preserve">怎么登陆这么难啊！更新了N次了，还是不能进，重装了还是不能进啊。? </t>
  </si>
  <si>
    <t>就是这样了，习惯了就好了，多试几次吧。我的免费周卡，我的经验加倍，唉，全部因为登不上见鬼去了。</t>
  </si>
  <si>
    <t xml:space="preserve">100枪帮忙估价所有3.天伤2000,忽视异常17+14,忽视目 </t>
  </si>
  <si>
    <t>如果卖RMB的话最多值250这样，应为现在出了110的装备，而且现在100++的装备很多，别人不怎么做，都弄110的装备，如果你的枪在新区的话，那就值钱！</t>
  </si>
  <si>
    <t xml:space="preserve">这段时间感觉最近阴道部感觉很不舒服，很痒，还有异味，下面很不舒服? </t>
  </si>
  <si>
    <t>妇科炎症是女性的常见疾病，主要是指女性生殖器官的炎症，具体包括女性外阴炎、阴道炎、宫颈炎、盆腔炎。支原体、衣原体感染，只要没有症状，支原体阳性只是它在人体内正常寄居，这是正常的，不必担心。从病原学来说，支原体的致病能力弱于很多其它病原体。</t>
  </si>
  <si>
    <t xml:space="preserve">我的ipodshuffle不能充电我从专卖店里买了一个ipods </t>
  </si>
  <si>
    <t>楼主买的是原厂的吗?还是国产的,我跟你用的是一样的机器,也买了个充电器大概是花了60块钱左右,但是根本不好用.楼主在买的时候应该试一下的.</t>
  </si>
  <si>
    <t xml:space="preserve">“青出于蓝”的青和蓝是指什么？如题。 </t>
  </si>
  <si>
    <t xml:space="preserve">“青出于蓝而胜于蓝，冰生于水而寒于水”，这句《贤文》的本意是：青色染料是从蓝草中提练出来的，但颜色比蓝草更深；冰是水凝结而成的，但比水要寒冷。这句《贤文》蕴含的哲理是，许多新生事物会优于旧事物，不断创新是事物发展的客观规律。 </t>
  </si>
  <si>
    <t xml:space="preserve">wow虚弱复活减装备上限吗？除了扣耐久度，还扣上限吗？ </t>
  </si>
  <si>
    <t>装备的耐久是永远不扣除的，不管什么情况</t>
  </si>
  <si>
    <t xml:space="preserve">电脑上面的视频如何调试出最佳效果我新买了视频，昨天装好还效果蛮好 </t>
  </si>
  <si>
    <t>在聊天窗口中有“语音和视频设置”然后在打开的窗口中即可进行相应的设置，如果安装了视频调节软件，也可以在其中进行图像设置，多设几次就可以找到最佳效果了。</t>
  </si>
  <si>
    <t xml:space="preserve">600071风凰光学可以买吗止跌走平了 </t>
  </si>
  <si>
    <t>再守两天看看！</t>
  </si>
  <si>
    <t xml:space="preserve">求各位大神帮帮忙@！今天去配了一个电脑，花了3200元，以下配置 </t>
  </si>
  <si>
    <t>我朋友的联想Y470,玩使命召唤8时间久一点就会卡顿，也看具体情况，你的应该可以玩的，别玩太久就是了</t>
  </si>
  <si>
    <t xml:space="preserve">比例线段题和图见附件 </t>
  </si>
  <si>
    <t>由平行线分线段成比例定理知:AG//FD得AE:EC=GD:DC及FA:FB=GD:BD又因为BD=CD所以AE:EC=FA:FB</t>
  </si>
  <si>
    <t xml:space="preserve">请教一个有关贼的问题本人新手贼,我想问的是我现在的疾跑为什么和视 </t>
  </si>
  <si>
    <t>疾跑有等级的,加的移动速度不同,跑起来姿势也不同,1级疾跑是小碎步,而3级疾跑就是大跨步,另外，视频设置里的法术效果也会影响到疾跑的效果</t>
  </si>
  <si>
    <t xml:space="preserve">PING很高劳烦高手进来看看现在打游戏PING大于100。找不到 </t>
  </si>
  <si>
    <t>跟设备有关系吗？ping的值是判断连接速度的一种方法你的值大于100得看是什么游戏，在游戏时不要打开网页或下载东西，会挺高连接速度估计你说的应该是卡，但卡不代表网络连接，是硬件或开启的程序太多造成的在玩游戏时关闭不需要的程序，比如IE，电影等会提高流畅。</t>
  </si>
  <si>
    <t xml:space="preserve">羊水穿刺抽出血来了怎么办?上周三我去做了羊水穿刺,但是第一次下针 </t>
  </si>
  <si>
    <t>我也做过羊水穿刺，抱抱！！</t>
  </si>
  <si>
    <t xml:space="preserve">英语whatisthechinese()that?of\in\t </t>
  </si>
  <si>
    <t>for那个用中文怎么说？</t>
  </si>
  <si>
    <t xml:space="preserve">手机震动对手机有伤害吗?一直都用手机震动,里面的震动器时间长了会 </t>
  </si>
  <si>
    <t>未必吧，我原来的诺基亚手机因为工作原因一直开震动，四年后送话器震松了，打电话我能听到对方对方听不到我，后来到二手市场卖了老板居然没发现，呵呵，耍个小聪明。根据你的情况吧，能开声音就开声音，开不了声音就开震动，影响也不是太大</t>
  </si>
  <si>
    <t xml:space="preserve">大蒜发黄变软可以吃吗 </t>
  </si>
  <si>
    <t>能吃！就是口感不太好了！没有新蒜好吃！</t>
  </si>
  <si>
    <t xml:space="preserve">多罗罗问题急~~~~~~~~~~~~~~~~~~~~~~~~~~? </t>
  </si>
  <si>
    <t>绝对女生,你没发现游戏中多罗罗的声优都是女声吗...哈~~而且,成长后的她还是男主角的红颜知己哦~~</t>
  </si>
  <si>
    <t xml:space="preserve">电脑关机后自动重起电脑关机后倒记时6秒会自动重起,而且屏幕上会显 </t>
  </si>
  <si>
    <t>关机变重启1、进入BIOS，在电源管理菜单中，看看“RME EventWake up”（PME事件唤醒），一项是否是“Enable”（默认值），如是，将它改为“Disable”。2、右击我的选“属性”/“高级”/启动和故障恢复”中的“设置”，在打开的对话框中去掉“系统失败”中的“自动重新启动”前的对勾，按确定应用。3、 打开控制面板/性能和维护/电源选项/高级电源管理/勾选“启用高级电源管理支持”按应用确定。4、有时关机时先拔掉网线故障排除，这可能是网线质量或接口故障引起的。5、关机后电脑自动重启解决办法： 开始/运行/输入 regedit 回车，打开注册表编辑器，依次展开[HKEY_LOCAL_MACHINE\SOFTWARE\Microsoft\Window NT\Currentversion\Winlgon] 然后在右侧新建或修改已有的一个名称为＂PowerdownAfterShutdown＂的字符串值,其值＂1＂表示关机时关闭计算机电源,0表示重新启动电脑。　如果故障依旧，查杀一下木马，修复一下系统。建议你下载恶意软件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1、开机按F8不动到高级选项出现在松手，选“最近一次的正确配置”回车修复。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在BIOS中设置光驱为第一启动设备插入系统安装盘按R键选择“修复安装”即可。5、如果故障依旧，建议重装操作系统。使用系统自带的系统还原的方法：系统自带的系统还原：“开始”/“程序”/“附件”/“系统工具”/“系统还原”，点选“恢复我的计算机到一个较早的时间”，按下一步，你会看到日期页面有深色的日期，那就是还原点，你选择后，点击下一步还原。</t>
  </si>
  <si>
    <t xml:space="preserve">怎么才能叫少微加入? </t>
  </si>
  <si>
    <t>厌火国进入自动发生剧情，莫邪觉得这里破破烂烂，而陆则发现这里一个人也没有，厌火少年告诉大家使得人们逃的逃，死的死，天气异变使得粮食短缺，白原联盟都不肯借出粮食，只有朱雀国给了他们粮食，所以很多人都投靠朱雀帝去了，这也正是南方诸国怨恨白原联盟的原因。夏柔表示会将此事告诉白虎候，尽力解决的。众人决定离开这里，返回白虎候阵营（这国里什么都没有，不用找什么了）。从大地图上返回山道中，自动发生剧情，夏柔一直沉默不语，觉得无谓的战争给人民带来太多痛苦了，决定请求共主将女子国运往前线的粮食分给南方，希望免除悲剧的发生。支线：来到山道的一处（多转转），会自动发生战斗，与三个朱雀族人开战，胜利后那个朱雀民女什么都不记得了，只记得自己名字叫少微，众人正争论如何处置的时候，少微突然晕倒，于是众人带上她一同旅行了。回前线阵营时记得找时间进主帅营帐与旁边的白虎将领对话，他希望把少微交出。1，好   把少微交给将领，少微离开队伍。2，不好   ◎向将领说明少微已经失去记忆，大家正请氐人大夫为她治疗，于是将领答应诸位，并让大家对她严加看守。</t>
  </si>
  <si>
    <t xml:space="preserve">机电一体化技术专业与机电一体化专业是同一个吗？2011年深圳调干 </t>
  </si>
  <si>
    <t>是,我就是机电</t>
  </si>
  <si>
    <t xml:space="preserve">我的电脑在上淘宝网时，购买东西时点“立刻购买”或者“加入购物车”? </t>
  </si>
  <si>
    <t xml:space="preserve">可能是系统垃圾文件太多导致的，主要是上网产生的垃圾文件，清理下就好了。 打开一个网页，点击“工具”菜单/Internet选项/在“常规”标签下点击“删除cookies（I）”，“删除文件”弹出窗口，点击“确定”（包括脱机文件）。建议下载超级兔子清理系统垃圾（全选），三分钟就能清理完毕,然后在清理一下注册表的垃圾文件。下载网址： 如果故障依旧，请修复一下系统试试1、开机按F8进入安全模式后在退出，选重启或关机在开机，就可以进入正常模式（修复注册表）。 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在BIOS中设置光驱为第一启动设备插入原装系统安装盘按R键选择“修复安装”即可。5、如果故障依旧，建议重装。如果实在不行，建议选择修复安装，这样即修复了系统，又可使C盘的程序和文件不受损失。如果是IE损坏，请下载超级兔子在她的选项中有重装IE，建议重装IE。下载地址： </t>
  </si>
  <si>
    <t xml:space="preserve">帮忙翻译一个句子社会福利系统正在承受着越来越大的压力 </t>
  </si>
  <si>
    <t>The society welfare system is bearing more and more pressure.</t>
  </si>
  <si>
    <t xml:space="preserve">华为网盘windows最新版，怎么打开文件？有什么办法快速知道下? </t>
  </si>
  <si>
    <t>华为网盘上存储的文件无法直接打开，需下载后再打开，至于下载文件的存储位置，因下载工具的不同而位置也不同，查看可右键单击文件，选择“下载”，当出现下载对话框时查看保存的路径，或在对话框中修改文件保存的路径，也可记住文件名，搜索后查找文件保存位置。</t>
  </si>
  <si>
    <t xml:space="preserve">如何跟同事搞好关系？我自己的感觉是，无论多没兴趣，同事间吐槽老板 </t>
  </si>
  <si>
    <t>吐槽算什么，要吐就吐他一脸……不吐的时候，站在老板的角度想想：怎么才会给我加工资呢？</t>
  </si>
  <si>
    <t xml:space="preserve">常用的集合插件除了大脚和精灵还有别的嘛?月光宝盒现在还有嘛? </t>
  </si>
  <si>
    <t xml:space="preserve">月光宝盒当初就是因为有任务提示而大受欢迎，不过现在随便一个整合插件都有这个功能了我觉得六魔包和大脚是最好的整合插件大脚偏重于实用，但是界面方面就十分普通六魔包功能也相当强大，而且界面华丽，但是就需要占用更多的内存这里有许多整合插件，有六魔包和它的改版 </t>
  </si>
  <si>
    <t xml:space="preserve">内江有直接到重庆火车站的高速客运汽车吗 </t>
  </si>
  <si>
    <t>废话。当然有。。。</t>
  </si>
  <si>
    <t xml:space="preserve">张韶涵在&lt;&lt;音乐不断&gt;&gt;的做客的视评在哪下载,怎么下载.张韶涵在 </t>
  </si>
  <si>
    <t>不知道你上baidu搜索看看有没下载方法很简单 点击右键选另存为</t>
  </si>
  <si>
    <t xml:space="preserve">带壳蛋是煮着吃有营养还是隔水蒸好？ </t>
  </si>
  <si>
    <t>带壳也就无所谓带水不带水了</t>
  </si>
  <si>
    <t xml:space="preserve">尿酸高会对身体造成什么伤害呢？男的，尿酸５３４高不高？尿酸高的危? </t>
  </si>
  <si>
    <t>尿酸高的危害主要在如下这些方面有所表现：尿酸高的危害，中常见的肾病之一就是尿酸高，长期尿酸偏高会造成尿酸结晶盐堆在关节等处，因此，尿酸的增高会给人们带来许多的疾病，如痛风或者中风，这些都是尿酸高的危害在体检中，验血报告单有一个项目为尿酸，正常参考值范围为：150-440 umol/L。 如果长时间尿酸过高，就可能引起痛风！ 痛风是由于嘌呤代谢紊乱导致血尿酸增加而引起组织损伤的一组疾病，起因是长时间的尿酸过高引起的，尿酸在关节、肾处沉积等问题。病变常侵犯关节、肾脏等组织，发病年龄多在40以上，患病率随年龄而增加，男女之比为50:1，多数妇性病人为绝经后女妇，常在春、秋季节发病。常见的症状: 1、无症状期：有高尿酸血症而无临床症状。 2、痛风性关节炎, 3、痛风结节,常见于耳轮和关节周围，呈大小不一的降起赘生物，可向皮肤破溃，排出白色的尿酸盐结晶。4、肾脏病变,5、少数有发热、头痛等全身症状。医学界临床研究结果证实，高血压病患者的尿酸过多，中风的几率越高。对于尿酸高的人群，可选用宇泽原离子降酸茶进行调理。泽原离子降酸茶中的绞股蓝和冬虫夏草成分可以从正反两个方向调节人体内的嘌呤代谢：分别提高嘌呤合成酶和嘌呤抑制酶的数量和活性。体内减少了嘌呤的合成，有效抑制高尿酸。 研究显示饮用复贝兹的病人，中风病发率比未饮用的患者降低了30%。  高尿酸食物治疗指引 ①选择轻微嘌呤含量的食品 ②适量摄取蛋白，每公斤体重只可摄取0.8克蛋白质，例如，一个60公斤的人，每天最多可摄取50克的蛋白质。 ③限制脂肪的摄取量，总卡路里的脂肪量低于30%。 ④增加流质的摄取，至少每天2公升（约8至10杯），以增加尿量的排出。 ⑤维持正常体重，避免体重急剧下降，因为这会破坏肌肉组织及短暂地提升尿酸素。 ⑥避免或减少摄取酒精。 尿酸高的危害在体检中，验血报告单有一个项目为尿酸，正常参考值范围为：150-440 umol/L。 医学界临床研究结果证实，高血压病患者的尿酸过多，中风的几率越高。 英国权威医学学术期刊《柳叶刀》(The Lancet)日前发表的一篇“LIFE Study”研究报告显示，研究员利用两种高血压药物——血管紧张素II“Losartan”药物和传统抗血压药（乙型阻滞剂）“Atenolol”作一比较，以测试两种药物对血压和心血管疾病有何影响。 研究显示，Losartan与Atenolol的功效类似，都能有效地控制血压保持正常，但是服用Losartan的病人，中风病发率比服用Atenolol的减少了25.8%，而且整体的中风、心血管坏死及心肌梗塞的风险也降低了13%。 尿酸与中风有关，及尿酸高的危害表现 此外，血液中尿酸含量最高的25%病人中，中风、心血管坏死及心脏病的病发率，较尿酸含量最低的25%病人来得高。 该研究在7个国家及地区的945个医药中心同步进行，共9193名左心室肥大症的高血压患者参与，约5年后得出结果。 高血压者容易中风，90%患者会因血管阻塞而中风，而且其中约一半有高尿酸的问题，但是，不少高血压者却经常忽略了尿酸问题。 尿酸是嘌呤代谢产物 尿酸是指人体内嘌呤(purine)代谢的最终产物。它会使体内积聚过多尿酸，造成代谢失调。 通常，嘌呤在肝脏氧化代谢后才变成尿酸，再由肾脏和肠道排出。基本上，嘌呤的生产量和排泄量大约相等。 嘌呤的生产量，三分之一来自食物，其余是体内自行合成；排泄量则是三分之一由肠道排出，三分之二从肾脏排出。如果生产过多或排泄不出，尿酸囤积体内，会导致血液中尿酸值升高。 尿酸过高，通常跟常吃红肉和动物内脏、年纪大、肥胖、酗酒、新陈代谢疾病如糖尿病有关。</t>
  </si>
  <si>
    <t xml:space="preserve">网通二哪个属于是最新的区的了想找个新区玩 </t>
  </si>
  <si>
    <t xml:space="preserve">网通2 王朝 </t>
  </si>
  <si>
    <t xml:space="preserve">动物为什么不会迷失方向? </t>
  </si>
  <si>
    <t xml:space="preserve">两项新的研究揭示了动物是如何利用自身固有的“指南针”来识别方向的。研究人员发现迁徙的海龟是依靠地域性磁场引导它们在北大西洋中游动的。海龟通过沿着一个被称为北大西洋环流的循环流动系统确定自身的方位，避免了进入危险的寒冷水域中。来自美国佛罗里达州东部的海龟幼仔在一进入大海后，就开始漫长的迁徙。它们游向环绕着马尾藻海域的北大西洋环流，并用几年的时间沿着该环流游动。  科学家把海龟放置在一个大水缸中，水缸由计算机控制的线圈环绕着，以此来研究海龟幼仔对不同磁场的反应。每个海龟身上装有一个电子跟踪仪，可以记录下海龟的位置。海龟可以通过改变它们游动的方向，对磁场中的某些变化做出反应。  在另一项对赞比亚地下鼹鼠的研究中，捷克和德国的研究人员发现在名为上丘脑的大脑结构中有些神经细胞是这种动物生物“指南针”的一部分。这些细胞组对不同磁场方向会做出有选择性的反应。鼹鼠利用这些磁感觉信息合成了一幅它们周围环境的心理地形图，而其它的动物用不同感官信息来达到同样的地形图。 </t>
  </si>
  <si>
    <t xml:space="preserve">数学成绩怎么提高？ </t>
  </si>
  <si>
    <t>要多做题，题目做多了，自然就掌握了解题的套路，要学会举一反三，例如你学到某一个知识点，通过做题目来归纳这道题目所应用到的知识点（可能会有以前学过的知识点），个人认为学数学和自身的天赋有关啦，但是后天努力也不会差到哪儿去的。</t>
  </si>
  <si>
    <t xml:space="preserve">男人可以怀孕吗？听说最新的科学可以使男人怀孕，是真的吗？ </t>
  </si>
  <si>
    <t xml:space="preserve">  男人可以怀孕?家澄清人造子宫研究现状           人造子宫研究最近热了起来，一股“新技术恐惧症”随之弥漫。一些媒体甚至称，美国华人科学家刘洪清教授在人造子宫研究领域取得了突破性进展，将有可能让“男人也可传宗接代”，更会促使“女人从这个星球上消失”。     科学界围绕人造子宫的伦理争论也更加激烈。２月２２日至２３日，一个有关人造子宫问题的大型国际学术会议在美国俄克拉何马州立大学举行，发言者包括美“经济趋势基金会”总裁、《生物技术世纪》一书作者里夫金等著名学者。这个会议以“自然母亲的终结？”为题，人们不难体会到一种疑虑的情绪。     人造子宫研究真有那么可怕吗？当前人造子宫研究领域的领头人物刘洪清教授在接受新华社记者电话采访时认为，过分的担忧其实并没有必要。刘洪清现任康奈尔大学生殖医学与不育症中心分泌学实验室主任，她领导的小组，曾在世界上首次用组织工程技术，在体外再造了人的子宫内膜。     刘洪清一再向记者澄清，他们取得的突破是在人造子宫内膜上，而不是有些媒体所炒作的人造子宫。她说：“我们离真正的人造子宫还远着呢，还有很多很多问题没有解决。”他们从帮助病人的角度出发而开展的研究所获得的初步成果，却被媒体炒作成“男人可以怀孕”、“男人不需要女人”等等，实在是有违他们的初衷。     “这是一项对病人有益的技术，而不是一项负面的技术，”刘洪清女士强调。她指出，确实有大量的病人需要人造子宫技术的帮助来解决不孕等问题，而这也是他们研究的初衷：弄清为什么有些妇女不能怀孕，有些妇女老是流产。     传统上，胎儿在母体子宫中的发育属于“黑箱过程”，研究起来极其困难，而人造子宫技术可以为解决这一难题提供理想的“模型”。刘洪清等在研究中从妇女子宫内采集了部分子宫内膜细胞，并将其置于由生物可降解材料制成、模拟子宫内部形状的结构上，并使这些细胞成功地长成了类似人体子宫内膜的三维组织。     研究人员在实验中发现，这种在体外重建的子宫内膜，不仅与人体自身子宫内膜在组织结构上一模一样，而且功能也差不多。他们将早期胚胎与人造子宫内膜结合后，成功地观察到了胚胎的初期着床现象。由于美国规定用于体外受精研究的胚胎发育不能超过１４天，他们的实验进行到第６天止步。     这项进展为将来深入研究一些课题提供了基础，比如，妇女不孕究竟是因为子宫内部结构出问题还是胎儿本身有问题？有了体外的子宫“模型”，科学家们不仅可以进行大量的基础研究，而且能对病人进行更准确的鉴定，对症下药，治疗不孕。     此外，这项技术在修复子宫上也有很大用途。由于各种各样的原因，一些妇女子宫会受到损伤，如果利用这项技术再造子宫内膜，对患者子宫进行修复，让这些病人的子宫变得完整，使她们能够重新怀孕，无疑是一件好事。刘洪清认为，这个原理实际上与用人造皮肤修复烧伤病人没有什么两样。     至于如何看待有关人造子宫的伦理争议，刘洪清说，他们的技术，确实存在着在将来制造出真正的人造子宫的潜力，讨论这项技术可能带来的正、负面影响是对的，但过早、过分地对它的所谓负面作用大惊小怪，则完全没有必要。     “很多人都很怕新的技术，”她说。“其实任何技术都有好处和坏处，可以用法规等来限制技术不要被错误利用，但不应该对技术的坏处过分强化。要充分考虑到技术的好处。”     新华社 2002-02-24   </t>
  </si>
  <si>
    <t xml:space="preserve">老公以前做过近视手术，最近他说眼睛酸涩疲劳，有没有缓解方法呢？老? </t>
  </si>
  <si>
    <t xml:space="preserve">.做过手术，可是要时刻关注眼部健康呢，眼睛酸涩的话，你可以去爱倍至上看看，据说上面是很专业的，我在上面知道有一个眼部按摩的，看评价还不错，你也可以看看。毕竟产品的主要针对对象是社会的弱势群体，包括老年人、伤残人士、婴幼儿等等需要被关爱的人群。所以，专业性不用怀疑的。 </t>
  </si>
  <si>
    <t xml:space="preserve">如何做粉蒸牛肉？ </t>
  </si>
  <si>
    <t xml:space="preserve">【原料】 主 料：黄50克。配 料：二米粉（大米粉、糯米粉）75克。调 料：酱油50克，姜米15克，郫县豆瓣20克，醪糟汁100克，辣椒粉10克，花椒粉25克，香菜50克，葱花25克，蒜泥10克，生菜油25克 【制作过程】 （1）将牛肉去筋，横着肉纹切成5厘米长、3厘米宽、0.3厘米厚的片，盛入盆内，放入豆瓣（剁细）、酱油、生菜油、醪糟汁、姜米、二米粉拌匀，分为10份装入10格小竹蒸笼内，用旺火蒸（肉质较嫩的蒸约30分钟，肉质较老且筋多的蒸制60分钟）后，将笼端离锅口。（2）上菜时将笼下垫一盘，并在牛肉上加辣椒粉、花椒粉、葱花、蒜泥、香菜拌匀即成。 参考答案： 原笼粉蒸牛肉 净 牛 肉250 克 炒 米 粉40 克 葱 花, 姜 末 各3 克 郫 县 豆 瓣 酱10 克牛肉剔去筋膜,横切薄片,加甜面酱,郫县豆瓣料酒,酱油,白糖,花椒粉,辣椒粉和炒米粉拌匀.用青菜叶垫在笼底,倒入拌好的牛肉,用大火蒸熟.用香油,葱花调成葱花油,淋在牛肉上,原笼上桌即成 </t>
  </si>
  <si>
    <t xml:space="preserve">关于兰菌净的问题陶医生您好，宝宝3岁，去年3月和10月各服一瓶兰 </t>
  </si>
  <si>
    <t>兰菌净不是疫苗，我不认为是科学研究数据支持所谓的疗效。你觉得有效，完全可能只是巧合。</t>
  </si>
  <si>
    <t xml:space="preserve">40分是多少时？（用分数表示）六分之五时是多少分？ </t>
  </si>
  <si>
    <t>2/3时；50分</t>
  </si>
  <si>
    <t xml:space="preserve">五法问题要学习五法是不是要把攻击类的4个JN障碍类的4个JN辅助 </t>
  </si>
  <si>
    <t>不是把些技能都点到100!就可以学习了!~~~~~~~~~~~~~~~~</t>
  </si>
  <si>
    <t xml:space="preserve">什么是反式不饱和脂肪酸 </t>
  </si>
  <si>
    <t xml:space="preserve">什么是反式脂肪酸 脂肪酸是最简单的油脂或脂肪，他们由4到24个碳原子组成的链。这些脂肪酸分子可以是饱和的，即所有碳原子相互连接，饱和的分子室温下是固态。当链中碳原子以双键连接时，脂肪酸分子可以是不饱和的。当一个双键形成时，这个链存在两种形式：顺式和反式。如右图，顺式（cis）键看起来象U型，反式（trans）键看起来象线形。顺式键形成的不饱和脂肪酸室温下是液态如植物油，反式键形成的不饱和脂肪酸室温下是固态。 </t>
  </si>
  <si>
    <t xml:space="preserve">肝癌术后AFP升高文曲星先生：您好！有健康问题向您咨询，左叶肝癌 </t>
  </si>
  <si>
    <t>你好：一般认为，AFP（甲胎蛋白）术后再次升高往往预示肿瘤的复发、再发或转移。现在已术后3年，术前术后AFP都正常，近3个月来，AFP逐渐升高，由40升至70多，虽然数值相对较低，也应引起重视。应警惕肿瘤复发早期改变，尽管磁共振等检查为正常，仍应把AFP缓慢升高，做为早期讯号进行防治。 另外，某些非恶性肝脏病变，如肝炎、肝硬化，AFP水平亦可升高，须通过动态观察AFP含量和肝功ALT酶活性变化进行诊断。防治建议：术后定期检测甲胎蛋白(AFP)与进行B超、X线胸片、核磁检查，仍是目前术后早期发现肝癌复发或转移的重要方法。另外，AFU（α-L-岩藻糖苷酶）也是原发性肝癌的标志物之一。动态观察AFU对判断肝癌疗效、预后、复发有重要意义。临床证明，AFP与AFU联合检测可提高肝癌诊断阳性率。建议继续加强AFP监测，观察数值变化，如AFP继续升高，应在医生指导下采取相应的预防与辅助治疗措施。同时要放松精神，良好的心态通常比药物对预防疾病更有效。</t>
  </si>
  <si>
    <t xml:space="preserve">关于宫颈糜烂我宫颈糜烂2度，治疗了将近2个月，好象一点好转都没有 </t>
  </si>
  <si>
    <t>这个病要注意个人卫生，而且要补充细胞恢复所需的蛋白质。把营养补充上去，再加上个人卫生搞好，相信没有问题的。</t>
  </si>
  <si>
    <t xml:space="preserve">怎么布置空间大的客厅，我有一大间客厅，怎么才能做才？有特色 </t>
  </si>
  <si>
    <t>可以考虑分成两部分，分别布置把沙发放到中间，或者弄一个屏风</t>
  </si>
  <si>
    <t xml:space="preserve">offiice2010的“文本到语音”在哪里？我熟悉office </t>
  </si>
  <si>
    <t>可以设置按钮。office朗读功能设置方法：1，开启EXCEL.2，看附件图片，点击红色方框“自定义快速访问工具栏”3，点击“其他命令”4，在EXCEL选项“自定义”项目中，在下列位置选择命令的下拉列表中，选择“所有命令”5，在出现的“所有命令”列表框中，无论英文/中文都是按读音字母顺序排列的，找到“朗读单元格”6，点击“添加”7，点击“确认”,在快速访问工具栏就会出现多一个图标。使用时，点击就可以朗读指定单元格。------------------------------不知道以上是不是你需要的?</t>
  </si>
  <si>
    <t xml:space="preserve">睡觉时枕头太高会让人脸色变差吗？ </t>
  </si>
  <si>
    <t>睡眠时间是人体进行全天“系统”调节和维护的时间，所以血液流动比平常清醒的时候要缓慢，枕头高度要配合颈部和脊椎形成直线，这样血液流通会顺畅很多。如果枕头太低或太高会影响血液的流通，造成脑部轻微的供血不足！</t>
  </si>
  <si>
    <t xml:space="preserve">网通人越来越少了~~~我也想走了转战电信·~嘎嘎·今天7点多我去? </t>
  </si>
  <si>
    <t>把3个区都合就好了</t>
  </si>
  <si>
    <t xml:space="preserve">怎样连接外国网站?本人想了解下外国的一些信息,不知道怎样才能连接 </t>
  </si>
  <si>
    <t>不会吧,随便用,就可以找到外国的网站.随便在YAHOO,GOOOOGLE里,输上英语,就OK了.</t>
  </si>
  <si>
    <t xml:space="preserve">股骨头坏死还能正常走路吗？ </t>
  </si>
  <si>
    <t>不可以了，走起路来会像一个坡脚的人，希望你能尽快到医院接受治疗，病情轻的会保守治疗，严重的就要更换股骨头了。</t>
  </si>
  <si>
    <t xml:space="preserve">600631何时开盘？开盘后如何操作？近期商业股走势强劲，请问6 </t>
  </si>
  <si>
    <t>前面已经涨了不少,高抛低吸为好.估计最晚下周复牌.</t>
  </si>
  <si>
    <t xml:space="preserve">怎样把自己的照片制作的漂亮点？,就是那种看起来像自己又有点像动画? </t>
  </si>
  <si>
    <t>你说的是手绘效果吧？在Photoshop中是做不出那样的效果的！Corel Painter 这款软件做不错只可惜本人还不会用，最近时间以来，一直忙着没时间去学老兄学会了，记得指点小弟一下哦</t>
  </si>
  <si>
    <t xml:space="preserve">请问净佣金和佣金的区别？有人知道吗？我原来在一家券商做股票，后来 </t>
  </si>
  <si>
    <t>商人么----啊!这几年券商的日子确实难过,情有可原情有可原哪!朋友,消消气,手头顺点什么都有了.祝你好运!!!</t>
  </si>
  <si>
    <t xml:space="preserve">小时候看的一个日本电视剧，是说游泳的。啥飞鱼转身，火箭转身等大招? </t>
  </si>
  <si>
    <t>是《绿水英雄》，我很小的时候也看过，很好看，是日本富士电视台1970-1971年间播出的电视剧，原题「金メダルへのターン！」（通向金牌的转身）。   原着  该剧改编自细野美智子/津田幸夫创作的同名漫画。   情节简介  女主人公速水鮎子克服因沉船事故留下的怕水心理障碍，逐渐成为世界级的游泳高手。成名绝技“飞鱼转身”（日：とび鱼（トビウオ）タ～ン）。   演员表  速水鮎子（千叶鮎子） - 梅田智子  速水理?{（千叶理?{） - 青木英美  速水四郎 - 小泉博  速水佳枝 - 三矢歌子  黒木进介 - 水谷邦久  木原光知子 - 木原光知子  海门政美 - 吉田未来  圣园泉 - 森田敏子  水岛教练 - 前田吟  在华语权的播出情况  该剧1980年代在大陆播出，很受欢迎。</t>
  </si>
  <si>
    <t xml:space="preserve">有什么性价比较高的橱柜吗请帮忙推荐一下 </t>
  </si>
  <si>
    <t>菲尔：你好如果是早两天，我会搞促你一大串的橱柜名字，因为现在的橱柜太多了..近日国务院发展研究中心市场研究所公布了一系列调查数据，其中：2006年排在橱柜市场前茅的是海尔、方太、帅康等品牌，而海尔又赢得了“品牌知名度”第一，“家庭拥有率”第一，“第一提及率”第一等，其中对整体厨房品牌满意度，海尔以80.1%高居榜首。2005年海尔整体厨房凭借“AIIGreen”全程绿色系统首家荣膺中国室内装饰协会重点推荐“绿色环保橱卫产品”..所以就凭海尔的N个第一，再加上它的价位一直不高，所以性价比较高的橱柜首推——海尔希望你买得放心用得安心~~</t>
  </si>
  <si>
    <t xml:space="preserve">5173提醒您：此帐号密码正确证件号码未提供!〓这是什么意思啊{ </t>
  </si>
  <si>
    <t xml:space="preserve">尊敬的客户：     您好！5173客户服务052很高兴为您服务！     此提示是说明卖家并未提供账号的证件号码。     感谢您对5173的支持!!                                        </t>
  </si>
  <si>
    <t xml:space="preserve">白癜风在手上如何治疗？深圳看白癜风去哪最好 </t>
  </si>
  <si>
    <t>白癜风是顽疾，单单靠药物产生的疗效微乎其微，中西结合综合性的治疗会有更好，配合其他多种治疗手段效果会更好。目前已经有多种治疗白癜风的方法，如药物治疗，中药熏蒸、渗透，光疗（紫外线、308准分子激光、窄谱紫外线等）、皮肤植补技术等等结合治疗，能取得不错的效果并且抗复发。   手上得了白癜风，可能和化学物质有关，尤其是酚类化合物。因此患者在日常生活中要尽量避免接触化学物质以及其他激发性的东西。也有的患者是由于手上受了伤而导致白癜风的出现。      指导意见：      在饮食中也要注意补充。一般情况下，铜、铁、锌是和白癜风关系最密切的三种微量元素，动物的肝脏、豆类、坚果类等食物，微量元素含量相对比较丰富。您好，想获得好的白癜风治疗效果，患者要早发现早治疗，一般来说，年龄小、病程短、面积小的白癜风患者容易治疗;年龄大、病程长、面积大白癜风患者难治，白癜风患者首先要坚定治疗信心，坚持长期治疗。       　　指导意见：白癜风患者在日常的饮食方面要避免激发性食物，如辣椒，烟酒，生蒜等，富含维生素C的食品也不要吃，可以多吃些黑豆，黑芝麻等黑色食物，都是对病情有的帮助。但是食物只是辅助治疗作用，白癜风的特点就是容易发展，建议患者要及早去正规的白癜风医院治疗，以免延误了病情。</t>
  </si>
  <si>
    <t xml:space="preserve">怀四药是指什么中药？（四个） </t>
  </si>
  <si>
    <t>中医是指地黄、山药、 牛膝、菊花。</t>
  </si>
  <si>
    <t xml:space="preserve">新闻副高职称评审条件? </t>
  </si>
  <si>
    <t>新闻副高职称评审要求     主任记者（主任编辑）担任记者、编辑五年以上；获博士学位担任记者、编辑二年以上可担任主任记者、主任编辑。     1、资格审查：①学历要求的说明：一是对于1993年---1995年招收的第二专业专科的学生，在取得第二专业专科教育毕业证书的同时，加发一张“学历视同成人本科”的学历证明，对同时持有上述两种证书的毕业生，承认其成人本科学历；二是具有大学学历就读研究生课程班的，需取得研究生学历后，方承认其有效，否则按原学历破格申报；三是对评聘专业技术职务后取得高一级职务任职资格规定学历者，取得的学历时间，需距申报评审时间三年以上，才视其有效。②资历要求：申报高级（副职）评审需在下一级专业职务任满五年，一般不搞资历破格。③需通过职称外语考试和计算机应用能力考试，并按规定在有效期内。     2、破格：对不具备规定学历，担任中级职务五年以上或具备规定学历，担任中级职务不满五年，具备以下六项条件的三项者，可以破格晋升副高级专业职务。①在全国性报刊上发表三篇以上有较高水平的专业论文；②新闻作品获国家三等奖或省、部二等奖以上；③曾获国家或省、部级有突出贡献的中青年专家，国家或省部级劳动模范，优秀新闻、广播电视工作者称号；④出版过有较大价值的新闻专著（不含一般性资料汇编）；⑤直接组织和实施两个以上重大宣传报导任务，并取得显著成绩的；⑥从事本专业工作二十五年以上的。需论文三篇、获奖新闻作品指新闻作品获国家三等奖或省、部二等奖以上。3、论文要求：①符合任职年限和学历要求的，送评材料中《新闻战线》、《中国记者》、《新闻成才》、《新闻业务研究》、《中国广播电视学刊》、《电视研究》《现代传播》、《中国广播》、《中国新闻年鉴》、《中国报刊月报》等全国性报刊；以及《新闻出版报》、《中国新闻报》等全国性业务指导类报纸上发表的专业论文不少于一篇，另一篇需省级以上。）；②破格：不符合任职年限和学历要求的破格晋升者，送审材料中需报在国家级报刊（《新闻战线》、《中国记者》、《新闻成才》、《新闻业务研究》、《中国广播电视学刊》、《电视研究》《现代传播》、《中国广播》、《中国新闻年鉴》、《中国报刊月报》等全国性报刊；以及《新闻出版报》、《中国新闻报》等全国性业务指导类报纸上发表的专业论文二篇；省级报刊上公开发表的论文一篇。）4、获奖新闻作品指新闻作品获国家三等奖或省、部二等奖以上。系指：新闻作品获得国家新闻奖三等奖或省、部好新闻一等奖一篇以上；或省、部好新闻奖二等奖二篇以上。国家新闻奖指：中国新闻奖（中国记协），精神文明建设“五个一工程”奖；省、部新闻奖指：中国广播电视新闻奖，中国国际新闻奖，中国科技新闻奖，全国政协好新闻奖，全国人大好新闻奖，全国社会治安综合治理好新闻奖，中国残疾人事业好新闻奖，全国对外宣传“金桥奖”，中国人口文化奖等全国性新闻、综合类奖，及浙江省精神文明建设“五个一工程”奖，浙江省飘萍新闻奖，浙江省好新闻奖。      5、曾获国家或省、部级有突出贡献的中青年专家，国家或省部级劳动模范，优秀新闻、广播电视工作者称号；系指：获国家和省、部级突出贡献的中青年专家（含享受政府特殊津贴者），国家或省、部级劳动模范，全国优秀新闻、广播电视工作者，全国新闻百佳工作者，范长江新闻奖，韬奋新闻奖的获奖者，省双十佳新闻工作者等称号</t>
  </si>
  <si>
    <t xml:space="preserve">为什么大笑或咳嗽时会有尿液排出为什么?控制不了的. </t>
  </si>
  <si>
    <t>请问您的性别？一般女性特别是有生育史的女性容易患这种病。分娩时胎儿通过产道会压迫盆底肌肉、韧带，使之过度伸展或撕裂。如果头盆不称更容易直接造成盆底软组织损伤，导致肌肉软弱无力，弹性下降。而排尿动作不仅受神经系统的控制，同时也受盆底肌和腹肌的控制。所以，有些产妇生完孩子后，就会突然出现尿频或尿失禁的现象。特别是腹压增大时，如大笑、运动、便秘或咳嗽时这种现象更会加重。这是尿道括约肌一过性地功能失调所致，只要加强护理就会逐渐恢复。不过一般人大笑都会有这种反应，如果不严重也不是病。加强盆底肌肉功能锻炼是行之有效的方法。在生活中注意不要经常忍尿，一产生尿意及时入厕，避免久站、久蹲，避免提重东西。加强盆底肌肉功能的锻炼，也是一种行之有效的方法。具体做法是自己强有力地收缩肛门，连续做10-20次，休息一下再重复做。也可以坚持肛门收缩数秒，放松后再重复做。这种方法无论何时何地都很方便，坚持下去既可增强盆底肌肉的能力，还可以加强阴道的收缩力，有利于性生活。</t>
  </si>
  <si>
    <t xml:space="preserve">我患腰椎盘突出病已有三年了，在这几年只是用针灸、膏药缓解疼痛，我? </t>
  </si>
  <si>
    <t>天津医院就有。我也是腰间盘突出。告诉你一个秘方。睡木板床，我就是这样治好的。在有在天津医院有一种喷剂叫冰栀（zhì)气雾剂 .挺好的．</t>
  </si>
  <si>
    <t>意假目前澳盘分析佛罗伦VS那不勒半求水位0.8</t>
  </si>
  <si>
    <t>收录了，谢楼主</t>
  </si>
  <si>
    <t xml:space="preserve">好问题啊，高手进来拉玩了这么久的剑侠情缘2，居然连剑二进去时的曲 </t>
  </si>
  <si>
    <t>金山官方网站游戏音乐下载地址  进游戏时的背景音乐是 王蓉、萧正楠 合唱的 三世情缘那收 剑侠情缘 是韩红唱的</t>
  </si>
  <si>
    <t xml:space="preserve">问一下有关网页的问题最近我的电脑的网页上的FLASH都显示不出来 </t>
  </si>
  <si>
    <t>这是由于你的系统没有安装flash插件请到官方网站安装，注意不要安装那个YAHOO工具条[ ]</t>
  </si>
  <si>
    <t xml:space="preserve">有什么好的方法不让自己的车位被别人霸占嘛？每次车位都被人给霸占了 </t>
  </si>
  <si>
    <t>同意一楼的说法装个车位锁，推荐楼主装个施沃德遥控车位锁，好看又实用，呵呵</t>
  </si>
  <si>
    <t xml:space="preserve">病毒问题啊，高手来帮帮我我今天用木马杀客查到C盘里有一个cdnp </t>
  </si>
  <si>
    <t xml:space="preserve">1.关闭该病毒动进程,打开我的电脑,选择工具-&gt;文件夹选项-&gt;查看,有一项为隐藏受保护的操作系统文件(推荐),去掉前边的钓,同时选中显示所有文件和文件夹.2.找到C:\Program Files\cnnic\cdn\cdnprot.dat,看其属性,然后搜索出所有同时创建的文件,将确定不是系统文件的东西处理掉.建议先放在杀毒软件的隔离区里,如果使用一段时间后,系统没出现什么问题,再将它们删除或粉碎.(千万不要删了系统文件,否则有重装系统的危险).3.如果还不行,进安全模式下试一下. </t>
  </si>
  <si>
    <t xml:space="preserve">谁的天马在秒义最快！~有图的发来看看！~~秒义！单圈现在勉强可以 </t>
  </si>
  <si>
    <t>我的Ｂ装备现在卖了，不卖的话就跑给你看，主要要找准路线．然后多跑跑就　ＯＫ了　　</t>
  </si>
  <si>
    <t xml:space="preserve">诛仙是免费游戏吗？？？？这个游戏好玩吗 </t>
  </si>
  <si>
    <t>最讨厌 最鄙视商业化的 游戏! 鄙视商业游戏的人. 卖 号的人全是垃圾.</t>
  </si>
  <si>
    <t xml:space="preserve">处女膜一般多深呢小弟没经验，别见笑，是这样的，我跟女友那个了，两 </t>
  </si>
  <si>
    <t>不深，手指都可以够到！！</t>
  </si>
  <si>
    <t xml:space="preserve">幼儿拉肚子我的宝宝7个月，着凉了,拉独子,该怎么办? </t>
  </si>
  <si>
    <t>经常用手搓热后暖小孩子的肚脐部位,饮食要主义少油脂易消化的食物,经常晒太阳和洗温水澡</t>
  </si>
  <si>
    <t xml:space="preserve">本能寺[会所]~！有个内正任务是叫：[伊和]交换情报，让我找到本 </t>
  </si>
  <si>
    <t>你什么职业就去什么会所</t>
  </si>
  <si>
    <t xml:space="preserve">请问钱老!000822山东海化成本价是3.67,这两天表现还算可 </t>
  </si>
  <si>
    <t>000822山东海化：60日均线压制严重，回调在即。建议减仓</t>
  </si>
  <si>
    <t xml:space="preserve">电脑的操作系统有哪些 </t>
  </si>
  <si>
    <t>是控制其他程序运行，管理系统资源并为用户提供操作界面的系统软件的集合。　　操作系统（英语；Operating System，简称OS）是一管理电脑硬件与软件资源的程序，同时也是计算机系统的内核与基石。操作系统身负诸如管理与配置内存、决定系统资源供需的优先次序、控制输入与输出设备、操作网络与管理文件系统等基本事务。操作系统是管理计算机系统的全部硬件资源包括软件资源及数据资源;控制程序运行;改善人机界面;为其它应用软件提供支持等，使计算机系统所有资源最大限度地发挥作用，为用户提供方便的、有效的、友善的服务界面。操作系统是一个庞大的管理控制程序，大致包括5个方面的管理功能:进程与处理机管理、作业管理、存储管理、设备管理、文件管理。目前微机上常见的操作系统有DOS、OS/2、UNIX、XENIX、LINUX、Windows、Netware等。但所有的操作系统具有并发性、共享性、虚拟性和不确定性四个基本特征。　　操作系统的型态非常多样，不同机器安装的OS可从简单到复杂，可从手机的嵌入式系统到超级电脑的大型操作系统。许多操作系统制造者对OS的定义也不大一致，例如有些OS集成了图形化使用者界面，而有些OS仅使用文本接口，而将图形界面视为一种非必要的应用程序。　　操作系统理论在计算机科学中为历史悠久而又活跃的分支，而操作系统的设计与实现则是软件工业的基础与内核。</t>
  </si>
  <si>
    <t xml:space="preserve">以前酒吧的抽奖现在还有吗? </t>
  </si>
  <si>
    <t>没有了~关闭了~</t>
  </si>
  <si>
    <t xml:space="preserve">第一次晒单买足球彩票的兄弟姐妹们你们好,我以前来这里无数次了.今 </t>
  </si>
  <si>
    <t>此单最少错2场 不是打击你 第3 6场会错</t>
  </si>
  <si>
    <t xml:space="preserve">中医讲的"湿热"是什么意思?有什么表现? </t>
  </si>
  <si>
    <t xml:space="preserve">    中医讲的"湿热"是指临床以湿象与热象共见为特征的一组征候群.可以分为外感湿热秽浊之邪.脾胃不健引起的湿热内蕴.湿热弥漫三焦等症候.外感湿热秽浊之邪.脾胃不健引起的湿热内蕴所引起的主证,可表现为身热不扬，头身困重，渴不多饮，脘腹胀闷。次症表现为纳呆泛恶，便溏不爽，或里急后重，下痢赤白，肛门灼热，尿赤不利或点滴不通，或面目周身发黄，皮肤发痒，关节红肿热痛；女子带下黄稠，秽浊有味，或带下带血。苔黄腻，脉濡数等。    而湿热弥漫三焦所引起的症状主症,可表现为胸闷，腹胀，大便不爽或溏泄，小便短赤。次症表现为发热汗出，烦渴，恶心呕吐，身体重痛。舌苔灰白或黄腻，脉濡滑等。</t>
  </si>
  <si>
    <t xml:space="preserve">女孩子要男孩买苹果代表什么0分女孩子要男孩买苹果给她吃，代表什么 </t>
  </si>
  <si>
    <t>“女孩子要男孩买苹果给她吃代表什么？”那是丘比特的爱神之箭射中你了。这里有个故事：在《圣经》里，亚当和夏娃是上帝创造世界以来的第一代人类。上帝在混沌中分开光明与黑暗，形成了白天和黑夜，这是上帝创造世界的第一天。在以后几天里，陆陆续续地创造了万事万物，于是有了天地、日月、星辰、植物、鱼虫鸟兽等。在第六天，上帝按照自己的模样用泥土先塑造了男人亚当，然后从亚当的身上取下一根肋骨又做了一个女人，由亚当给她取名叫做夏娃。从此，亚当和夏娃在上帝为他们设置的伊甸乐园里自由自在的。伊甸园里草木繁茂，果实累累。上帝对亚当和夏娃只有一条禁令，他们可以摘取伊甸园里的东西充饥，但不得吃智慧树上的果子。不料，魔鬼撒旦化作一条蛇，引诱夏娃偷吃智慧树上的果子，说是吃了这果子能增长智慧，便眼睛明亮。夏娃听了这番话，又看到果子鲜艳可爱，就顾不得上帝的禁令，摘了果子和亚当一块吃了，果然，他们的眼睛顿时变得明亮，开始知道善恶。他们发现自己赤身露体，感到非常羞愧，就拿无花果的叶子编织成裙子围在腰间。 　上帝知道亚当和夏娃偷吃了禁果，十分恼火，就把他们逐出伊甸园。上帝也惩罚了魔鬼撒旦变的蛇，让它永远用肚子贴着地面行走，并且让蛇与人为仇。上帝还发出诅咒，使女人要受分娩的痛苦，受丈夫管辖，男人要终身劳苦，养家糊口。亚当和夏娃被逐出伊甸园，在一起生活、生儿育女。人类历史就从此开始。另一种情况：当女孩要男孩买苹果给她吃，特别是“国光”那种甜中带酸的(民间有种酸儿辣女的说法)，那是她有喜了，是给你的宝宝要吃的呢！</t>
  </si>
  <si>
    <t xml:space="preserve">我是一名日语爱好者，想从网上学到更多的知识，可不知有什么好的网站? </t>
  </si>
  <si>
    <t xml:space="preserve">中华人民共和国驻日本大使馆 主页上还有很多方面的链接 チャイナネット 人民網 新華網 北京放送 ?|方網 四川新?網 中国画??北京週??人民中国 Walker Beijing 北京 --------------------------------雅虎的日本门户网站 </t>
  </si>
  <si>
    <t xml:space="preserve">有必要过情人节吗？我觉得如果两人真心爱着对方，那就根本不用以情人 </t>
  </si>
  <si>
    <t>呵，其实很多节日都是为了纪念某件事情，或或物而定立的。情人节的由来，不知你看过没有，我好像以前发过一篇这样的文章。建议你去看一下！以前的情人节是期待、象征着一种和谐，长久的爱情。既使两个人的感情再好，也还是需要在中调调味的！而情人节，则是为世界上所有的情人提供一个共同的调味日。你感保证，你们在日后的生活中，不会为了某件事情而争吵？不会为了某件事物而有不同意见而闹得不开心？如果你说可以保证，那么你在说谎！情人节，只有象征意义，和纪念性的节日。如果你说情人节可以不过，那么国庆，除夕，五一，重阳、中秋。。。。所有中国与西方的节日，你都可以不过吗？国庆：是代表庆祝我国成立的日子。为了所有的国民能记住国家成立的日子！中秋：是代表全国团圆的日子！一家人聚在一起，增进亲情！还有我就不多说了！如果你不过情人节，可以，那所有的节日都不用过了！这样才是公平的！如果你不过情人节，而过中秋节，则表示：你的家人比你的另一半重要！不过情人节，而过五一、十一，那么我相信，你的一切比你的另一半重要！（自私者）不过情人节，而过清明的话，那就更不可理喻了，（死人都更重要些，呵呵）呵，不开玩笑了，总之。我的个人意见，为了你的他（她）的未来幸福，请好好珍惜每一个情人节。以后回忆时，你们会望着对方满是皱纹的脸而微笑！注：再完美的爱情，也是需要调味的！这样才会更美！</t>
  </si>
  <si>
    <t xml:space="preserve">我对办公室的已婚女孩动情怎么办我还没有结婚但对同事有好感，我发现 </t>
  </si>
  <si>
    <t>先搞清楚，她是想和你玩玩还是想离婚嫁给你。如果她是想和你玩玩，你到不妨接受。因为你还未婚，即使有人说闲话，也是说她勾引你。如果她真想和你结婚，那你到要考虑一下了，你得想想，她和你结婚后再看上别人怎么办？</t>
  </si>
  <si>
    <t xml:space="preserve">每次喝完酒之后第2天会感觉到胳膊和腿的骨头疼痛每次喝完酒之后,只 </t>
  </si>
  <si>
    <t>饮酒与疼痛的关系不大,主要是你大量饮酒后,大脑对异常的身体刺激反应不灵敏,就是说你在休息里的姿势不能调节到最轻松,巨体的说就是你翻身减少了.至使你的肌肉关节得不到放松,这也就是你第二天身体疼痛和很累的原因.</t>
  </si>
  <si>
    <t xml:space="preserve">玩问道老是死机！！！快点帮我解决一下！！为什么一开ARP防火墙就 </t>
  </si>
  <si>
    <t>那就是ARP防火墙和问道有冲突 你可以修改你防火墙的设置 试试看</t>
  </si>
  <si>
    <t xml:space="preserve">请了解合肥的帮忙不知道在成都那些地方可以玩，最好是在街边的，可以 </t>
  </si>
  <si>
    <t>购物有步行街，要不打牌什么的去在水一方，或避风瑭，都在步行街上，要不上网就去鼓楼那边的兴宾网吧，才开的，不错，要不就去大蜀山，野生动物园玩玩，不过马上要过年了，你也没时间玩了吧，</t>
  </si>
  <si>
    <t xml:space="preserve">感冒后咳嗽怎么治儿子九岁，前两天发高烧，最高时烧到39`5，吃过 </t>
  </si>
  <si>
    <t>我小的时候经常咳嗽，吃了很多药都不好，定时发作，咳的厉害晚上都无法入睡，后来我爸带我去看中医，吃了中药后，我已经七年没犯病了。我介意你领儿子去看一下中医，西医治标不治本，而中医可以治本。</t>
  </si>
  <si>
    <t xml:space="preserve">周岁宝宝?小孩肚子两边的肋骨向外突出很明显.是女孩.哪位给解释一 </t>
  </si>
  <si>
    <t xml:space="preserve">很明显的缺钙症状 </t>
  </si>
  <si>
    <t xml:space="preserve">时速90公里左右，方向盘抖得厉害，而且车子还左右飘，是传动轴的问? </t>
  </si>
  <si>
    <t>不是传动轴，建议先做2个前轮的动平衡，检查横拉杆外球头和摆臂球头的间隙，损坏的更换。</t>
  </si>
  <si>
    <t xml:space="preserve">首届中网在中国举行，今后怎么办？ </t>
  </si>
  <si>
    <t>这次举办的成功肯定会促使更多的网球比赛在中国展开的，你放心好了。</t>
  </si>
  <si>
    <t xml:space="preserve">关于拍卖行昨天我才弄明白原来藏宝海湾和暴风城的拍卖行不是一个老板 </t>
  </si>
  <si>
    <t>LM主城BL是拍卖不到的，在中立的地方BL能拍卖到。但在中立的拍卖费比较贵，如果不是想卖给BL，还是在主城拍卖吧，省你不少钱的！</t>
  </si>
  <si>
    <t xml:space="preserve">我在城里也会进无底洞？怎么搞的在城里也能进无底洞而且头上什么都没 </t>
  </si>
  <si>
    <t>您好:    请您提供你的帐号,角色名称以及服务器,工作人员会对您提供的帐号信息进行核实,确认您不是使用第三方辅助软件的是会给您解救的.    感谢您对封印的支持!</t>
  </si>
  <si>
    <t xml:space="preserve">600802再请问老师我要再补多少股能降底成本价到7元 </t>
  </si>
  <si>
    <t>现在股价已经接近7元了,你怎么补也难到7元成本,你要补应该在3元那时补仓,只要补相同股数就可以摊薄成本到7元呀!  还有一个办法就是高抛低吸来摊薄成本,每当拉升到压力点位可以高抛部分股,然后回调到5日线附近再买回来,赚中间差价!此股业绩不好,后续难有大作为,请注意三道防线不能失掉,拉升到压力点位如果不能放量突破,也要逢高减仓!</t>
  </si>
  <si>
    <t xml:space="preserve">梦娜丽莎是谁? </t>
  </si>
  <si>
    <t>是每一个幸福着的女子.</t>
  </si>
  <si>
    <t xml:space="preserve">宫崎骏的所有作品有哪些？ </t>
  </si>
  <si>
    <t>1964少年忍者1965大冲撞1966彩虹战队罗宾1968王子霍尔斯的大冒险1968魔女莎莉1969穿长靴的猫剧场版1969幽灵飞船【飞天幽灵船】1971动物宝岛1971阿里巴巴与四十大盗1971鲁邦三世1972熊猫家族1973熊猫家族之大雨马戏团1974阿尔卑斯山的少女1976三千里寻母记1978未来少年柯南1979红发少女安妮1979鲁邦三世：卡里奥斯特罗之城1984未来少年柯南特别篇剧场版1984风之谷1986天空之城1987柳川堀割物语1988龙猫1989魔女宅急便1991岁月的童话1992红猪1994百变狸猫1995On Your Mark1995侧耳倾听1997幽灵公主2001千与千寻【神隐少女】2001胶卷咕噜咕噜转2001捕鲸记2002Mei to Koneko basu【小梅与小猫巴士】2002小狗克罗历险记2002空想的飞行机械们2002猫的报恩2004哈尔的移动城堡2006Mizugumo monmon【水蜘蛛梦梦】2006种下星星的日子2006Yadosagashi【寻找栖所】2006地海战记2008悬崖上的金鱼公主2009鲁邦三世特别公映版2010酵母君与鸡蛋公主【面种与蛋姬】2010借东西的小人阿莉埃蒂2010竹取物语2011寻宝2011虞美人盛开的山坡2013起风了1《幽灵公主》 古时遭受侵略而移居远方的虾夷族青年阿斯达卡，为了拯救遭受危险的村人，右手被凶煞神诅咒，为了寻找解除诅咒的方法，阿斯达卡决定离开亲人到西方去流浪。在旅行中他见到了一群由幻姬大人领导的贫穷人们。他们在麒鳞兽的森林开采铁矿，并在森林中建立炼铁厂。然而森林中的种种生物都视他们为敌，总是袭击人类。有着三百岁智慧的白狼神莫娜和被她养大的人类女孩“幽灵公主”桑更是时刻想杀死幻姬，毁灭人类的城市。阿斯达卡既被桑所深深的吸引，理解“幽灵公主”保护森林的心情，但同时又想帮助人类。在战斗的过程中阿斯达卡被麒鳞兽所救，立场更加摇摆不定。以疙瘩和尚为首的一批人受领主的命令来杀麒鳞兽，更利用幻姬的力量与反攻人类的大批山猪作战。幻姬以火枪杀死麒鳞兽，失去头颅的麒鳞兽为了夺回自己的头对森林造成了极大的破坏。阿斯达卡和桑合力将麒鳞兽的头颅从疙瘩和尚手里多回，并还给了愤怒的麒鳞兽，麒鳞兽的灵魂方才安息，被破坏的大自然又恢复了正常。 2《天空之城》 这是一个讲述寻找神秘国度Laputa的故事。Laputa在影片中即是一个超然云上、浮于空中的城市，因此也称之为"天空之城"。 一块小小的飞行石是小女孩shita的传家之宝，这块她一直戴在项间的石头似乎没有什么特殊之处，但它却是很多人争夺的对象。一天，当她为了逃离军方的魔掌，意外摔下了飞艇，而飞行石就在这时放出了耀眼的蓝光，并且保护她缓慢、安全地降落。这时她才明白了石头的魔力。飞行石的魔力远大于她的想象。无论是野蛮单纯的太空强盗mada，还是贪婪愚蠢的将军，更或者是野心勃勃的mossca，飞行石都是他们达到目的的关键。但是，唯一能够操控这块魔石的人却是小女孩shita。 Shita无意中念动的咒语使飞行石放出光芒，射向天际。这道光指引大家来到了云中国度--Laputa，也就是传说中的"天空之城"。城中空无一人，宁静安详，只有一些庞大而善良的机器人尽忠职守的守护着shita的祖先墓地。但是，这种安详被外来者破坏了。将军疯狂的抢劫财宝，而mossca则开始了他控制天空之城、称霸世界的每一个步骤。原本美丽的天空之城变成了人们实现其野心和欲望的地方。最终，Shita和她的伙伴pasu选择了毁灭这个地方，选择了与mossca同归于尽。当shita念动毁灭咒语时，心中一定是充满伤痛的，看着自己祖先的城市即将毁灭，负罪感油然而生。但是，她也一定感到庆幸，因为她可以让野心家mossca的阴谋化为泡影，她可以拥抱着这片土地，和自己的好伙伴pasu一起离开人世。当然，他们没有死，而是回到了一直帮助他们的mada身边。只留下天空之城中最后一块残留的墓地缓缓的飞向太空。 3《岁月的童话》 以一个小学生为主角讲述六十年代的小学趣事，但是高畑勲导演此片的时候加入了原创要素，将背景拖后了十余年，和题目一样，由快三十岁的女主人公一点一点地回忆以前小学时代的事情，还加入了主人公在最后终于找到意中人的小插曲。 4《千与千寻的神隐》 10岁的少女千寻与父母一起从都市搬家到了乡下。没想到在搬家的途中，一家人发生了意外。他们进入了汤屋老板魔女控制的奇特世界——在那里不劳动的人将会被变成动物。千寻的父母出生在日本经济高速增长时代，对金钱物质有强烈的向往和控制欲，他们在幻境里触犯规则而变成了猪，千寻孤独的留在幻境里。支配城镇的魔女强行改掉了千寻的名字，这更让她感觉到自我丧失的恐怖。 5《魔女宅急便》 相传，魔女家庭的少女要成为一个合格的魔女，必须经过社会实践的考验。琪琪利用自己会飞行的本领，在面包店打工和送快递。完全没有工作经验的她，对一切都充满好奇和不解。她的出现，为平静的小城带来一场不小的风波。经过许多的小波折后，琪琪终于成为了一个合格的魔女，在新的城市里，她将用自己的力量去开创自己的道路。 6《红猪》 与宫崎骏其他的作品有所不同，“红猪”的主角并不是少男少女，而是一头已届中年的猪。主人公虽然生得一付猪的脸孔，却异常地受到女性的欢迎呢。剧中的两位女主角年龄跨度不小，但都是一如既往地真心喜欢着波鲁克。《红猪》是宫崎骏一部带有自传性质的电影，宫崎骏自喻为剧中主人公波鲁克，将自己的那种处在俗世而身不由己的矛盾构思成波鲁克的传奇故事。 7《侧耳倾听》 女孩月岛霞在受到挫折、失去方向的时候，来到地球屋求助。圣司追求自己成为小提琴制作者梦想的执着使她十分感动。在圣司去意大利的两个月中，她为了寻找自己的方向，试炼自己的能力，决定开始写一部小说。爷爷称赞他们都是未经琢磨的原石，在经过巧手匠人的刀后，就能焕发出宝石一般的光彩。在彷徨犹豫之后，月岛霞终于找到了自己前进的方向。在痛苦的努力以后，得来的是圣司的真情告白。两人以后的路还很长远，但是经过他们的努力，相信一定能得到幸福！ 8《风之谷》 这是一部极具环保省思的动画。故事中看似死亡森林的腐海及居住在腐海中的巨大昆虫以及群虫之王“王虫”皆是为了使污染的大地复元而生。而主角娜乌西卡从小生长的地方“风之谷”则象征着人与自然共生共荣的处女大地。人类文明因为战争“火之七日”而崩毁的千年之后，荒芜的大地被放出有毒瘴气的菌类森林“腐海”所覆盖，那里居住着巨大昆虫，是一座死寂的森林。某夜，运输着自培吉特市挖出的巨神兵的多尔梅吉亚大型运输船坠落在风之谷，翌日，风之谷遭到欲取回巨神兵的多尔梅吉亚军占领，族长基尔被杀。 司令官库夏娜，带着人质娜乌西卡，在前往培吉特市的路上，遭到阿斯贝尔驾史的炮艇袭击。 趁机逃出的娜乌西卡，为了救阿斯贝尔而深入腐海，郄意外地发现了腐海底下竟充满着干净的水、土和空气。于是两人明白了“腐海”的秘密，是为了使污染的大地复元而存在，而虫群则是为了保护腐海而生的。另一方面，培吉特市民为了抢回巨神兵，将虫群引至风之谷。得知此消息的娜乌西卡被关入帆艇中，但后来得到阿斯贝尔等人的帮助而逃脱，同时帆船郄遭到冬尔梅吉亚军的攻击…… 9《龙猫》 和爸爸一起搬到乡下的两姐妹，在家旁的一棵大树下发现了只有好孩子才能看见的TOTORO，其间发生了很多不可思议而有趣的故事。一天，妹妹小米和姐姐吵架之后，便独自出走，去找自己生病住院的妈妈，途中却迷路了。姐姐四处寻找无果的情况下，只好求助于TOTORO。善良而温和的TOTORO唤来龙猫电车，载着姐姐找到了迷路的妹妹，乘着龙猫电车，妹妹把亲手摘的玉米送给妈妈，希望她早日康复。 10《再见萤火虫》 故事讲述大战末期，十四岁的哥哥和四岁的妹妹在空袭中失去了母亲，而当地政府为了强迫人民节省战争下剩余的物资，对他们实施严厉的管制，哥哥和妹妹两人都不愿意在这种管制下生活，两兄妹遂以洞穴为家，没有大人帮助他们，要自行找寻食物维生，生活刻苦之余，他们也像其他小孩一样活泼好动，闲来在杂乱下的田间玩乐，夜晚更一起在草地上观看漫天飞舞的萤火虫。可是快乐的日子不长，最后妹妹因身体衰弱而死..... 11《百变狸猫》 在东京多摩丘陵森林，住着一群天真可爱的狸子，由于人类扩张新市镇，使它们的居住地濒临消失！对此生成空前危机感的狸子，于是召开紧急会议，决定振兴祖先流传下来的变身术，让自己变**注意语言**类以及各种妖怪的样子，来阻止开发工程的进行；为捍卫家园，开朗客观的狸子，会发动一场击退人类的战争吗？ 12《猫的报恩》 对17岁的高中二年级生春来说，这个早晨的开头如此倒霉：她因为迟到而被批评，更重要的是，她暗恋的男生町田君看到了这一幕。 放学回家的途中，郁闷的春意外的救下了一只差点被卡车轧过的猫儿。更叫她吃惊的是，这只猫居然幻化成人形，彬彬有礼使用人类的礼节向她致谢，又神秘的消失在春面前。实际上，张口结舌的春还不知道，这只是一连串奇遇的小小开头。 这一夜，春的家门前聚起了许多不知来自何处的猫咪。在这个巨大的“猫”之方阵中，猫王乘坐着“猫车”出现了。猫王以高贵的姿态告诉春，白天她所救下的小猫实际是猫国的王子，因此，猫国上下将视春为恩人，并将对她有所报答。 第二天，猫们的"报恩"行动开始了。好友广美收到了许多来自猫的礼物；春在学校的储物箱里堆满了死老鼠；正当春眼花缭乱之际，猫王的秘书出现在她家附近，邀请她前往猫国一游。生性迷糊的春在猫国做客时，还稀里糊涂的答应了嫁给猫国王子为妃…… 处于困境的春忽然听见有人在喊她名字——“小春，请到猫之事务所来一趟吧”... 13《听到涛声》 因为家庭问题而从东京般到高知女孩,武藤里枷子.和主角杜崎拓成为了同班同学.一次,由于武藤和杜崎拓的一次东京之旅,二人产生了感情.但是,由于二人的任性,双方都没有能够表达出自己真正的心意.就这样,高中毕业后,大家各奔前程. 一次同学会,同学突然提起没来的武藤,说是在东京见到过她.至于为什么回东京,"东京有我想见的人!"武藤当时是这样对同学说的.问她想见的是什么人,她只回答说:"一个睡浴缸的人".杜崎听后恍然大悟.当年,武藤和杜崎去东京时,杜崎便是睡的浴缸...... 14 《On Your Mark》（MTV） 仅仅是六分半钟长的一部MTV，仅仅是一个简单的故事，而且一再反复。 灯红酒绿的摩天大楼，蒙面的警察和歹徒火并，尸体遍地的房间。 就在这样的地方，却突然出现天使，虽然她被绳索缚着，而且昏倒在地。她看起来是那么单纯，那么柔弱，好象雷场上的一朵小花。但单纯也是一种力量，使打扫战场的警察也揭开了面罩，使我们发现其实他们也不是单纯的执行机器，不是一堆高科技的组合，而是普通的人。但一个天使和两个普通人是不能与强大的意志作斗争的，她被带到了 研究机构，科学要物化所有它不知道的东西。 他们救出了她，但没有逃脱追踪。她柔弱的翅膀不能承受三个人的重量，于是她宁愿一起落入万丈深渊，也不愿独自逃生。 镜头闪回，汽车在落入深渊的一刹那腾空而起。他们终于摆脱了敌人， 奔向外面的世界。隧道的尽头就是阳光，警示牌接连闪过：注意阳光！”、 不保障生命！”、Extreme Danger！”。不管它，汽车继续飞奔！ 外面的世界，是一片绿色，间或有几间久已无人的低矮的木房。清新 的空气里，她终于露出了笑容，展开白鸟之翼，在蓝天白云下自由翱翔。 音乐也转入轻柔的合唱，伴着风声，好象人们飞翔的梦想。 15 《哈尔的移动城堡》 19世纪末的欧洲，荒地出现了一座移动的城堡，传说城堡中的邪恶巫师哈尔会吃掉姑娘的心。苏菲是个18岁的少女,一次,因为迷路，苏菲被英俊神秘的哈尔营救。但对苏菲和哈尔关系的误解，导致妒嫉的女魔术师给苏菲下了一个诅咒，苏菲被变成了90岁的老太太。苏菲决定离家出走。她独自一人在空旷的大山上逆风而行，遇到一个善良的稻草人，在他的指点下，苏菲走进了魔法师哈尔的移动城堡... 16 《我的邻居山田君》 讲的是山田一家人的故事，这个日本传统的家庭有着平凡的生活：上班族的父亲，做家庭主妇的母亲，作为长辈的姥姥，孩子是兄妹两个。就是这样千千万万个普通的家庭，过着普通的生活，构成了整个社会。但是如果你仔细地去发掘，也能从中发现无数的温馨、欢乐、忧伤和痛苦。从一个个小故事中体会到生活的真谛。</t>
  </si>
  <si>
    <t xml:space="preserve">我到底要不要进学生会啊?急!就要去大学学习了，但我不知道自己到底 </t>
  </si>
  <si>
    <t>如果你乐意干一件事，你就用心去做，无论成败、得到与失去，只要你用心去做，做的开心快乐，自己觉的有意义价值，你就放心去做，不必考虑后果。自古英雄多覆险，知难往往不能给济！放手去做，一切都会好的。祝你好运，快乐。大学顺利。</t>
  </si>
  <si>
    <t xml:space="preserve">我想创业？我想创业，可是对于我们这种刚毕业的学生而言根本就没有本 </t>
  </si>
  <si>
    <t>怎么创业呀？创业是这个时代最时髦的名词，我想我们要理智的去看待，不要盲目的跟风和介入，有足够的准备，才能抵御市场残酷的考验，创业者要懂得负责任，为自己负责、为员工负责、为社会负责。当年如不是我做了许多失败的创业的话，也就没有现在的这么多经验，这么多成功了。创业初期，往往面临资金缺乏问题，不妨找一找不用花钱的创业方式。 1、占有资源。2、发挥优势。要是你拥有某方面的特长，那就从事此项服务或培训。3、结合兴趣。如果能把兴趣同创业目标结合，那将是非常幸运的，那是快乐创业、快乐人生。4、无本经营。创业初期，往往面临资金缺乏问题，不妨找一找不用花钱的创业方式。比如，节奏的加快，使舍得花钱“买时间”的人大有人在，由此城市速递业务应运而生。那么，类似业务可不可以扩展呢？扩展到一切为别人节省时间的领域，比如代人购物、接人等。 5、寻求结盟。假如你具备某些优势，但独立操作还面临一定困难，不妨寻求与自己相关的企业结盟，实现彼此的优势互补。比方你有保健品的新技术，可以与现有的知名企业结盟，借助他们的管理、资金和销售渠道，推出产品。这样可以达到资源共享、降低投资风险之效果。 6、善于学习。在某个行业创新是不容易的，因此要学会利用他人成功的范例和创意。在学习的过程中寻找适合自己的创业之路，不失为明智的选择。创业者有许多事要干，也有许多事最好不要干。当然，更有许多事绝对绝对别干。1、急功近利的投机冲动。2、为了利润而牺牲用户。3、所获得的财富值 = 用户对于产品的期待程度×想要使用它的用户数量。4、个人英雄主义。5、资金膨胀 。6、漠视小生意。7、墨守陈规。创业需要什么？我认为最为重要的是四信：一、信誉所谓信誉，是指依附在人之间、单位之间和商品交易之间形成的一种相互信任的生产关系和社会关系。信誉构成了人之间、单位之间、商品交易之间的双方自觉自愿的反复交往，消费者甚至愿意付出更多的钱来延续这种关系。信誉有许多特点：一是看不见摸不着；二是像影子一样时时刻刻在人之间、单位之间和商品交易之间存在并发挥作用；三是默默地影响着人、单位、商家和政府部门等的形象。形象是一种软生产力。信誉有许多功能：一是资格和通行证功能。发达国家的消费者和企业都有信誉和信誉资格，信誉资格是贷款、购买商品和进入各国及世界经营领域的通行证。二是信誉可以用来量化和评估无形资产价值。发达国家对企业及品牌的信誉，大多都有专门机构评估其价值，像目前我国评估品牌无形资产一样评估信誉的价值。中国作为发展中国家，企业的信誉资格及等级也正在审核评定中。三是生产要素功能。人、劳动工具、生产资料等都是有形的生产要素，而信誉是一种无形生产要素，在生产中流通，起着重要配置作用。四是金融流通功能。信誉好，金融流通就会加快，增加资金周转次数；反之信誉不好，就会形成“肠梗阻”、“呆坏账”。构筑信誉建设的四根基石：一、建立信誉伦理道德石，塑造人的诚实守信品行、品德和人格。二、建立信誉文化基石，使信誉文化形成中国的环境和土壤。三、“无恒产者无信用”，建立产权明确的基石。四、建立信誉监督机制基石，迫使不讲信誉的“水”顺着“信誉渠”而流。二、信任对你的手下下放权力，让他们在你给们设定的权限内运作。解放你自己。三、信心对你自己的，对你部下，对你的另一半，你都要有信心，这样你才不会累！四、信念</t>
  </si>
  <si>
    <t xml:space="preserve">想像作文：当同学晕倒之后 </t>
  </si>
  <si>
    <t>早上，今天天气十分晴朗，阳光普照，空气也非常清新，人们沉浸在这美好的。 早晨六点四十五分，小笑急急忙忙地起了身，马马虎虎地穿上衣服，连饭也不吃，水也不喝，一把扯起了书包就上学去了。一路上，像一只小鸟向远方飞去，一边哼着歌儿“留言有一千分贝.......一边蹦呀跳呀。不一会儿，就到学校门口了。小笑刚要走第一步时，觉得头很晕，脚发软，口干舌噪，反正全身都不舒服。她并没有去注意，就迅速跑进教室，走到座位旁，她刚才的痛苦又来了，她又没有注意，这已经是第二次了。 一下子，上课了。大家都跑进教室，这时班长说：“同学们，今天老师不在，老师让我们写日记，大家要安静得做，知道吗？”“为什么”小笑急切的问，说完，就不知咋的，扑通一声，晕了过去。这时周围的同学一窝蜂的拥了过去，看见小笑脸色煞白，嘴唇发紫，那一个样子，把大家吓傻了。有的直摸摸后脑勺，就像丈二和尚--摸不着头脑，有的吓得脸色也变白了......大家都惊慌失措，显露出一副忐忑不安的样子。就仿佛热锅上的蚂蚁--团团转。就在大家毫无主见的时候，小红说：“我们打电话给医院吧！”“好，就这样。”班长镇定地说，话音刚落，，，医生给小笑做个检查，对同学们说：“没有什么大碍，一会儿就会醒的，你们放心吧！”“谢谢，医生”大家异口同声地说，一会儿，小笑醒了，当她睁开眼睛，她哭了，这种关怀让她感到幸福，这种体贴让她感到感动，瞬间，一股热血涌上心头...... 这件事的过程，令我深深体会到同学们的热情，关心的友爱精神，也同时表现出同学们在困难之时，挺身而出，这多么值得我们学习啊！</t>
  </si>
  <si>
    <t xml:space="preserve">卧室里怎样防止地上有小虫子 </t>
  </si>
  <si>
    <t>可以在白天上班不在家时喷点杀虫剂在地板上.也可以在房间角落里放些木碳.超市有卖袋装的那种.</t>
  </si>
  <si>
    <t xml:space="preserve">上肢肱二头肌太小，如何锻炼上肢肱二头肌的力量呢，起码看起来要有点? </t>
  </si>
  <si>
    <t>力量练习最好是在健身房，或者自己在家有一对哑铃来练习。（如果二者都没有，可以做做俯卧撑和引体向上，注意在动作细节上经常改变，以便从不同角度上刺激肌肉） 在健身房训练上肢力量主要分三个部位：肱二头肌 肱三头肌 前臂肌群 练习动作有： 1.肱二头肌 杠铃弯举 哑铃交替弯举 斜托弯举 坐姿哑铃弯举 等等 2.肱三头肌 窄握推举 仰卧臂曲伸 俯卧撑 哑铃颈后臂曲伸 俯力臂曲伸 拉力器下压 等等 3.前臂肌群 反握腕弯举 正握腕弯举 握力器练习等等 最大力量训练使用1-5rm的重量训练 增肌使用8-12rm的重量 增长耐力使用15rm左右的重量练习 每组至力竭 一个动作3-4组 一个部位练习2-3个动作 组间休息1分半钟 动作之间休息3-4分钟 吃完饭之后一个半小时开始训练 一次训练课不超过一个小时。 在饮食方面，多注意蛋白质的补充。富含蛋白质的食品有鸡蛋，牛肉，鱼，鸡胸，豆制品等等。训练后可以马上补充简单碳水化合物，45分钟之内补充容易吸收的蛋白质（鸡蛋，牛奶，蛋白粉等等）。</t>
  </si>
  <si>
    <t xml:space="preserve">电脑重装后常常会出现这样的情况？为什么？ </t>
  </si>
  <si>
    <t>出现这种情况无非是以下几种原因造成的。1，硬件冲突引起,是否新安装了硬件或硬件损坏，进行硬件排查，更换硬件。2，软件冲突引起，是否新安装软件引起，卸载新安装的软件。3, 驱动程序错误，从新安装驱动。4，病毒引起，升级杀毒软件至最新版，安全模式下杀毒。5、系统错误，请使用光盘修复系统或重新安装系统。估计你重装系统时没有采用格式化安装，不然不会出现这个问题。给你上传一个专门解决内存不为read的工具，下载后双击运行就可以了。</t>
  </si>
  <si>
    <t xml:space="preserve">汉字艺术的发展汉字的演变(包括字型的演变,字体的演变) </t>
  </si>
  <si>
    <t>1.目前公认的最早的汉字即商代的"甲骨文".刻于骨甲之上.无艺术价值.现今只破译了1000余字,单从数量上讲甲骨文最易学而有成了.2.至周,青铜时代的到来,青铜理所当然的成为汉字的主要载体--钟鼎铭文--盛极一时.其间也采用其它材质比如石材(现今把有些石质称之为玉).渐至春秋战国,此时汉字的基本体系以建立.后世统一称此时字为"大篆".此时的&lt;侯马盟书&gt;为中国最早的墨迹,是书法艺术的鼻祖.3.始皇一统,命李斯等增损古法以创新文,既小篆.秦末,市井间渐渐流行"隶",今称之为"古隶".此时渐用丝帛.4自汉以降.纺织业的兴起与纸的发明,使绢丝与纸成为载体的主流.字体也渐变为"今隶".5汉末,及晋.中国文字迎来了辉煌的年代,汉字的自然进化圆满完成.无数能人志士将其演绎的淋漓尽至,"楷书"渐已成行.自此,无数书家对汉字书法艺术开始了他们讴心沥血地探索与追求.欲解详情,请看  孙先生晓云   著   &lt;书法有法&gt;.</t>
  </si>
  <si>
    <t xml:space="preserve">端午节的由来包括端午节的一切信息，由来、习俗 </t>
  </si>
  <si>
    <t xml:space="preserve">端午节的由来，一般认为有以下四个典故： 1.纪念屈原 　　此说最早出自南朝梁代吴均《续齐谐记》和南朝宗懔《荆楚岁时记》。据说，屈原投汨罗江后，当地百姓闻讯马上划船捞救，一直行至洞庭湖，始终不见屈原的尸体。那时，恰逢雨天，湖面上的小舟一起汇集在岸边的亭子旁。当人们得知是为了打捞贤臣屈大夫时，再次冒雨出动，争相划进茫茫的洞庭湖。为了寄托哀思，人们荡舟江河之上，此后才逐渐发展成为龙舟竞赛。百姓们又怕江河里的鱼吃掉他的身体，就纷纷回家拿来米团投入江中，以免鱼虾糟蹋屈原的尸体，后来就成了吃粽子的习俗。看来，端午节吃粽子、赛龙舟与纪念屈原相关，有唐代文秀《端午》诗为证：“节分端午自谁言，万古传闻为屈原。堪笑楚江空渺渺，不能洗得直臣冤。” 2.纪念孝女曹娥 　　此说出自东汉《曹娥碑》。曹娥是东汉上虞人，父亲溺于江中，数日不见尸体，当时孝女曹娥年仅十四岁，昼夜沿江号哭。过了十七天，在五月五日投江，五日后抱出父尸。 3.迎涛神 　　春秋时吴国忠臣伍子胥含冤而死之后，化为涛神，世人哀而祭之，故有端午节。这则传说，在江浙一带流传很广。伍子胥名员，楚国人，父兄均为楚王所杀，后来子胥投奔吴国，助吴伐楚，五战而入楚都郢城。当时楚平王已死，子胥掘墓鞭尸三百，以报杀父兄之仇。吴王阖闾死后，其孙夫差继位，吴军士气高昂，百战百胜，越国大败，越王勾践请和，夫差许之。子胥建议，应彻底消灭越国，夫差不听，吴国太守，受越国贿赂，谗言陷害子胥，夫差信之，赐子胥宝剑，子胥以此死。子胥本为忠良，视死如归，在死前对邻舍人说：“我死后，将我眼睛挖出悬挂在吴京之东门上，以看越国军队入城灭吴”，便自刎而死，夫差闻言大怒，令取子胥之尸体装在皮革里于五月五日投入大江，因此相传端午节亦为纪念伍子胥之日。 4.龙的节日 　　这种说法来自闻一多的《端午考》、和《端午的历史》。他认为，五月初五是古代吴越地区“龙”的部 元·吴廷晖：《龙舟夺标》 [1]落举行图腾祭祀的日子。其主要理由是；(一)端午节两个最主要的活动吃粽子和竞渡，都与龙相关。粽子投入水里常被蛟龙所窃，而竞渡则用的是龙舟。(二)竞渡与古代吴越地方的关系尤深，况且吴越百姓还有断发纹身“以像龙子”的习俗。(三)古代五月初五日有用“五彩丝系臂”的民间风俗，这应当是“像龙子”的纹身习俗的遗迹。 </t>
  </si>
  <si>
    <t xml:space="preserve">北京石京龙滑雪场听说滑雪场可让滑翔伞飞行,是真吗? </t>
  </si>
  <si>
    <t xml:space="preserve">是真的不过好像就冰雪旅游节的时候有耶。而且是表演俱乐部介绍：梦之旅户外外俱乐部是一个刚刚成立的户外组织，主要以组织各种 户外活动为主，特色的户外活动有“滑翔伞”旅游体验飞行，培训，模拟 军事战争，滑雪，野营等，常规的活动有，羽毛球，网球，游泳，我 们的宗旨是为所以喜欢户外喜欢玩的朋友搭建一个好的平台，提供完 善的服务，同时带领大家采购经济实惠的户外产品  </t>
  </si>
  <si>
    <t xml:space="preserve">我的单已死了看了好多单我选的黑山单0没戏了早点睡觉去了 </t>
  </si>
  <si>
    <t>0说不定还是一个心里冷门呢？</t>
  </si>
  <si>
    <t xml:space="preserve">绝对火锅苏格兰8日00:00法　国英格兰8日00:00马其顿=３ </t>
  </si>
  <si>
    <t>彩票已经停止销售了,能看看你的实买单吗?可以发到我的邮箱了.</t>
  </si>
  <si>
    <t xml:space="preserve">我看了冬奥会上中国单板滑雪选手都是吉林和黑龙江人，那边都有雪，可? </t>
  </si>
  <si>
    <t>要么去新疆，要么去黑龙江，为了梦想你必须牺牲你在老家的时光，去异地练习！祝你元宵节快乐！</t>
  </si>
  <si>
    <t xml:space="preserve">请问电脑机箱的线怎样和主板上的开关、复位启动、声音、USB、连接? </t>
  </si>
  <si>
    <t>连接机箱内的各种连线（1） 连接电源线：把电源上的20芯插头（最大的一个）插入主板上的电源插座上。连接时，将插头上有卡子的一面对准主板电源插座上有卡子的一面，用力下压到位。把电源上的4芯方形插头（这是P4电源特有的ATX 12V电源插头）插到主板上的方形ATX电源插座上。（2）连接主板信号线和控制线：包括电源开关控制线、电源指示灯线、复位控制线、硬盘指示灯线、PC扬声器线、USB信号线等。①USB信号线。大多数P4主板都可提供6个USB接口，主板后部接口区已提供了2个USB接口，其余4个要通过主板上的两组USB插针来提供，因此需要将机箱上的USB接口信号线连接到主板上。主板上USB信号插座的针脚定义如图1-4（注意，不同的主板USB插座的形状和针脚定义可能不同，应参照主板的说明书进行连接，此处的介绍仅供参考），这个USB信号插座提供了2个USB接口。 ②各种控制线和指示灯线。机箱上提供的信号线插头上的标注及其含义如下：    SPEAKER：PC扬声器    POWER SW：电源开关    RESET SW：复位按钮    H.D.D LED：硬盘指示灯    POWER LED：电源指示灯在主板上找到与以上控制信号线对应的插座（通常它们被集中安排在主板的边沿处，并标有相应的名称），把信号线插头分别插到对应的插针上。注意，喇叭线、电源开关线和复位按钮线没有正负极之分，但硬盘指示灯和电源指示灯则要区分正负极，通常白色线为负极、红色线为正极。也可先随意连接，待通电检测时再调整线序。③ 音频线。用光驱播放CD碟片时要想听到CD音乐，必须将一根音频线连接到光驱和声卡上的音频接口中。音频线没有正负极之分，接插方向任意。（3）连接主板上的数据线：包括硬盘数据线、光驱数据线和软驱数据线。①硬盘和光驱数据线。硬盘和光驱数据线都是80针的数据排线。在接头中间有一个凸起的部分，数据排线中侧面有一根红色的花边线，该线为第1根线，通过这根线可识别接头的插入方向。将数据排线上的一个插头插入主板上的IDE1插座，红线的一侧对准插座上标有“1”的一端。数据排线上的另一个插头插到硬盘的信号插座上，插入方向由插头上的凸起部分定位。②光驱的数据线连接方法与硬盘数据线连接方法相同，只是要把数据排线插到主板上的另一个IDE插座上。③软盘数据线。软盘数据线的宽度要窄一些，其中一端有扭曲的部分。有扭曲部分一端的那个插头要插在软驱上（注意，排线中间的插头不使用），另一端的插头插到主板上的FDD接口插座上。（4）连接光驱、硬盘和软驱的电源线：把电源上提供的电源线插头分别插到光驱、硬盘和软驱上。这些插头都是防呆设计的，只有正确的方向才能插入，因此不用害怕插反。注意，软驱电源插头是一个较小的Female插头，而光驱和硬盘的电源插头是较大的Male插头。</t>
  </si>
  <si>
    <t xml:space="preserve">设置安全手机我的旧手机号码已经忘记了,如何设置新手机密码?? </t>
  </si>
  <si>
    <t>格机!不知你的手机什么牌子的!我的是N-GageQD,就是诺基亚,格机方法:软格:按*#7370#就是软格但是要现有密码!还有就是硬格是不用密码的:在关机状态下按住拨号键和*键和数字键3在叫个人帮你按开机键等都显示一串英文就可以啦!手机就会回到出厂时的设置,包括密码!</t>
  </si>
  <si>
    <t>化学专家进</t>
  </si>
  <si>
    <t>HF是弱酸，其原因是HF分子之间通过氢键结合在一起，在常温下，氟化氢常常成两分子或者三分子缔合状态，其三分子缔合状态的结构式可类似为H—F。。H—F。。H—F，其中。。为氢键。于是，在上面的结构式中，只有顶端的那个氢原子才能电离成氢离子。这样一来，氟化氢溶于水后，只有部分氢原子能电离，而不是每一个单分子“HF”分子当中的氢原子都能电离成氢离子。故氟化氢在水中不完全电离，氟化氢是弱酸。而氯化氢、溴化氢和碘化氢分子间均不能形成氢键，故尔三者皆为强酸。由于氢氯共价键、氢溴共价键、氢碘共价键的键长依次增长，键能依次下降，破坏这一共价键所需的能量依次降低，而电离正需要破坏氢卤共价键，故溴化氢比氯化氢易电离，碘化氢比溴化氢易电离。所以，氢氯酸、氢溴酸、氢碘酸的酸性依次增强。</t>
  </si>
  <si>
    <t xml:space="preserve">5173客服进来下客户服务013，现在不在线可以帮我找个现在在线 </t>
  </si>
  <si>
    <t xml:space="preserve">尊敬的客户:     您好！5173客户服务037很高兴为您服务！请与我们客服中心联系重新为您处理，客服中心服务热线：0579-83225173 。感谢您对5173的支持，祝您春节快乐！！！                                                </t>
  </si>
  <si>
    <t xml:space="preserve">为什么打不开，他总是重复要我输入帐号密码？ </t>
  </si>
  <si>
    <t>因为密码和账号可能错了，你可以复位一下路由器或是Hub，就可以用初始密码打开了，但是一复位，原来的设置就没了。</t>
  </si>
  <si>
    <t xml:space="preserve">关于"说"的成语 </t>
  </si>
  <si>
    <t>哑口无言喋喋不休沉默不语沉默寡言默不作声人声鼎沸交头接耳口若悬河口蜜腹剑窃窃私语大声喧哗喧宾夺主骂不绝口谈天说地谈古论今鸦雀无声伶牙俐齿滔滔不绝</t>
  </si>
  <si>
    <t xml:space="preserve">眼睛下面长皱纹怎么去啊？用一些化妆品的话怕会有反映我16岁有什么 </t>
  </si>
  <si>
    <t xml:space="preserve">   你的年龄这么小，应该是假性皱纹或者表情纹，是眼部肌肤缺水所致，注意补水就好了。可以选用比较清爽的者哩状产品，不会起脂肪粒，再配合手法就可以了。</t>
  </si>
  <si>
    <t xml:space="preserve">法国赢北单SP值1.78乘1.3竞彩2.15乘2看来北单没什么搞 </t>
  </si>
  <si>
    <t>2串1是竟彩奖金高，2串1以上就是北单高了！</t>
  </si>
  <si>
    <t xml:space="preserve">燕子老师你好，600195中牧股份，今天刚解套，明天该怎么操作，? </t>
  </si>
  <si>
    <t>600195先于大盘调整，目前有企稳迹象，短线可能还有反弹空间，建议暂时持有。000001个人建议短线反弹暂时出局。600170可以继续持有。</t>
  </si>
  <si>
    <t xml:space="preserve">我微博重置了密码，但再登陆的时候发现微博里面的所有信息都没有了，? </t>
  </si>
  <si>
    <t>打电话给新浪客服跟她说明你的情况  让她帮你去查看问题和解决</t>
  </si>
  <si>
    <t xml:space="preserve">都在说低吸高抛,何谓低吸,何谓高抛?看什么指标才能做到? </t>
  </si>
  <si>
    <t>高跑低吸-----  一种理念,做起来有难度!!!</t>
  </si>
  <si>
    <t xml:space="preserve">怎么样挣钱?在游戏里怎么挣钱?现在快穷死了``加起来才1W </t>
  </si>
  <si>
    <t>GE里的怪物不会直接掉落金钱 ，要把怪物暴落的矿石和物品拾取后交易给NPC商店或者是玩家来换钱，还有一种就是使用游戏中的交易市场进行出售，但是交易市场每次都会收取出售价格1%的 手续费，每卖出一件物品还要加收5%的税，所以一定要控制好物品交易的价格，不然卖不出去就会损失手续费了o(∩_∩)o...</t>
  </si>
  <si>
    <t xml:space="preserve">今天怎么会这样的结局啊~~~~ </t>
  </si>
  <si>
    <t>最高明的专家说了,你也不要相信!</t>
  </si>
  <si>
    <t xml:space="preserve">FS升级天赋怎么加最好加点过程详细一些阿~~~~谢谢阿 </t>
  </si>
  <si>
    <t>你是想加火系还是加冰系呢?单练做任务的话+火系会好一点.具体顺序不好说..就是先把火的+满了.这个天赋到了60肯定要洗的``如果还有问题发给我奥术 天赋 (10 点)奥术精妙 - 2/2 点使你的目标对你的所有法术抗性降低 10 点，并使你的奥术系法术所造成的威胁值降低 40% 。强化奥术飞弹 - 3/5 点使你有60%的几率在施放奥术飞弹时不会因为受到伤害而中断施法。奥术专注 - 5/5 点使你有 10% 的几率在施放任何一种伤害性法术之后进入节能施法状态。节能施法状态可以使你的下一个伤害性法术所消耗的法力值减少100%。冰霜 天赋 (5 点)元素专注 - 3/3 点使你的目标抵抗火焰和冰霜系法术的几率降低 6%。冰霜障壁 - 2/2 点使你的霜甲术和冰甲术所提供的护甲值和抗性值效果提高 30% 。另外，你的防护冰霜结界有 20% 的几率将冰霜系法术和魔法效果放射给施法者。火焰 天赋 (36 点)强化火球术 - 5/5 点使你的火球术的施法时间减少0.5 秒强化火焰冲击 - 3/3 点使你的火焰冲击的冷却时间减少 1.5 秒。烈焰投掷 - 2/2 点使你的火焰法术的射程增加 6 码。点燃 - 5/5 点你的火焰法术在造成致命一击后使目标燃烧，令其在4秒内承受相当于该法术伤害 40% 的额外伤害。炎爆术 - 1/1 点发射一枚巨大的火球，对目标造成148到195点火焰伤害，并在12秒内造成总计56点额外伤害。烧尽 - 2/2 点使你的火焰冲击和灼烧法术的致命一击率提高4%燃烧之魂 - 2/2 点使你的火焰系法术有 70% 的几率在受到伤害时不被干扰而增加施法时间，并且你的所有火焰系法术所产生的威胁值降低 30%。强化灼烧 - 3/3 点使你的灼烧法术有 100% 的几率令目标更容易受到火焰伤害，在其受到火焰系攻击时承受的伤害提高3%，持续30秒。最多可叠加5次。元素大师 - 3/3 点你的火焰系和冰霜系法术产生致命一击后会返回 30% 的法力值消耗。火焰重击 - 3/3 点使你的火焰法术造成致命一击的几率提高6%。冲击波 - 1/1 点施法者放出一道火焰冲击波，所有被冲击波触及的敌人都会受到160至192点火焰伤害并眩晕6秒。火焰强化 - 5/5 点使你的火焰法术造成的伤害提高10%。燃烧 - 1/1 点激活之后，你施放的每个火焰系伤害法术都令你的火焰系伤害法术的致命一击几率提高提高10%，该效果将持续到你的火焰系法术造成3次致命一击。</t>
  </si>
  <si>
    <t xml:space="preserve">注册资金8800万元的房地产开发企业算是一般纳税人吗 </t>
  </si>
  <si>
    <t>一般纳税人和小规模纳税人是针对征收增值税的企业来说的，而房地产开发企业属于营业税的征收范围。因此，不管注册资金多少，都没有一般纳税人和小规模纳税人之分。</t>
  </si>
  <si>
    <t xml:space="preserve">装修有必要请第三方监理公司吗？ </t>
  </si>
  <si>
    <t>一般没必要吧！除非你太忙，都没有时间去看下。还有就是要看选择的装饰公司，选择服务质量相对好的，口碑好的，这样一般质量都有保障。</t>
  </si>
  <si>
    <t xml:space="preserve">贵州施秉怎么样？施秉旅游景点有哪些？ </t>
  </si>
  <si>
    <t>施秉是一个非常不错的地方，强烈推荐你去，与江南、丽江相比，那里的景色一点也不吝啬，不过可能因为位置的原因，施秉目前并不是很有名。施秉好玩的景点很多，我觉得最值得一看的有云台山、舞阳河、杉木河。云台山，位于施秉县城北十三公里处。云台山风景区由云台山、外营台、轿顶山及大田垴等群峰组成。面积约二百一十平方公里，主峰团仑岩海拔一千零六十六米，突起于群山之间，因山形“四面削成，独出于云霄之半”，山巅如台，加之云雾缭绕，故名云台山。舞阳河景区以自然生态称绝于世，原始植被郁郁葱葱，两岸奇峰怪状万千；“姜太公钓鱼”老态龙钟；“仙人晒鞋”、 “一足撑天”，个性特别；“宫门双厥”龙王神针天下一绝；“人面狮身”、“八仙过海”、“金猴望月”游人目不暇接……２７个景点像２７颗翡翠明珠，镶嵌于上舞阳河两岸，青翠欲滴倒影涟涟，如天然盆景、如瑶池再现。杉木河河水深及足膝，晶莹见底，皆为奇峰异石，芳草佳木。整个环境深而不险，幽而不闭，涉步其间，悠然自得，下游落差较大，滩多水急。杉木河漂流刺激有趣，惊而无险，已成为施秉乃至贵州省旅游最受欢迎的拳头产品。</t>
  </si>
  <si>
    <t xml:space="preserve">我想找个最刺激的游戏平台，谁来推荐个 </t>
  </si>
  <si>
    <t>你好，你要玩什么刺激的游戏呢，欢乐谷娱乐城 happy885.net 这里都有的，好多游戏都可以在这里玩的</t>
  </si>
  <si>
    <t xml:space="preserve">为什么?为什么那些女人会有很强的妒忌心理,总喜欢在别人背后乱说, </t>
  </si>
  <si>
    <t>如果只是嘴上说说无关紧要，他没找到合适的发泄一下，嫉妒一下是很正常的。当然这种人也是希望你们幸福的。如果在背地里使绊子的那这种朋友还是不交的好，嫉妒心太重、太好胜，总想比别人都好。她的眼里没有最好只有更好，这种人攀得越高必将摔得越疼。</t>
  </si>
  <si>
    <t xml:space="preserve">圣火任务怎么作啊,我是从青云那拿了圣火到陆雪琪那里后就没任务了!? </t>
  </si>
  <si>
    <t xml:space="preserve"> 火炬就不多讲了　　主要讲讲大家遇到的"BUG"　　大家是不是在做火炬的时候莫名其妙的任务消失了?(很显然你失败了- -废话)　　怎么解决这个问题呢?非常简单　　大家可以看看"前往草庙村"下面是不是有空的任务栏?　　你火炬任务失败的原因就在这里了...必须等下面的空格消失在交任务　　如下:　　前些时候做火炬大家有没发现跑到NPC以后,NPC脑门上的旗子是灰的?(小号没马没技能的也许看到过)道理跟这个一样 ...都是在等触发交任务</t>
  </si>
  <si>
    <t xml:space="preserve">穿冬装男马甲时该怎么搭配才显得精神，阳光？买了件七匹狼的墨绿色马 </t>
  </si>
  <si>
    <t>个人感觉马甲里面穿一件长袖，或者毛衣。再配马甲会比较好看，显身材。下半身就牛仔裤，阳光，有精神，帅气十足了。</t>
  </si>
  <si>
    <t xml:space="preserve">我该如何是好我暗恋一女孩有6.7年了，很爱她，现在我向她表白我真 </t>
  </si>
  <si>
    <t>恩 ..我觉得你那么爱他 你可以先把她当做普通的朋友  如果还躲着你 你告诉她你有女朋友 但你要知道你是在接近她才这样说的  对她吧要太好 一般就行  这样慢慢的了解她 知道她喜欢什么 ....先从朋友做起 要让她离不开你</t>
  </si>
  <si>
    <t xml:space="preserve">取消邮箱绑定我游戏绑定的邮箱是QQ邮箱，现在QQ丢了，邮箱也就丢 </t>
  </si>
  <si>
    <t>上通行证去去身份证号来取消帮定</t>
  </si>
  <si>
    <t xml:space="preserve">哪个网站能免费下载星际啊我记得以前有好几种版本呢。。高达。。我要 </t>
  </si>
  <si>
    <t xml:space="preserve">减少振动筛筛网磨损的有什么方法？ </t>
  </si>
  <si>
    <t>1、选择筛网时要严格检查其质量，把好质量关。筛网一般都有上部的筛分层和下部的受力层两层，这两层之间要求要紧密贴合，如果筛网预张紧工艺差，当筛网受力层绷紧时，筛分层没有拉紧，就会减小钻屑的抛掷力，不能排出钻屑；新乡市北方通用机械2、电动机转向也直接影响筛网的破损，在调试振动电机转向时，操作人员玩玩根据以往单轴振动筛或直线振动筛的使用经验，认为只要钻屑往前走就行，但此方法并不适用于平动椭圆振动筛。若电动机错误地朝内侧旋转，抛射角虽也是向前，但是钻屑有向后滚动的力，这时钻屑向前运移的速度要慢很多，在筛网上停留时间长，甚至会导致钻屑无法排出。此时应卸下振动器护罩，检杏偏心块是否均向外侧旋转；调换电控箱进线电源中的任意2根相线，在筛网上面撒一些砂子，排砂速度更快的一种即是正确的方向；或停止筛箱运转，振动筛会慢慢停下来，观察侧板上的小点在振动筛运转时形成的椭圆轨迹，向出砂口滚动的方向为正确转向；</t>
  </si>
  <si>
    <t xml:space="preserve">和士秀的保湿面膜好用吗？用过的朋友分享一下.. </t>
  </si>
  <si>
    <t>我有用过和士秀的保湿面膜，效果还不错，而且他们的工作人员还告诉我说，补水保湿不是光简单的一个步骤就能做到的，是要贯彻到整个护肤流程中的。要留住水分，干性肌肤就不能用很热的水洗脸，不能用泡沫很丰富的清洁产品，清洁的次序也要先“T”区后“U”区，然后爽肤水不能含酒精，要上2~3遍，每次都不要等到爽肤水干了才上第二遍，应该在7成干的时候就要上，同样的在7成干的时候使用保湿精华，帮助肌肤生成水通道蛋白，真正把水补进细胞内，最后别忘了给肌肤盖上“盖子”——面霜，这样才能减少肌肤的经表皮失水，真正达到保湿的效果。白天一定要用隔离防护哦，周护理一定不要忘了保湿面膜。这样才能使肌肤由内到外的水嫩健康！</t>
  </si>
  <si>
    <t xml:space="preserve">LR宠物技能问题BL宠物猪冲锋,角刺(各个等级的)在哪学?(别说 </t>
  </si>
  <si>
    <t xml:space="preserve">我也是偶尔发现这个网页的，关于LR BB的技能是相当全，而且特别完整也详细，有空的话，去看下吧。希望对能有帮助。祝你好运。呵呵 </t>
  </si>
  <si>
    <t xml:space="preserve">玛法里奥是谁啊 </t>
  </si>
  <si>
    <t>玛法里奥的全名是暴风·玛法里奥.是暗夜精灵的第一个德鲁依,是半神塞那留司的徒弟,月之女祭祀泰兰德的配偶,暴风·伊利丹的哥哥.目前暗夜精灵的领导者,上古战争的英雄,成功的设计了炸死阿克蒙德,保卫了艾泽拉斯世界.</t>
  </si>
  <si>
    <t xml:space="preserve">带.tmp的就是病毒文件吗?还有哪些带.??是病毒文件呢? </t>
  </si>
  <si>
    <t>.tmp是Windows系统运行过程中自动生成的临时文件，由系统自动生成，自动使用，自动删除，与用户无关。病毒文件一般是附加到其他正常文件中的，.exe .com .doc等文件是最容易感染病毒的。</t>
  </si>
  <si>
    <t xml:space="preserve">英雄萨姆2安装后无法进入游戏安装一切正常，有图标，点击后画面一闪? </t>
  </si>
  <si>
    <t>最好打一个免CD补丁，还有机器配置够不够/</t>
  </si>
  <si>
    <t xml:space="preserve">请分析一下新钢钒复牌后的走势?有继续上行可能吗? </t>
  </si>
  <si>
    <t>复牌后会有好的表现的，您数钱吧</t>
  </si>
  <si>
    <t xml:space="preserve">无负压供水设备的检验标准是什么？ </t>
  </si>
  <si>
    <t>无负压供水设备在安装验收的时候有一定的标准，下面我们来看看贵阳无负压供水设备的全国标准。     1、无负压供水设备适合用于市政管网进水充足的场所。     2、由于无负压供水设备是直接与市政管网连接，所以不适于用在可能会造成有毒污染的工程。3、无负压供水设备在安装过程验收中要符合国家的有关标准，并且水泵直接从室外给水管网吸水供水装置应符合《管网叠压供水设备》CJ/TXXX的规定。     4、使用无负压给水设备的外接市政供水管网口径应大于或等于DN200毫米，其所处地区管网高峰供水压力应不小于0.18Mpa。     5、市政供水管网管径与所接设备吸水管管径比不应小于3：1，设备吸水管管径不应大于DN100毫米。     6、单套设备的额定供水量不得大于32立方米/小时，采用多套设备的加压供水总量不应大于40立方米/小时。 7、采用该方式供水的小区，总建筑面积不得大于20万平方米。</t>
  </si>
  <si>
    <t xml:space="preserve">男子买鳄鱼当宠物长至1米长报警求助。您觉得他该报警吗？ </t>
  </si>
  <si>
    <t>鳄鱼皮不是很贵的吗？</t>
  </si>
  <si>
    <t xml:space="preserve">学什么技术最适合女性学习本人女，计算机专业，大专学历，毕业已经三 </t>
  </si>
  <si>
    <t>女孩可以学网络工程， 现在的IT市场需求偏重于操作技能、实用型的网络工程人才，而IT企业最欢迎的大量工程化技术人才并不需要高学历人才，而是动手能力强的“蓝领”人才，只要你技术过硬女孩会更占优势，女孩比较细心。北京昌平有个北大青鸟听说挺好，有兴趣可以到网站上了解一下</t>
  </si>
  <si>
    <t xml:space="preserve">56式突击步枪的问题请问56突击步枪可以选择哪几种子弹射击方式， </t>
  </si>
  <si>
    <t>最近是越来越不在状态了。。。56式冲锋枪的保险机构提供单发和连发两种射击状态，保险位置与拉机柄平行时，抵住了拉机柄，为保险状态，向下滑动30度为连发射击，再向下就是单发状态。老射手可以凭感觉用手指在连发模式下控制双发或者三发射击。</t>
  </si>
  <si>
    <t xml:space="preserve">姐妹们，咨询以下在我排卵期时老公感冒做了X光检查肺部，怀孕不到一 </t>
  </si>
  <si>
    <t>应该没有多大问题的,那时候宝宝还比较小,我怀宝宝的时候也是不知道,当时电磁炉也用了,电脑也用了,因为我的工作就是坐在电脑旁边,两个月后才知道自己怀宝宝了,但是你从现在起一定要注意了哦,因为宝宝会越来越大的,以后不要烫发了哦~~~</t>
  </si>
  <si>
    <t xml:space="preserve">大便不爽，推动力弱很费劲，而且是经常性的，不只是什么原因，该怎么? </t>
  </si>
  <si>
    <t>这是个小问题,我告诉你个方法:每次大便前约15分钟，用左手托住右手腕 ,右手掌贴肚皮顺时针轻柔腹部,每次3-5分钟,就可以解除习惯性便秘的痛苦.此法简便易行,你可以试试!</t>
  </si>
  <si>
    <t xml:space="preserve">怎样消除印刷纸上的静电？印刷纸上带有静电，用一体机印刷时影响走纸 </t>
  </si>
  <si>
    <t>拆开包装后用手多抖动抖动。</t>
  </si>
  <si>
    <t xml:space="preserve">怎么改密码呀 </t>
  </si>
  <si>
    <t>怎么改密码呀   怎么改密码呀 点击修改就可以。</t>
  </si>
  <si>
    <t xml:space="preserve">如果对付这样的小人我天天身边有个小人！我们没次一起吃饭或做什么事 </t>
  </si>
  <si>
    <t>其实 你应该大度一点 对方未必是小人 因为小人这个概念很重只是说你可能只是讨厌对方而已，如果讨厌对方的话，不做朋友就是了【我是说可以交心的那种】，表面上过的去就可以了</t>
  </si>
  <si>
    <t xml:space="preserve">看来切尔西又出冷了！奖金大有看头了！ </t>
  </si>
  <si>
    <t>九成可能了！</t>
  </si>
  <si>
    <t xml:space="preserve">您好。哺乳期妈妈意外怀孕，有什么补救办法？不想宝宝这么早吃不到母? </t>
  </si>
  <si>
    <t>如果你不想要这个孩子的话就找医生商量看能不能流掉，如果你要这个孩子，那只好戒奶了。</t>
  </si>
  <si>
    <t xml:space="preserve">各位飚车朋友注意了：本在这里提个小问题，希望各位朋友能帮助我下． </t>
  </si>
  <si>
    <t>纯CT的买波塞冬，不建议马达是点卡的就买AE86，点卡的买锋锐（毕竟可以玩到明年春暖花开的时候都可以，因为应该在很长一段时间里不会被替代）</t>
  </si>
  <si>
    <t xml:space="preserve">被多特30给穿拉郁闷呀 </t>
  </si>
  <si>
    <t>不是进了一球吗</t>
  </si>
  <si>
    <t xml:space="preserve">这样的爱，我是不是不该心软？前几天，我受不了他的忽视我，他玩游戏 </t>
  </si>
  <si>
    <t>你如果没法把握他对你的爱，那就仔细看看你对他的爱，你是否还爱他？心软不心软可能与爱情无关，你的爱情不是怜悯、施舍，更不是强行索求，而是一种发自内心的付出与感激，你把自己的爱建立在他是否能让你满意上，并以此来判断是否应该心软，这是不对的吧。改变自己的心态也许没那么容易，其实，爱情这个游戏里，我们都要愿赌服输，你如果觉得自己还关心他，还希望跟他继续走下去，那就好好在一起，爱就爱吧，别太小心翼翼，也别大大咧咧。还有一点，女孩子，一定要保护住自己。</t>
  </si>
  <si>
    <t xml:space="preserve">这是啥意思啊？OS:WindowsXP5.1():NVIDIAG </t>
  </si>
  <si>
    <t>前面一段告诉你，你的机子配置。后一段告诉你，您的内存不够或磁盘空间不组。解决方法：保证你的C盘有4G以上的空间，将你的虚拟内存设到最大（买内存条当然最好，呵呵）。你可以试下这两步，应该可以解决了。</t>
  </si>
  <si>
    <t xml:space="preserve">爱一个人有错吗？？？其实谁都知道爱一个人没有错。爱一个人可以为他? </t>
  </si>
  <si>
    <t>如果是被自己深爱的人骗了，那就是爱错了人。爱一个人当然没有错，面对这种情况，错的不是你，而是他啊！他不知道珍惜你的真情，却无耻地欺骗了你。让他后悔去吧！他会遭到报应的！对于这种男人，不要再为之痛苦，不要再为之坚守，因为他不值得！既然被骗了，那我们就“吃一堑，长一智”吧！以后不要再上这种骗子的当了！希望你可以尽快平复自己的心情，不要再想这个骗子的事了。继续自己的生活吧！祝快乐！</t>
  </si>
  <si>
    <t xml:space="preserve">跆拳道比赛的规则 </t>
  </si>
  <si>
    <t>跆拳道比赛时，双方员都要穿道服和护具，戴头盔，用脚或直拳击打对手的合法部位。即只能击打对手被护具包裹的锁骨以下、髋骨以上的躯干部位和头部（禁止用拳击打对手头部）。　　行 礼　　比赛开始前，双方运动员互相敬礼以表示尊重。场上裁判发出“准备（Joon-bi）”和“开始（shi-jak）”后，比赛正式开始。　　比赛时间　　跆拳道比赛分为3局，每局2分钟，局间休息1分钟。蓝方和红方选手使用规则允许的技术动作努力击败对手。比赛结果根据双方运动员三局的得分总和来计算，得分多者为胜者。　　允许攻击的部位　　跆拳道竞赛规则允许攻击的部位只有两个，一是头部，二是躯干。在对抗中，允许使用拳和脚的技术攻击躯干被护具包裹的部分，但禁止攻击后背脊柱。允许使用脚的技术攻击对手头部，但不能攻击对手的后脑部位。即可以用脚踢击对手头部和被护甲包裹的躯干部位，但不能用脚踢击对方后脑部分，同时禁止用拳击打头部。运动员可以使用拳的技术击打被护甲包裹的躯干的前面和侧面部位。　　得 分　　在比赛中，用脚踢击对手躯干部位一次只能得1分，而用脚击打上对手头部则可以得2分；如果击倒对手，裁判员读秒后再加1分。因此，虽然用脚踢技术击打上对手头部的难度比较大，但许多运动员在比赛中也还是千方百计的使用脚击打头部的技术以尽可能地多得分。比赛由一名主裁判员在场上主持，其他四名边裁判员根据运动员的技术使用情况负责评判并打分。　　如何判断得分　　在比赛中，判断一名运动员是否得分，关键要看运动员的技术是否准确、被允许、有力及有效。跆拳道赛场上加油声、呐喊声总是不断，判断一方运动员是否得分，可以看双方运动员的进攻和反击时的动作，并随时看一下计分板；一个运动员如果得分了，在1秒钟内裁判员会按压手中的采分器，该运动员的得分也就及时公布在计分板上了。　　警告和扣分　　现在的跆拳道规则对运动员倒地的判罚比较严厉。一般来说，运动员故意倒地就有可能被裁判员判罚一个警告。但如果是意外滑倒和被对手重击倒地或是技术性倒地（即在使用动作时无法控制身体平衡而倒地）则不被判罚。如果一名运动员被对方合理技术击中而身体摇晃或摔倒（一般是被击中头部），裁判员要数秒数到八。如果数到八时，该运动员站起来表示能继续比赛，则比赛继续进行；如果运动员没有站起来，则另一方赢得比赛。　　在比赛中，如果一方采用搂抱、推拉对手、消极逃避比赛，用肘、膝顶击对手，摔倒对手、故意用拳攻击对手面部等犯规动作则会被判罚警告或扣分（一个扣分扣1分）。　　场上的教练员打断比赛进程或使用过激言语、行为，严重违犯体育道德也会被主裁判警告或扣分。如果一名运动员累计被扣掉4分，则要被判“犯规败”，也就意味着输掉了这场比赛。　　加时赛 在一场比赛中，如果双方打满3局而出现平分的情况时，要进行加时赛。加时赛实行“突然死亡法”，即先得到1分的一方获胜。比赛结束后，运动员在比赛区域内相对而站，听到裁判员的口令后互相行礼，等候裁判员的判定。裁判员举起哪一侧的手臂，就说明哪一侧的运动员获胜。</t>
  </si>
  <si>
    <t xml:space="preserve">有谁知道台湾米酒的食用方法？急啊谢谢啦 </t>
  </si>
  <si>
    <t>一，可以直接饮用。二，将米酒放入快要煮好的汤圆中，愿意吃就多放些，煮个开就可以吃了。三，先在锅里放些水，等水开后再把鸡蛋打开窝在锅里，快熟后就把米酒放入，也是愿意吃就多放，特别有营养，有补血补气的功能。</t>
  </si>
  <si>
    <t xml:space="preserve">要命点数少了一点怎么回事...我查过了,现在24级,点数加起来2 </t>
  </si>
  <si>
    <t>一点没少,24级就应该总共23点你想想,你1级的时候是0点吧,那24级就应该是23点了,呵呵至于洗点的问题,应该是你哪次刚升级又挂掉时洗到别的地方了,但总点数肯定是不会少的</t>
  </si>
  <si>
    <t xml:space="preserve">小白问题！！要去奇丽开传，先从哪走，30忍加的43攻，自己去行吗 </t>
  </si>
  <si>
    <t>热杀戒指咯,没的话叫人带过去,或叫人去K熊男都带上熊男戒指在去K热杀,有魔比较简单的,一直吸,吸到死为止</t>
  </si>
  <si>
    <t xml:space="preserve">我的号被假的5173给欺骗了号现在我也上不去了，装备和会员卡全没? </t>
  </si>
  <si>
    <t>如果东西没加锁、没认主，那东西肯定是没了！你打110都没用！那种骗子钓鱼网站骗一次人就改域名了，况且110也不会专门为你破案，因为这个金额立不了案！如果有密码保护，帐号能找回，但没加锁没认主的装备跟BB就没了！万事要小心！</t>
  </si>
  <si>
    <t xml:space="preserve">寻求好医院直肠粘膜松弛内脱垂横结肠下降治这种病在山东省内有什么好 </t>
  </si>
  <si>
    <t>省中医院肛肠科去看看，因为中医肛肠一般较强</t>
  </si>
  <si>
    <t xml:space="preserve">怎么样做才能不使搜够狗输入法设置成隐藏状态栏状态 </t>
  </si>
  <si>
    <t>这个问题我刚才才解决的，我弄大半天了，才弄明白，，，告诉你是这样的：   点候选筐--设置属性--外观--状态栏嵌入语言栏上打钩--确定。</t>
  </si>
  <si>
    <t xml:space="preserve">为什么我的角色会被营运封闭我在仙侣情缘的号码角色昨天也就是9月1 </t>
  </si>
  <si>
    <t>要速度去打电话投诉啊 LZ 不然你号有可能被其他人给改资料危险啊 现在盗号的多啊</t>
  </si>
  <si>
    <t xml:space="preserve">齐鲁台办的电视购物可靠吗？ </t>
  </si>
  <si>
    <t>我觉得不可信，我上次也是东南台电视购物买了个平板电脑，结果没一星期就坏了，售后电话都不接，网上很多人都在投诉，可是电视广告还在播，真是害死人。大家不要随便相信电视购物，没有第三方包装的。还不如淘宝上面买，不满意还可以退货。诚心为你解答，给个好评吧亲，谢谢啦</t>
  </si>
  <si>
    <t xml:space="preserve">天主教和基督教有什么不同?请详细跟我讲讲其中的渊源吧,谢谢 </t>
  </si>
  <si>
    <t>答案好冗长啊！不过，楼主既想了解，就全部粘贴了。以下是天主教人士的回答：　　天主教是耶稣基督亲自创立的教会，在天主教会史上，教会经历两次大分裂，一次是1054年东正教的分裂，另一次也就是马丁路德的分裂了。因为马丁路德创立的新教（在中国被误称为基督教）在中国有较快的发展，所以本文就重点介绍之。话说天主教会发展到一五一七年，德国的马丁路德神父出于对教宗的种种不满而离开了天主教会，把圣经和教义做了一些改变后另创新教，但两个相似而又不同的教派，都相信同一位天父，就是创造、救赎和照顾人类的天主（基督教弟兄称“神”或“耶和华”），并相信天父所打发来的耶稣基督为全人类的救世主，因此人们为区别两个不同的教会，把天主教称为基督教旧教（即原始基督教），而把马丁·路德所创立的新教（Protestant，原意是“抗议”）误译为“基督教”，在学术界则称为“抗罗宗”。在国外，基督教（Christianity）是指所有相信耶稣基督的各教会的通称。在中国，学术界渐渐用“基督”来概括所有信耶稣基督的教会。 　　天主教保留了耶稣立教时创立的教会体制，承认圣伯多禄（彼得）的继承人罗马教宗为普世基督徒的精神领袖，并接受他的领导，天主教的主教、神父和信徒都是接受教宗领导的，因此天主教会内也就没有派系之争，在基督教的圈子内，有各种大小不同的派别与分支，例如浸信会、中华基督教会、圣公会、循道会等等，这些教派在教义、礼仪、传承方面亦有不同程度的差异，难以用“基督教”这个笼统的名词去代替。相反，天主教由于在组织上和传承上都是统一的，所以也就比较能符合耶稣基督的意愿，因为耶稣曾为他的信徒们能够合一而向天父献上恳切的祈祷。现在最理想的情况是在统一的目标下，各自发展多元的信仰观，让各人互补不足，就像拼图游戏一样，用不同形状的拼块，才能拼出完整的图画，但若没有统一领导，就难有成功的一天。基督教在对圣经的经文注释、教宗的权威、礼仪的施行、教会有形制度的观点也不尽相同。然而，正因为这些不同，彼此更有可能互相丰富对方的内涵，这当然要求大家共同抱着开放、包容和诚恳的态度。其实，大部份的基督教徒都对天主教徒十分友善，合一运动在全世界都已扎了根。 　　说到两教的不同，我们还要留意一点。 　　在对圣经经文的解释方面，基督教受其创立人马丁·路德的影响，较为强调圣经的绝对性，鼓励自由解经，因此在释经学方面的发展和著作固然较为丰富，但由于没一个明确的训导权威，因此也容易有派系之争和异端邪教的出现，天主教却鼓励信徒在教会训导和传承中去了解圣经经文的意义，在有关信仰与伦理道德方面要服从教会的训导，在其它灵修、心得方面皆可有个人的感悟。 　　天主教强调祟拜唯一的天主和他所打发来的耶稣基督，但教会认为在教会的历史当中，曾有不少信徒（包括圣母）都以自己的生活榜样，见证并宣讲天主的爱，有些甚至为信仰牺牲而殉道。教会也更相信诸圣相通的道理，于是教会在礼仪中除祈祷上主外，也呼请圣母玛利亚、众位圣人圣女为世上的信徒代祷，同时教会也呼吁信徒去默想这些人的行为，让信徒效法,以达到与天主更加接近的目的。有些人之所以是“圣人圣女”，并不是因为他们的“功德”，而是在他们身上，我们看到天主的胜利和光荣，他们是“圣”的，因为他们在天国上所接近的天主是“圣”的。特别在敬礼圣母玛利亚方面，天主教会强调不仅她是主耶稣的母亲，也是每一位基督徒的母亲，因为主耶稣在十字架上临死之前，把他的母亲托咐给了他的爱徒，每一个愿意争做基督爱徒的人，也应把主的母亲做为自已属灵上的母亲迎接到自已的信仰、家庭、教会团体中。圣母玛利亚在世上助人为乐，在天国上更不会忘记每一位呼请她的人。而基督教徒则认为，只向基督祈祷即可，不必通过圣母玛利亚及圣人圣女的代祷，因为他们担心这样会降低基督的地位。 　　天主教相信，天主固然可以直接地给予人恩宠，但天主也有藉着一些人或事给人祝福和恩典的自由，而事实上，无论在旧约或新约时代，天主常借着一些标记与人来往，主耶稣也建立了七件圣事，为帮助人在人生重要的时刻，例如出生、患病、成婚、死亡、为生命的方向选择是否出家修道时体验上主的恩惠，与主建立亲密的关系，透过领受这些圣事，让生命活得更丰盛。这七件圣事是洗礼、坚振、忏悔、圣体、病人傅油、圣秩、婚姻。基督教强调个人与神的“直接”来往，认为个人的认罪、祷告、灵修、或默想，已能够直接与神建立关系,无需太多外在的仪式，因此许多基督教派，只有洗礼和圣餐,有些也包括婚姻礼仪，其它圣事早已失传。告解（或称修和圣事）却很难被基督教派接纳，他们认为主教、神父也是人，怎能赦免人的罪，天主教也认为只有天主才能赦罪，但主教、神父负有传自宗徒们的神权，他们是靠神权、而非靠自已的能力赦罪。主耶稣在复活后把赦罪权交给了宗徒们，他说：“你们赦免谁的罪，就给谁赦免，你们不赦谁的罪，谁的罪就存留不赦（新约《若望福音》20章23节）。”不过，天主也是慈悲的大父，一个人在非常的情况下，无法找到教会神长，他只要向天主忏悔，天主也宽赦。　　最后，天主教相信天主借着耶稣基督已白白地宽恕了人的罪恶，但人仍是软弱的，人与天主恩宠合作的程度也不一样，这些都影响着我们的成圣，因此一般人死后都要经过一个净化的阶段，也就是“炼狱”，因此天主教就有为亡人祈祷的习惯。而基督教徒都不知道有炼狱，因为所有有关“炼狱”的圣经经文都已被马丁·路德删除（如旧约《玛加伯下》12章38-45节），或另作其它的解释，所以也就不重视为亡人祈祷。　　天主教和基督教都信奉唯一的主、耶稣的教诲，生命的尊贵、人生的积极意义等等，在这些课题上，两教的信徒都往往可以手牵手、肩并肩地共同面对历史所赋予的使命。在许多地方，双方信徒也经常举行共同祈祷，对于社会上不公义和不平等的制度及事件，亦共同表明立场，并一起为受压迫的人服务。在很多场合，这些行动都证明了两教信徒是有着同一个根的。根据主耶稣的意愿，全球的基督徒总有一天要走向合一的，基督徒的分裂只是暂时的现象，每一个虔诚的基督徒应做一个和平的使者，积极推动基督徒的合一。 　　当然，我们亦得承认在历史，特别是西方的历史，两教曾经因为对教义不同的观点而互相攻击，甚至酿成战争，到今天，在西方一些国家，特别是爱尔兰，天主教徒和新教徒（基督教徒）手足相残的事还是存在着。在中国大陆，教派之间互相指责的事亦屡见不鲜。这种情况是所有真正信服真理的基督徒所不愿看见的。如果仔细分析，我们会发现这些事件其实和信仰扯不上关系，往往只是出於自私和骄傲，相信这也不是天主所愿意看见的。这正好提醒每一位基督徒要作真理的仆人，却不要企图以自己代替真理，如此，我们才能成为世界的光，让人认识那真理之源的天主。 　　以下是天主教与基督教在外观上容易辩认的区别，以帮助你辩认你踏进的是天主教堂或是基督教堂：　　·天主教教堂尖顶上有十字架，十字架各种各样，堂顶也都有“天主堂”三个字样。而基督教堂尖顶上也有十字架，一般都是红的，堂顶有“基督教会”或“基督教堂”字样，有的还冠有本教派的名字，如“真耶稣教”、“安息日会”、“以马内利”、“哈利路亚”等等。　　· 天主教堂中，除中间有耶稣基督的十字架苦像外，两边有时还会有圣母玛利亚、大圣若瑟等圣人圣女们的圣像，四壁还有耶稣基督走过的十四处苦路像。而基督教堂里一般只有一个红十字架，内部设施比较简单。　　· 天主教堂前堂中央都有一个祭台，为举行弥撒礼仪而用，而基督教堂前面只一个小小的讲道台，从不举行弥撒。　　· 天主教基督徒进教堂或祈祷前后都在额上、胸上划十字，以表明自己是基督徒，而新教基督徒却没有这个习惯。　　·天主教基督徒在教堂祈祷都是念统一的祈祷文，同心合意地按一定的曲调而颂念。基督教徒的祈祷则较为随便，各说各的。　　·天主教的圣经共有七十三卷，而新教的圣经只有六十六卷，在旧约中有七卷被马丁路德删除了，因为这七卷书是用希腊文写成的，而马丁路德只承认用希伯来文写成的三十九卷旧约圣经。　　· 天主教会的神职人员被称为教宗、主教、神父，且都是奉献度独身生活的。而新教的神职人员因教派的不同而也有不同的称呼，在长老派里称为“长老”，在路德派被称为“牧师”，在其它小教派里被称为“神的仆人”、“某某兄弟”、“某某同工”。在圣公会派里也有被称为“司铎”及“主教”的，新教的神职人员都是结婚度世俗生活的。新教里没有修士、修女。　　· 天主教把最高的上帝称为“天主”或“上主”，一个天主包含有三位，就是圣父、圣子、圣神。基督教把最高的神称为“神”或“耶和华”，三位一体的上帝就是圣父、圣子、圣灵。</t>
  </si>
  <si>
    <t xml:space="preserve">想买笔记本电脑什么牌子好？ </t>
  </si>
  <si>
    <t>钱多也不推荐买SONYSONY品质不好日本的牌子TOSHIBA东芝、富士通都是很不错的选择美国的IBM、HP也是很好的台湾的产品不太推荐，因为售后不好，还不如选择国内的产品一般看你具体需要来定了，还有你的预算价格来定希望你可以提供更详细点的信息，我来帮你选择</t>
  </si>
  <si>
    <t xml:space="preserve">抗美援朝老人的待遇我爷爷是1951年参加抗美援朝,获三等功两次. </t>
  </si>
  <si>
    <t>按照1949，10月前后参加工作的时间界限划分，为退休和离休，工资和医疗待遇相差很大，不过，你可以去当地所辖办事处咨询。</t>
  </si>
  <si>
    <t xml:space="preserve">姐姐们帮我分析一下，谢谢！我和男朋友认识快一年，他脾气不好，喜欢 </t>
  </si>
  <si>
    <t>我做为一个女人~!我也有男朋友~!和你男朋友有地方相似~!但是那毕竟是以前了,我们相处4年了,他改变了很多`!在这我就不详细说了`!毕竟你还的主角~!一句话看他是不是真的爱你`!不给你自由,监视着你 证明他太在乎你~!发脾气要看什么原因~!就事论事~!要是找借口向你发脾气,就是他的不对`!要是他有什么事心情不好,你可以和他说说 问问出了什么事.你可以帮他出主意.要是没事老发脾气,我想这里就有问题了`!没必要当他的出气筒嘛~!找老公干什么? 为了自己没地方受气吗?呵呵~!(冷笑一声)不管是姐姐还是妹妹  这个问题你要考虑清楚呀`!毕竟是自己幸福的事呀~!</t>
  </si>
  <si>
    <t>真有人这么干的********</t>
  </si>
  <si>
    <t>彩票嘛，本来就是个博，博中了一次就发了。</t>
  </si>
  <si>
    <t xml:space="preserve">德阿大战，你们看好谁？梅西啥时才能进球呢？是状态，还是在为球队作 </t>
  </si>
  <si>
    <t>阿根廷难言稳胜，强强碰撞方显真本色···</t>
  </si>
  <si>
    <t xml:space="preserve">请问2月的宝宝身上起痱子如何处理脑袋及脸上较严重,后来经朋友介绍 </t>
  </si>
  <si>
    <t>看来也不是简单的痱子,可能也有湿疹,这与宝宝的皮肤有关,如果不条件的话就在天气热时开空调,当然宝宝这么小,不要开太冷,温度控制在26-27度间最好.每天用纱布就水轻轻擦,用些含金银花和菊花的花露水,不过记得要稀释.你试试看吧.祝宝宝健康可爱!!</t>
  </si>
  <si>
    <t xml:space="preserve">请教清泉老师:600106我想赎回,同时想进600741或000? </t>
  </si>
  <si>
    <t>600106等待中阳出局.</t>
  </si>
  <si>
    <t xml:space="preserve">吃减肥药到底危害有多大? </t>
  </si>
  <si>
    <t>不要用，药，花了钱，伤害了身体。还反弹！郁闷想减肥，运动是好的，但你饮食和心情也是很重要，三者必须相辅相成的！ 早上就一杯奶，是不行的，首先空腹喝奶不行~身体吸收不好 中午米饭和菜。米饭，要少吃，碳水化合物对于某些人是十分增肥的！你可以选择粗粮比如说，燕麦，全麦食品，比如全麦面包，菜！选择要多样化。一般来说，蔬菜都是碱性食品，可以多吃。菜的烹调方式很重要，炸的炒的少吃。 晚上，不吃是不对的，少吃是对的！晚餐是一家团聚的时候，你不吃，所以会心情烦躁，心情烦躁也会有影响减肥的！别不相信心里作用！ 另外，有时候也许你体重没下来。但你身形变好了啊~平时多喝茶~对身体调节，和减肥都十分有好处！ 要减肥，循序渐进嘛~没必要为了减肥而伤害到身体~ 合理并和你口味的健康美食，加上适当你喜爱运动，加上积极乐观的心态~ 你减肥会成功的！ 我是一个男生，为肥胖自卑过，自暴自弃过，现在虽然仍很胖，减肥仍没成功，但我一直在坚持着！并且，小地成功，减肥减掉50斤 《态度！方式！减重！》Q群，让我们一起谈论科学减肥，快乐减肥，群号：9001995  想一起减肥的，也参加讨论吧 ：）</t>
  </si>
  <si>
    <t xml:space="preserve">电脑开机声音大电脑在开机时,声音很大,估计是风扇,但不知道怎么办 </t>
  </si>
  <si>
    <t>因为现在好多风扇使用的是润滑脂，润滑脂在低温的时候粘度大，摩擦力就大，所以声音就大，这一般出现在刚刚开机的时候。 随着电脑运行，温度逐渐升高(和你关机再开两次效果异曲同工)，润滑脂开始慢慢变软，粘度降低，摩擦力随之减小，所以声音也会越来越小。 如果一直声音大，说明润滑脂接近固化，已经不能使用了，可以通过给风扇加油解决，但由于润滑脂的存在，效果不是很好，最好是换一个风扇。主机内会发响声的有： 1、CPU风扇 2、电源风扇 3、显卡风扇 4、硬盘风扇 5、机箱风扇 6、光驱 7、硬盘 一般来说声音是从风扇发出的。 拆下风扇清理一下各个风扇上面的灰尘， 再给风扇中间上一点机油（润滑油）,装回去就行了！ 如果还是有响声那只好一个一个的检查了！ 把风扇逐个的把电源断开看看是否还有响声, 找到出现故障的的风扇进行更换！</t>
  </si>
  <si>
    <t xml:space="preserve">怎么样搞一个网站目的是为了能够看到自己公司跟分公司的一些资料,只 </t>
  </si>
  <si>
    <t>最简单地登录的时候要求密码才能登录不就可以了或者设计成论坛的样子</t>
  </si>
  <si>
    <t xml:space="preserve">想要买电子词典的话，去广州哪里买比较好？？ </t>
  </si>
  <si>
    <t>去百脑汇咯</t>
  </si>
  <si>
    <t xml:space="preserve">成语来历004春花秋月 </t>
  </si>
  <si>
    <t>出自 南唐·李煜《虞美人》词：“春花秋月何时了，往事知多少。”春天的花朵，秋天的月亮。泛指春秋美景。</t>
  </si>
  <si>
    <t xml:space="preserve">什么样的保险公司才可靠？ </t>
  </si>
  <si>
    <t xml:space="preserve">选择公司不妨从以下几方面来衡量:资产结构好。在保险业,能否上市或者能否整体上市是评价一家保险公司整体资产是否优良的标志之一。所谓"整体上市"是指以公司的全部资产为基础上市，如果某家保险公司实现了整体上市,就证明该公司整体结构良好。目前,内地不少保险公司已经上市或者具备了上市条件。偿付能力强。保险公司的偿付能力对保险消费者来说至关重要。2003年3月起施行的《保险公司偿付能力额度及监管指标规定》对保险公司的偿付能力额度作出了明确的规定,保险公司应于每年4月30日前将注册会计师审计的上一会计年度的偿付能力额度送达保险监督管理委员会,应根据保险监督管理委员会的规定,对偿付能力额度进行披露。信用等级优。国际上有不少专门对银行、保险公司等金融机构信用等级进行评估的机构,如美国的穆迪公司、标准普尔公司等,它们对保险公司的评级可以作为评价保险公司信用等级的一个参考。管理效率高。保险公司管理效率的高与低,决定着该公司的兴衰存亡。管理效率可从公司产品创新能力、市场竞争能力、市场号召能力、公司盈利能力、公司决策能力、公司应变能力、公司凝聚能力等方面衡量。服务质量好。保险与其他商品不同,不是一次性消费,保险合同生效的几十年间,保户经常就多方面的事情需要保险公司提供服务,如缴费、生存金领取、地址变更、理赔等。保险客户能否成为保险公司的上帝,享受上帝待遇,开开心心接受保险的关怀,保险公司的服务质量是关键。上海保险之家：黄宜平（hyp919@ ) 保险博客： </t>
  </si>
  <si>
    <t xml:space="preserve">我女儿太好动,怎么办?我女儿才十个月,但精力旺盛,一点好女儿家的 </t>
  </si>
  <si>
    <t>如果你的孩子比较好动,坐立不安,你可以选择一些静态性的智力玩具,像积木和插塑玩具,让孩子能较长时间地集中注意力,学会控制物体,并进而能控制自己的行动,使好动的个性有所修正.</t>
  </si>
  <si>
    <t xml:space="preserve">电脑游戏平台有必要组RAID吗目前配置5000+黑盒，2G双通道? </t>
  </si>
  <si>
    <t>会提高一些，但也磁盘的稳定性提出了要求，如果其中一个出问题，那么数据必定受损。</t>
  </si>
  <si>
    <t xml:space="preserve">真的有御女术吗？小时候听说过容成御女术，据说可以采阴补阳，是不是 </t>
  </si>
  <si>
    <t>那要看你怎么看了，道教有，密宗里面也有一些，中医传统养生里面也有御女术的根本不是说你能把女人怎么样，而是通过以女为鼎，来达到修炼的一种状态，当然，就现在来看，道家的这方面很多东西失传了，剩下的通常也是夹杂的大量的术语，以及不太好懂的一些道家气功方面的隐语。密宗修炼的双盘到了一定的阶段也得用女人来达到目的，所以说，御女术，和房中术也不一样，另外，道家把御女术从古到今都看做是邪术。当然 印度的瑜家也有这方面的东西，补充一句，印度关于春药以及壮阳的药物是非常多的 而且也是很有效的，我在孟买的时候见过，英国的上流，以及一些有钱人用的基本都是印度当地的调情的药物，据说很神气，不要太迷信伟哥，以及什么苍蝇粉，这些东西基本都是，被荷兰的阿姆斯特丹，德国的法兰克福淘汰了东西洋鬼子从电器到汽车，最后连春药给的都是二手货，药检部门都是一群傻子吗？</t>
  </si>
  <si>
    <t xml:space="preserve">我这是感冒了吗?.应该吃点什么药?觉得鼻子很不舒服.有点流鼻涕. </t>
  </si>
  <si>
    <t>是感冒了,别的不要吃,你吃39感冒冲剂吧,然后注意保暖多喝水</t>
  </si>
  <si>
    <t xml:space="preserve">问什么的我账号不能出售`是我刚买没多久的因为没时间玩我的账号是刚 </t>
  </si>
  <si>
    <t xml:space="preserve">尊敬的客户:    您好！客户服务060很高兴为您服务！    请您用您买账号时所用的5173用户名再次出售即可，如要更换用户名出售，则需要一年以后才可以再次出售。    如需帮助或投诉请与我们客服中心联系，客服中心服务热线：0579-83225173.感谢您对5173的支持！！愿您一年365天快快乐乐，平平安安!愿您度过温馨浪漫的每一天！                                            </t>
  </si>
  <si>
    <t xml:space="preserve">请教高手帮我看看组合。上头阿尔法1w景顺成长4w泰达荷银精选2w </t>
  </si>
  <si>
    <t>个人认为这几个基都很不错,至少除了泰达的我没详细研究过,其他的自己也有买一般情况下,不宜换来换去,毕竟基金的买卖手续费不算低,而且一个赎回,又要等一周时间才能到帐继续持有吧,如果以后要加仓,再挑增长率比较满意的加就行了</t>
  </si>
  <si>
    <t xml:space="preserve">密码安全防护问题。关心的都近来聊聊刚才提的问题中有人说用月光宝盒 </t>
  </si>
  <si>
    <t xml:space="preserve">  我从开始玩游戏就一直用插件，开始是大脚。现在是精灵。。从没有被盗过号，自己的电脑一星期杀一次毒 卡巴斯基+ZA的防火墙+木马克星。  玩的网吧都装有还原系统，要想不被盗号，良好的习惯才是最重要的，自己的电脑上不要去不明的网站，别人发给你的东西不要随便接收，如果是重要的东西要他弄成压缩包发来，接完后先杀毒。。。在网吧玩上机前先重启一下。。。  PS：帐号不要被太多人知道。。。</t>
  </si>
  <si>
    <t xml:space="preserve">重装系统后考勤软件会不会QQ、瑞星一样需要重新安装想请教一下我的 </t>
  </si>
  <si>
    <t>既然是在月尾，那就不要重装系统了，因为代价太大了。不过到下个月，就可以重装系统。重装系统是解决很多莫名其妙毛病的好方法，你的考勤软件有问题，首先应该打电话问考勤软件的售后，如果不行，那就在下个月重装，在重装之前，先备份数据，新装系统以后，把数据恢复回来。</t>
  </si>
  <si>
    <t xml:space="preserve">怎样才能正确的理财呢?大家好,我不管挣多少钱都是留不住,钱花在那 </t>
  </si>
  <si>
    <t>做定投基金吧,每个月固定存入,等到10年以后就是非常可观的资金了.我看专家的建议是：应该买3--5只基金。建议你去买刘彦斌写的《理财有道》，他是个真正的理财“亲身经历者”，相信是有实际指导效果的。</t>
  </si>
  <si>
    <t xml:space="preserve">请问神舟S263C笔记本质量如何，稳定性如何，散热量是否大？我想? </t>
  </si>
  <si>
    <t>不玩3D游戏不会发很大热量的，基本上一点声音也没有，这个很值的，即使坏了，相当于坏了一个高档的手机或数码相机，3999元吗，但不可能一用就坏吧。质量还可以。</t>
  </si>
  <si>
    <t xml:space="preserve">与城市规划相近的专业有那些？？ </t>
  </si>
  <si>
    <t xml:space="preserve"> 建筑学是跟它很相近的一个专业，城市规划是建立在建筑学基础之上的一个专业，另外其它规划类的专业也是跟它相近的专业。</t>
  </si>
  <si>
    <t xml:space="preserve">请有经验的帮忙我和女朋友在10月19日有过一次做爱带了tt不过这 </t>
  </si>
  <si>
    <t>如果您得套没破，那您的担心就多于了。按您说的情况您可以完全放心，绝对没事的。女士的月经早两天，晚两天都属正常。放心吧！</t>
  </si>
  <si>
    <t xml:space="preserve">问问看股票用大智慧还是同花顺哪个好点？大家一般都用哪个软件啊？ </t>
  </si>
  <si>
    <t>最 好 用 证 券 公 司 交 易 的 同 步 行 情 分 析 软 件 ,这 样 交 易 的 时 候 能 够 更 加 精 确 ,方 便 .</t>
  </si>
  <si>
    <t xml:space="preserve">如何挂单卖东西？以前卖过一次现在要卖居然不记得方法了...... </t>
  </si>
  <si>
    <t>很简单,直接对着物品按右键-出售,然后如果有人收就会出现价格,没有人收就会显示目前无人收此物品,这个对话框的右下角有个"高级",点进去就能输入你的价格和数量了,按确定提交.</t>
  </si>
  <si>
    <t xml:space="preserve">爱上俄罗斯,爱上希丁克,爱上阿尔沙文!昨天的四分之一决赛是我认为 </t>
  </si>
  <si>
    <t>喜欢希丁克  果然是神奇  俄罗斯牛了</t>
  </si>
  <si>
    <t xml:space="preserve">请问四岁的小女孩适合玩什么玩具？请问各位，4岁的小女孩适合玩什么 </t>
  </si>
  <si>
    <t>适合4岁宝宝的玩具分为以下几类：　　一、 发展小肌肉系统，完善各种动作的协调性、准确性和灵活性的玩具：各种球类，羽毛球、乒乓球、毽子、跳绳、自行车等。　　二、 能够丰富宝宝生活经验、培养各种技巧、发展宝宝智力的玩具：玩娃娃家的各种用具，小锅、小碗、小家具，木工玩具；各种交通和运输工具，大卡车、消防车、警车等；各种组装玩具，积木，建筑模型，七巧板等；各种棋类，如跳棋、五子棋等。　　三、 激发宝宝数学兴趣和科学爱好的玩具：计算器、学习机、电脑、遥控汽车等。　　四、 培养兴趣、陶冶性情、发展审美能力的玩具：电子琴、铃鼓、木琴等。</t>
  </si>
  <si>
    <t xml:space="preserve">为什么都知道迷信不是科学的,却偏偏那么多人相信?过去有人信,将来? </t>
  </si>
  <si>
    <t>所谓迷信，有一句话说的好：信则有，不信则无！其实迷信在很大程度上是人的心里作用的结果，有一些心里的焦虑是可以通过所谓的迷信的途径得到缓解的。在生活中，有些神汉、神婆因为见多识广，善于迎合人们的心里，在某种程度上具有心理咨询师的作用！所以，有时候看来，迷信也不可以一棍子打死，还是有可取之处的，所以就会一直有人相信。现在，很多机关的办公场所都是经过风水先生指点的。</t>
  </si>
  <si>
    <t xml:space="preserve">中立地区皇城怎么走? </t>
  </si>
  <si>
    <t>你可以做车．去跨过边防处．要２Ｌ．如果你想走过去．．从王城－－到南郊---边境-----中立区（皇城）．(走路方法）从东郊也要以直接去边境．．．现在皇城到处是杀人的．．．有很多人为了刷功勋．在中立区不停的杀人．去要小心哦．</t>
  </si>
  <si>
    <t>欧洲超级杯</t>
  </si>
  <si>
    <t>今年西甲联赛和欧冠不看好巴萨</t>
  </si>
  <si>
    <t xml:space="preserve">上海谁是冠军啊~你认为上海站谁是冠军啊 </t>
  </si>
  <si>
    <t>也许是阿隆所,也许是KIMI</t>
  </si>
  <si>
    <t xml:space="preserve">请问做一次人流大概需要多少钱?可视无通人流大概需要多少钱?（包括 </t>
  </si>
  <si>
    <t>手术的费用要根据孕囊大小，以及子宫阴道的具体情况决定．我院采用的内窥视可视无痛人流是目前临床上终止妊娠的最佳方式：　１、在睡眠状态下手术比较安全，消除了紧张的情绪，减轻心理压力．　２、在可视状态下手术更安全，避免不当操作引起穿孔重复清宫的弊病．　３、没有传统人流的疼痛刺激激，酌后感觉舒适．　４、解决了传统人流和药流的后遗症及并发症．　５、手术时间短，成功率高，恢复快．　人流术后应当加强自我保护措施，否则可能会对身体健康产生不利影响，术后的费用问题因每个人的情况不一样，所以术后的费用很难肯定，敬请包函．健康热线029-87882222</t>
  </si>
  <si>
    <t xml:space="preserve">你现在还怕大灰狼吗？有个牧民驯养了一只小狼，小狼长大了，一次夜里 </t>
  </si>
  <si>
    <t>小时候大人吓唬俺最多的就是狼来了，现在长大了主要怕的是女色狼。。。-----------------------------------------------------------</t>
  </si>
  <si>
    <t xml:space="preserve">有什么除疤好偏方吗？？ </t>
  </si>
  <si>
    <t>葱白</t>
  </si>
  <si>
    <t xml:space="preserve">请问水煮肉片怎么做?再具体些. </t>
  </si>
  <si>
    <t>川菜水煮肉片的做法材料:猪肉200克,大白菜,葱,姜,蒜适量,花椒一小把,郫县豆瓣,酱油,料酒,盐,鸡精,辣椒面,花椒面 做法： 1,肉切片,用酱油和淀粉,料酒码一会 2,锅里倒油,油热后，放入豆瓣煸炒,炒出香味.然后下葱姜蒜和花椒爆香 3,加水,水沸以后,加入切好的大白菜,煮到断生,捞出 4,肉片一片片溜到锅里,待水开后,滚两滚就可以盛出来了 5,在盛好的肉片面上撒上辣椒面和花椒面 6,锅里热油,待油开后,浇入碗里,水煮肉片就做好了!</t>
  </si>
  <si>
    <t xml:space="preserve">有关思科认证 </t>
  </si>
  <si>
    <t xml:space="preserve">思科的认证是很具有权威性的，都是一流的，可以不培训直接考试，难度有点大如果你英语不太好的话，并且考试费用比较高，ccna就2250呢，其实也可以选择华为的，如hcne，价格比较便宜也很好过，有什么可以找我咨询，我的 </t>
  </si>
  <si>
    <t xml:space="preserve">我帐号找回怎么老是发不出邮件啊？我账号找回邮箱给的新账号密码怎么 </t>
  </si>
  <si>
    <t>跟我的情况一样，我两个号都加了防盗锁，结果没钱的号显示密码正常，有钱的号显示密码错误。我已经申请了新账号密码，信息也是显示游戏资料发送失败！我想知道为什么两个同时申请的号回答不一样，草，破天官服告诉说要是游戏号东西丢了也不给找，说要购买了达芬奇密码锁才给找回。我游戏号已经花了几千块，一句不管就算了？破天等着，我的号要是真丢了，我一定告你们，这事完不了！玩家的权益难道不受法律的保护？？？？？？？？？？？</t>
  </si>
  <si>
    <t xml:space="preserve">宝宝断奶不爱吃饭怎么办？ </t>
  </si>
  <si>
    <t>建议口服葡萄糖酸锌试试,不要吃味精和鸡精,这个容易导致缺锌,导致食欲低下.另外口服山麦健脾口服液试试啊.还要注意检查肝功啊.注意控制零食啊.零食吃得多也可能影响食欲,影响正常的进食的啊.</t>
  </si>
  <si>
    <t xml:space="preserve">韩国的泡菜炒饭和泡菜饺子是怎么做的？最近看韩剧看得很有食欲，感觉 </t>
  </si>
  <si>
    <t xml:space="preserve">炒饭【主料】韩国泡菜，蒸好的大米饭（和平时我们做炒米饭的米饭是一样的），吞拿鱼罐头 【辅料】香油（必不可少），盐，鸡精（根据自己习惯，可以取舍）韩式辣酱（根据情况可以取舍） ①根据个人口味，取适量泡菜，切成小丁 ②将锅加热，热锅凉油，但是油必须要是香油 ③将切好的泡菜倒入锅中，加入适量吞拿鱼罐头，炒出香味 ④倒入米饭，一定要反炒均匀，此时你就能看到一锅红艳艳的炒饭，食欲大增 ⑤此时，根据个人口味，加少许泡菜汤，如果条件允许，还可以加一汤匙的韩式辣酱，一定要反炒均匀。。。要相当均匀 ⑥最后的调味阶段，根据自己口味加入盐和鸡精 ⑦最后，也是最最重要的就是，起锅前一定要淋上一点香油，此时，整个炒饭的味道已经扑面而来，挡也挡不住了。。。泡菜饺子将泡菜挤干剁碎再配以剁碎的葱姜及肉馅及调料，包成饺子即可． 做法：  1 酸辣白菜切丝，与大葱、蒜末、洋葱一起炒制。  2 大概炒制后倒入排骨高汤煮开，再将饺子放入煮熟。   3 （2）里放辣椒粉、白糖、胡椒粉、盐、姜粉等调味，煮片刻。 </t>
  </si>
  <si>
    <t xml:space="preserve">995A车地带，菠萝，各路高手麻烦P下图要求把图片上的杂质都去掉? </t>
  </si>
  <si>
    <t>做了三张标志位置不一样，自己选。1</t>
  </si>
  <si>
    <t xml:space="preserve">儿子非上技校如何办？我可是从来没有过让他上技校的心理准备 </t>
  </si>
  <si>
    <t>技校没什么不好，广州、深圳等地缺乏的就是技校毕业的人才，但是，你要帮孩子选准什么专业，然后报什么学校，这是很关键的，如果热门专业，就能成为一个抢手的人才。如果学校选对了，孩子就可以学到正规的知识和本领。你可以到学校去考察一下，不能大意。非正规的学校是万万进不得的！</t>
  </si>
  <si>
    <t xml:space="preserve">手术后拆线没拆干净，为什么线头自己长出来 </t>
  </si>
  <si>
    <t>那是因为手术部位基本康复，干痂褪尽，肌肉组织愈合基本正常，此时拆线时没拆干净的线头有显露出来了，消毒后再拆出即可。羊肠线有一定的细胞能力，轻的话没关系，严重的话尽快到医院就医。祝早日健康。给个好评哦~谢谢</t>
  </si>
  <si>
    <t xml:space="preserve">电脑显示器为什么不能全屏显示PHILIPS显示器在显示某些网站时 </t>
  </si>
  <si>
    <t>请问：在调节分辨率和刷新率能不能满屏。这个跟显示器内的二次电源有关。</t>
  </si>
  <si>
    <t xml:space="preserve">我AMD8600超到2.6~~但是玩了一会游戏就会死机什么问题啊 </t>
  </si>
  <si>
    <t>现在的电脑超频没多大意思，如果你真想超，在不考虑你配的，合不合理情况下（主要是指你的主板性能）！！！那么你现在可以做的有下面几点：更换CPU风扇，降低CPU的温度。机箱内加散热风扇。刷新主板BIOS。看一下你的电源，是否够用，，一般超频的要300W 以上的额定。</t>
  </si>
  <si>
    <t xml:space="preserve">两汉之间(三字词语一) </t>
  </si>
  <si>
    <t>新时代</t>
  </si>
  <si>
    <t xml:space="preserve">去医院检查除了阳痿，怎么办[泪] </t>
  </si>
  <si>
    <t>状况分析：您好：阳痿是指在有性欲要求时，阴茎不能勃起或勃起不坚，或者虽然有勃起且有一定程度的硬度，但不能保持性交的足够时间。一是精神方面的因素，如间感情冷漠，或因某些原因产生紧张心情，可导致阳痿。二是生理方面的原因，如阴茎勃起中枢发生异常。早泄是射精发生在阴茎进入阴道之前，或进入阴道中时间较短。一是器质性的如外生殖器先天畸形、包茎、龟头或包皮的炎症、尿道炎、阴茎炎、多发性硬化、脊髓肿瘤、脑血管意外、附睾炎、慢性前列腺炎等，二是非器质性的如精神因素，包皮过长等。平时饮食注意事项 　　1、饮食以软食为主，适当地进食滋养性食物，如蛋类、骨汤、莲子、核桃等。 　　2、宜进食壮阳食物，如麻雀、狗肉、鸡肉、海虾、海马、羊肾、乌龟、泥鳅、河虾、鹌鹑蛋、麻雀蛋、海参、金樱子、韭菜、生姜、蛇床子等。 　3、宜补充锌，含锌较多的食物如牡蛎、牛肉、鸡肝、蛋、花生米等。 　4、宜多吃动物内脏。 　　5、宜常吃含精氨酸较多的食物，如山药、银杏、鳝鱼、海参、墨鱼、章鱼等。　 　　6、不要酗酒。　 　　7、禁食肥腻、过甜、过咸的食物。建议您到医院检查一下，明确一下病因，然后选择合理的治疗。如有疑问，请在线咨询专家为您解答疑惑：qq 2590219386 潘医生您好：阳痿是指在有性欲要求时，阴茎不能勃起或勃起不坚，或者虽然有勃起且有一定程度的硬度，但不能保持性交的足够时间。一是精神方面的因素，如间感情冷漠，或因某些原因产生紧张心情，可导致阳痿。二是生理方面的原因，如阴茎勃起中枢发生异常。早泄是射精发生在阴茎进入阴道之前，或进入阴道中时间较短。一是器质性的如外生殖器先天畸形、包茎、龟头或包皮的炎症、尿道炎、阴茎炎、多发性硬化、脊髓肿瘤、脑血管意外、附睾炎、慢性前列腺炎等，二是非器质性的如精神因素，包皮过长等。平时饮食注意事项 　　1、饮食以软食为主，适当地进食滋养性食物，如蛋类、骨汤、莲子、核桃等。 　　2、宜进食壮阳食物，如麻雀、狗肉、鸡肉、海虾、海马、羊肾、乌龟、泥鳅、河虾、鹌鹑蛋、麻雀蛋、海参、金樱子、韭菜、生姜、蛇床子等。 　3、宜补充锌，含锌较多的食物如牡蛎、牛肉、鸡肝、蛋、花生米等。 　4、宜多吃动物内脏。 　　5、宜常吃含精氨酸较多的食物，如山药、银杏、鳝鱼、海参、墨鱼、章鱼等。　 　　6、不要酗酒。　 　　7、禁食肥腻、过甜、过咸的食物。建议您到医院检查一下，明确一下病因，然后选择合理的治疗。如有疑问，请在线咨询专家为您解答疑惑：qq 2590219386 潘医生</t>
  </si>
  <si>
    <t xml:space="preserve">一直发冷，这是不是感冒的前兆？？ </t>
  </si>
  <si>
    <t>考虑是感冒导致的发冷打哆嗦头晕指导意见：你好，现在的情况多喝水不要吃辛辣的食物可以服用新速效感冒片和双黄连口服液进行治疗浑身发冷是要发生感冒。赶紧冲一碗白糖加鲜姜水趁热喝下，盖上大被捂出汗就好了这个应该是感冒的前兆 建议趁青赶紧服用点康泰克 祝你好运一生！点击好评，谢谢你！</t>
  </si>
  <si>
    <t xml:space="preserve">为什么我的胆囊炎吃中西药物效果都不怎么好啊？ </t>
  </si>
  <si>
    <t>你也的控制饮食，不要吃太油腻个东西</t>
  </si>
  <si>
    <t xml:space="preserve">关于丰田吉普丰田吉普有那几种，4500，4700都是什么意思 </t>
  </si>
  <si>
    <t xml:space="preserve">4500 表示使用4.5升排量的发动机4700 表示使用4.7升排量的发动机2F,3F,丰田霸道2700/3400/4000/4500/4700越野车...                关于丰田越野车的资料 </t>
  </si>
  <si>
    <t xml:space="preserve">天文问题咱们天文学有哪些著名人物？ </t>
  </si>
  <si>
    <t>啊,这个你也不知道啊等我 就是这个咯 祝你天文知识进步 增进学习能力</t>
  </si>
  <si>
    <t xml:space="preserve">新手问题天罡地刹强化精华和打孔在哪买 </t>
  </si>
  <si>
    <t xml:space="preserve">如果你是RMB玩家就去元宝店买~带图!~~不过在摆地摊那里比元宝便宜~如果有金的话不如去买地摊的~~~天罡地刹强化精华 大概3J  1级打孔1J  2级的2J 3级的4J  大概这个价吧 </t>
  </si>
  <si>
    <t xml:space="preserve">在女的看来男人的长相重要吗 </t>
  </si>
  <si>
    <t>这个可不一定，全凭个人喜好，有些人就不喜欢她认为丑的男人，有些人为了钱多丑的人都要。我认为长相问题，只要五官端正，体形匀称就可以了。</t>
  </si>
  <si>
    <t xml:space="preserve">汽车变速器与油耗为什么同排量的车，无级变速器会比自动变速器节省燃 </t>
  </si>
  <si>
    <t>为什么同排量的车，有级变速器会比自动变速器节省燃油。1.同排量的车,也许各自新旧,所的跑里程不同.2.每一个人驾驶习惯有所不同,如;用制动的次数,处理情况所用的时间,怠速时间的长短,起步时油门的大小,等等......3.自动变速器,起步平稳,不存在加档时油门的大小,(无级变速器和自动变速器)是同一车型.</t>
  </si>
  <si>
    <t xml:space="preserve">一区雷霆如何一边练级一边挣钱注意一区人多有的地方可能让人占了比如 </t>
  </si>
  <si>
    <t>上丛林打大药</t>
  </si>
  <si>
    <t xml:space="preserve">华为技术有限公司的股票代码是什么?谢谢~~~ </t>
  </si>
  <si>
    <t>华为还没有上市,哪里来的股票代码哦.据说华为的股权很复杂</t>
  </si>
  <si>
    <t xml:space="preserve">感性的人和理性的人在一起会有幸福吗? </t>
  </si>
  <si>
    <t>不会有幸福的～！即使很相爱最终也不会走在一起的～！思想的差距和性格都大不相同！时间能证明的～！</t>
  </si>
  <si>
    <t xml:space="preserve">本人要买眼罩和耳塞，什么牌子的好用呢？小伙伴们有什么好的建议吗？? </t>
  </si>
  <si>
    <t>一个去淘宝上面淘看看，不过种类可能太多了。或者是到亚马逊京东这些网站看看，亚马逊有一款19.9元的：炭之语竹炭眼罩耳塞旅行套装(舒缓眼疲劳 白领必备) 可以去看看包装清单：眼罩2个/耳塞2个 ：http://t.cn/8kUpeKt        http://t.cn/8kUp3VK</t>
  </si>
  <si>
    <t xml:space="preserve">分时图下面的黄蓝白3种颜色的柱状线代表什么？ </t>
  </si>
  <si>
    <t xml:space="preserve">白色曲线：表示大盘加权指数，即证交所每日公布媒体常说的大盘实际指数。 2) 黄色曲线：大盘不含加权的指标，即不考虑盘子的大小，而将所有股票对指数影响看作相同而计算出来的大盘指数。 参考白黄二曲线的相互位置可知：A)当大盘指数上涨时，黄线在白线之上，表示流通盘较小的股票涨幅较大；反之，黄线在白线之下，说明盘小的股票涨幅落后大盘股。B)当大盘指数下跌时，黄线在白线之上，表示流通盘较小的股票跌幅小于盘大的股票；反之，盘小的股票跌幅大于盘大的股票。 3) 红绿柱线：在红白两条曲线附近有红绿柱状线，是反映大盘即时所有股票的买盘与卖盘在数量上的比率。红柱线的增长减短表示上涨买盘力量的增减；绿柱线的增长缩短表示下跌卖盘力度的强弱。 4) 黄色柱线：在红白曲线图下方，用来表示每一分钟的成交量，单位是手(每手等于100股)。 5) 委买委卖手数：代表即时所有股票买入委托下三档和卖出上三档手数相加的总和。 6) 委比数值：是委买委卖手数之差与之和的比值。当委比数值为正值大的时候，表示买方力量较强股指上涨的机率大；当委比数值为负值的时候，表示卖方的力量较强股指下跌的机率大。 个股即时分时走势图：1) 白色曲线：表示该种股票即时实时成交的价格。 2) 黄色曲线：表示该种股票即时成交的平均价格，即当天成交总金额除以成交总股数。 3) 黄色柱线：在红白曲线图下方，用来表示每一分钟的成交量。 4) 成交明细：在盘面的右下方为成交明细显示，显示动态每笔成交的价格和手数。 5) 外盘内盘：外盘又称主动性买盘，即成交价在卖出挂单价的累积成交量；内盘主动性卖盘，即成交价在买入挂单价的累积成交量。外盘反映买方的意愿，内盘反映卖方的意愿。 6) 量比：是指当天成交总手数与近期成交手数平均的比值，具体公式为：现在总手/((5日平均总手/240)*开盘多少分钟)。量比数值的大小表示近期此时成交量的增减，大于1表示此时刻成交总手数已经放大，小于1表示表示此时刻成交总手数萎缩。 实战中的K线分析，必须与即时分时图分析相结合，才能真实可靠的读懂市场的语言，洞悉盘面股价变化的奥妙。K线形态分析中的形态颈线图形，以及波浪角度动量等分析的方法原则，也同样适合即时动态分时走势图分析。 </t>
  </si>
  <si>
    <t xml:space="preserve">从一个城市往外省打钱,一定要电汇吗,转账支票行不行电汇手续费咋算 </t>
  </si>
  <si>
    <t>支票是同城结算方式,另外还有本票等,往外省打钱是属异地结算方式,主要有,汇兑,托收承付等,你说的电汇是汇兑的一种,另一种是信汇,但比较慢,现在已经不太用了.在现在结算方式中,电汇是比较快捷方便的一种,另外,做银行汇票也可以,问题是要有人带过去.关于收费,我们这里是5万(含以下5.5元,10万以下10.5元,50万以下15.50元,100万以下20.5元,100万为万分之0.2.</t>
  </si>
  <si>
    <t xml:space="preserve">20分求哪位高手能告诉我符文布腰带的图纸在哪能买到本人冲裁缝点数 </t>
  </si>
  <si>
    <t>BL的在塔轮米尔大师级裁缝训练师那里,只要你点数够就可以学制作了,不用图纸的,LM的在他们的大师级裁缝训练师也可以学应该是一样的</t>
  </si>
  <si>
    <t xml:space="preserve">强迫症心理治疗我想知道强迫症的心理治疗，什么方法好？不要跟我说药 </t>
  </si>
  <si>
    <t>其实人人都有强迫症，程度不同罢了，但是要明白，强迫症其实是迷失了自己，陷在思维里出不来，不停的想，不停的强迫自己的思维和行为，所以治疗的关健是找到真正的自己！你看看一篇“明镜心态学”的文章！</t>
  </si>
  <si>
    <t xml:space="preserve">请问,我在点开始后出现cannotcreatedevice是什么? </t>
  </si>
  <si>
    <t>不能产生装置`````````</t>
  </si>
  <si>
    <t xml:space="preserve">怀孕三个月打胎,现很痛苦,想赎罪以前年少无知，认识个男人也不太了 </t>
  </si>
  <si>
    <t>事情已经过去了…没有必要去想他…你是对他负责任才那样做的…你如果把他生下来按你说的他现在要面对家庭暴力什么的…那样对孩子是多么的不好…你现在呢就是对自己好一点，身体调养好一点我这人比较信缘份…如果有缘的话等你再次怀孕的时候可能还是他哦…</t>
  </si>
  <si>
    <t xml:space="preserve">御龙在天七星坛在哪?急急急 </t>
  </si>
  <si>
    <t>如果你的服务器没有达到150封印的话,七星坛守卫是不会出现的哦</t>
  </si>
  <si>
    <t xml:space="preserve">橱房及卫生间吊顶铝扣板最低报价每平米95元，能接受吗？装修房屋在? </t>
  </si>
  <si>
    <t>要看你是不是轻工的　是什么材质的　</t>
  </si>
  <si>
    <t xml:space="preserve">大哥大姐急急急GM近来说说我的帐号解锁了怎么还是提示帐号未解锁进 </t>
  </si>
  <si>
    <t>这个问题GM会告诉你等待</t>
  </si>
  <si>
    <t xml:space="preserve">请问元宝怎么换金子多少金子可以换1个元宝啊在什么地方打钱快啊？在? </t>
  </si>
  <si>
    <t>楼上已经说的很清楚了，我补充一点，想赚钱快，就要天天寻宝和钓鱼，以及千里追凶，级别够了去战场，运气好了，就会有不错的收获。马除了花10金买，还可以用元宝到商城里或者抽奖获得，当然这是有钱人的办法，非RMB玩家不提倡的。</t>
  </si>
  <si>
    <t xml:space="preserve">QQ炫舞怎么卡八音经过了7天的考验我确实相信了我卡的衣服成功并且 </t>
  </si>
  <si>
    <t>按照你说的真的成功了！非常感谢！</t>
  </si>
  <si>
    <t xml:space="preserve">我逼男友出国这样做对吗？下个月就是我和男友交往一年，在这期间我家 </t>
  </si>
  <si>
    <t>哎，放手吧，宝贝...没钱的时候你们不能在一起，有钱了就更不可能了..如果你真心爱他，就应该勇敢的和他在一起，而不是逼他出去赚钱“买”（请允许我这样说！因为从你的表白来讲，你父母就像在“卖”你）你！</t>
  </si>
  <si>
    <t xml:space="preserve">时尚女性服饰店装修?我想开一家时尚的女性服装店,店面已有了（２０ </t>
  </si>
  <si>
    <t>这个要看你本人打算装修成哪个档次啦。一般5w内可以装修得很不错！两年前我的服装店才装2万，也挺有档次的。格调最重要。要参考你想要做的是哪个年龄层的生意再设计装修风格。</t>
  </si>
  <si>
    <t xml:space="preserve">３d２００８年２９４期预测号码&amp;nbsp;&amp;nbsp; </t>
  </si>
  <si>
    <t xml:space="preserve">你好，这个地方应该能解决你的问题我发现一个好地方，3D爱好者的好地方免费注册就有3D大奖等你去拿比在投注站方便多了，中了还可以拿商城的加奖直选加奖700，组三加奖250，组六加奖120丰厚吧，快点去 </t>
  </si>
  <si>
    <t xml:space="preserve">贝多芬给人们一个什么样的启示? </t>
  </si>
  <si>
    <t>背了课本就会多得分(背多分谐贝多芬)</t>
  </si>
  <si>
    <t xml:space="preserve">在游戏中怎么进行语聊是叫TS吗？，怎么连接呀，如A和B俩人，各自 </t>
  </si>
  <si>
    <t>首先帮你解释下，TS，全称Team Speak,寓意团队语音 ，在中使用语音聊天，必须先下载相应的语音聊天软件。我估计你也没有TS聊天软件， 一旦你下载使用了，你不需要任何人指导就能很快上手。但是目前我的团队在天堂二中已经不是使用TS了，大家已经改用UT了。介绍如下：目前主流的三款语音平台吧。　　一、老牌平台TS，全称Team Speak,寓意团队语音，2003年进入中国网络游戏界，2005年因为网络游戏天堂2的语音化而被各大网络游戏团体争相使用，在没有竞争对手的情况下一家独大，后因为服务器以及程序为国外团体制作等语音渐渐淡出中国网络游戏界，2005年更新版本更名为：TT　　二、IS,2005年兴起的一款语音平台，全部服务器都为官方提供，目前使用量为中等，并且不提供服务器端的下载，无法满足需要独立架设家族的需要，目前使用度一般。　　三、UT，全称UTalk，2005年8月由新浪UC( )推出,专为网络游戏制作的团队语音通讯软件，并且整合了之前的UC的功能，成为了一款全新的软件，而且拥有非常强大的功能，特别为网络游戏家族等团体制作了一些相关功能，并且提供服务器端下载允许家族独立使用，自由度很高。目前，UTalk在WOW中应用相当广泛。</t>
  </si>
  <si>
    <t xml:space="preserve">维护那我们中外面打怪死了怎么办我们都在外面打怪死了,谁负责?老这 </t>
  </si>
  <si>
    <t>您好！新浪游戏诛仙爱问专家为您解答： 维护一般都会发公告 特殊情况例外 请关注官网相关信息 以便及时退出游戏诛仙资料组：新月花</t>
  </si>
  <si>
    <t xml:space="preserve">《和平鸽》的创作者 </t>
  </si>
  <si>
    <t>1949年，毕加索向国际会议——保卫世界和平大会捐献了一幅石版画，画上是一位俊秀美丽的少女头像，边上有一只振翅欲飞的鸽子。这幅画简洁明快地表达了人民爱好和平的热切愿望，画上那只可爱的白鸽，立即成为和平的象征，迅速出现在世界各地，被人们称为“和平鸽”。</t>
  </si>
  <si>
    <t xml:space="preserve">分身?我45级了,如果我有王城勇士封号可以做分身吗?到46级还可 </t>
  </si>
  <si>
    <t>不可以，要到46级才能分身。可以通过投装备分身。只能分一次身，也就是带一个分身，分身成功就不能再分。</t>
  </si>
  <si>
    <t xml:space="preserve">GM，新F什么开时候天堂2什么时候再开新F本人新手，，要玩新F </t>
  </si>
  <si>
    <t>那个要很久``   霖</t>
  </si>
  <si>
    <t xml:space="preserve">干眼症的治疗方法 </t>
  </si>
  <si>
    <t xml:space="preserve">　随着、空调的普及，人们由于长期在空调开放、空气不流通的环境中工作；经常使用电脑，在荧光屏前工作阅读；在黑暗的房间里观看电影和驾车等，可引起两次眨眼之间暴露的眼睛表面积增加及眨眼次数减少，使泪液的蒸发加速而导致干眼症。近年来临床上主诉眼干、异物感、眼红、视力波动等症状的患者屡见不鲜，经检查，多为干眼症。友谊医院眼科率先开设干眼症专科门诊，每周四下午由专职医务人员负责咨询、检查及治疗，为患者提供便捷服务。 　　什么是干眼症 　　据北京友谊医院眼科主任王艳玲副教授介绍，眨眼是一种保护性神经反射动作，泪液层可以使泪水均匀地涂在角膜和结膜表面，以保持润湿而不干燥。正常人每分钟眨眼约20次，若次数减少至10次左右，眼睛仍可维持泪液层的完整。倘若长时间睁眼凝视变动快速的屏幕，眨眼次数常减少至每分钟4－5次，会出现眼睛干燥酸涩的症状。由于泪液的量或质的异常引起的泪膜不稳定和眼表面损害，从而导致眼部不适症状的一类疾病叫干眼症。 　　为什么会发生干眼症呢？正常的眼表面覆盖着一层泪膜，稳定的泪膜是维持眼表面健康的基础。泪膜由睑板腺分泌的脂质、泪腺及副泪腺分泌的水样液即眼泪、眼表上皮细胞分泌的粘蛋白组成，泪膜各种成分不足将导致泪膜不稳定引起干眼；泪液的分布：泪液通过瞬目动作扩散至整个眼表面，在角膜和结膜形成一层泪膜。睁眼时，部分泪液从眼表面蒸发，脂质层在调节正常的蒸发过程中有重要作用。泪液最终经过泪小点吸收，由泪道系统排入鼻腔，被清除。以上几个环节是维持眼表面正常泪膜的基础，其中任何环节发生异常均可导致眼表面的改变，从而引起干眼症。 　　泪液不仅有消毒杀菌的作用，还有润滑眼球，保持角膜屈光系统的重要功能。如果泪液分泌太少，很快被蒸发了，角膜始终得不到湿润，整个眼球干燥无光，角膜上皮角化，有明显瘢痕形成，看东西时，就会出现视物不清，眼睛有灼热感和异物感，视物疲劳，怕光，磨痛等，这就是干眼症。泪液的分泌过少，一种是先天性的，一种是原发性的，还有一种则是由于某些疾病引起的。第一种情况较为少见。由于先天的泪腺形成不全，或泪腺分泌神经缺陷或发育不全，或先天性缺泪症，都可以使泪液的分泌过少。原发性的干眼症是由于泪腺萎缩，或泪腺因手术摘除，或泪导管闭塞，而使泪液分泌减少或无泪。由某些疾病引起的干眼症较为常见。眼科医生通过泪液分泌量的测定、角膜荧光素染色的检测、泪膜破裂时间的测定等方法，可以诊断干眼症。严重干眼症可引起视力明显下降而影响工作和生活，甚至导致失明。 　　哪些人易患干眼症 　　每天长时间工作在电脑前，享受着空调；由于眼睛的疾病需要维持点眼药；戴隐形眼镜，做过治疗近视眼、白内障手术；更年期激素水平紊乱；气候干燥加快泪膜的蒸发等；都是引起干眼症的外界因素。据美国全国职业保健与安全研究所的调查证明，每天在电脑前工作3小时以上的人中，有90％的人眼睛有问题。在美国65岁—84岁人群，14.6%患干眼症。基于我国的卫生条件和环境状况，发病率可能高于美国。 　　干眼症的症状及治疗方法 　　治疗干眼症不宜使用抗生素、抗病毒眼药。目前治疗该病的主要方法有：点人工泪液、泪小点栓塞以及眼睑清洁，需针对不同的症状及体征给予相应的治疗。 　　治疗泪液缺乏型干眼： 　　点人工泪液要按需点，即不舒服就点，但一天最好不超过6次，因为如果超过6次以上，就会把正常的泪膜冲走，从而加重症状。 　　泪小点栓塞。栓子由柔顺的热变性疏水性丙烯酸材料制成，可以阻塞泪小点，使泪液的排出减少，从而起到保存泪液的目的；可以明显减少人工泪液的使用频率，增加角膜接触镜的耐受性。而且此方法可逆，无痛苦，值得推广。 　　睑板腺功能障碍： 　　眼睑清洁、热敷。用毛巾沾高于体温但别太烫的水，闭眼敷于眼睛上，每次10分钟左右，早上最好能做一次，因为夜里睑板腺分泌最旺盛，潴留的分泌物最多，热敷可以帮助潴留的分泌物排出，如果有时间一天可以多做几次，效果很好。 　　睑板腺按摩： 　　由医务人员沿睑板腺排出方向按摩，将那些通过热敷仍不能排出的分泌物推出。如果自觉有效，可以每星期做一次，一个月为一个疗程。 　　另外据报道，可用同种结膜移植或颌下腺移植的方法治疗干眼症。如果是因服用了某些药物而引起干眼症，则应把药物停掉；若是免疫性疾病、内分泌失调、维生素缺乏等引起的，就要先治疗以上疾病。中医治疗一般是内服或局部应用清热养阴、生津润燥一类的中药。 　　干眼症并不可怕，经过合理的治疗是可以缓解的。为了预防此病，专家提醒要注意用眼卫生，包括不用手揉眼；用眼一小时左右休息一会儿，闭目养神，瞭望远处；做观注力比较集中的工作时要多眨眼睛。干眼症是怎样治疗的?     治疗干眼症的方法有很多，滴用人工泪液就是其中之一。早期的人工泪液有生理盐水、明胶液、石蜡油等，这些液体的粘度低，水分只能在结膜囊内保留3～10分钟。以后又使用甲基纤维素液、纤维素胶等纤维素醚类，以增加粘度，减慢泪道的排泄和蒸发，但湿润结膜囊的时间也不长。60年代使用了聚乙烯醇液，可使结膜囊湿润时间延长，但重症患者需经常滴用。后来采用了泪然一类的由几种物质合成的人工泪液。人工泪液需要不断地滴眼才能保持眼的湿润，这对病人来说是太麻烦了。70年代末，开发出了一种能在结膜囊内停留时间更长的“泪液”，称为“缓释人工泪药膜”，就像大家所熟悉的“缓释胶囊”一样，将“缓释人工泪药膜”制成小片或小柱状，放于下穹窿部，可迅速吸水膨胀，体积增大10倍，如一软胶块，然后在4～8小时内缓缓地释放人工泪液，1天放1～3次，供泪时间大为增长。局部用花生油、麻油、鱼肝油、蜂蜜或温和眼膏等可改善重度干眼。也可戴亲水性软角膜接触镜，以保持角膜的湿润，减少人工泪液的滴眼次数，但要防止感染及镜片变干，因为镜片变干后易碎，反而成为有刺激的异物。  　　如果上述治疗无效，可用固体明胶棒、硅栓等小塞阻塞泪小点，或用火针、电凝、手术等方法封闭泪小点，使分泌量已经很少的泪液不再经泪小点排走。也可用药物刺激泪液的分泌，如匹罗卡品、新斯的明、肾上腺素、麻黄素、必嗽平等。  　　如果靠药物刺激还不管用，某些情况下，可以考虑手术治疗。如果尚有少量泪液分泌，并有角膜溃疡时，在溃疡部位可做部分睑缘缝合术。严重结膜疤痕时可做口粘膜移植术，以增加粘液分泌，形成或扩大结膜囊。或干脆将腮腺管转向，将开口移置入结膜下穹窿外侧部，用唾液代替泪液，不过这样一来，在吃东西时，眼睛就要流“眼泪”了，而不吃东西时，则没有 “眼泪”的分泌，为了保持眼睛的湿润，就要不断地吃零食。另外据最近的报道，可用同种结膜移植或颌下腺移植的方法治疗干眼症。  　　俗话说治病先治本，不能头痛医头，脚痛医脚，应抓住干眼病的病因，对症下药。  </t>
  </si>
  <si>
    <t xml:space="preserve">为什么提现时可提金额为０元我刚给号里冲了３０块钱，现在想提现回来 </t>
  </si>
  <si>
    <t xml:space="preserve">尊敬的客户：     您好！5173回复客服01很高兴为您服务！        为了建设和谐的电子商务平台，对充值后未购买物品或者在购买物品过程中因为己方原因取消订单的资金进行提取时间限制：此类资金只能在到帐48小时后申请提取，如果此类资金所在帐户中有多次充值的话，其到帐时间按最后一次充值的时间计算。    卖家的销售所得和买家因为非买家原因造成订单撤销而取得的订单退款不受此限制，可以随时提取。                            </t>
  </si>
  <si>
    <t xml:space="preserve">我纠结了，是买拍立得还是卡西欧？ </t>
  </si>
  <si>
    <t>推荐你选择卡西欧。望采纳。我觉得立得比较好</t>
  </si>
  <si>
    <t xml:space="preserve">100高分奖励！请高手们帮忙解这个签。我是问关于感情的。刚与男朋 </t>
  </si>
  <si>
    <t>文 为上签。古人：裴度还带诗曰：茂林松佰正兴旺 雨雪风霜总莫为异日忽然鸿鹄飞 功名成就栋梁材 裴度是古代的一个人名,裴度还带是讲他拾金不昧的一个故事,意思应该是说你的品德好吧!茂林松佰正兴旺说的是森林里面的松树等植物长的正旺,既然你是求爱情那么意思应该是指在爱情方便你还是有很多选择的,雨雪风霜总莫为的意思应该是雨雪风霜对于一大片森林来说并没有什么,它们还是会很坚强的,所以,你也一样,不要被眼前的这段感情打倒,要坚强,你的机会还是很大的,异日忽然鸿鹄飞是指总日一天你然找到自己的所爱,幸福的过完自己的一生!我也有过失恋,像你一样,爱他爱的死去活来,但到最后还是分手了,我只相信一句话,是你的终究是你,不是你的你再强求也不是你的,恋爱随缘吧!缘份一到什么都挡不住的</t>
  </si>
  <si>
    <t xml:space="preserve">1938年工资问题1938年的工资为什么那么低呢？工资应该是多少 </t>
  </si>
  <si>
    <t>与单位，级别都有关系，如果你是厅局级的干部，工资应在5000元以上</t>
  </si>
  <si>
    <t xml:space="preserve">请帮忙看看在我12岁的时候我爸爸就带我去我们镇上的医院箍牙，15 </t>
  </si>
  <si>
    <t>正畸托槽导致的牙齿脱钙，建议涂氟处理，如果缺损厉害就需要充填治疗！建议尽快去专科就诊确定治疗方案！</t>
  </si>
  <si>
    <t xml:space="preserve">云南治疗特发性震颤哪个医院看病最好啊 </t>
  </si>
  <si>
    <t>你好，在这里给你推荐正规专业医院治疗特发性震颤，这样的医生和护士都是认真负责的，确实很专业，非常擅长治特发性震颤疾病，进门就有人帮忙，服务到位，很贴心。推荐昆明南大，这家医院治疗特发性震颤比较好。多数特发性震颤患者发病后即为双手震颤，也有单手震颤，影响精细动作、书写和餐饮。其次为头部震颤，表现为细小的点头或摇头动作，有的患者仅仅表现为头摇，而无手部震颤。极少的患者出现下肢震颤。部分患者由于长期精神紧张，导致交感神经兴奋性增加，可伴有心慌的症状。本病起病后缓慢进展，症状逐年加重，严重时可对患者的日常生活、工作、社会交往、书写等带来诸多不便。</t>
  </si>
  <si>
    <t xml:space="preserve">一环行路400米,甲骑车550米/分,乙跑步250米/分,二人同? </t>
  </si>
  <si>
    <t>设：经过x分钟(min)两人相遇,甲比乙多跑了n圈。因为甲比乙快，又是环行路，且同向出发，则甲多骑了几圈才与乙再次相遇。如果他们一直跑下去不停的话（当然这不太可能，这么讲只是一种思考问题的方式。），n∈自然数得出：   550x=250x+400n当n=1时，300x=400     x=4/3(min)n=2,300x=400*2      x=8/3……选一个你想要的满足题意的答案就可以了。</t>
  </si>
  <si>
    <t xml:space="preserve">女孩五行缺金土怎么取名字 </t>
  </si>
  <si>
    <t>你好，推荐几个女孩的名字参考：若雨 （像雨一样，诗意唯美） 静香（文静，象明朝时期的香妃一样美丽，文雅，贞烈）  凌薇（气势、朝气都凌人，薇，祝她将来成为一代名人） 美莲（美丽如莲花一样，还有出淤泥而不染的高尚品质） 依娜（有伊人风采，娜一般指姑娘美丽，婀娜多姿嘛） 雅芙（文雅，如出水芙蓉一般） 雨婷（温柔，聪明，漂亮） 歆婷( 歆：心悦，欢愉 婷：美好 ) 可岚 (岚：早上山中的雾气 ) 婧琪( 婧：女子有才 琪：美玉 ) 玥婷 (玥：传说中一种神珠 婷：美好 ) 姝瑗 (姝：美丽，美好 瑗：璧玉 ) 颖娟( 颖：聪颖 娟：娟秀，秀美 ) 歆瑶( 歆：心悦，欢愉 瑶：美玉 ) 凌菲 (菲：草木的香气很浓 ) 钰琪 (钰：宝物，珍宝 琪：美玉 ) 婧宸( 婧：女子有才 宸：古代君王的代称 ) 靖瑶 (靖：平安 瑶：美玉 ) 瑾萱 (瑾：美玉 萱：传说中一种忘忧的草 ) 婳祎 (婳：形容女子娴静美好 祎：形容事物美好 ) 檀雅 (檀：植物 雅：正规 ) 熙雯 (熙：光明 雯：成花纹的云彩) 语嫣 (嫣：美好鲜艳 ) 妍洋 (妍：美丽 洋：如海洋一般胸襟开阔 ) 滢玮 (滢：清澈 玮：玉名 ) 沐卉 (卉：草的总称 沐：如雨般湿润 ) 琪涵（有美玉一般内涵的女孩） 佳琦 （琦，是玉的意思，佳琦的意思是祝愿宝宝犹如上好美玉一样白璧无暇！） 伶韵 （灵气逼人，韵味十足！） 思睿 （意思是聪明的女孩） 清菡 （菡即荷花，有出淤泥而不染的高洁。“清菡”就是“清水芙蓉”的意思） 欣溶 （出自诗人晏殊的诗：“梨花院落溶溶月,柳絮池塘淡淡风”） 菲絮 （出自唐代诗人杜甫的《春运》：“菲菲红素轻，肃肃花絮晚”） 诗涵 （有文采且有内涵的女孩） 璇滢（一个很有古典韵味的名字） 静馨（宁静而温馨） 妙菱（让人觉得活泼聪颖的名字） 心琪（琪是玉的意思。“心琪”就是形容心灵象玉一样美好） 雅媛 （端庄高雅有才华的女孩） 晨芙（早晨的荷花） 婧诗（如诗画一般的美丽女孩） 露雪（如露珠洁白剔透非常适合单纯的女孩） 蕊琪（安静又乖巧的女孩） 舒雅（ 以“雅”入名，寓意“超脱、优雅”） 婉玗（婉寓意“和顺、温和”“玗“寓意“美好”） 诗茵（诗：寓意文雅、浪漫） 婕珍 （意思是聪明的女孩） 婉婷（婉寓意“和顺、温和”“婷“寓意“美好”） 云薇（宠辱不惊,闲看庭前花开花落.去留无意,慢随天外云卷云舒） 霏羽 （这个挺不错哦，让人觉得很舒服！） 妍琦（美丽且快乐的女孩） 珂玥（珂是古代象白玉一样的美石，玥是传说中的神秘佛珠。代表吉祥的意思。） 茗茶（玉茗是山茶花的别称，山茶花是质朴纯洁的象征） 昭雪（昭：充满活力，是一个阳光女孩。雪：愿她象雪一样纯洁、美丽。） 雅芙（文雅，如出水芙蓉一般） 雨婷（温柔，聪明，漂亮） 莉姿（具有公主或王后的一切风度与姿色） 梦璐（如梦幻般的女孩，璐，谐音露，露字为日月结合的灵之美.智慧且不夸张）   玉珍（象玉一般美丽，珍珠一样令人喜爱） 茹雪（茹，谐音如；全名意思是想雪一般纯洁，善良） 美琳（美丽，善良，活泼） 欢馨（快乐，与家人得非常温馨） 优璇（优，各个方面都很优秀；璇，像美玉一样美丽，受人欢迎） 雨嘉（雨，纯洁；嘉，优秀） 娅楠（娅，谐音雅，文雅；楠只是名字好听） 明美（明白事理，长得标志美丽，有着花容月貌） 可馨（一个美丽的可人儿。能与家人生活得非常温馨） 惠茜（贤惠，茜只是名字好听） 漫妮（生活浪漫，妮是对女孩的称呼，没什么意义） 香茹（香，死后留香百世，茹，没什么大意义） 月婵（比貂禅还漂亮美丽，比月光还温柔） 嫦曦（像嫦娥一样有着绝世美丽容貌，像晨曦一样朝气蓬勃，有精神） 静香（文静，象明朝时期的香妃一样美丽，文雅，贞烈） 凌薇（气势、朝气都凌人，薇，祝她将来成为一代名人） 莉姿（具有公主或王后的一切风度与姿色） 梦璐（如梦幻般的女孩，璐，谐音露，露字为日月结合的灵之美.智慧且不夸张） 沛玲（精神充沛，小巧玲珑） 灵芸（在古代，有一个叫薛灵芸的少女，长得容华绝世，貌赛貂禅，他被当时的皇帝曹丕看中，欲召她进宫做宠妃，愿您的女儿也象她一样美丽，双手灵巧） 欣妍（开心愉快，妍是美丽）  美琳（美丽，善良，活泼） 欢馨（快乐，与家人生活得非常温馨） 优璇（优，各个方面都很优秀；璇，像美玉一样美丽，受人欢迎） 梦洁（一个梦幻般的女孩，心地善良，纯洁） 依娜（有伊人风采，娜一般指姑娘美丽，婀娜多姿嘛）</t>
  </si>
  <si>
    <t xml:space="preserve">42天产后检查如果有子宫脱垂是不是医生会告诉你, </t>
  </si>
  <si>
    <t>病情分析：42天产后检查如果有子宫脱垂医生是会告诉你的。指导意见：你好，子宫脱垂是一种病态的表现，也是一种疾病来的。所以你回去医院做检查的时候医生发现了是会告诉你的，因为子宫脱垂也是需要治疗的。希望我的回答可以帮助到您！医生询问：怀疑有子宫脱垂？</t>
  </si>
  <si>
    <t xml:space="preserve">关于冲伐木的问题,大家都来帮忙~现在我的伐木5了,每级都去挖什么 </t>
  </si>
  <si>
    <t xml:space="preserve"> 看看这个也许有帮助感觉尤其是技能高了以后,如果你单纯的想烧技能的话千万不要去挖高级的木头,因为挖高的MISS率特高,而且还容易受伤,由于总MISS,所以经验少得可怜,这个网页上面写得还不错,参考一下吧</t>
  </si>
  <si>
    <t xml:space="preserve">刚接到了个95510的电话，谁知道这是哪的电话？ </t>
  </si>
  <si>
    <t>95510是阳光保险集团的全国统一客服专线电话，这个热线的服务内容有：受理阳光保险集团（含下属子公司：阳光财产保险、阳光人寿保险等）全国范围内的理赔报案、查勘调度、信息咨询、客户回访、客户投诉等；客户信息查询、满意度调查和评价、业务员认证等；客户上门服务预约、信息变更等电话保全业务；激活保单服务；节日问候、客户俱乐部、产品推荐等增值服务；配合阳光保险公司业务活动需要的其他电话服务。</t>
  </si>
  <si>
    <t xml:space="preserve">武器和防具不解封印能砸晶吗？没试验过 </t>
  </si>
  <si>
    <t>未解封印的只有装备（衣服、首饰），武器没有风饮一说，未解封印的只有装备（衣服、首饰）可以砸晶！</t>
  </si>
  <si>
    <t xml:space="preserve">关于聊天频道的问题这样的我m族的工程学院但游戏里我在a族这边做生 </t>
  </si>
  <si>
    <t xml:space="preserve">   加入A新手频道,只要点最左边面版上的频道按键,就会出现很多可选频道,选择A新手 频道即可,里面还有 交易 帝国 语言 人才招聘等频道.  黄色字体是 把物品拖入对话框里,然后出现三种显示方式,选择二,三都会出现黄字,两种方式功能区别不大.   要是 想自己输入黄字,先把物品拖入对话框,然后按键盘这个键"←",把物品名字字体退掉,你会看见,最开头会空一个格,有时候是个黄标志,在后面输入 想说的话即可.</t>
  </si>
  <si>
    <t xml:space="preserve">有男人吃自己的精液吗？精液有营养价值吗，有什么效果呢？我看到有人 </t>
  </si>
  <si>
    <t>和鸡蛋的营养成分几乎是一样的，都含有充分的蛋白质，吃掉没什么意义</t>
  </si>
  <si>
    <t xml:space="preserve">防沉迷。。。请问一下，填那个防沉迷是要注册时的名字和身份证号还是 </t>
  </si>
  <si>
    <t>可以都不是。这个仅作为防沉迷的依据，不会作为账号的归属依据。你只要填一个成年人的名字和其对应的身份证号就OK了。</t>
  </si>
  <si>
    <t xml:space="preserve">嗓子哑了很长一段时间，而且一说话就嗓子疼，怎么办？ </t>
  </si>
  <si>
    <t>应该是喉炎或声带炎，可用些抗菌素也可用些消炎含片，应少说话或大声说话。</t>
  </si>
  <si>
    <t xml:space="preserve">清泉老师：您好，6.80买入000511银基发展、9.1买入的0? </t>
  </si>
  <si>
    <t>000511 000591 参与震荡.</t>
  </si>
  <si>
    <t xml:space="preserve">大家给点意见?88级格斗转斧子好吗?声望会不会很慢? </t>
  </si>
  <si>
    <t>等开了转职保证书，你用格斗先把颤栗明镜崩烧到10然后转，效果不错，现在P斧多了乾坤又不是太难烧了（相对以前）转的话等那个开，别急</t>
  </si>
  <si>
    <t xml:space="preserve">南京禄口机场到南京南站开通了吗 </t>
  </si>
  <si>
    <t>有的哎 直接机场大巴有到南京南的</t>
  </si>
  <si>
    <t xml:space="preserve">小孩经常打呼噜是怎么会事？该怎么办？ </t>
  </si>
  <si>
    <t xml:space="preserve">   仅在感冒以后或玩的特别累以后才打，且鼾声不大，仅在仰卧时出现，侧卧时就消失，鼾声平稳、均匀，这是没有问题的。      但是如果鼾声很响或时大时小，呼吸不均匀，严重时伴有呼吸暂停现象，这就是病态，医学上叫做阻塞性睡眠憋气综合征。　　近些年来，许多国家成立了睡眠疾病治疗中心，对这种疾病进行了深入的研究，发现由于呼吸道不畅，呼入的氧气不足，人体内产生的二氧化碳不能充分排出体外，导致血液中氧气含量下降，二氧化碳含量增加，心脏和肺的工作量加重。这不仅直接影响心脏和肺的功能，大脑也处于慢性缺氧状态。孩子常表现出睡眠不实，易惊醒、躁动等。由于睡眠质量差，孩子白天发困，精神不佳，时间长了便会引起严重后果。引起小儿打呼噜的原因很多，有鼻的疾病，如慢性鼻炎、鼻窦炎、鼻息肉、鼻中隔偏曲等；有咽部的疾病，如腺样体肥大、扁桃体肥大；以及某些喉部和气管的疾病等。　　对于小儿打鼾不可等闲视之。打鼾的孩子一定要到医院耳鼻喉科去检查，一般都能查出打鼾的原因，而且治疗效果绝大多数都是满意的。</t>
  </si>
  <si>
    <t xml:space="preserve">现在学电脑好吗大专毕业没好工作，现在学电脑技术还行吗？什么专业比 </t>
  </si>
  <si>
    <t>要是学计算机啊，可以去看看青鸟的学士后课程，这是针对大学生的课程，北大青鸟北大公学校区就有这个，短期培训，新课程，网上了解下吧</t>
  </si>
  <si>
    <t xml:space="preserve">如何办理去德国的旅游签证?越具体越好!谢了 </t>
  </si>
  <si>
    <t xml:space="preserve">Generalkonsulatder Bundesrepublik DeutschlandShanghai德意志联邦共和国驻上海总领事馆旅游签证2005年4月版持申根签证者（只要签证上没有其他加注）有权前往所有“申根国家”（比利时、丹麦、德国、芬兰、法国、希腊、冰岛、意大利、卢森堡、荷兰、挪威、奥地利、葡萄牙、瑞典和西班牙）。半年中最长逗留期为90天。我须提交哪些材料？1. 两份贴好两张证件照、认真填写的申请表2. 签证到期后有效期不少于90天的护照3. 团体旅游：设在德国的某家旅行社开具的预订证明，证明中须写明日程安排、往返和当地交通、住宿和全天膳食情况个人旅游：各项旅行预订证明（旅馆、交通）4. 旅游资金（路费和逗留期间所需费用）证明5. 申根国家逗留期间的医疗证明这一旅行医疗保险须满足下列前提条件：• 承担医疗急救和/或医院急诊费用（不仅适用于事故、而且适用于生病时）• 承担可能发生的送返费用• 最低保险金额：30000欧元• 须有在欧盟各国、瑞士或列支敦士登进行保险索偿的可能性（例如通过一个办事处）在本地、即在本馆领区内提供的保险产品中，据本馆审核，下述保险产品符合欧盟理事会决议中所定的前提条件：• 安联大众人寿保险有限公司联众境外旅行保险• 美国美亚保险公司国际旅行意外伤害保险及旅行者随身财产保险• 国寿中国公民境外意外伤害及紧急救援保险• 中保康联人寿保险公司境外紧急救援医疗保险（B款）• 中国平安人寿保险股份有限公司平安境外旅行紧急救援医疗保险 籍申请人提交:户口簿7. 所有其他申请人提交：中国居留证8. 工作单位出具的写明申请人职位、保留职位、月收入的准假证明原件：证明中须列出单位地址、电话和传真号码、加盖公司印章、签名并写明签名人姓名和职务9. 未成年人提交：在一家德国驻外使/领馆亲笔签署或经公证的父母双方同意其赴德声明、经认证的出生公证书。离异父母的子女另交父母离婚证和抚养权证明原件及其附英文或德文译文的公证书所有材料均请提交一份原件和两份复印件。我还须知晓哪些情况？1. 个别情况可能需要补交其他材料。2. 本馆可要求提供所交材料的德文或英文译文。材料齐全后，本馆一般需五个工作日审核申请签发签证。手续费是多少？手续费为35欧元。手续费可用人民币支付。请注意，签证处所有公务行为均免费。仅须支付上述手续费。发放申请表和所有资料及预约时间均免费。我向哪家德国驻华使/领馆申请签证？负责受理申请的是主要旅行目的地所在国家（不一定是第一个入境的申根国家）的大使馆或总领事馆。可向下列德意志联邦共和国使/领馆申请签证：驻上海总领事馆主管安徽、江苏、浙江省和上海市居民和常住人口的签证事务。驻广州总领事馆主管福建、广东、海南省和广西壮族自治区居民和常住人口的签证事务。地址：广州环市东路339号广东国际大酒店19楼，邮编：510098电话：(020) 8330 6533传真：(020) 8331 7033驻北京大使馆主管中国其他省份居民和常住人口的签证事务。地址：北京朝阳区东直门外大街17号，邮编：100600电话：(010) 6532 2161传真：(010) 6532 5336我可以何种方式、在何处向驻上海总领事馆提交申请？所有申请者均按预约日期本人到签证处申请签证。16岁以下和60岁以上的申请者可书面委托一名自己信任的人递交申请。预约签证申请时间的途径：1. 电话预约：每周一至周五14:00至16:00时（6月1日至9月30日为14:00至15:30时），电话号码：(021) 6217 15202. 通过网页 “签证规定—日期预约”中的表格预约。德国公民的配偶无需预约时间，但亦须在早8:00时放行之前到达本馆。本馆签证处接待时间：1. 申请签证：每周一至周五早8:00时放行，请务必在此前到达本馆（楼前等候区）2. 领取贴好签证的护照：每周一至周五13:00至13:30时。本馆签证处地址：领事和签证事务中华人民共和国上海市吴江路188号静安新时代大厦14楼，邮编：200041电话：0086 - 21 - 6217 1520传真：0086 - 21 - 6218 0004电邮：passvisa@ 网页： 本想附欧洲申根签证表格的翻译件给你以便填写.不过PDF文件大于200K,给你地址: 下载申根签证的话除德国外还可以到其他申根的欧洲国家. </t>
  </si>
  <si>
    <t xml:space="preserve">基金到账我于7月6日在工行网上认购的工银精选怎么在工行网的基金账 </t>
  </si>
  <si>
    <t>工银精选现在还在发售期,还没有正式成立,因此没有基金份额显示,你可以关注它的成立公告,成立之后,才可以查询到基金份额,包括在认购期产生的利息也自动转化为基金份额.</t>
  </si>
  <si>
    <t xml:space="preserve">路线问题我是河北省邯郸市的一名患者，准备到北京301医院就医，因 </t>
  </si>
  <si>
    <t xml:space="preserve">起点: 邯郸火车站终点: 北京301医院停车场409.71km距离: 1.从G107向北出发,沿G107走156.3公里并右转到石太高速公路, 2.沿石太高速公路走5.9公里并左转到京珠高速公路(石安高速公路), 3.沿京珠高速公路(石安高速公路)走244.1公里并左转到四环, 4.沿四环走3.4公里到达301医院 为了方便省内外来院求医及陪伴 - 探视人员的衣食住行，院区内设有服务社为您提供服务。医院的公交线路及地铁所在站名是五棵松。 </t>
  </si>
  <si>
    <t xml:space="preserve">我要怎么理财我月薪7000房租800每个月都赞不住钱要怎么理财才 </t>
  </si>
  <si>
    <t>你每个月有七千元的工资，八百元的房租，再打出两千两百元的费用，用于日常开销，那么你还可以存下四千元，你可以用一千元存银行，零存整取，为自己存些小积蓄，再用一千元可以买些基金，也是每月存钱买基金的方式，再用剩下的两千元做些稍微带点风险的投资，比如股票，黄金TD中的白银投资，或是一些其他的可以带来较高收益的投资品种。如果你手中有信用卡那么最好还是取消掉，因为用不好它，确实会给你带来不少麻烦的。或是你可以自己调节比例。因为在现在通帐很高的情况下，钱是越来越不值钱，而我们一定要用钱来生钱，这样才可以为自己留下一条后路，以备不时之需！</t>
  </si>
  <si>
    <t xml:space="preserve">我们班为什么许多女生脖子上都有带子，我很嫉妒他们看起来很性感我怎 </t>
  </si>
  <si>
    <t>是一种在脖子上系扣的吊带内衣，看上去是有点性感，你也可以买一个穿在里面，但没必要嫉妒吧</t>
  </si>
  <si>
    <t xml:space="preserve">回奶的方法我儿子一周多了,要断奶.用什么方法啊? </t>
  </si>
  <si>
    <t>喝麦芽水还有吃韭菜白天的断了，晚上的就好断了，1个礼拜差不多。</t>
  </si>
  <si>
    <t xml:space="preserve">结婚后最大的遗憾是什么? </t>
  </si>
  <si>
    <t>结婚后最大的遗憾是什么? 挣钱得两个人来花了！还失去了时间自由！</t>
  </si>
  <si>
    <t xml:space="preserve">为什么我做的猪蹄总是有一股臭脚丫子味？无论是红烧还是炖，我都会事 </t>
  </si>
  <si>
    <t>我问了我妈一下（我吃猪蹄，我妈爱吃，而且喜欢做，-_-!）她说一般是加葱、姜、花椒、茴香、桂皮用高温焖煮另外推荐几种猪蹄的做法（从网上找的，这些做法我妈都不会，呵呵）醉猪手将猪手用清水，盐，葱姜煮烂，泡入花雕酒中，放入冰箱，1-2天就可以吃了。酒可反复使用。花生烧猪手将花生改成红豆。不过花生也很好吃。1，手焯水洗净，花生用凉水泡软，备用。2，热锅中放八角，桂皮，用油先炸出香味，下葱姜，放猪手翻炒，入料酒，看水气将尽，放酱油炒红，放冷水，没过猪蹄就好。大火烧开。3，水开后，放适量冰糖，盐，花生，改文火约1小时。4，最后用筷子轻轻戳一下肉皮，如果熟了，就大火收汤，到汤汁粘稠红亮即可。卤猪蹄原料：猪蹄450克，花生38克，香料1包，香菜少许。①味精1/6茶匙，冰糖19克，酱油1大匙，海山酱1/4茶匙。 制作：1.猪蹄切块后，用水烫过取出。2.将猪蹄、①料、花生及香料一同用大火煮15分钟。 3.煮好的卤猪蹄放入大碗，上置香菜点缀。备注：海山酱是一种甜辣且带五香味的酱料，其原料大多是五香料、糖、醋、辣椒酱、淀粉等。葱炖猪蹄原料：葱50克、猪蹄4个、食盐适量。 制作：将猪蹄拔去毛桩，洗净，用刀划口；将葱切段，与猪蹄一同放入 锅中，加水适量和食盐少许，先用武火烧沸，后用文火炖熬，直至熟烂即 成。 功效：补血消肿。适用于血虚，四肢疼痛、浮肿、疮疡肿痛等症。红烧猪蹄原料： 猪蹄750克。调料： 盐、葱各13克，姜8克，香油、料酒各25克，花椒5粒，冰糖50克，汤1300克。制作： (1) 将猪蹄刮毛洗净，剁去爪尖劈成两半，用水煮透后放入凉水中。姜、葱拍破待用。(2) 用炒勺将少许香油烧热，放入冰糖炸成紫戏色时放汤调至浅红色为度。(3) 加入猪蹄、料酒、葱、姜、盐、花椒，汤烧开后除去浮沫，用大火烧至猪蹄上色后，移至小火炖烂，收浓汁即成。翡翠双冬蹄膀A，蹄膀一个，青江菜一斤B，葱2根，姜4片，蒜头4个，桂皮20克，八角4粒。C，酱油1杯，冰糖3大勺，米酒3大勺，水12杯，盐1/4勺，味精1/2勺D，冬笋1支，冬菇6朵，葱2根E，太白粉2大勺，水半杯1，将蹄膀洗净用酱油擦均匀，入油锅炸至金黄，捞出备用。2，冬菇泡软去蒂切片，冬笋煮熟去皮切片，葱切段。3，爆香B料，将C料及蹄膀一起倒入锅里，大火煮沸，改小火40分钟。再放入焖烧锅焖3小时。4，青江菜用开水烫后垫底，蹄膀置上，汤汁1杯半与D料煮沸，再用C料勾芡淋在蹄膀上即可。猪蹄瓜菇汤药材： 红枣30克、黄耆、枸杞子各12克，当归5克原料：猪前蹄1只、丝瓜300克、豆腐250克、香菇30克、姜5片、盐少许制作： 1.香菇洗净泡软去蒂，丝瓜去皮洗净切块，豆腐切块备用。2.猪前蹄去毛洗净剁块，入开水中煮10分钟，捞起用水冲净，黄耆、当归放入过滤袋中备用。3.锅内入药材、猪蹄、香菇、姜片及水10杯，以大火煮开后，改小火煮至肉熟烂（约1小时），再入丝瓜、豆腐续者5分钟，最后加入盐调味即可。功效：养血、通络、下乳、适用于产后体质虚弱、浮汁不足者。大蹄扒海参主料：水发海参750克，猪蹄2个。调料：植物油800克(实耗约50克，熟大油100克，姜块、酱油各15克，料酒25克，葱姜油、盐各20克，白糖50克，味精5克，葱段25克，糖色少许，湿淀粉适量，鸡汤1.5公斤。制作：(1) 将猪蹄刮洗干净，在外侧划上一刀，用开水煮透，捞出控去水分后放入烧有7成热的植物油炒勺中，炸至金黄色，捞出沥油。海参洗净后用直刀一世两半待用。(2) 炒勺将大油烧热煽炒葱、姜拍松，并烹入料酒和酱油加入味精、鸡汤和盐、糖色。把势放入炒勺内，再放上猪蹄，烧开1小时将猪蹄翻转过来，再用小火将猪蹄煨烂，放入盘中。将葱、姜拣出，取出垫，将海参放入勺中3分钟，用湿淀粉勾芡，淋入葱姜油即成。</t>
  </si>
  <si>
    <t xml:space="preserve">宫颈糜烂能和老婆做爱吗老婆有宫颈糜烂，我都差不多一年没和她做爱了 </t>
  </si>
  <si>
    <t>医生没告诉你吗？怎么不能做爱,你可真能忍的?真是个好老公哦，佩服佩服你老婆可真会选老公哦．宫颈糜烂分三度，不知道你老婆的是哪度，如果是轻度的话没什么问题，平时注意卫生就行了．你房事前要清洗自己的小弟,老婆则要清洗她的小妹．要有节制的房事，不可一下纵欲过度．不清楚的话叫你老婆大人去问一下妇科医生．</t>
  </si>
  <si>
    <t xml:space="preserve">达人来看一下这个帐号值几钱本人由于工作原因出售此帐号:3区玛服7 </t>
  </si>
  <si>
    <t>taobao最高也就800RMB了。少点的话就是600.1000RMB？开玩笑吧，找个代练你看看才多少钱，还得折扣呢</t>
  </si>
  <si>
    <t xml:space="preserve">江陵社区论坛的网址是什么呀江陵人自己的信息平台 </t>
  </si>
  <si>
    <t xml:space="preserve">江陵社区论坛 </t>
  </si>
  <si>
    <t xml:space="preserve">美睫学校哪家好？ </t>
  </si>
  <si>
    <t>要看学校的环境，如老师的责任心，学习氛围等</t>
  </si>
  <si>
    <t xml:space="preserve">是什么意思当一女生对男生说：哪一天我爱上你，该怎么办？你能告诉我 </t>
  </si>
  <si>
    <t>那是对你有意思,心里却不肯定，还在犹豫不决。想爱却怕受伤。捎带点暗示意味。如果你对他有意思的话，赶紧想想自己在那方面让她觉的没安全感，赶紧弥补下。然后主动些，她就是你的了！加油！祝你好运！</t>
  </si>
  <si>
    <t xml:space="preserve">电子词典哪个品牌的好?上网的时候大致了解了下电子词典方面，觉得品 </t>
  </si>
  <si>
    <t>我觉得艾利和D8还不错，同学就在用呢，看着好看，用着也很实用，功能都挺不错的，可以去了解看看！</t>
  </si>
  <si>
    <t xml:space="preserve">今晚的英超比分串切尔西VS西布朗胜其他3:04:0热刺VS富勒姆 </t>
  </si>
  <si>
    <t>恩，不过切尔西有可能以4球以上净胜对手</t>
  </si>
  <si>
    <t xml:space="preserve">我想问下，现在大学生考什么证最有用，除了报关员，谢谢 </t>
  </si>
  <si>
    <t>我是02年通过报关员的，且一次成功。报关员其实也不是难，就关键在于是否能够静下心去看教材，一定要熟读并识记教材的。报检员我是03年通过的，也是一成功。当然比较起来，报检员比报关员要好考得多。但这两者的工作都一般，待遇不是太高，且都不适合年龄大了的人。还是考会计吧，好像会计现在很吃香的。</t>
  </si>
  <si>
    <t xml:space="preserve">医生的芙蓉作为一个医生,我想带个芙蓉,可是不知道怎么芙蓉适合自己 </t>
  </si>
  <si>
    <t>神迹[抗封]，毒[中了怪物血一次10%的掉]，偷袭[克双反]1，实用2，便宜医生的BB有必要打吸血吗？？？</t>
  </si>
  <si>
    <t xml:space="preserve">怎么引导15个月的宝宝多说话啊？怎么引导宝宝多说话啊，宝宝现在1 </t>
  </si>
  <si>
    <t xml:space="preserve">平时做任何事，说做平行，让孩子多听，并面对面让孩子看着你的口型发音。还要让孩子练习说，如他要的东西或吃的东西，要他说出东西名字后才给他。这样，能促进他的语言能力发展。 </t>
  </si>
  <si>
    <t xml:space="preserve">我是一名统计员怎样才能把统计工作做好我现在一家大型企业的统计员（ </t>
  </si>
  <si>
    <t>如何做好企业统计员工作:    统计分析作为一项重要的统计内容，是统计工作最终成果的体现。如何写出有质量、有价值的统计分析，并在加强管理，提高经济运行质量等方面为领导提供建议，是作为统计员的我不断思索，努力实践的一项重要任务。下面向各位领导和同仁们汇报自己的一些体会。     —、完善基础，不断提高统计分析能力     统计分析，既是统计工作参与管理实践的成果，也是统计工作的总结与提高过程。在日前召开的华东地区烟草行业统计学术论文研讨会上，我根据统计工作参与的实践，撰写《企业非实物形态的成本统计分析与控制》统计论文，能够得到领导和同志们的肯定，实际上也是对我厂统计分析，为提高企业经济运行质量服务的肯定。     上海烟草工业印刷厂始建于1929年，一直是我国烟草行业内的专业生产卷烟商标的印刷厂。改革开放以来，在上海烟草（集团）公司的大力支持下，以市场为中心，加大技术改造和技术进步力度，引进了一系列国际先进的印刷和制版设备，在浦东新区兴建了上海罗德烟草印务有限公司和上海金鼎印刷厂，形成了国内印刷技术领先的综合优势，生产规模和经济指标保持持续稳定的发展，主要产品为卷烟商标和包装装潢印刷品。是“中国包装印刷龙头企业”和“上海市高新技术企业”。     随着传统的报表统计向结构、效益分析的转变，作为企业的综合统计员，大量数据的接触，既有看到企业不断发展的喜悦，也能透过数字看到不少问题的存在。责任感、使命感和危机感，使自己深深感到做好统计工作的压力。统计分析是统计为企业管理服务的体现，如何打造好统计工作的基础，不断提高统计分析能力，一直是我努力的方向。所以在用心做好统计的同时，注意发挥自己的主观能动性，通过“五个做好”，实现了统计认识、基础、素质、技能和指导等五个方面的完善提高，尽可能把工作做到更好一些。     1、做好统计工作重心的转移。     企业统计人员要与时俱进，我认为，既要学习党的路线、方针和政策，了解宏观经济的形势，更要研究企业微观经济状况，分析研究自己接触的、熟悉的工作，提供具有价值的统计分析和可实施的改进措施，这就是统计为企业发展服务，统计分析要务实的所在。     企业竞争的基础体现在投入产出上。依托上海烟草集团的优势，近年来，我厂在技术进步方面作了大量投入，其中在胶印设备上先后引进了海得堡CD   102六色胶印机3台、五色胶印机1台和瑞士BOBST烫金机、104自动模切机等一系列国际先进的印刷以及相配套设备。K－MART、沃尔玛等一些国际大公司在选择国内产品包装定点配套企业时，到我厂进行考察后对我厂生产规模、技术实力也是0K。     胶印印刷作为我厂主体生产，大量的固定资产、人员的投入，生产效率的发挥一直企业领导关注的问题，也是关系到产品在市场竞争、企业经济效益的重点问题。我在工作中注意围绕这些企业的重点、热点问题而展开，做好统计分析基础积累有心人。结合对生产过程观察，逐步建立有关数据资料，对影响效率的生产要素进行专题研究分析。得到了厂领导和员工的重视和支持，并形成具有我厂特色生产运行效率的统计，说明了统计分析为企业发展服务的重要性。     2、做好统计工作的规范管理。     统计作为企业管理的一项重要工作，统计规范管理是企业统计人员的职责，也是做好统计分析基础的需要。在完善企业内部管理中，根据上级统计部门和企业领导的要求，我先后负责起草修订了厂《统计工作管理规定》、《印刷生产的统计标准》、《产成品管理规定》和《经济活动分析管理规定》等多个统计管理标准，通过标准制度使得企业统计工作有章可循，也为统计分析提供数据的支持。 比如《印刷生产的统计标准》就是对企业内印刷生产的各种统计指标进行定义、计算口径的界定和统一，规范了基础数据管理。《产成品管理规定》通过对我厂产成品从合格入库到销售过程中，产品销售、顾客服务等单据、表式和要求的统一，确保了产值、销售收入等指标计算准确。《经济活动分析管理规定》对统计分析的内容、格式、要求和职责作了详细规定，使得企业统计分析进入规范操作。     3、做好自身素质的学习提高。     遨游沧海才知海洋的深邃，统计职能由报表型统计向企业管理服务型统计转变，对统计人员来说，实际也是由企业经营管理的观察者向管理参与者角色的转换。所以，自身素质的提高是做好统计、写好分析的关键，如果不加强学习，就难以满足统计改革和发展的需要。因此，我在加强统计业务技能提高的同时，积极进行企业管理，特别是会计方面知识的学习，先后取得了统计师、会计师、注册会计师等资格证书，由于这些知识的掌握，对我统计分析参与企业管理，为领导决策当好参谋中起到了较好的帮助作用。     4、做好计算机操作技能的提高。     随着网络和信息处理技术的飞速发展，计算机在统计工作中作用越来越大，给统计工作带来了挑战和机遇，需要不断学习提高。     在加强企业管理中，我厂在生产定单管理、原辅材料管理、产品产销存等方面，实现了计算机系统管理。由于计算机软件和接口不同，反映到我综合统计的各种数据，无法在计算机中实现共享和利用。随着统计要求的不断提高，我不是等软件开发，而是通过办公自动化的学习，熟练掌握计算机操作技能。利用EXCEL电子表格，开展电子统计台帐、统计报表和数据处理工作，为报表填报、统计分析起到了较大便利和保证。把大量的计算整理工作给计算机做，也使我得到充分的时间投入到统计分析中，计算机能够为我们统计工作多做事，做好事。     5、做好对基层部门的统计指导。     厂综合统计反映的是整个企业统计情况，统计报表、分析数据需要下面车间部门的支持。为此，我注意做好对车间部门统计工作的检查和指导工作，帮助车间和部门统计人员提高统计工作水平。比如在开展胶印生产效率提高的活动中，新的车间生产日报表、新生产统计指标的确定、计算口径界定、统计台帐的设置等，反复与车间领导和统计员进行讨论，帮助完善，使得新的生产统计制度得到很好运行。企业胶印生产运行效率的统计工作，统计分析的深入，也是在车间和部门统计人员的支持配合下，取得成绩的。     二、优化数据，不断提高统计分析作用     数据说话并不是在统计分析中大量数据的堆砌，也不是数据简单罗列，而是用数据来提高统计分析的含金量。数据是一座金库，就看我们如何数据挖掘、优化的深加工。统计分析求真就是要用数据演绎、推导和求证，真实、客观反映企业管理状况，也统计发展的根本需要。     在统计分析中，我们也经常看到不少统计分析是缺少数据支撑，说服力乏味无力，另一方面，在管理中大量数据产生又被空置，没有被充分利用。胶印生产效率提高的专题统计分析能够产生较好效果，就是从数据挖掘，分析利用中发现问题的所在，是实现统计优质服务的基础。生产过程的数据优化，经历了“挖掘、组合、运用、提高”的四个过程。     1、生产数据的挖掘利用。     随着企业管理的进步，我厂统计工作虽然不断完善，但是，产、质、损数据统计发展是不平衡的。ISO9000标准体系认证通过，大大丰富了产品质量管理指标；成本管理同样有产品得率、原辅材料损耗率、产品料工费等许多指标。而生产统计仍然停留在品种、产量和产值等量的指标，特别是缺乏对生产过程数据的统计分析。另一方面，近年来加强管理，在生产过程增加了许多记录台帐和表格以及大量数据，需要我们去开发和利用，为统计分析提供有力的说明。     数据是某一客观事物的记录，一个数据仅能说明某个事物，而一组数据就能表达一种现象，多组数据组合起来分析，就能描述某一内问题在联系，揭示某种客观规律。数据的挖掘、价值的发现是统计工作不断发展的需要，也是我对企业统计工作不断改进和提高的认识基础。     例如，机台调换任务是印刷生产中常见的事，说明一个生产定单的调换。把调换任务时间累计起来，就能反映其对机台有效运行时间的影响；除以调换任务次数，反映了平均每次调换任务时间，是机台人员操纵技能的说明；把调换任务次数累计起来，反映了定单情况对生产的影响；不同的产品，调换任务时间也不同，反映产品结构对其影响；把所有调换任务时间与有关指标相结合，就能反映其对产量、产值的影响；把调换任务时间与其他停机时间相结合，就能反映调换任务在设备停机因素中的比重。整体归纳起来，说明机台调换任务是影响生产效率发挥的因素之一。一个简单的数据通过挖掘，能够帮助我们产生新的认识。     2、统计数据的多元组合。     在统计分析中对生产数据的再认识，不断发现其价值，并进行系统梳理和整合，才能为生产效率的统计分析提供了完整的、具有说服力的数据支持。生产效率是多元因素影响的结果，生产要素间的互相制约性，需要对影响效率的生产要素进行数据重组，使得复杂的问题数字化，数字化问题清晰化，促进统计分析水平的提高。     首先、对生产效率的分析，我没有采取过去对产品数量、质量和纸张等材料消耗的常规分析，而是用非实物形态成本管理理念，对生产要素中影响效率发挥因素进行分析，从印刷实现率统计分析入手，通过产品结构、设备状况、生产组织、操作技能和工艺技术等方面进行多层次的组合分析，到最后验证点———胶印色令加工成本，大量统计数据形成了科学、完整的胶印生产效率问题的说明。     其次，根据生产过程数据组合的情况，设计了有关生产效率统计指标，能够客观、充分反映企业生产效率状况。比如印刷生产的运行率、实现率指标的确立。为了准确核定机台生产能力标准，我不是简单根据设备理论能力，也不是只看车间的上报数据，而是到机台旁跟踪观察实际运行情况，在分管厂领导支持下，与生产车间、设备部门和生产技术部门一起，根据设备状况，承印产品情况逐台进行讨论确定。     第三、数据成了统计人员用武之地。车间的统计更加细的组合，充分反映出各机台运行状况，内部因素和外界因素对机台运行情况的影响。车间统计人员依靠计算机软件帮忙，还忙的很。这一整套新的生产效率的统计对车间生产管理起了很大帮助。生产过程统计的内容多了，统计人员用数据来说明生产问题，车间经济活动分析水平也提高了。     3、统计数据的运用实践。     作为上海烟草（集团）公司的全资子公司，由于多年来企业一直保持了较好的增长势头，企业干部与职工看到和听到都是企业比较好的情况。在我和其他同志通过二个多月数据运用，在对胶印生产效率的统计与分析研究基础上，用powerpoint的形式，进行《胶印产品生产效率分析和对策》专题分析，推出了27张关于胶印生产数据的统计表，上千个数据，一层一层的分析，用数据从多角度、多层次来分析问题。     就是这些过去不曾被注意的数据，为统计分析起到了画龙点睛的作用。主题突出，观点鲜明、数据充分、说服力强，引得参加分析会干部与职工的惊叹和折服，问题的存在和分析，得到厂领导的肯定和重视，起到了很好的决策参谋作用。     烟草行业企业有一个明显特点，企业领导和职工都很想把事情做好，积极性和热情很高。通过分析寻找到问题的突破口，会后厂领导立即召开有关部门会议，讨论专题分析中反映的问题，布置改进措施。向彩印车间、生产技术科等五个部门开具了厂长签发的“提高胶印生产运行率、实现率”项目督办单。生产车间和其他部门从生产准备阶段、设备保证能力、工艺技术研究、材料保障和员工技能等多方面，强化各项管理措施。企管办定期将完成情况书面反馈厂长室。第二年还把“提高胶印生产效率”列入企业方针目标，把胶印生产运行率列入对车间管理的考核。通过这一系列管理措施的实施，使得我厂胶印生产效率提高取得了明显效果。（具体的措施和效果在统计论文中有详细描述，这里省略）     4、统计数据的改进提高。     通过对胶印生产效率的专题统计分析，数据的开发利用的方法，也促进了企业各部门分析工作的提高，一些很平常的数据都被运用到加强生产管理中。比如设备维修，时间上统计有无故障运行时间、故障停机时间和故障维修时间分（最长故障修理时间、最短故障修理时间）；故障情况统计分日常故障、重复故障和预防性维修以及次数；频率统计情况又分故障停机率、最短故障间隔期（天）、故障频率（次／百小时）和最长天数故障频率（次／百小时）等，每月通过数据把简单的设备维修情况描述的清清楚楚，促进设备为生产保障服务水平的提高。     三、开拓进取，不断提高统计分析水平     随着统计工作从注重总量指标分析向运用现代经济理论分析的转变，对客观事物简单描述的统计分析，已经不能适应领导决策、管理进步的需要。这就要求我们与时俱进，在研究方向上紧紧结合企业实际，积极运用新的思想去分析新问题。为此，我从创新意识、理论研究，联系实际三方面，将统计知识与会计知识的融合，加强统计分析水平的提高，使得企业管理提升具有针对性和有效性。     1、统计分析要有创新意识     印刷生产是属于一种技术性较强的加工过程，传统的生产管理确定往往是依据以往的经验。这种经验性的认识对生产效率的重视，是模糊和缺乏系统性的。需要用一种新的管理理念去研究分析，其重要不仅仅在于发现问题，而是如何实现目标的途径。     提高经济效益是企业永恒的主题，多年来，我厂十分重视生产过程中产量、质量和成本指标的改善，经济效益名列上海市包装印刷行业前茅。在统计分析中发现，我厂设备是一流的，产品质量也一流，而生产运行质量并非是理想，主要是对生产效率发挥缺乏足够的认识和管理。     制造加工企业在生产过程中，重视对产量、质量和成本等指标的管理，是长期传统管理所形成的。而在构成产品实体的原辅材料外，还有是活化过程中消耗的成本，与效率发挥、资源利用有密切关系，其有一个共同特点：无实物形态，我们称之为非实物形态成本，往往容易被人忽视，却是客观存在的一部分产品成本。这就引出了对产品成本分类的再认识，用不同标志的分类就有不同的成本涵义理解和管理。     2、统计分析要注重理论研究。     会计上对产品成本用不同的标志有科学的分类。邯钢经验就是说明了成本管理要结合实际。产品成本按物质形态来分，是根据产品生产实际，从统计角度如何降低产品成本，提高企业经济效益的需要。     成本管理把产品成本分为料、工、费核算，管理会计中变动成本和固定成本的分析是有科学道理。这些需要有一定的专业知识来理解，也不是企业所有人员能够掌握应用。我认为，统计人员参与经济效益提高的分析，不是简单重复成本分析，也不是要求会计上改变产品成本核算。而是我们统计工作如何与提高经济效益结合起来，需要有一个切入点。生产效率是一个切入点，就是为何做？谁做？怎样做？做了谁用的问题，即：统计分析的策划。促使我们对非实物形态成本，进行认识和管理理念的探讨和研究。     在统计论文中，我对产品实物形态与非实物形态成本管理之间的认识，从概念、内容、方法和作用结果上，作了详细的区别与联系描述，这些分析认识使得我们在观念上、重视程度和分析方向上有了一个突破，归纳起来解决了为何做？谁做？怎样做？做了谁用的四个问题：     1）.产品成本按实物形态分，把关系生产效率、资源有效利用对产品成本的影响因素，归纳为非实物形态成本管理，能够在产品实物成本后面，更形象、更系统地反映“效率”在产品上的成本。虽然其成本值很微小，但在生产管理却是薄弱环节，是大有文章可做。     2）.非实物形态成本管理和控制，由于不同于会计的成本核算，这就为统计工作参与降低产品成本活动提供了需要。由统计人员来做非实物形态成本管理统计，对生产要素中效率影响因素进行控制，管理结果都一样，为了降低产品成本，提高企业竞争力。     3）.非实物形态成本管理关注的，是生产效率发挥、资源有效利用等问题。由于会计是以金额发生来核算，没有办法进行生产组织、操作技能和工艺技术等方面核算要求。而非实物形态成本管理的角度，就能够进行系统的生产效率统计分析，是企业全员成本管理的补兖。     4）．统计分析的价值是在使用中产生。生产过程中，各种生产要素的配置和生产需要之间，投入与产出之间，会出现各种各样的问题。非实物形态成本管理，实际是对生产要素中效率发挥的控制。所以，我厂生产过程中这些效率发挥的统计分析，很自然被生产管理者重视和利用。     3、统计分析要理论联系实际。     基于以上这些认识的深入，我们把它演绎为一种管理理念，并运用于提高胶印生产效率的研究，结合生产过程数据的开发运用，从六个层面，十二个方面进行系统的统计分析。促进了生产管理观念的改变，完善了生产管理，形成了新的生产统计模式，并取得了实实在在的效果。     （非实物形态管理理念在论文中有详细的研究、统计运用、实施措施和产生效果的说明，这里不作详细的描述。）     一个生产系统包含了协作组织的管理体系和生产设备的合理搭配，不同的系统组合，即不同的生产方式、生产组合对生产效率的影响是根本的，具有决定性的。这就是1＋1＞2的系统效应。企业生产效率的提高，实际上是企业各方面管理资源有效整合的结果。     企业生产管理观念的改变很重要。对生产完成，过去主要讲产量、质量，讲节约多少纸张和油墨的分析，不讲究设备能力发挥的如何：对生产定单安排首先考虑完成，很少考虑生产中使用设备的成本，也不讲究设备性能和印刷色数利用，印刷两个颜色产品会用四色胶印机甚至六色胶印机印刷；因为生产效率发挥高低，对车间管理上不考核，所以大家也不关心有多少效益在生产过程中被“损失”丢掉。现在，生产任务完成的评价，不仅仅是看定单按时完成、产量和质量情况，还有生产过程效率发挥情况如何。     通过产品生产过程有效控制，产品成本管理得到了的持续改进。当年末统计，平均胶印色令成本比上年降低26.9％，实际减少印刷加工成本455.31万元。第二年，平均胶印色令成本又比上年水平降低22.78％。实际减少印刷加工成本404.73万元。我厂胶印色令成本降低的成果课题也获得了上海烟草（集团）公司2001年管理成果评审的二等奖。     今年来，我厂领导进一步重视生产过程数据质量的改进，加大了硬件和软件建设投入，通过信息网络技术的运用，构筑新的生产信息管理系统。生产过程统计的工作流程进一步缩短，生产定单从管理评审到机台安排、产品入库一系列生产过程数据，通过信息集成系统的处理，正逐步由期末反映向期中控制的转变。       统计的价值是在服务中增值。提高企业经济效率是一个很大课题，我们的认识还是粗浅的，统计分析还有许多地方需要改进，需要运用新的统计知识去研究提高，比如异常数据诊断、数据挖掘理论，建立个性化的统计分析模式等等，使我们的统计分析有质的飞跃，才能迎接市场经济不断发展对企业的新挑战。</t>
  </si>
  <si>
    <t xml:space="preserve">连续几天梦到大水，在一个大坑里要开发盖楼，坑里全是水，好多人在坑? </t>
  </si>
  <si>
    <t>梦见水上行者主大吉。梦见水上立者主凶事。梦见水流洋洋有新婚。梦见水上火出主大吉。梦见自在水中大吉利。梦见自落水中不出凶。梦见饮水不休得大财。梦见流水绕身有狱讼。梦见大水澄清大吉祥。梦见人家有水见子亡。梦见江海涨漫大吉昌。梦见河水砂石益文章。梦见自己戴孝和棺材是好兆.梦见别人戴孝小心惹口舌 反小人</t>
  </si>
  <si>
    <t xml:space="preserve">北京有那些好的高中数学辅导班?我在北京想暑假报一个询问一下... </t>
  </si>
  <si>
    <t>我感觉上辅导班不如自己在家看书，因为数学需要悟！在辅导班上可以学的东西的却不少，但这个学科是靠理解的 ！多做题！这是我提高数学成绩的窍门！没有捷径的。</t>
  </si>
  <si>
    <t xml:space="preserve">为什么宝宝的小脚丫爱出汗?为什么宝宝的小脚丫爱出汗呢?宝宝四个月 </t>
  </si>
  <si>
    <t>我家的宝宝也是这种情况．应该没什么问题吧．因为小宝宝的脚没事就动来动去，活动多了，自然会这样．每天洗洗脚，保持干净，宝宝也会舒服的．</t>
  </si>
  <si>
    <t xml:space="preserve">怎样做皮萨 </t>
  </si>
  <si>
    <t>饼的做法(详细) 主料：面粉 辅料：黄油、奶粉、食用油、番茄沙司、香蒜辣酱、乳酪丝、青椒、洋葱、虾仁、口蘑 做法： 1、 将奶粉、黄油放进面粉中活好，省2个小时； 2、 将洋葱洗净切成圈，青椒洗净切成丁，口蘑洗净切成片； 3、 在煎盘上倒少许油，将面团放入盘中按成一个中间薄边缘厚的圆饼，用叉子均匀的在饼上扎满小孔，然后铺上番茄沙司和香蒜辣酱，加上洋葱、青椒、口蘑、虾仁、乳酪丝； 4、 将放好调料的比萨饼放入微波炉中10分钟，再按（烤脆）键5分钟后即可。 下面还有一种做法： 准备材料 比萨酱、洋葱、黄油、粘奶酪（要专用的，否则拉不出丝）、水果、自发粉、鸡蛋、牛奶、青椒、培根、豌豆、玉米、香菇。 调料 盐、味精、胡椒粉、酸辣汁、橄榄油等 第一步 和面，将少量黄油加热搞化，与一个鸡蛋和少量自发粉混合，随后加入牛奶和面粉，不断的揉啊揉，记住面粉和牛奶要一点一点加。大约250毫升牛奶的量可以做两张比萨，面不要太软，最后弄成两个面团，放置20分钟发酵。 第二步 等面发酵的时候，可以把蔬菜水果等加工一下，切成小块?盘里均匀涂上少许橄榄油，将面团擀平放进考盘，因为没有圆盘，只能做成方的了。注意中间薄，边缘厚，这样比萨才有边。 第三步 抹上比萨酱，可以根据口味再加些胡椒或是盐等调料。把蔬菜水果、培根等放在上面，搭配可以按自己的口味。 我的做法是：蔬菜培根用洋葱、青椒、豌豆、玉米、培根和香菇；水果培根用草莓、菠萝、培根。也可以在上面再撒一些酱料。 第四步 用绞丝器将奶酪绞成丝撒在比萨上，要多哦，这样才好吃。 第五步 烤箱预热220度，烤20分钟左右，应该在上面盖一层锡纸，避免上面过热把奶酪烤糊 。</t>
  </si>
  <si>
    <t xml:space="preserve">一岁四个月小孩得“腺样体肥大”怎样治疗我家小孩现一岁四个月，一岁 </t>
  </si>
  <si>
    <t>看中医,吃中药调理,大伏天中药热敷效果很好.祝节日快乐.</t>
  </si>
  <si>
    <t xml:space="preserve">QQ空间里的阳光、雨露、爱心和营养分别代表什么？ </t>
  </si>
  <si>
    <t>您的植物拥有四项属性：阳光、爱心、雨露、营养。1.阳光指数       每1个访客（不包括未登录的访客）给这项指数增加 1分，每天增加分数上限为8分。2.爱心指数       自己每发表一篇日志（包括彩信日志）、新增一个非个性签名的心情、上传一张照片、音乐收藏中      增加一个音乐专题、添加一个偶像、一条资讯均增加3分，但添加一首音乐只增加1分；相应地，您删      除一篇日志、一张照片、音乐专题、一个偶像、偶像资讯也都要扣3分，删除一首音乐也要扣1分。每      天增加分数上限为8分，减分无下限。3.雨露指数      网络日志、心情、排行榜、音乐专题、偶像资讯每增加一个非自己的回复增加1分，留言板每增加一个      非自己的留言增加1分，相册每增加一个非自己的评论增加1分，每篇网络日志每被转载一次原创作者      增加3分，每天增加分数上限为8分。4.营养指数       每在个人空间商城花费1元钱，给当前的植物的这一指数增加8分（手机消费除外），植物营养指数将      在24小时内为您加上；黄钻包月用户每月月初（10号前）固定增加100分：当月开通当月关闭，将不      增加黄钻营养指数；当月开通黄钻资格的用户，当月不增加黄钻营养指数，从下月开始增加100分营      养指数。 积分无满分，但以200分为一个阶段，当各个指数都达到200的时候，又会开始增加，其中某一项到400则停止，等其它积分涨到400再继续增长，以此类推。 当您的花生长到第四阶段（即指数总和大于600），就可能收到神秘礼物哦！当您的每项属性指数都加满200分，您才可以摘到人参果，升级花匠级别，同时系统将自动赠送您一个当前级别的人参果挂件，可在“我的物品”中查看。更换植物不会影响您的花藤指数。</t>
  </si>
  <si>
    <t xml:space="preserve">奥尔多声望我是奥尔多的声望现在2985不知道怎么搞的,都不能和N </t>
  </si>
  <si>
    <t>去沙塔斯城贫民区找孤儿院，一个德莱尼女人会给你一个任务，让你交8个巨牙毒囊。 这个任务是可以重复上交的一次交8个，一次250声望，可以一直做到奥尔多中立。 当你奥尔多声望处于中立以下时，只能依靠这个任务提升声望</t>
  </si>
  <si>
    <t xml:space="preserve">在济南，洪楼小学、山大附中的排名怎么样？小学、初中基本上是一体的 </t>
  </si>
  <si>
    <t xml:space="preserve">我想你应该问的是山大附属初中吧？很强啊！教学质量非常好，而且学生的课外活动也很多，算是济南相当好的初中了！洪楼小学虽然不怎么样，但毕业后可以自然升入山大附属初中，不用额外交钱。至于山大附属高中，那就是济南七中了，垃圾学校！给山大丢脸！ </t>
  </si>
  <si>
    <t xml:space="preserve">《嫁个有钱人》中郑锈文的那首中文歌曲叫什么名字？ </t>
  </si>
  <si>
    <t xml:space="preserve">歌曲：玻璃鞋歌手：郑秀文 专辑：《嫁个有钱人》主题 又再想情形原来多公平谁人如能使我经常欢乐,也能使我哭恋爱是无形如童话精灵无形而能使我心情起伏反而感觉满足我愿为爱作牺牲耗尽了我的真完成童话内戏份现实纵使伤感,破碎公主的心玻璃折射那幻觉幻觉极迷人王子,从来未遇到灰姑娘天神从来未造出玻璃鞋还是相信恋爱幻觉童话拼合爱的方块假如存在幸福玻璃鞋假如神或上天肯安排期望给我只管看一眼只管穿一穿也愉快music成就一对可拥有一刹花一生积蓄我愿买期望跟你只管吻一吻只管想一想也愉快!百度地址   </t>
  </si>
  <si>
    <t xml:space="preserve">正在看《潜伏》，大家说说29期“潜伏”的冷门吧？个人感觉是佛罗伦 </t>
  </si>
  <si>
    <t>对 朋友的观点赞同佛罗很可能冷但国米3应该无多大问题曼联切尔西稳了祝你好运</t>
  </si>
  <si>
    <t xml:space="preserve">癫痫大发作抽搐怎么办 </t>
  </si>
  <si>
    <t>你好，癫痫又称羊羔疯，一般药物很难根治，西医没有特效药，中医中药长期临床实践积累了很多独特的治疗方法，建议你采用传统中药天麻、琥珀、羚羊角、麝香、柴胡、桂枝、石菖蒲、青阳参、白僵蚕、钩藤、羊痫草、珍珠母、铁胆粉、龙戟草、甘草等配合治疗，见效快，疗效确切，许多患者治愈后不会复发。这些药物配合使用具有扶正祛邪，安神镇静，活血化淤，祛湿化痰，醒脑开窍、健脾补气、填精益髓等功效，从根本上调理脏腑机能，是彻底治愈癫痫病这一顽症的最佳治疗方案。这些药物的有效成分极易透过血脑屏障，直捣病灶核心组织，抑制脑组织细胞异常放电，迅速与神经间质受体产生竞争抑制，同时修复受损的脑神经细胞，从根本上治愈癫痫发作这一顽疾。此方成功的突破了以往只控制，不除根的传统治疗方法，使很多久治不愈的癫痫患者得到彻底康复。</t>
  </si>
  <si>
    <t xml:space="preserve">我的火狐上不了中国工商银行大家看看截图无法输入密码，是不是得下什 </t>
  </si>
  <si>
    <t>一般这些银行网页只注册了IE6所支持的证书，甚至连IE7也不支持，所以还是用回IE6看银行网吧</t>
  </si>
  <si>
    <t xml:space="preserve">生活与日子的区别及联系? </t>
  </si>
  <si>
    <t>生活就是过日子。穷也是过，富也是过。差别中在于， 穷人的日子长－－度日如年；而富人的日子短－－春宵苦短。</t>
  </si>
  <si>
    <t xml:space="preserve">矮人多少级才能砸C晶？？怎么砸？多少级矮人能砸C晶？怎么砸？用什 </t>
  </si>
  <si>
    <t>C晶要40晶工匠轉?成?馉?工匠才能砸，你打開物品?诎袰?裝?淅阶笙陆悄茄e點確定就可以了！我玩的?r候都是去市?鲑I便宜的精靈?铣呻p精靈（合成後是C?的裝?洌┰偃ピ遥闼闼憧春喜缓纤悖蝗荒闳ナ找恍┍容^便宜的裝?浠?碓乙惨?樱?</t>
  </si>
  <si>
    <t xml:space="preserve">股票怎么玩怎么样买股票，股票的价格是怎么算，当你买的股票上升的时 </t>
  </si>
  <si>
    <t xml:space="preserve">新股民如何开办证券账户卡？　　个人开户：深圳市场每户50元，上海市场每户50元，并收取手续费10元。一张身份证在每个交易所只能办理一个证券账户，不得重复开户，临时身份证、户口本、过期身份证不准办理个人账户。凭本人身份证原件在交易时间到具备代理开户资格的券商营业部网点可以办理开户手续。 　　我以前曾在其他营业部开户，如何办理转户手续？　　客户需到原开户证券营业部办理有关转户手续。有深圳的办理深圳股票转托管，转托管费30元，上海股票要办理撤消指定交易手续，有现金的可在结息后提走现金，然后再到新的证券营业部办理开户和指定交易有关手续即可。　　什么是托管、转托管、指定交易？　　投资者与证券公司就投资者持有的证券存在的法律关系叫作“证券托管”。　　转托管：深圳证券交易所交易证券的托管制度是投资者在选定的证券经营机构成功买入证券后，与该证券经营机构的托管关系即建立。深圳证券交易所的托管制度可以概括为“自动托管、随处通买、哪买哪卖、托管不限”。投资者在更换营业部时，如果需要把原持有的深圳证券交易所股票转到其他营业部托管，需要办理“转托管”手续。　　指定交易：上海证券交易所交易证券的托管制度是指参与上海证券交易所证券买卖的投资者必须事先指定一家会员为其证券买卖的委托人，并与指定交易的会员签订指定交易协议。投资者与一家会员签订指定交易协议后，不能在另外的会员处办理指定交易，需要先申请撤消原来的指定交易后，才能在新的会员处办理指定交易。　　目前证券交易的数量单位是如何规定的？　　证券交易的数量单位为手。上海、深圳证券交易所规定：A股、B股、基金的标准手是每100股或 100基金单位为1手，债券1000元面值为一标准手。委托买卖的数量通常为1手或1手的整数倍。数量不足1手的证券称为零股，零股可以一次性卖出，但委托买入的数量必须是1手的整数倍。　　什么是涨跌幅限制、集合竞价、连续竞价？　　涨跌幅限制是指在一个交易日，除上市首日证券外，每只证券的交易价格相对于上一交易日收市的涨跌幅度不得超过10%， 超过涨跌限价的委托为无效委托。交易监督机构有权对交易异常的股票实行特殊处理，其涨跌幅度均为5%。涨跌幅分涨停板和跌停板两种。　　集合竞价是指在每个交易日上午9：25，交易所撮合主机对9：15至9：25 接受的全部有效委托进行一次集中撮合处理的过程。　　连续竞价是指在集合竞价之后，撮合主机对投资者申报的委托进行逐笔连续撮合处理的过程。　　交易规则为价格优先、时间优先。　　从今年 7月1日起，沪深股市全面推行新交易规则———开放式集合竞价。开放式集合竞价是在集合竞价时间内，通过即时行情系统你能看到集合竞价参考价格等综合信息。也就是说，正常交易日的9:15—9:25，即时行情除了显示证券代码、证券简称、前收盘价格之外，还会显示虚拟开盘参考价格、虚拟匹配量和虚拟未匹配量等信息。由于信息更加全面，大大增强了市场的透明度，从而降低了集合竞价被人为操纵的可能性。需要注意的是，新交易规则虽然允许撤单，但对时间有严格的限制，9:15—9:20可以接收申报，也可以撤销申报；但9:20—9:25只接收申报，不能撤销申报了。　　深、沪股票ST和沪市N 、XR、XD、DR代表什么？　　ST是交易所提醒广大投资者有投资风险的股票的提示，表示该股票2 年连续亏损，根据有关规定在股票名称前必须加ST标志。若连续3年亏损， 交易所有可能暂停该股票的交易甚至摘牌。　　N：沪深两市每逢新股上市首日，在该新股的中文名称前加注“N”以提醒投资者。凡股票名称前加注“N”的股票均为当日上市的新股。　　XR：代表送股以后除权；XD：代表分红以后除息；DR：代表送股和分红后除权除息。　　股息、红股怎样领取，需要我办理手续吗？　　股息、红股均通过交易系统自动到账，投资者不需另外办理手续。 </t>
  </si>
  <si>
    <t xml:space="preserve">有男人给我留了首仓央嘉措的十诫诗是什么意思？第一最好不相见，如此 </t>
  </si>
  <si>
    <t>这首诗写出了一种痛苦而且凄美的爱情，描绘出了在爱情之中沉沦缱绻的男女的情思和愁绪，复杂的心理变化让这种真实的，忧郁的爱情更加让人心口微痛。 　被迫与恋人分离，一遍遍重复着“如果不”的假设，看似在后悔曾经的爱情，实际上却把自己对那人的深爱展露无疑。若不是爱得深刻，又怎么会如此痛苦，若不是爱到情痴，又怎么会有如此恨人事无常？尤其是最后一句展现出的柔弱的一面，更体现出儿女情长。前面的淡漠和决绝，不过是因为太爱了用来束缚自己的伪装，最后终于说出口的“要我如何忘掉你”的话语其中的悲凄，绵远悠长。那种微弱的痛楚，从目力所及的文字一直流落到心口，酸楚之情油然而生。  他一定喜欢你（如果他是拿给你看而不是你自己偷偷发现的话）因为他很爱很爱你的话就不一定会借一首诗来表达。。。或是说他暗恋你很久了，在向你表白。。。</t>
  </si>
  <si>
    <t xml:space="preserve">阴道的结构因为得了宫颈糜烂，在塞药，所以每天会清洁阴道两次。这之 </t>
  </si>
  <si>
    <t>“食指进入到阴道的深处后，在阴道的上壁，有一个硬硬的东西长在那，感觉有点长，凸起在那”，应该还有圆圆的感觉，那是你的子宫颈，非常正常。</t>
  </si>
  <si>
    <t xml:space="preserve">我的声望狂少啊！！作哪些任务声望多啊！！ </t>
  </si>
  <si>
    <t>在等级低时做商会尽量做到1200以上，之后做所有主线：三封书信（寇准，范仲淹，王业伟）；扬洲夏候琴，张伯汗任务；东海水族任务；丰都，天门阵任务（未全部开放）；西南大理任务。以及部分支线，如帮巫冥找木手之类。以上任务包括商会全部做完，声望可以达到3000+，如果觉得还不够，可以做杀手任务，周末倭寇任务（太慢，一次护送只有2点声望和20点功勋，要200多功勋才可以换10几点声望，所以不推荐）。声望应该会很快上来。请尝试先搜索问题，如果没有找到您要找的答案之后，再提问！如果提问的话，找到您需要的答案之后请您尽快登陆到个人中心结贴！如果对我的回答还有问题可以PM我，PM的时候顺便把帖地址带上！复制偶东西之人！请把格式也复制了！也要针对问题，不要盲目复制别人东西！</t>
  </si>
  <si>
    <t xml:space="preserve">驴胶补血颗粒和黄连上清丸一起吃可以吗。还是间隔多长时间吃呢 </t>
  </si>
  <si>
    <t>驴胶补血颗粒 是养血，补血之品，对于血虚的患者常伴有阴虚内热的症候，如果火热旺盛时，配合黄连上清丸是可以的，但黄连上清丸，不可久服。最多一两天。服用时需与“驴胶补血颗粒”间隔2个小时以上较为稳妥。目的是使人体能够充分吸收“驴胶补血颗粒”的作用。  仅供参考。希望对你有所帮助。</t>
  </si>
  <si>
    <t xml:space="preserve">有美女的照片吗？不要明星的。想看看美女 </t>
  </si>
  <si>
    <t>这个美吗?</t>
  </si>
  <si>
    <t xml:space="preserve">面膜洗面奶紧肤水爽肤水爽肤乳液使用步骤是怎么样的啊？？另外紧肤水? </t>
  </si>
  <si>
    <t>1、白天护肤：洁面-化妆水/爽肤水/紧肤水-眼霜-面霜-隔离霜/防晒霜-粉底液-粉等彩妆 2、晚上护肤：洁面-化妆水/爽肤水/紧肤水-面膜-化妆水-眼霜-精华素-面霜爽肤水、紧肤水和柔肤水统称为化妆水，它们都具有稳定肌肤、平衡肌肤酸碱性的功效。而它们各自的侧重点又不同：爽肤水涂抹的感觉比较清爽，能补充肌肤的水分；紧肤水的最大功效在于细致毛孔，还可以有效平衡油脂分泌；柔肤水相较其他两种“水”而言比较滋润，给予肌肤细致的呵护。 都需要用的，爽肤水是平衡皮肤的PH值的，并且能起到再次清洁和补水的作用，乳液是给皮肤增加营养并且保湿，所以两者都需要用</t>
  </si>
  <si>
    <t xml:space="preserve">怪怪怪`!!!!GM给个合适的解释!!~靠我是百里秦川的玩家昨天 </t>
  </si>
  <si>
    <t>是不是不小心按逃跑了```按了逃跑```战绩会没了的`</t>
  </si>
  <si>
    <t xml:space="preserve">我眼睛小做什么手术能让眼睛变大 </t>
  </si>
  <si>
    <t>你好，可以通过开眼角跟双眼皮手术来达到理想的效果，这类手术虽然是小手术，但建议你还是到大型正规的整形美容医院进行吧。双眼皮手术如果失败修复起来时比较麻烦的，所以才建议你到大型的医院进行手术。如果你还有什么地方不清楚的可以点击在线咨询进行留言。</t>
  </si>
  <si>
    <t xml:space="preserve">QQ视频一小时流量有多大我是个菜鸟，请问我的宽带上网有个下载流量 </t>
  </si>
  <si>
    <t>有一个办法可以去计算它的流量QQ不是有个图片捕捉的吗？捕捉视频，然后把它保存为jpg格式的图片（一般为几K）这个和每秒的传输速度很接近，也就是每秒几K这样你就可以计算出一小时的流量的了。</t>
  </si>
  <si>
    <t xml:space="preserve">谁知道墙壁眼睛膝盖的英文连起来是什么意思， </t>
  </si>
  <si>
    <t>墙，眼睛，膝盖的英文分别是:wall eye knee。  所以连起来的中文意思是，我爱你。</t>
  </si>
  <si>
    <t xml:space="preserve">一个从来不抽烟的女子，突然有一天人们她抽烟，请问这能说明她发生了? </t>
  </si>
  <si>
    <t>你要看她是真抽还是只是装装样子，装装样子的话，是说明她想引起某人的注意。真抽的话，说明她遇上感情的困扰。</t>
  </si>
  <si>
    <t xml:space="preserve">火光鼠的加点``（100分）昨天无意中抓个单圈的火光鼠，不知道怎 </t>
  </si>
  <si>
    <t>名 称：火光鼠 宠物成长：235～325 血量成长：75～95 法力成长：55～75 速度成长：60～70 物攻成长：-10～10 法攻成长：55～75 每个成长都不怎么样，既然是全敏水，宝宝就全加敏吧。</t>
  </si>
  <si>
    <t xml:space="preserve">皮肤油大日常该怎么养护？ </t>
  </si>
  <si>
    <t>油性皮肤的保养要点 油性皮肤皮脂排泄旺盛，脸部油腻光亮、粗糙，有些像橘子皮。特别是在T型区的额头、鼻子和下巴，油脂分泌更多，极易发生痤疮、粉刺等。油性皮肤不易起皱纹，对外界刺激耐受力较强，用纸巾测验试法呈透明状。 保养要点： （1）洁面水温可偏高，以40度左右为宜。用洁面力度强的香皂或青瓜洗面奶，去掉附着在毛孔中的污物，用洗面海绵反复擦洗洁净。 （2）用调节皮脂分泌的水护理肌肤，用适于油性皮肤的护肤品营养皮肤。 （3）不偏食油腻之物，多食蔬菜、水果。 （4）要经常作深层皮肤护理：洗面、蒸汽浴面、按摩、面膜。要用适合自身皮肤特点的分妆品。 油性皮肤干性皮肤能经受各种外界刺激，不怕风吹日晒，不容易老化，起皱较晚。这种皮肤就应该用中性或稍偏碱性的香皂热水清洗，面部每日洗三四次。以去除皮屑、皮脂和尘土，使皮肤光洁美观，减少毛孔阻塞。这种皮肤不宜过多使用化妆品，特别是油性化妆品，以免加重油腻和毛孔的阻塞，最好选用含水分较多的雪花膏等。 夏季油性皮肤的保养: 虽由于遗传和性激素的原因，一些人的皮肤皮脂分泌较多,毛孔粗大,易生痤疮及粉刺,这种皮肤就是油性皮肤。油性皮肤的保养不是一件简单的事，但是油性皮肤也有优点：不敏感，并且能够长期保持"年轻"。随着年龄的增长，油脂的分泌也会逐渐减少，有些人甚至会转变成为中性皮肤。 每天早晚彻底地清洁皮肤是油性皮肤护理的重点内容。虽然化妆品无法改变造成油脂分泌过多的雄激素分泌，但是选用化妆品能够减少油脂的，缩小毛孔，从而减少粉刺发生的机会。 每天早上先用40度左右的温水湿润面部，然后使用易溶于水的洁肤品，如：洗面奶、香皂等彻底的清除皮肤表面的油脂和污垢，必要的时候可以使用脸刷，接着用冷水再洗一遍使面部血管收缩,减少皮脂的分泌。洗脸后,用收敛性化妆水整肤,使在清洁过程中扩张了的毛囊口收缩,最后涂上适合中性皮肤使用的日霜。 为了更为彻底地清除皮肤表面的油脂、死细胞和毛孔当中的污垢，每周还要使用中性的磨面膏对皮肤进行1～2次深层清洁，磨面要在早上进行，磨面之后一定记得涂上有湿润作用的日霜，如果阳光很强，还要使用防晒霜。 晚上按照和早上相同的步骤清洁面部,也可以换用含有酒精成分的洗面液，这样会使皮肤有清新的感觉，最后涂上适合油性皮肤的晚霜，晚霜不要涂得太多，尽可能少用，如果你还没到25岁，就不要使用有渗透作用的护肤品，只在眼睛周围和颈部用润肤品就足够了。 油性皮肤一般需要每天洗脸3次,所以除了早晚之外，中午也应当对面部进行清洁，方法可以参照早上的护理方法，只是不要进行磨面。每周还可选用适用于油性皮肤的面膜进行敷面,每周1～2次。油性皮肤在使用化妆品方面,宜少不宜多，特别是油性化妆品,以使皮肤更加油腻的和毛孔的堵塞,最好选用含水分较多、有湿润作用的化妆品。 在饮食方面要避免吃油腻及辛辣食物,尽量戒除烟酒，多吃水果、蔬菜。 美女保养方法之参考： 一般每天洗脸2--3次，用温水洗后，最好再用冷水洗一遍，使面部毛细血管收缩，减少皮脂的分泌。洗脸后用热毛巾敷面部，使毛孔张开，可以有效地去除毛孔内的油污。洁面水温可偏高，以40度左右为宜。用洁面力度强的香皂或青瓜洗面奶，去掉附着在毛字械奈畚铮孟疵婧C喾锤床料唇嗑弧? 早上，洗脸后，先拍收敛水，使在清洁中扩张了的毛孔收缩，避免污垢进入，然后用清爽的营养奶护肤；晚上，用按摩的方法去掉在毛孔中的污垢，然后用收敛性化妆水在脸上轻轻拍打，最后涂营养乳液以保养皮肤。 油性皮肤不宜过多使用化妆品，特别是油性化妆品，以免加重油腻和毛孔的阻塞。饮食应避免吃动物油及辛辣食物，不吸烟，不饮酒，多吃水果、蔬菜。 油性皮肤最容易出油的地方就是T字部位。如果要解决油腻的问题，一般的方法就是勤洗脸，但是那样容易使皮肤缺水，在多数情况下，我们可以隔一段时间使用一次吸油纸。 如果是经常化妆的朋友又爱出油的话，除了使用吸油纸外，还可以使用喷壶往脸上喷水，然后擦干。另外，可用散粉来扑一下，用粉扑来吸油。 由于各种原因，每个人在选择控油产品时也会不同。 吸油面纸最适合急救，但每天使用最好不超过两次，否则会破坏皮肤自身，造成越吸油越多的情况，建议用湿棉片代替吸油纸。 表面控油的产品，瞬间就可令肌肤感觉油分少了，毛孔也被填平了，但它和吸油纸一样只能暂时性地解决问题，并不能从根本改善，长期使用会产生毛孔堵塞和肌肤过干等问题。 深层控油产品是流行趋势，多采用一些天然成分通过深层抑制油脂制造，防止油脂分泌，从源头去解决油脂问题。 晚上是给毛孔进行大扫除的好机会。如果使用的是深层控油产品，在清洁皮肤后，可将产品挤在棉片上，敷在容易出油的地方5--10分钟，再用手指轻轻按摩。第二天出门时，可逆着毛孔的方向，涂抹控油产品，爱出油的T区则可以在第一次涂抹的5分钟后加涂一次，进行重点控制。同时，上妆前应先涂上隔离霜，并使用控油粉底，就可以保证全天的清爽，做到无“油”无虑了。 脂溢性皮炎 皮肤皮脂腺分泌皮脂是一种正常生理现象。但如果皮脂腺分泌功能亢进，皮脂排出过多，在皮肤上堆积，在堆积处出现慢性皮肤炎症，则称为脂溢性皮炎。脂溢性 【临床特征】脂溢性皮炎多见于青壮年，好发于皮脂腺分布较多部位，如头、面、耳后、腋窝、胸前、肩胛间、腹股沟、会阴等处，也可泛发全身。初发皮疹为红色丘疹或斑片，互相融合，上面覆有油腻状鳞屑或黄痂。由于发生的部位不同，症状各异，如头部损害，重者可伴渗出结痂，有臭味，可引起头顶脱发，称脂溢性脱发。眉、鼻翼、耳后见灰白色鳞屑或黄痂，基底潮红，躯干部位不规则黄红色或淡红色斑片，复以糠秕状鳞屑，严重者发展至全身而成红皮症。有时因搔抓，继发感染毛囊炎、疖肿、淋巴结炎。脂 【发病原因】脂溢性皮炎的发病原因尚不清楚，一般认为与性腺分泌紊乱有关，为雄激素分泌亢进所致。除此以外，与消化功能失常，食糖、脂肪过多，精神紧张，过度劳累，细菌感染，维生素B族缺乏等有一定关系。 我们通过多年的临床研究，认为脂溢性皮炎的发生与肾阴不足，相火妄动，或肺胃血热上冲，热毒不得疏通，而致局部新陈代谢与血液微循环发生障碍。并继发皮疹、丘疹或斑片与油腻状鳞屑的症状。 【一般治疗】 1、禁饮酒：因脂溢性皮炎的发生与消化功能失常食糖、脂肪过多少食油腻及刺激性食物，多食蔬菜水果。 2、内服药： (1)维生素B族类制剂，如维生素B6 B2 B1。 (2)有人主张服酮康唑或四环素。3.外用药：去脂、消炎、杀菌、止痒的原则，常用复方硫磺洗剂，或希尔生液。4.中医治疗：潮红、渗液、结痂时可以清热、解毒、利尿为治则，用龙胆泻肝汤加减。仅有痒而无渗出时，以养血、润燥、祛风、清热为治则。用祛风换肌散加减。 参考资料：  脂溢性皮炎的发病原因尚不清楚，有人认为与遗传有关，但未得到证实。本病是在皮脂溢出的基础上所引起的皮肤继发性炎症。精神因素、饮食习惯、维生素B族缺乏、嗜酒等对本病的发生、发展均可能有一定的影响。 治疗主要在于保持皮肤清洁，限制脂肪饮食和酌用药物治疗。 1．限制脂肪性食物和甜食，如肥肉、奶油蛋糕、巧克力等，多食蔬菜和水果。 2·每晚用温水涂少量硫磺香皂或硼酸皂洗脸。清除面部油腻，清洁皮肤。 3．遵照医嘱用药物治疗，需耐心坚持方能有效。 4.中医治疗：潮红、渗液、结痂时可以清热、解毒、利尿为治则，用龙胆泻肝汤加减。仅有痒而无渗出时，以养血、润燥、祛风、清热为治则。 全身治疗： 1.维生素B2、B6和复合维生素B等； 2.瘙痒剧烈时，可给镇静止痒剂等； 3.炎症显著或炎症范围较大时可短期给予皮质类固醇激素及抗生素。 值得注意的是要吃富含维生素的食物，尤其是维生素A的食物要适量多吃，猪肝、胡萝卜、蛋黄等，以纠正毛囊皮脂角化异常，防止毛囊堵塞。有人研究，缺锌也可产生脂溢性皮炎，应在膳食中补充含锌高的食物，如动物肝、瘦肉、禽类、坚果类等，以纠正人体内锌含量相对不足。避免高碘饮食很重要，因高碘饮食可使毛囊角化或堵塞，要控制海带、紫菜等海产品的摄入。 除上述之外，还要多吃含维生素C、B1较丰富的食物，如新鲜蔬菜、水果等。适量的增加谷物杂粮、新鲜蔬菜、水果等食物，对脂溢性皮炎大有益处，占总热能的18.8%，碳水化物356克，占66.3%，维生素A515微克视黄醇当量，维生素E41.7毫克，维生素B11.32毫克，维生素B21.09毫克，维生素C159毫克，尼克酸12.1毫克，钙1037毫克，铁28.1毫克，锌13.4毫克，硒24.9毫克，铜2.7毫克，镁469毫克，磷1412毫克，钠3486毫克，钾2959毫克，胆固醇38毫克，膳食纤维19.6克。 本病一般诊断不难，但应提高警惕与红斑型天胞疮鉴别，以免贻误治疗时机，引起严重后果。治疗中还应注意生活规律，睡眠充足，限制多脂及多糖饮食，忌饮酒和辛辣刺激性食物，少用热水肥皂洗头，避免诸如篦头发等各种机械性刺激。 不好，大宝也很油，而且不容易吸收，用玉兰油的水晶凝露吧。</t>
  </si>
  <si>
    <t xml:space="preserve">只知道正方形的面积是300平方米，要求正方形的边长是多少，应该怎? </t>
  </si>
  <si>
    <t>解：设圆的半径为R，则正方形边长也等于R因为正方形面积等于300平方米所以R^2＝300平方米所以圆的面积＝π*R^2＝300π（平方米）（不知道你说的是求圆的面积还是求圆的3/4，如果是圆的3/4，就等于225π平方米。另外，“正方形覆盖”不清楚是什么作用，请补充一下）</t>
  </si>
  <si>
    <t xml:space="preserve">我的眼球发红，这是为什么啊？ </t>
  </si>
  <si>
    <t xml:space="preserve">  出现这种情况属于结膜炎的，这种情况的原因，一般主要是由上火造成的，和炎症感染，或者是过敏都是有关系的。可以涂抹红霉素眼膏治疗的，多吃一些含维生素多的食物都有利于改善症状的，出现情况要及时用药治疗观察，以免延误病情。可能是结膜炎所致的，首先合理饮食，加强卫生，保持局部清洁，感染应用新霉素，氯霉素眼水积极控制，冲血应用润洁等，局部冷敷，补充维生素C等，多可好转的，    您好，根据您的描述，这种情况的话首先需要考虑眼睛结膜炎导致的眼睛发红、不舒服的可能，建议近期少玩电脑、手机，少看电视，注意保护眼部卫生，每天用做氧氟沙星滴眼液对症治疗会有一定的好转的。 </t>
  </si>
  <si>
    <t xml:space="preserve">在高温状态下一氧化碳还原氧化铁的方程 </t>
  </si>
  <si>
    <t xml:space="preserve">Fe2O3 + 3CO =(高温) 2Fe + 3CO2 Fe2O3 + 3CO =(高温) 2Fe + 3CO2 </t>
  </si>
  <si>
    <t xml:space="preserve">我新装修的房子，入住后发现别人家一做饭，我家就问到味，很烦哪，怎? </t>
  </si>
  <si>
    <t>应该在烟道和油烟机之间装一个止逆阀，如下图，油烟机启动时就会推开那个小挡板，关掉油烟机，就可以挡住外边的油烟进入你家了..</t>
  </si>
  <si>
    <t xml:space="preserve">道具商成问题？发布不了啊怎样每次发的装备都能让它在首页新品上架中 </t>
  </si>
  <si>
    <t>非常负责的告诉你。。任由天命。。只能怪TL的系统问题了。 本人已经试过N种方法了。包括：1换电脑2错开时间3错开帐号等全4一天发一次等全部失败告终。 系统BUG！相信我一个老玩家的资力吧！你运气好的话可以一直发布！所以当你能发布装备时请珍惜这点时间吧</t>
  </si>
  <si>
    <t xml:space="preserve">初三　正三角形ＡＢＣ的周长为１０ＣＭ，将三角形纸片沿ＥＦ折叠，使 </t>
  </si>
  <si>
    <t>解：  F在AC上∵正三角形ＡＢＣ    ∴∠B=∠C=∠A=60°∵将三角形纸片沿ＥＦ折叠，使点Ａ落在ＢＣ上的Ｄ处令AE=x     CD=2a    则DF=3a∴∠FDE=∠A=60°   DE=AE=x     DF=AF=3aEB=（10/3）-x∵∠CFD+∠CDF+∠B=180°     ∠CDF+∠EDB+∠FDE=180°∠FDE=∠B=60°∴∠CFD=∠EDB又∠B=∠C=60°∴△CDF∽△DEBDE/DF=EB/CDx/3a=（10/3-x）/2ax=2=DE=AE</t>
  </si>
  <si>
    <t xml:space="preserve">关于局域网我们呢现在有好几个小办公室，都是通过无线网卡的无线路由 </t>
  </si>
  <si>
    <t>无线路由器不是带AP功能吗，直接在网上邻居找不到吗</t>
  </si>
  <si>
    <t xml:space="preserve">大便颜色深,不成形,还老放屁,经常回不成形,有些东西还没消化,如? </t>
  </si>
  <si>
    <t>病情分析：大便不成形是肠炎的典型症状之一。慢性肠炎的症状还有：肠鸣、腹泻、脓血便、腹痛、便秘、泡沫便等等。指导意见：如果长期大便不成形并且持续时间在一周以上，就预示着是一种器质性的病变，另外大便不成形也可能与药物，情绪紧张，食物不耐受，结肠运动功能异常，小肠机能障碍及食管，胆囊运动异常有关。大便不成形不等于腹泻，患者一定要引起重视，发现症状请及时到正规专科医院检查治疗</t>
  </si>
  <si>
    <t xml:space="preserve">英语选择题——WhatshouldIweartoattendhi </t>
  </si>
  <si>
    <t xml:space="preserve">Bdress however you like　穿你喜欢的根据意思排除DA C不能选，因为dress后面不直接加宾语（表示衣服的宾语）所以不能用what whatever只能说dress sb/oneself或者dress in white/rags　   </t>
  </si>
  <si>
    <t xml:space="preserve">美元怎么有走弱了???明年2月前美元汇市走向如何? </t>
  </si>
  <si>
    <t>我看未来1－2个月美元对几个主要货币都应该是宽幅振荡，比较明显的阻力是英镑兑美元的2.0，这个阻力应该不会轻易突破，汇价可能会在此之下反复振荡。</t>
  </si>
  <si>
    <t xml:space="preserve">5335端口一般是什么软件或者服务才用的呢?rt,非常感谢. </t>
  </si>
  <si>
    <t>1024以上的端口都是可以用户自己定义的端口,这个不存在是哪些软件固定用的端口,即使你把这个端口占用了,系统在运行以前用这个端口的软件是也会例外随机给它分配一个端口.只有1024一下的端口为固定的端口号.</t>
  </si>
  <si>
    <t xml:space="preserve">幸福？、幸福是什么？？怎样才能拥有幸福呢是能够和他有个圆满结局还 </t>
  </si>
  <si>
    <t>真正的幸福是让你爱的人得到幸福，即使没能和你走到一块，但她能获得幸福生活，就够了</t>
  </si>
  <si>
    <t xml:space="preserve">温室大棚有哪些种类呢？ </t>
  </si>
  <si>
    <t>塑料温室：大型连栋式塑料温室是近十几年出现并得到迅速发展的一种温室型式。与玻璃温室相比，它具有重量轻、骨架材料用量少、结构件遮光率小、造价低、使用寿命长等优点，其环境调控能力基本上可以达到玻璃温室的相同水平，塑料温室用户接受能力在全世界范围内远远高出玻璃温室，成为现代温室发展的主流。玻璃温室：玻璃温室是以玻璃为透明覆盖材料的温室。日光温室：前坡面夜间用保温被覆盖，东、西、北三面为围护墙体的单坡面塑料温室，统称为日光温室。其雏型是单坡面玻璃温室，前坡面透光覆盖材料用塑料膜代替玻璃即演化为早期的日光温室。日光温室的特点是保温好、投资低、节约能源，非常适合我国经济欠发达农村使用。塑料大棚：塑料大棚能充分利用太阳能，具有一定的保温作用，并通过卷膜在一定范围内调节棚内的温度和湿度。单体温室：采用圆拱型插地棚:基本要求是棚宽8米，棚长30米，肩高1.8米，顶高3米，拱杆采用φ25×2mm热镀锌管, 拱杆间距1.0米，插入土中0.4m以上。</t>
  </si>
  <si>
    <t xml:space="preserve">求高手帮提取背景音乐？ </t>
  </si>
  <si>
    <t xml:space="preserve"> 答案补充这个是的哦</t>
  </si>
  <si>
    <t xml:space="preserve">我爱他，很爱他，可是他对我忽冷忽热的，想放弃，好累好累他，一个很 </t>
  </si>
  <si>
    <t>只要你肯放弃，就有药可救，你的爱让自己变的太卑微，这样的爱本来就不健康。更何况从你故事的开始，我就没有感觉你们感情有过开始，更别提结束了。真的就像你自己说的，也许只有你自己认为你和他是一对，而他根本没这么认为。你这场戏中根本没有男主角，一切都只是自己的一厢情愿。他有过一次不幸福的婚姻，那么我想问问，婚姻的失败难道只是一个的错吗？肯定两个人都有责任？问题是造成这段不幸的责任，到头来还不知道该归到谁的头上呢！也许你爱他，所以你会觉的他是个完美的男人，可是在外人来看，是个糟糕透顶的也说不定。继续的沉沦下去，你永远不去解脱，时刻告戒自己这一切只是自己的一厢情愿，永远不会有结果，既然你是个聪明人，别人说些有的没的，也是多余，因为大道理你都懂，别人在说也显的多余，至于能不能让自己解脱，就看你肯不肯了，只要下定决心，应该没有办不到的事情，把他尘封在记忆了吧，一切都会成为过去，淡忘过去，该自己重新开始的机会。加油新年快乐</t>
  </si>
  <si>
    <t xml:space="preserve">公司税务我们公司是一外贸公司，一直是由代理公司代理记账的，现在不 </t>
  </si>
  <si>
    <t>其实这就像老会计走了来了新会计一样，税务这块没有什么变更的，有的环节比如购票员可能要变更一下</t>
  </si>
  <si>
    <t xml:space="preserve">我好辛苦才拿到激活码的，也激活了，可是我现在居然不记得我的号拉~? </t>
  </si>
  <si>
    <t>我连激活码都不知道啊</t>
  </si>
  <si>
    <t xml:space="preserve">请给我推荐一个代理软件？？？？？？？请问有什么代理软件可以自搜索 </t>
  </si>
  <si>
    <t>（通通通2005）搜一下</t>
  </si>
  <si>
    <t xml:space="preserve">我的电脑发送到里面什么也没有、怎么可以加入|“快捷方式、邮箱、桌? </t>
  </si>
  <si>
    <t>在你的系统盘里：C:\Documents and Settings\username\SendTo文件夹里修改即可：将需要的内容拖入。注：该文件夹为默认隐藏。</t>
  </si>
  <si>
    <t xml:space="preserve">请问连云港市癫痫病医院怎么样 </t>
  </si>
  <si>
    <t>癫痫病的对我们伤害是很严重的，因此，家人很病患都是很想尽快的治疗好自己的病，但是我们要到哪里去治疗呢，邯郸癫痫病专科医院是一个不错的选择，因为那里有专业的医疗设备，还有专业的医治团队，有专业的专家，可以找到自己的病因，从而对症下药，及时的治疗病，这是对我们身体好的。我们在治疗的病的时候，我们要先清楚自己得了什么病这是很主要，因此，这就是要我们到医院去检查了，有的一些病是小诊所可以检查出来的，但是有的以病是检查不出来的，所以我们就要到正规的医院去检查了，不要到小诊所了，因为那样会有误治病的事情出现，会使我们的病情变得更加严重。治疗癫痫病不是很容易的事情，癫痫患者想要把癫痫病治好，那么癫痫患者就要在治疗的时候选对治疗的医院，这样癫痫患者的疾病才可以有不错的治疗的。癫痫患者在选择医院的时候要选择专业的医院，专业的医院有着权威的治疗专家的，也是有着好的治疗的方法的，这样癫痫患者的疾病就可以有好的治疗。为了能很好的治疗癫痫病，癫痫患者要在治疗的时候选择一家专治癫痫病的医院，这样癫痫患者疾病才能有好的治疗的。癫痫患者在治疗的时候要知道治疗的医院是不是专业的医院，患者可以通过医院的荣誉，口碑，治疗的情况等来看，这样的医院在治疗的时候才能使患者的疾病得到很好的治疗的。</t>
  </si>
  <si>
    <t xml:space="preserve">网4碧海是吧是又卡了怎么JB碧海又上不去了是不是又卡了 </t>
  </si>
  <si>
    <t>服了 好容易弄个2.2经验 都花钱买披风 不是怪死了还要打6 7个技能 就是卡线上不去 在不就根本上不去 我想问问 谁能告诉我 这个游戏还值不值得玩 17就能骗钱 根本不管玩家的感受。。。。</t>
  </si>
  <si>
    <t xml:space="preserve">女1982年12月29日，男1979年7月4日，想知道我们201? </t>
  </si>
  <si>
    <t>请不要忘记要采纳fenny或“易学爱好者”之前的所有回答，谢谢！阳历2012年3月18日不宜领证和举行结婚仪式。 男方：阳历1979（己未）年07月04日11：30  女方：阳历1982（壬戌）年12月29日18：30  阳历2012年3月12～31日只有可以领结婚证，但对两人助益不大（无助无害）的日子：阳历2012年3月16日或3月23日。 选举行结婚（仪式）的吉日时需注意，男女双方父母的属相不可以是“拜堂典礼、仪式”需避开的生肖！ 阳历2012年3月12日～4月份除了下面的日子，没有你们可以领证的日子。 阳历2012年3月12日～4月份适合两人领结婚证登记的黄道吉日：阳历2012年4月24日，农历（阴历）四月初四（乙卯）日。 分析如下： 1、乙卯日和男方生肖三合。 2、乙卯日是女方生肖的贵人。 3、乙卯日和女方生肖六合。 阳历2012年3月12日～4月份可以领结婚证，但对两人助益不大（无助无害）的日子：阳历2012年3月16日、3月23日、4月6日、4月9日、4月11日或4月26日。 1、阳历2012年3月16日，农历（阴历）二月二十四（丙子）日。 2、阳历2012年3月23日，农历（阴历）三月初二（癸未）日。 3、阳历2012年4月6日，农历（阴历）三月十六（丁酉）日。 4、阳历2012年4月9日，农历（阴历）三月十九（庚子）日。 5、阳历2012年4月11日，农历（阴历）三月二十一（壬寅）日。 6、阳历2012年4月26日，农历（阴历）四月初六（丁巳）日。 祝白头偕老，百年好合。因为爱问版面系统不让上传资料更改，如果对fenny（易学爱好者）答复后，还有其他疑问，请您重新到“演艺、、娱乐的运气与星座”的“风水”栏，向“易学爱好者”提问，并提供原始问题的“链接网址”，不要再复制fenny的答案，否则还是无法全文呈现，谢谢！</t>
  </si>
  <si>
    <t>天山口小屋这个是什么意思八字命局分析：八字五行旺衰综合得分:</t>
  </si>
  <si>
    <t xml:space="preserve">你只要知道八字喜：水木火土，其他的不重要。 </t>
  </si>
  <si>
    <t xml:space="preserve">现在铁血魔城还暴不暴装备和书哟? </t>
  </si>
  <si>
    <t>现在已经不暴了</t>
  </si>
  <si>
    <t xml:space="preserve">电缆线VV、VV22的区别 </t>
  </si>
  <si>
    <t>VV——铜芯导体聚氯乙烯绝缘及护套电力电缆；VV22——铜芯导体聚氯乙烯绝缘及护套双钢带绕包铠装型电力电缆；就是带铠和不带铠的区别</t>
  </si>
  <si>
    <t xml:space="preserve">什么是药食同源 </t>
  </si>
  <si>
    <t xml:space="preserve">中药与食物的产生方法相同，中药的产生与食物一样来源于我们祖先千万年的实践，是与大自然、与疾病长期斗争的经验结晶。原始人最初的生产方式———尝试和寻找食物，往往在饥不择食的情况下，在吃的过程中，难免会误食一些有毒或有剧烈生理效应的动、植物，以致产生明显的药理作用，甚至死亡，经过无数次反复试验，对动、植物产生了第二认识，即产生了原始的中药，因而吃是积累中药知识和经验的重要途径。我国古代的许多典籍中都有关于“神农尝百草”的传说，正好证明，中药是吃出来的医药，药乎?食乎?同出于口。 所谓中药与食物的来源相同，中药与食物一样来源于自然中的动、植物，而且很多中药与食物，很难截然分开，可以说身兼两职，如粮食类中的药物，如谷芽、麦芽、淮小麦、浮小麦等，蔬菜类如荠菜、萝卜、芥菜、山药、百合、藕、败酱草、冬瓜、南瓜、赤小豆、黑大豆、刀豆、扁豆等。果品类如山楂、乌梅、龙眼、桔类、柚类、莲子、杏仁、无花果等，调味品类如山萘、生姜、桂皮、丁香、花椒、胡椒、八角茴香、小茴香、草果等，动物类中就更多，包括蛇类、家畜类、水产类、野兽类等。药食同源，使中药具有浓厚的生活气息，也使中药强化了它的实用性和经验性，人类生活中包含了中药，中药就在人类生活中产生。物的“属性”属寒性的食物：动物性――马肉、螃蟹、牡蛎、蛤蜊。 植物性――茄子、莲藕、黄瓜、白菜。水　果――柿子、西瓜、菠萝、梨。 调　料――粉丝、盐、黄酱、酱油。 属凉性的食物：动物性――鸡蛋、鹌鹑蛋。 植物性――竹笋、菜花、萝卜、菠菜、薏米。 水　果――桔子、甜瓜、香瓜、苹果。 饮　料――茶。  属平性的食物：动物性――蛋黄、牛奶、鲤鱼、平鱼、鳕鱼、海胆黄、乌贼。 植物性――胡萝卜、洋白菜、蚕豆、豌豆、山药、白薯、马铃薯、玉蜀黍、蘑菇类、粳米、小麦、大豆、红小豆。水　果――花生、白果、无花果、草莓、李子。调　料――蜂蜜、砂糖。 属温性的食物：动物性――牛肉、鸡肉、羊肉、猪肝、鳝鱼、大马哈鱼、青鱼、沙丁鱼、金枪鱼、虾、海扇贝。 植物性――韭菜、大蒜、葱头、南瓜、芦笋、芝麻。 水　果――核桃、栗子、杏、梅子、陈皮。 调　料――大茴香、芥未。）  属热性的食物：动物脂肪、干酪、火腿、肉肠。  调　料――姜辣椒、花椒、胡椒、酒、咖啡、醋。 辨别“寒”、“热”、虚”、“实”正确运用药膳 “寒症”脸色苍白、怕冷、喜热饮、不渴或热饮不多、尿清长、便稀、月经推迟、脉迟缓等。  “热症”则面红赤、发热、口渴喜冷饮、尿少呈红色或黄色、便秘、月经提前、脉数（快）等。  “虚症”和“实症”是表现病情的一种状况。  “虚症”是指正气虚弱，邪气不盛的病变和症候，“多见久病体虚者。 “实症”则是指邪气盛、正气未衰的病变，多见于身体健康，初次患病者。在确定了自己的“症”之后，在食物和饭菜上，可选择相反的“性”的食物为好。如属于“寒症”的人，选择“温性”或“平性”的食物、属于“热症”患者，选择“寒性”、“凉性”或“平性”的食物。 　　另外，随着季节的不同，在饭菜的原料上，烹调法上都应注意适当调配。夏季应配合一些凉性、寒性或带泻药性的原料；冬季应使用温性、热性或滋补的原料；春、秋则食用一些较稳妥的属平性的食物。随着季节的变化，不断变换饮食，这样才能避免患各种季节性常见病。 　　目前由于生活水平的提高，使我们不能按这个法则去做。如整天生活在冷房中的人，既使在夏天，也应选择带温性的食物。所以还要根据自身所处的环境来选择。发烧时，选一些退热的寒性或凉性食物；在身体受寒时，选择温性食物；睡眠不足或劳累过度，体内有热毒时，选择凉性食物。“症”是相对的，不是固定不变的，应根据具体情况来决定。 五味和脏腑的关系  酸：有收敛固涩的作用。对肝、胆有益；对脾、胃有害。苦：有燥湿和泻下的作用。对心、小肠有益；对肺、大肠有害甘：具有补养及和缓的作用。对脾、胃有益，对肾、膀胱有害辛：有发散和行气血的作用。对肺、大肠有益；对肝、胆有害咸：有软坚润下的作用。对肾、膀胱有益；对心、小肠有害。此外，还有一种淡而无味的药物，为淡味。有渗湿利窍的作用   五脏六腑也有各自忌讳的东西，这就是“五禁”。“五禁”的味有损于各个脏腑的机能。为了缓和这种损害作用，就有必要在做饭菜时，加些相辅的味。如：辣味加酸味，甜味加咸味，酸味加甜味，苦味加辣味，这样调配一下，可防止对各个脏腑的不良影响。   　　其实，这种相辅的味，我们在日常生活中，已有过体验。如芥未用醋来调，四川菜的鱼香茄子也加些醋。一般，家庭食用的盐，都含有钠，也起到了调味的作用、甜味里加盐，就是很好的调和。含糖份的食品很多，可加 些盐、酱油、酱等就可解决。苦味的食品较少，如苦瓜、茶、咖啡、猪肝等。炒苦瓜时，可加点葱、姜，炸猪肝时加点椒盐，鸡肝汤加点姜丝等，都是很好的例子。咖啡对血压不利，可加点白兰地酒，有独特的风味。　　总之，为保持身体健康，我们要注意选择食物，了解自己 的体质，选择适宜的饭菜，争取渡过一个不就医的人生。 </t>
  </si>
  <si>
    <t xml:space="preserve">我60+J做菜刀任务好做,为什么82J去还打不过了???我60+ </t>
  </si>
  <si>
    <t>你好去死了，不要活了，连个怪都杀不死</t>
  </si>
  <si>
    <t xml:space="preserve">偶像剧中的最佳荧屏情侣? </t>
  </si>
  <si>
    <t>《新扎师妹》吴彦祖和杨千??</t>
  </si>
  <si>
    <t xml:space="preserve">老公爱上别人,我该怎么办我和老公结婚6年,孩子也5岁了,关系一直 </t>
  </si>
  <si>
    <t>从你老公的言语和他信息的内容,说明他至少是个诚实的男人.如果你爱他,就给他一次机会吧?</t>
  </si>
  <si>
    <t xml:space="preserve">请问高手PG请问高手们PG在不买技能槽的情况下装那些技能 </t>
  </si>
  <si>
    <t xml:space="preserve">技术：扑球  Q/E  SS  还有2个接力与W防守的抉择。。。我是放弃W防守。。。毕竟接力是独一无二的。。。不装太可惜了。。。但是没装W防守面对晃王有点力不从心。。。只能希望RP好点 多抢断成功了FREE：铲球  闪电抢断  单手突破  背2（没点卷以后就用自由过人了）还有一个空可以留着 也可以买一个你想装的技能 </t>
  </si>
  <si>
    <t xml:space="preserve">怎么学好白话很早就想学白话可是不知从何学起 </t>
  </si>
  <si>
    <t>我也是广东人，我身边也有不少不会讲粤语的朋友，他们经常请教我怎么学粤语，我一般就是叫他们多看粤语电视、电影节目，先听懂粤语，和我交谈我也一般用粤语，听不懂我再翻译，慢慢地他们听力提高了，接着他们又学讲，开始是身边的物、事，比如电脑、老婆、吃宵夜怎么说，然后是整句整句的学，到最后是发音了，我教他们咬着木塞来讲，因为粤语里是没有卷舌的发音，而北方人卷舌的习惯又带到这来，当然，这招我是在一部电影里学的。 如果你身边没有象我这样的老师，那可以看粤语的电影、电视、听粤语歌，象那位广州MM--MyLady1129 所说的那样。毕竟学粤语要比学英语要简单得多吧？！把学英语的热情、方法用在学粤语上，相信你很快会学会的！ 另外要提醒你，不要相信那些用注音方法教粤语的教材，那只会误人子弟的。出处： 回答者：macfeng - 助理 二级</t>
  </si>
  <si>
    <t xml:space="preserve">牙膏选哪个牌子比较好?市场里有很多五颜六色的!到底选什么比较好? </t>
  </si>
  <si>
    <t xml:space="preserve">牙膏大致上可分为药物牙膏和非药物牙膏二大类。 氟化物牙膏 这是市面上见得最多的一种药物牙膏，它主要是利用牙膏中的活性氟促进牙釉质的再矿化，增强的抗龋力，对抑制牙结石的形成和促进牙周组织健康有一定的作用。另外含氟牙膏，特别是氟化亚锡牙膏也用于牙周疾病的预防。目前市场上的佳洁士、高露洁、青竹盐、美加净牙膏、安利的丽齿健含氟牙膏都属这一类。但并不是每个人用含氟牙膏都好的，它只适合于低氟区和适氟区的人使用，而对于7岁以下的小孩子，由于刷牙时可能会吞食牙膏而引起氟斑牙，还是少用为好。 儿童牙膏 考虑到孩子的天性，这类牙膏多加入了水果型，目的在于增加儿童刷牙的兴趣，另外在包装上也颇费心思，多用动物或鲜艳的图案来吸引孩子注意。 洗必泰牙膏 洗必泰是阳离子活性物质，有较强的灭菌作用，能全面地抑制口腔内细菌繁殖。这种药物牙膏已被广泛地用于牙周疾病和龋病的预防，并收到了良好的效果。研究还发现，洗必泰与氟化物合并使用比两种药物单独使用对减少牙龈炎和龋病的防治效果更加明显。洗必泰使用安全，无明显的副作用，但长期使用会使牙齿染色。 柠檬酸锌牙膏 锌是消除茵斑和牙龈炎的有效介质，是牙科药物中一种安全有效的新型药物。 中药牙膏 中药是利用中国医药宝库中的消炎止血等药物生产的牙膏。这是国外加氟牙膏等产品不可比拟的产品。如两面针、田七、四环素、洁银、叶氯素中药牙膏等。还有带薄荷清凉牙膏，去烟渍牙膏，在市场上形成一大特色。 脱敏牙膏 含氯化锶或硝酸钾成分，主要用于牙本质过敏症，可降低牙齿对龋病的敏感性。 </t>
  </si>
  <si>
    <t xml:space="preserve">哪位大虾能指点一下，这棵植物如何过冬，冬天放室内还是室外比较好 </t>
  </si>
  <si>
    <t>这是燕子掌，也叫玉树，多浆肉质亚灌木。玉树喜温暖干燥和阳光充足环境。不耐寒，怕强光，稍耐阴。冬季温度不低于7℃。你在什么地区？如果冬天冷，还是搬到室内去，因为我家也养过一棵，有一年初冬，忘了搬进屋里了，结果一夜就冻死了。</t>
  </si>
  <si>
    <t xml:space="preserve">妄想症和妄想障碍一样吗？ </t>
  </si>
  <si>
    <t>妄想症又称妄想性障碍，是一种精神病学诊断。 是一个意思。</t>
  </si>
  <si>
    <t xml:space="preserve">发现雪塔的一个有趣问题不知道大家发现没有，雪塔的怪跟雪塔的层数是 </t>
  </si>
  <si>
    <t>基本是楼主观察这样子的~有些类似黄金迷宫，每加一层，怪的等级也加1级~但有例外，除了楼上说的前几层和40层之外，14层最特殊，有1级布卡，同时出的其它怪是从2~20级的都有。</t>
  </si>
  <si>
    <t xml:space="preserve">我的电脑从装系统以后怎么下不了电影啦？？？我的电脑自从从新换了系 </t>
  </si>
  <si>
    <t>估计是你的迅雷是安装在其他的盘了吧,比如D啊??因为迅雷在安装的时候要向注册表里面写如呢,你重新换系统,当然注册表就新的了,里面没有迅雷的信息,所以,下不了啦 :)右键也没有反应了,要么把文件直接托到悬浮窗下载也可以,要么手动添加,最好重新安装一次,就万事OK!</t>
  </si>
  <si>
    <t xml:space="preserve">什么人的手上有六个指？什么人有六指？ </t>
  </si>
  <si>
    <t>一只手上戴了指环的人</t>
  </si>
  <si>
    <t xml:space="preserve">装备问题拿去找NPC给装备打孔,有没有什么限制,往装备上镶宝石有 </t>
  </si>
  <si>
    <t>天魔石是种特殊的石头。带着它找各种锻造师们，就能在没有孔的装备上打出最多6个孔来。游戏中给装备打孔，打第一个孔需要用到1个1等天魔石，打第二个孔需要1个2等天魔石。依此类推，打第6个孔需要1个6等天魔石。同时镶嵌宝石所需要的定魂石头条件同样,给装备镶嵌一个宝石需要1等定魂石,依次类推.打造的装备和打怪掉落的装备都可以进行打孔和镶嵌宝石,可以给镶嵌过石头的装备进行升级,升级后装备上镶嵌过宝石的孔和没镶嵌过宝石的孔依然存在.希望回答能对你有所帮助!!!</t>
  </si>
  <si>
    <t xml:space="preserve">就业前景（广东人）儿子读高中时是体育生，文科较弱，高考时准备报师 </t>
  </si>
  <si>
    <t>师范类体育专业生与一般大专生毕业后出来找工作，除了专业对口做中小学体育教师外，比其他专业的学生找工作都难。重点线（国本线）师范类体育专业生找体育教师的工作相对优势多一些，较易录取，但由于知识面工作面较窄，与省本科一般专业没有可比性。</t>
  </si>
  <si>
    <t xml:space="preserve">什么牌子的防晒霜好? </t>
  </si>
  <si>
    <t>普通一点的产品，曼秀的防晒还不错，如果要防护最完全，理肤泉的防晒很好。</t>
  </si>
  <si>
    <t xml:space="preserve">纤维肉瘤分良性和恶性吗 </t>
  </si>
  <si>
    <t>肉瘤都是恶性的。属于恶性纤维肉瘤的一种，发现之后及早治疗，随着疾病的发展，如果在早期神经纤维肉瘤没有经过治疗，疾病就会向下发展，神经纤维肉瘤的并发症开始逐渐出现，加大了患者的病痛，所以，对于神经纤维肉瘤这种恶性肿瘤来说，一旦发现了就要积极的配合医生治疗　其并发症是：1. 神经纤维肉瘤易并发皮肤溃烂；2、肿瘤容易压迫血管；3、晚期出现向机体的远处转移。诚心为你解答，给个好评吧亲，谢谢啦</t>
  </si>
  <si>
    <t xml:space="preserve">刻录音频DVD音频DVD怎么刻？我NERO中没有这个选项啊。换句 </t>
  </si>
  <si>
    <t>DVD是碟片的格式,如果你用NERO,你的刻录光驱可以刻录DVD和CD的话就有这个选项,DVD刻录音频光碟是在DVD碟上刻录MP3的音乐,另,DVD上的120min是指刻录成在DVD机上播放的影碟不能大于120分钟.</t>
  </si>
  <si>
    <t xml:space="preserve">关于考试老师，我是非英语专业的，想考专八，可以通过什么渠道啊？谢 </t>
  </si>
  <si>
    <t>那个是英语专业同学的饭碗啊 如果普通的都让考了 大家都有专八 那怎么区分啊 所以让考的都很少！ 需要同时具备两个条件 1 你们学校相关负责人 比较好说话！ 2 你的英语需要非常好 最好能比英语专业都好 比如代表学校去参加个什么竞赛 把英语系所有人都弄下去了 而且是远远弄到后面！</t>
  </si>
  <si>
    <t xml:space="preserve">请问清华紫光这支股票怎么样？大家怎么看？ </t>
  </si>
  <si>
    <t>高科技股，近期走势一般，建议持有，还有涨的时候！</t>
  </si>
  <si>
    <t xml:space="preserve">谁知道COD5是什么游戏 </t>
  </si>
  <si>
    <t>使命召唤5。是使命召喚使命召唤 你可以去试试COD5画面是COD系列最好的...但是个人无爱COD就是FPS游戏《使命召唤》的英文简称,COD5就是使命召唤系列游戏的第5款游戏!也就是使命召唤5!使命召唤5，很好的一款单机游戏。使命召唤5</t>
  </si>
  <si>
    <t xml:space="preserve">减伤40雷防24的降纱袍还能卖钱吗就是和千忍密装差不多哪种 </t>
  </si>
  <si>
    <t>不值钱,有人愿意800万左右买就卖了吧,毕竟雷防不值钱</t>
  </si>
  <si>
    <t xml:space="preserve">猜骰子有什么技巧因本人不懂猜骰子要怎么猜,老是?,喝酒.向大家? </t>
  </si>
  <si>
    <t>心理战+运气..........................</t>
  </si>
  <si>
    <t xml:space="preserve">一项工程,甲乙合作6天可以完成.已知甲3天的工作量相当.求这项工? </t>
  </si>
  <si>
    <t>甲3天和乙几天相当啊</t>
  </si>
  <si>
    <t xml:space="preserve">请问备孕吃哪种复合维生素好？福施福还是金斯利安还是安利或者其它？ </t>
  </si>
  <si>
    <t>主要是叶酸的摄入，如果信我就少吃合成药物，多吃水果，蔬菜，均衡饮食，相信的你的孩子会很健康！</t>
  </si>
  <si>
    <t xml:space="preserve">幽默出句：祗待重来看雪天 </t>
  </si>
  <si>
    <t>期盼明年岁末时祗待重来看雪天祗待重来看雪天 远离不去闻梅馥祗待重来看雪天携手爱人舞冰封</t>
  </si>
  <si>
    <t xml:space="preserve">各位大侠，电脑问题。20芬奖励我的电脑上网时，提示IP地址与网络 </t>
  </si>
  <si>
    <t>IP地址是网络识别计算机的唯一识别代码，应为你的电脑连接到了局域网落中了，每一太连接到网络中的计算机都有一个识别码[IP]就想我们用的身份证 可以同名 身份怔号不能重复。 解决办法：桌面右健“网上邻居”-属性-“本地连接”右键选属性-常规-TCP/IP协议 -属性 更改一个IP地址XXX.XXX.XXX.XXX最后3个X填一个2-255范围内的数字就可以了，也可以选择框上面的自动获取IP地址，让系统给你随机分配一个IP 效果也是一样。最终的目的是要能上网。</t>
  </si>
  <si>
    <t xml:space="preserve">在“周处除三害”这个典故里，危害乡里的第三害是： </t>
  </si>
  <si>
    <t>在“周处除三害”这个典故里，危害乡里的第三害是：周处</t>
  </si>
  <si>
    <t xml:space="preserve">在Dreamwaver中.把光标停在表格上时会显示:按Contr? </t>
  </si>
  <si>
    <t>见下图,左下角红圈里的键:</t>
  </si>
  <si>
    <t xml:space="preserve">有没有彭端淑的《为学》的现代译文啊？ </t>
  </si>
  <si>
    <t>天下事有难易乎？为之，则难者亦易矣；不为，则易者亦难矣。人之为学有难易乎？学之，则难者亦易矣；不学，则易者亦难矣。天下的事情有困难和容易的区别吗？只要做，那么困难的事情也容易了；如果不做，那么容易的事情也困难了。人们做学问有困难和容易的区别吗？只要学习，那么困难的也容易了；不学习，那么容易的也困难了。     蜀之鄙有二僧，其一贫，其一富。贫者语于富者曰：“吾欲之，何如？”四川的边境上有两个和尚，其中的一个贫穷，其中的一个富有。穷和尚对富和尚说：“我想去南海，怎么样？”富者曰：“子何恃而往？”　曰：“吾一瓶一钵足矣。”     富和尚说：“您靠什么去呢？”穷和尚说：“我靠着一个水瓶一个饭钵就足够了。” 　　富者曰：“吾数年来欲买舟而下，犹未能也。子何恃而往！”富和尚说：“我几年来想雇船而往下游走，还没有能够去成。您靠什么能去！”  越明年，贫者自南海还，以告富者。富者有惭色。到了第二年，穷和尚从南海回来了，告诉富和尚。富和尚显出了惭愧神色。  　　西蜀之去南海，不知几千里也，僧富者不能至而贫者至焉。人之立志，顾不如蜀鄙之僧哉？四川距离南海，不知道有几千里路，富和尚不能到达可是穷和尚到达了。一个人立志求学，难道还不如四川边境的那个穷和尚吗？</t>
  </si>
  <si>
    <t xml:space="preserve">牙疼有什么好方法可以医治 </t>
  </si>
  <si>
    <t>有个临时快速的小偏方，取众生丸喇叭丸那种药丸捏碎抹在痛处，痛的时候可以止一下，但只是权宜之计，不是根治办法。如果你牙痛比较严重，几天都不见好的话，要及时就医哦，让医生给你看看具体情况如何，可以补的话，也不一定要拔牙的，所以不用怕。（如能帮到您，请点击“好评”，祝您生活愉快。）</t>
  </si>
  <si>
    <t xml:space="preserve">请问600616金枫酒业和002165红宝丽如何操作？谢谢 </t>
  </si>
  <si>
    <t>600616金枫酒业年报派现金无戏...将来会跟着酿酒食品板块而动.长线看好..002165红宝丽有调整压力,定向增发是15.11元有参考价值.年报预期不会送转股.建议出局.</t>
  </si>
  <si>
    <t xml:space="preserve">一道小学数学题，会做出的送分！螃蟹有10条腿,螳螂有6条腿和1对 </t>
  </si>
  <si>
    <t>从腿开始考虑：螳螂和蜻蜓的腿一样多则可以有（37*10-250）/（10-6）=30这个式子的意思是，如果全部是螃蟹则有370条腿，然而只有250条腿则说明多出来的120条腿其实应该为螳螂和蜻蜓多计算的腿造成的，这样螳螂和蜻蜓一共有30只故螃蟹有37-30=7只则上面的问题可以简化为螳螂蜻蜓共有30只，52对翅膀（30*2-52）/（2-1）=8同理可以解释为如果全部为蜻蜓则有60对翅膀，而只有52对则多计算了蜻蜓的翅膀，故而得到螳螂有8只30-8=22，即蜻蜓有22只综上所述，螃蟹7只，螳螂8只，蜻蜓22只</t>
  </si>
  <si>
    <t xml:space="preserve">有谁知道《早熟》怎么样？早熟这部电影好不好看？ </t>
  </si>
  <si>
    <t>我觉得蛮好看的，实际上十七八岁小女生、小男生看看蛮好的，应该会对他们有帮助的特别对于有早恋的人噢，最好是爸爸妈妈一起看。相信对大家都会有进一步沟通的帮助</t>
  </si>
  <si>
    <t xml:space="preserve">报考飞行专业我是一名高三的学生，请问一下从学校招飞到录取的流程？ </t>
  </si>
  <si>
    <t xml:space="preserve">2008年空军招收飞行学员报考条件及流程到这里看看。 </t>
  </si>
  <si>
    <t xml:space="preserve">在天津上五险一金的单位有哪些？我是一个在天津就读的外地大学生，想 </t>
  </si>
  <si>
    <t>现在天津好多单位都给上五险一金的，我们单位是外企，给上。</t>
  </si>
  <si>
    <t xml:space="preserve">开机时总会弹出一个对话框对话框上显示"加载C:\windows\? </t>
  </si>
  <si>
    <t xml:space="preserve">你所叙述的情况是杀毒或卸载不干净留下的后遗症，只要按照提示路径把该文件删除或者禁用就可以了。具体操作方法如下：解决方法:1):点击"开始"--运行--输入msconfig后回车--点击"启动"--找到einisj35.dll文件,把前面的勾去掉.（如果找不到.那么只保留"ctfmon\杀毒软件\防火墙,"其它前面的勾都去掉.这样不会影响系统的任何运行)--然后点击"应用"--点击"关闭".2）：启动电脑到安全模式下，按照文件路径找到该einisj35.dll文件点击删除，如果安全模式下删除不掉，请从我的共享资料里下载“冰刃”软件，使用“冰刃”将其删除。没有它删不了的东西。冰刃的使用说明：打开冰刃主程序，鼠标点击左下角“文件”，将切换成显示各个盘符状态，按照文件路径点开该文件所在盘符的+号，按文件路径一直点开各+号，最后该文件会显示在右面的显示框内，找到该einisj35.dll文件，鼠标右键点击选择“删除”或“强制删除”。如果还是不能删除，说明文件进程还在活动，点击冰刃的“查看”按钮――进程――找到文件进程――结束该进程。然后执行上述操作。3):点击"开始"--运行--输入regedit后回车--按F3键,查找目标中输入einisj35.dll,回车查找,找到删除.重复按F3键查找并删除.直到找不到为止。4):请下载安装恶意软件清理助手,使用该软件的“注册表项目清理功能”和“临时文件清理功能”还有“恶意软件清理功能”“启动项目清理功能”把你的电脑清理一遍.恶意软件清理助手下载地址为： </t>
  </si>
  <si>
    <t xml:space="preserve">请问大家是怎么过你们的生日的？今天是我的生日哦！ </t>
  </si>
  <si>
    <t>自己约几个玩得好的朋友一起玩一下,或者吃一餐好的也行,</t>
  </si>
  <si>
    <t xml:space="preserve">如果一个男人不求回报的帮你,是什麽原因那?只是因为他人不错吗非常 </t>
  </si>
  <si>
    <t>这个......估计这人就是心肠特好吧，你认个弟弟也不错，试试帮他介绍女朋友可以了解更深入一些！</t>
  </si>
  <si>
    <t>毒都督兄请进</t>
  </si>
  <si>
    <t>刚才花了半个多小时写了一段文字，岂料那个系统出错，没了。今天下注后才发觉自己很混帐，那个串就算中了也没多少钱。我今天可谓差极了，推中的几场没买，列入重点的一场不赢。我的下串投资方案：选四场心水最好的，分成两项，其中1场下单场，另外3场组成一个串，单场投资5C用作保本，尽量选高水又最好心水那场，串投资2C是用来营利的。无论哪个过关，我都肯定赢的了。我今晚又再作了以下投资，不过今天背运，劝你别跟了，就参详参详算了。1、单场5C：南特2、串3场2C：波尔多、朗斯、皇马</t>
  </si>
  <si>
    <t xml:space="preserve">欧洲有哪些小国(面积) </t>
  </si>
  <si>
    <t xml:space="preserve">欧洲有很多小国如:1,摩纳哥面积很小,但人口也有几万还是几十万我忘记了,它是世界上人口密度最大的国家,摩纳哥和法国是邻居.     还有安道尔面积只有468平方公里,人口就更少了离安道尔最近的是西班牙.    还有梵蒂冈,这是一个教皇过国,就在罗马的附近,    列支敦世登,也是个小国,面积好象比安道尔公国还小了.   还有圣马力诺,国境很小,也是一小国.    还有一个岛国叫做马耳他,也是一个小国. </t>
  </si>
  <si>
    <t xml:space="preserve">我准备参加成人高考丢失了身份证怎么办？ </t>
  </si>
  <si>
    <t>去户籍所在地公安局办理以临时身份证吧！很快的。要不然就去办理快证，到户籍所在地派出所办理。</t>
  </si>
  <si>
    <t xml:space="preserve">电1骗子jishu185电1小牛咖啡卖点卡的 </t>
  </si>
  <si>
    <t>楼主。。。。楼主。。。。。。。。看过来我也是收卡的受害者，这些骗子真可恶，今后遇到骗子就公布出来，大家一起去刷屏骂这些骗子，不多说我现在就去刷他15分钟同时也希望大家都团结起来，谢谢。</t>
  </si>
  <si>
    <t xml:space="preserve">您好冯医师，我儿子两岁半扁平足请问我该如何处理是比较科学的儿子扁 </t>
  </si>
  <si>
    <t>您好，如果孩子是在正规医院确诊的扁平足是需要积极的治疗的，根据扁平足的具体情况建议先采用足垫、功能锻炼等非手术治疗，如果畸形严重，非手术治疗效果欠佳，可根据扁平足类型选择相应的手术，但那是孩子最少6岁以后的事了。终归：建议正规专科医院检查确诊病情并进行相应治疗。希望我的回答能帮到你。</t>
  </si>
  <si>
    <t xml:space="preserve">什么是分期付款购房？ </t>
  </si>
  <si>
    <t>按揭付款购房者以所购房屋之产权作抵押,由银行先行支付房款给开发商,以后购房者按月向银行分期支付本息的付款方式。</t>
  </si>
  <si>
    <t xml:space="preserve">吃贝婴美奶粉的请进我家宝宝准备换贝婴美奶粉,不知道好不好,上不上 </t>
  </si>
  <si>
    <t>我家的就是吃这个牌子的,从一生下来就吃的,现在六个月了,不错,如果你怕上火的话加些奶伴,这样也有助于消化!!!</t>
  </si>
  <si>
    <t xml:space="preserve">你好请问你用迈酷高了吗你好我也很想知道迈酷高到底有没有用我都28 </t>
  </si>
  <si>
    <t>没有副作用的。只要你了解迈酷高就知道了，迈酷高不是以激素增高的，而是蛋黄提取物蛋黄多肽对骨骼的一个拉伸促进生长作用，可以帮助尚未愈合的骨骼重新产生骨细胞，达到长高的目的。</t>
  </si>
  <si>
    <t xml:space="preserve">微博的资料不填完整可以吗？ </t>
  </si>
  <si>
    <t>可以的，不影响使用。</t>
  </si>
  <si>
    <t xml:space="preserve">看赔高手请入!纽伦堡:(双选?)汉诺威:(单选?)实在头痛啊,请 </t>
  </si>
  <si>
    <t xml:space="preserve"> 纽伦堡:(双选?)-------30汉诺威:(单选?)--------1</t>
  </si>
  <si>
    <t xml:space="preserve">为什么我进不了注册页面,请快点解决想玩都玩不到 </t>
  </si>
  <si>
    <t>您好:    由于同时进行注册的人数过多,导致网络延迟.相关工作人员正在调试当中,建议您在 :8180/尝试进行注册.    谢谢您的支持与合作</t>
  </si>
  <si>
    <t xml:space="preserve">刘备使用什么武器？他的坐骑叫什么？ </t>
  </si>
  <si>
    <t>双剑，的卢</t>
  </si>
  <si>
    <t xml:space="preserve">雪铁龙世嘉质量怎么样，最近听朋友说世嘉还不错，但是想听专业人士详? </t>
  </si>
  <si>
    <t>喜欢世嘉两个亮点，定速巡航能使世嘉在高速公路上行驶时，减少长时间匀速行驶带来的枯燥和疲劳感；限速器则安全行驶设置了一个速度保证线，可以避免超速驾驶这车挺不错的，家用性价比较高，市场保有量也比较大，可以考虑出手！</t>
  </si>
  <si>
    <t xml:space="preserve">如何2天减肥6斤啊!!!还有四天就开学了,周六周日老爸老妈在家肯 </t>
  </si>
  <si>
    <t>两天减那么多,就算减下来了也都是水分,而且就两天的时间其实只有在体重上看的出,在外表根本就不会有什么变化的,为了开学瘦根本就没有必要</t>
  </si>
  <si>
    <t xml:space="preserve">捉粉红菇的详解我现在只只要要过8等和7等任务啊.想问问做6等要全 </t>
  </si>
  <si>
    <t>暗杀犯追迹(兰6任务）任务准备：至少2组，400血瓶3组以上。可根据自己情况多带。路上有山贼偷钱，法蓝出发的话，只需要带600块，阿凯鲁法城出发的可以不带钱。建议有大地结晶（过路霸），如果没有可能要传送到坎村，然后使用200黄月200银矿过海底洞可带钥匙，地下遗迹里有箱子。地下遗迹10-15层，建议有条件的分开找随机出现的NPC，迷宫4小时刷新一次。1级坐标在小梅之间(10.17) 到达方法：１．先到阿凯鲁法城王宫(183.104)二楼东侧客房(38.26)，和那里的外务副长官史达(14.12)对话选“是”开始任务。２．到米内葛尔岛中部(经过南恰拉山通道，打过路霸)进入地下遗迹(386.329)。３．于每一楼层找寻随机出现的雅可布督府执政官取得开启最底层所需要的[木之钥匙]（每个人都要拿）。４．在最底层以钥匙打开最下层的石碑(20.31)，和里面的小豆(20.18)对话进入战斗。※打倒后与小豆谈话会有选择要不要杀他，依选择不同会进入不同的路线，请全队成员商量好选择一致(注１)。选是：　4-1、与太古之研究所的时雨讲话　4-2、传送到樱之间；打倒小樱 　4-3、传送到梅之间，在这就是封粉红的地方任务不用全部完成，只要打倒小樱传到小梅之间就能封了。每次去都要重新做任务。</t>
  </si>
  <si>
    <t xml:space="preserve">商品的价值和使用价值及其二者的关系。 </t>
  </si>
  <si>
    <t>价值就是凝结在商品中的一般人类劳动。使用价值是指商品的有用性，即满足人们一定需要的属性。使用价值是商品的自然属性。使用价值和价值二者是矛盾统一的关系。它们之间是统一的，这表现在，作为商品，必须具有使用价值和价值两个因素，缺少任何一个都不成其为商品。但是，在这两个因素中，价值是商品的最本质的因素。两者又是矛盾的，这表现在，对商品生产者来说，目的是获得商品的价值，而要取得价值，必须让出其使用价值；对购买者来说，目的是获得商品的使用价值，而要获得其使用价值，则必须付出商品的价值。对双方当事人来说，对这一商品的使用价值和价值都不能兼得。商品的使用价值和价值的这种矛盾对立，只有通过交换才能得到解决。</t>
  </si>
  <si>
    <t xml:space="preserve">启动慢的问题我的电脑启动特别慢,要大概2分钟,当启动好之后打开网 </t>
  </si>
  <si>
    <t>从我的经验（菜鸟级）来说有以下解决办法：1、在桌面上鼠标右击我的电脑，点击属性，点击高级，点击性能中的设置，选择最佳性能。2、利用系统自带的磁盘清理程序经常清理磁盘，一段时间后还要整理磁盘碎片。3、安装优化大师或者超级兔子，随时清理垃圾文件和上网痕迹等等。4、利用优化大师优化开机速度。5、最后一招重装操作系统，建议用NTFS方式格式化磁盘，速度更快。我想也许能解决问题，可以一试。祝成功。</t>
  </si>
  <si>
    <t xml:space="preserve">舌头发白我家宝宝现在舌头上总是有一层白的东西,是怎么回事啊?怎么 </t>
  </si>
  <si>
    <t>正常，问过医生了。我家宝宝3个月了 一直有白白的厚厚的舌苔，医生说是正常的。</t>
  </si>
  <si>
    <t xml:space="preserve">请教老师：我的000777成本价是19.8元，这波行情能解套吗？? </t>
  </si>
  <si>
    <t>核电龙头，会让你挣钱的！！！</t>
  </si>
  <si>
    <t xml:space="preserve">请问各位朋友关于收的帐号怎么改原邮箱和身份证啊?知道的帮帮忙了 </t>
  </si>
  <si>
    <t>只能改邮编和通讯地址,其它的要更改,提供密保后找客服.</t>
  </si>
  <si>
    <t xml:space="preserve">应用题一只猎狗正在追赶前方40米处的兔子，已知猎狗一跳前进4米， </t>
  </si>
  <si>
    <t>声明一下：我这个人数学水平很差，可是又偏偏喜欢数学！假设猎狗追上兔子需要跳跃的次数为x,则猎狗追上兔子必须满足：3*4x=4*2.2x+40计算出x=12.5,兔子跑的距离就是4*2.2x=4*2.2*12.5=110米</t>
  </si>
  <si>
    <t xml:space="preserve">62期初单.望大家狠批.要中就中14场.1土耳其VS匈牙利=32 </t>
  </si>
  <si>
    <t>1 土耳其 VS 匈牙利= 3 ------------312 斯洛伐 VS 威尔士=3 -------------303 芬兰 VS 波兰 =310 4 挪威 VS 希腊 =310 5 塞浦路 VS 圣马力= 3 6 英格兰 VS 俄罗斯= 31 07冰岛 VS 北爱 =01 --------------308 捷克 VS 爱尔兰=3 9 阿尔巴 VS 荷兰 =10 10 葡萄牙 VS 塞尔维=3 ------------3111 法国 VS 苏格兰= 3 12 斯洛文 VS 白俄===31 13 乌克兰 VS 意大利=01 14 马其顿 VS 爱沙尼=== 3 ---------31</t>
  </si>
  <si>
    <t xml:space="preserve">QQ幻想现在又有什么活动啊活动感觉怎么样 </t>
  </si>
  <si>
    <t>活动测试：新活动魔牙3月30、31日将在上海1（电信）、华北2（网通）、教育网进行测试，下午14:30-16:30；晚上19:30-21:30，活动开放时段内世界怪物掉落魔牙和春之手环。　　3.活动正式开放：所有服务器开放新活动魔牙，4月1、2、8、9、15、16日连续3周周末，下午14:30-16:30；晚上19:30-21:30，活动开放时段内所有世界怪物掉落魔牙和春之手环。</t>
  </si>
  <si>
    <t xml:space="preserve">我又一次动手了我该怎么办？大家看这个帖子，不要骂我，我现在的心情 </t>
  </si>
  <si>
    <t>早知今日何必当初呢？你动手的时候怎么就没想到两个可爱的孩子呢？？其实打老婆是一种病态，你在外面一定不会随便动手吧？还不是觉得老婆打了就打了？？说什么都没有用，用行动来证明吧！你也不是初犯了，所以，你老婆没办法完全相信你的赎罪行动的！！！你确定你能改好么？恐怕自己都没信心吧？？可见你妻子的心理阴影有多大啊！！先调节好自己吧</t>
  </si>
  <si>
    <t xml:space="preserve">感觉美国人说话好快，怎样才能完全听懂他们说话呢听力是我最差的部分 </t>
  </si>
  <si>
    <t>找来听力对话反复听，最好是有原文的，当然最好注意一下自己的发音标不标准，自己口语不标准，也会影响听力的</t>
  </si>
  <si>
    <t xml:space="preserve">谁知道咋治脚汗？我的脚老是出汗，明明是脚冻的冰凉可是袜子早已湿了 </t>
  </si>
  <si>
    <t>汗脚症, 冬季更严重, 弄不好会冻脚. 在烫脚水中加入白矾10-15克, 待白矾溶化水中后, 在水温适宜的情况下烫脚15-20分钟, 每晚坚持一次, 连续烫脚5-6天为一疗程能治好汗脚症。 “汗脚”要点 在冬季，“汗脚”失去热量的速度比“旱脚”快25倍，容易遭受冻伤。当这种情况发生时，人体会自动关闭浅层皮肤的循环系统，造成对足部的供血不足。供血不足则意味着足部周围的皮肤组织发生坏死，从而造成足部开裂。为此，人们应对足部做以下保护： 1.脚出汗了，应把脚擦干，换上干袜子和干鞋具。2.有“汗脚”的人，每天至少换一次袜子，同时不要穿着袜子睡觉。3.“汗脚”应穿丙烯酸类的化纤袜子，而不穿纯棉的，这样可以吸走汗水。4.所穿的鞋袜不要太紧，以免妨碍足部的血液流通。5.如果有条件，还可以在足部抹上一些防汗油。 在烫脚步水中加入白矾10一15克，待白矾溶化水中后，在水温适宜的情况下烫脚15一20分钟，每晚坚持一次，连续烫脚5一6天为一疗程，很快，汗脚症就好了。 还要视患者的具体情况而定： 青壮年有汗脚可以采用上法，疗效确切。 如果是正值发育期，汗腺分泌旺盛很正常，不宜长期、多次使用白矾。可以改用枯矾（白矾火煅后失去结晶水的产物，药店里可以买到）研成细粉，在清洁后用少许撒在脚趾部，即可起到立竿见影的疗效，通常作用可以保持8— 12小时，且停药后对机体不会有任何影响。此法也可用于发育期的腋臭、体臭等症后的缓解。 ========================== 多汗症的治疗： 1、避免精神紧张，情绪激动。对有精神情绪因素者可选用谷维素、溴剂、地西伴等内服。 2、抗胆碱能药物如阿托品、颠茄、普鲁本辛等内服，有暂时的效果，减少汗液分泌的剂量。 3、局部外用收敛性药物。10％戊二醛溶液、2％－4％甲醛溶液。腋部多汗者可外搽20％氯化铝的乙醇溶液，连续7天掌跖多汗症的患者还可用5％明矾溶液或复方硫酸铜溶液浸泡。 4、电离子透入疗法 用自来水及直流电作电离子透入疗法适用于手足多汗症.</t>
  </si>
  <si>
    <t xml:space="preserve">请专家帮我分析一下600653申华控股怎么回事,也许它是两市最便? </t>
  </si>
  <si>
    <t>先观望，应还有机会的。</t>
  </si>
  <si>
    <t xml:space="preserve">广州有什么特产？ </t>
  </si>
  <si>
    <t>广州　　西关鸡仔饼　　相传此饼已有一百多年历史，是广州有名的特产。　　主要成分：精面粉、花生、猪肉等。参考价格：10元／250克。小贴士：广百、广州王府井有售。    老婆饼　　老婆饼又名冬茸酥，由广州莲香楼独创。主要成分：面粉、芝麻、椰茸、冬瓜茸。参考价格：1元／个。小贴士：莲香楼有售。杏仁饼　　杏仁饼　　始创于1918年，因其外形似杏仁得名。　　主要成分：绿豆粉、鲜鸡蛋、杏仁。参考价格：4~7.5元／200克。小贴士：广州王府井、广百有售。　　猪油糕　　猪油糕当初创名时取其软滑、滋润之意，实质不含点滴猪油。主要成分：葡萄糖、淀粉、花生。参考价格：4.8~7.8元／200克小贴士：广州王府井、广百有售。　　沙河香米饼　　此饼在清初已享誉南粤。主要成分：香米粉、鲜鸡蛋、花生仁等。　　参考价格：7.5元／200克。　　小贴士：广州王府井、广百有售。　　从化荔枝干　　可作口果，也可与鸡、鸭、鹅、猪等肉类煲汤，也可煲粥、浸酒等。参考价格：每包从15元至38元不等。　　销售点：广百四楼超市。　　沙湾姜埋奶　　该食品驰名省港澳，获得国家专利发明证书。　　主要成分：水牛奶、鲜姜。参考价格：16.90元。销售点：广百四楼超市。沙湾姜汁撞奶及双皮奶主要成分：牛奶、鲜姜、白砂糖。参考价格：14.10元。　　销售点：广百四楼超市。</t>
  </si>
  <si>
    <t xml:space="preserve">手机泡水后修理一般要多少钱手机泡水后，然后强制开机。可能里面烧坏 </t>
  </si>
  <si>
    <t>　　惠子你好！通常遇到这种情况时，一般都是自已用电吹风机（筒）的热档慢慢地吹一阵子，使水汽散去就好了的，不用拿去修理。对于你的情况由于不在现场、没见实物很难评说，建议以后小心点吧。祝你好运，万事如意！</t>
  </si>
  <si>
    <t xml:space="preserve">糖尿病应注意什么？得了糖尿病在饮食上注意什么呢。如何治疗呢？ </t>
  </si>
  <si>
    <t>相关资讯可以上网查。饮食：油荤食不能吃了，高糖的也不能了，素食主义吧！心情：一定要乐观。亲朋要配合，心理暗示作用明显，要注意。</t>
  </si>
  <si>
    <t xml:space="preserve">宝宝不好好吃饭，怎么办？我宝宝两岁，现在吃饭真是太费劲了。有时一 </t>
  </si>
  <si>
    <t>您好，您的孩子是喂养行为问题，建议吃饭时不玩玩具，不逗引，不追着喂，养成良好的规律饮食习惯。</t>
  </si>
  <si>
    <t xml:space="preserve">心烦，请帮我开导一下我和一做生意的少妇好了，我挺喜欢她，可日常接 </t>
  </si>
  <si>
    <t>她不属于你的,你还是早点[离开]她吧,无论从心理还是日常生活你都的[离开]她,那样,才是你明智的[选择],她对你[绝对没有爱,她爱的是她的家人,你只是她空虚寂寞时的一个代替品而已,或者说好听一点的就是[倾诉者]她对你绝对的没有[爱]的,所以劝你还是[离开]她,至于你自己已经拥有了[家庭]了,那么就有[责任]了,那么就为[这个家自己的家付出一点责任那样还好,还比你现在所幻想的爱情要好的多]还是为自己的家出一点[力]吧,做个好老公做个好爸爸,那样才对的起自己的[家人],人活着是现实并不是活在了[幻想的爱情]之中,懂不懂.</t>
  </si>
  <si>
    <t xml:space="preserve">关于水兽的问题普通的水兽47级，灵悟15活筋14回魂5收集，灵通 </t>
  </si>
  <si>
    <t>说实话，除了长得特别和数量少外，这只水兽没什么优点：灵悟不能带到满级，没出霹雳回魂很低级外带不能骑水兽的高智高精神要配合霹雳和回魂才有用，而这个水兽能不能出霹雳是个问题，出来了也是等级很低，建议你和人换一个好的火鸟算了，如果你一心喜欢这只水兽，那带大它也没什么关系，只是不太值得。</t>
  </si>
  <si>
    <t xml:space="preserve">早泄怎么办？？基本半分钟就完事，这该怎么办？用什么办法治疗？: </t>
  </si>
  <si>
    <t>病因目前认为，早泄的病因不只是心理性和阴茎局部性因素，还应考虑泌尿、内分泌及神经等系统疾病因素。引起早泄心理性因素很多，如许多人因种种原因害怕性交失败、情绪焦虑，而陷入早泄；年轻时惯用手淫自慰者，总以快速达到高潮为目的；性知识缺乏，仅以满足男性为宗旨；夫妻不善于默契配合；感情不融，对配偶厌恶，有意或无意的施虐意识；担心性行为有损健康，加剧身体的某些固有疾病；性交频度过少或长时间性压抑者；以及女方厌恶性交，忧心忡忡，迫于要求快速结束房室等。凡此种种，皆可导致早泄，甚至出现连锁反应，影响勃起能力。引起早泄的器质性因素正在探讨中，有人认为脊髓系统疾病如多发性硬化症或脊髓肿瘤、癫痫发作或大脑皮层器质性病变如脑血管意外，可引起射精失控。也有报告提示糖尿病、心血管疾病、骨盆骨折、泌尿生殖系统疾病如尿道炎、前列腺炎精囊炎以及前列腺增生鞥，均与早泄相关。</t>
  </si>
  <si>
    <t xml:space="preserve">相亲第一次联系跟说些什么相亲后第一次联系跟说些什么彼此没意见 </t>
  </si>
  <si>
    <t>如果还可以的话，最好表示下好感，(*^__^*) 嘻嘻……</t>
  </si>
  <si>
    <t xml:space="preserve">进球时间到，就看马洛卡给不给大家面子了！莱万特先来一个！ </t>
  </si>
  <si>
    <t xml:space="preserve"> 你在看比赛吗？</t>
  </si>
  <si>
    <t xml:space="preserve">msn译成中文意思&amp;nbsp;&amp;nbsp; </t>
  </si>
  <si>
    <t xml:space="preserve">MSN（Microsoft service Network），是由微软公司在1995年8月24日成立的因特网服务提供商，并随着Windows 95一起发布。MSN原来是一个类似CompuServe及AOL的收费服务，提供拨号上网及增值信息、聊天室等服务，但同时亦允许其它现有用户透过因特网来使用。后来互联网的普及化，使Microsoft将大部份原来要收费的项目，转变为免费的MSN入门网站，这是MSN的第二阶段生命。微软在收购Hotmail之后，不断将旗下的服务重新整合，特别是在它的.NET Passport认证技术成熟之后，MSN扩展了Hotmail、MSN Messenger和MSN Spaces服务，后者是一种博客服务。MSN门户也于近日登陆中国，并与北青报等多个内容提供商联合推出内容服务。 MSN是世界上第二大的因特网服务提供商，拥有着9百万的用户，仅次于AOL。 最近，人们经常把MSN Messenger简称为MSN，尽管这是不确切的说法。 MSN官方网站（英语）   MSN中国（简体中文）   MSN Messenger是微软公司推出的即时消息软件，凭借该软件自身的优秀的性能，目前在国内已经拥有了大量的用户群。使用MSN Messenger可以与他人进行文字聊天，语音对话，视频会议等即时交流，还可以通过此软件来查看联系人是否联机。MSN Messenger 界面简洁，易于使用，是与亲人、朋友、工作伙伴保持紧密联系的绝佳选择。新的MSN Messenger将带有面对家庭用户的各种各样的个性化选择。用户可以选择“我的MSN图片”作为自己的喜爱图片，这一图片显示起来就像在MSN浏览器8.0中的一样。用户还将可以看到MSN Messenger 6.0对Windows XP的互联网同步画面播出有着更加完善的支持，可以看到更多的游戏以及更重要的75种新的表情符号。用户可以在其中使用自己的表情符号，只是你的联系人的MSN Messenger上可能也需要有着相同的符号。利用MSN Messenger进行个人的即时通信和群体的群发这些功能将会保留在新的版本中。另外，MSN Messenger 6.0还会加入聊天背景，并可以保存聊天记录 MSN Messenger最新版下载页面：  </t>
  </si>
  <si>
    <t xml:space="preserve">妈的，我中毒了，不能打开网易的通行证和50的游戏了，提示我证书到? </t>
  </si>
  <si>
    <t>用卡巴杀下毒，重启就OK了</t>
  </si>
  <si>
    <t xml:space="preserve">两侧额颞部脑外间隙增宽需要打营养液吗？向@上海宝篮贝贝周景新大夫 </t>
  </si>
  <si>
    <t>你是29周生的早产儿，一般都会有脑损害。脑营养液一般过了一个月后，药物是无法通过血脑屏障的，所以一定要用</t>
  </si>
  <si>
    <t xml:space="preserve">我该如何谈恋爱呢？我和男朋友分居两地，他平时没有休息的，只是我休 </t>
  </si>
  <si>
    <t>在一起的时候就要好好珍惜，如果爱一个人，又何必计较太多呢。更何况像你说的，他没有时间看你，你也要体谅一下，男人的压力也很大呀。我觉得如果可以的话，把分居两抵的问题解决了，你过去，或是他过来，要不时间长了肯定会出问题的。聚少离多，人都是在变的，这种感情稳定性太难预料了。</t>
  </si>
  <si>
    <t xml:space="preserve">今天是2005年的最后一天了,大家想对分手的女朋友说点什么?因为 </t>
  </si>
  <si>
    <t>我就是提问者!对不起大家,虽然回答的人很多,但是我真不知道这分应该给谁!所以我收回~~我不是来这里拿分来骗大家的,希望大家原谅我!</t>
  </si>
  <si>
    <t xml:space="preserve">请问：“面如重枣”的“重”读什么音？问题如上。 </t>
  </si>
  <si>
    <t>念zhòng，因为这里“重”有“凝重”的意思，表示颜色深.所谓的“重”，按字典的解释是：程度深，这个“枣”比喻的是红色，也就是说魏延的脸是大红色的。</t>
  </si>
  <si>
    <t xml:space="preserve">诺基亚手机辐射大吗？哪个牌子的手机辐射小？我不用CDMA听说诺基 </t>
  </si>
  <si>
    <t>幅射越大，信号越好。相对比较，诺基亚幅射不大。其实现在手机幅射都可以忽略了，我们的身边充满了各种无线电波。不过有一点，不要把手机挂在胸口或放在裤兜（后面的），那样对人体影响最大</t>
  </si>
  <si>
    <t xml:space="preserve">　人们接吻时为什么多喜欢或是自然而然地闭上眼睛？ </t>
  </si>
  <si>
    <t>可能是彼此给对方的温馨像一张大床</t>
  </si>
  <si>
    <t xml:space="preserve">朋友们,请帮我出个主意和女朋友在一起两年了,自认为感情还不错,我 </t>
  </si>
  <si>
    <t>要是你还爱她，就当作不知道这些事，好好生活，反正他现在已经决定和你在一起了，还有你怎么不知道是其他人恶意中伤他编的所谓的脚踏两只船呢？有些女人很坏的，容不得人家恋爱幸福，会造谣中伤。要是你不爱她，那就分开。</t>
  </si>
  <si>
    <t xml:space="preserve">我的能玩不CPUCD2.4DDR400256M*2=512显卡6 </t>
  </si>
  <si>
    <t>能玩。没问题。</t>
  </si>
  <si>
    <t xml:space="preserve">锁妖塔？？？？？？？？？？？？在锁妖塔里到哪里找邪剑仙！ </t>
  </si>
  <si>
    <t>到一楼去找。锁妖塔：1、九层：先在墙外打开机关，再找到和它对应的三角区域打开机关，从四边入口进入，可下到八层西。2、八层西：向北绕到楼梯上到高层，向东走，到“丁”字口向南下到七层。3、七层：从记录点处向西，找到一站立不动的冰晶女，拿到钥匙后原路返回到八层西。4、八层西：从“丁”字口向东向南，下到许多底部，从楼梯后穿过，打开门，取出另一把钥匙后上高层绕到另一个楼梯，从这个楼梯下去，绕到有宝箱的房间，取出宝物后再绕到取钥匙的那个房间，从这里下去可到六层。5、六层：从栏杆缺口处下跳到底部，在一个有记录点的地方从阵法下去可到五层。6、五层：从入口处向西，打开两个机关后踏浮板回到记录点，从这里向西，打开一个机关后返回到记录点。由此向北后，先从东侧向南，拿到轰雷杖后向北向西，打开宝箱后，从“丁”字口向南，从有记录点的那个阵法下去到四层。7、四层：先从西边踏浮板依次打开机关（大石板升起为准）后返回到起点。从这里向东依次打开机关，就可以沿路走去。8、三层：从北面一直沿外侧前走（如遇到死路返回到叉路口，从另一路的外侧前走），可绕到记录点，要记录点北路到一阵法，下到二层。9、二层：打开所关就可下到一层。10、一层：前走一点即可引发剧情，取胜后拾起骨架和一本书，从阵法出去即可到蜀山。以上如有错误，敬请谅解。</t>
  </si>
  <si>
    <t xml:space="preserve">GM我的东西丢了现在号还上不去了帮忙看看我是梦忆江南的昨天装备和 </t>
  </si>
  <si>
    <t>除非你找到它们的办事处！你打电话它只会说 请联系当地网监，或去当地派出所报案！最后你只能不了了之！</t>
  </si>
  <si>
    <t xml:space="preserve">请问骑士和牧师天赋中“提高神圣系法术致命一击X%”具体是什么意思? </t>
  </si>
  <si>
    <t>牧师还有个暗影法术，而骑士的法术应该都归于神圣系一类。貌似法术包括神圣系，</t>
  </si>
  <si>
    <t xml:space="preserve">小儿多生牙~医生看过了，说暂时不做处理有片子，麻烦专家看下小孩刚 </t>
  </si>
  <si>
    <t>我也是一个口腔医生，我认为那位口腔医生说的很对，至于你认为的对恒压的影响，你应该在乳牙自行掉落后，去医院，检查多生牙的发育情况，根据当时的X片，看看恒压是否有发育胚胎在牙槽骨内形成，拔除多生牙后，赢定时的去口腔科（X片）检查恒压发育情况，预留恒压发育的空间。这样才能对恒压没有影响，很多家长对孩子发育恒压前的豁牙期非常的不重视，后来导致孩子发育的牙齿不齐的情况。</t>
  </si>
  <si>
    <t xml:space="preserve">鱼香茄子怎么做？简单的做法，一学就会的 </t>
  </si>
  <si>
    <t xml:space="preserve">鱼 香 茄 子原 料 ：茄 子250 克，郫 县 豆 瓣50 克制 法 ：茄 子 去 皮 剞 上 刀 纹 ， 切 块 后 用 油 炸 软 ； 另 起 锅 下 底 油 炒 豆 瓣 酱 ， 炒 香 后 加 葱 姜 蒜 末 ， 放 白 糖 、 酱 油 、 醋 、 清 汤 ， 放 入 炸 好 的 茄 子 ， 收 干 汁 后 ， 用 水 淀 粉 勾 芡 而 成 。 </t>
  </si>
  <si>
    <t xml:space="preserve">Fresh黄糖面膜适合改善毛孔粗大的油皮吗？去黑头效果显著吗？ </t>
  </si>
  <si>
    <t>嗯，还可以，效果一般各路人马总结的有效的去黑头方： 一、盐加牛奶去黑头 1.最好用没有用过的食盐，可以在刚开封时用小瓶单独装起来； 2.每次用4～5滴牛奶兑盐，在盐半溶解状态下开始用来按摩； 3.由于此时的盐未完全溶解仍有颗粒，所以在按摩的时候必须非常非常小力； 4.半分钟后用清水洗去，不能太久了； 5.为了让皮肤重新分泌干净的油脂保护，所以洗完之后不要再擦任何东西在洗过的皮肤上了 。 二、用珍珠粉去黑头 用珍珠粉可以很好地清除老化角质和黑头。其具体作法如下： 1.在药店选购质量上乘的内服珍珠粉。 2.取适量珍珠粉放入小碟中，加入适量清水，将珍珠粉调成膏状。 3.好的珍珠粉均匀地涂在脸上。 4.部按摩的手法在脸上按摩，直到脸上的珍珠粉变干，再用清水将脸洗净即可。 5.每周可用两次。能很好地去除老化的角质和黑头。 特别提醒 想把黑头清除而不想毛孔变大，不论用何种方法，事前最好先蒸一蒸面，令毛孔自然张开，除了有助于排出毒素外，也有助于清洁。清除完黑头后，最好用冰冻蒸馏水或爽肤水敷于鼻子和T字部位，除能镇静皮肤外，还可以收缩毛孔。 三、蛋清去黑头 1、准备好清洁的棉，将原本厚厚的化妆棉撕开成为较薄的薄片，越薄越好； 2、打开一个蛋，将蛋白与蛋黄分开，留蛋白部分待用； 3、将撕薄后的化妆棉浸入蛋白，稍微沥干后贴在鼻头上； 4、静待十至十五分钟，待化妆棉干透后小心撕下。 四．鸡蛋壳内膜去黑头 鸡蛋壳内层的那层膜，把它小心撕下来贴在鼻子上，等干后撕下来。这是很多人都说好的方法！ 五、盐 洗脸后趁皮肤没有干透，用盐（烧菜的盐就可以了）适量涂在鼻子上打圈圈按摩，你会感觉盐慢慢融化（偶用的是细盐），继续按摩，过十分钟左右（自己可以感觉）用清水洗干净，！ 注意事项：有豆豆或者伤口之类皮肤的肯定会痛， 慎用；敏感肤质者不提倡使用该方法。 建议产品：汇美舍的洗面盐，用的时候可以取一小勺在手上，用几滴清水调和，就变成浓浓的液体，然后把这个液体在鼻子上按摩一会，再洗掉就OK了。 六、米饭（提供者 了一） 每次蒸完米饭捏一小团在脸上轻柔，说会把脏东西都带下来。据说她认识的老太太从不做美容，但是皮肤非常好，就用的是这个法子！使用饭团在脸上轻轻滚，然后应该是洗脸的。 注：没有太多JM亲身试验，效果不详。 七、BB油 （提供者 sweet_eda） 卸装油的成分一般有3种：为植物油最佳，矿物油次之，合成脂最差。因为植物油通常会带给你粘腻的感觉，所以更多的人喜欢矿物油。婴儿油的主要成分就是矿物油，所以用它来溶解黑头的油脂成分必然有效。事先准备好高质量的面巾纸，一瓶婴儿油（强生就好，看看成分是否以矿物油为主），清洁面部之后，开始用婴儿油按摩鼻子上面的黑头，这个需要耐心，因为油脂的溶解不是瞬间 的事情，建议可以一边看电视一边做这个按摩。我大约按摩了1个小时左右，到了半个小时的时候，就已经感觉到手指上有一些小颗粒，其实就是黑头的油脂被按摩出来了，用纸巾擦掉，接着按摩。注意，有青春痘的妹妹一定要谨慎，因为不当的按摩会刺激痘痘，按摩时避免有青春痘的地方。按摩时力度适中，不能太用力，否则可能会把鼻子按摩红的，那可就不好看了。 已经有很多姐妹们实践了，大家的反应一致不错，尤其是按摩过程中感觉黑头油脂一颗颗的出来，心里很高兴，按摩结束之后，需要再次清洁皮肤，最好用收敛水。个人觉得这个方法科学而有效，比那些鼻贴斯拉最皮肤的破坏好得多，实际上这个办法并不是个人凭空臆造，而是来自一本美容书籍（不知道名字，因为我没有这本书）。感兴趣的妹妹试验看看吧！ 按摩的时候首先注意力度，一定要轻柔。我是这样做的，用2滴左右在鼻子上面，用两个手的中指和无名指进行按摩。中间可以不断的加入婴儿油，如果你是敏感皮肤的话就要注意了，最好先测试以下，按摩一小会，第二天没有过敏现象就ok,因为有些人对矿物油敏感。当你感觉到有小颗粒出现的时候，把手指用纸巾清洁干净，可以接着按摩。按摩的时候没有固定的说法，因人而异了。不要超过1小时。 用baby oil按摩并非一次能够清楚黑头和白头的。建议下次减少按摩时间，别超过20分钟，坚持一段时间后，你可能会发现自己的毛孔变得干净了哦！ 补充说明：婴儿油的功效，利用婴儿油主要成分是矿物油的原理，可以多用途的使用它。 个人体验：我以前也用过BB油，当时是能感觉有东西揉出来，象很细小的沙子一样的一粒粒，洗掉以后没有很明显的干净的感觉，效果不如盐来得明显。而且BB油最大的缺点，用了三五次后，感觉鼻子的皮肤很肿的感觉，毛孔里有一历历的感觉 。 八、黑头导出液 1.用黑头导出液打湿化妆棉，贴在鼻子上贴3－5分钟； 2.用棉花棒把面膜涂在鼻子上，15分钟后就干了，撕掉面膜就可以看见面膜上沾了很多黑头和白头，自己看了都会觉得肌皮疙瘩起一身！（用鼻贴膜也是一样的使用方法） 3.用爽肤水打湿化妆棉，贴在鼻子上，可以等到干掉也可以只敷几分钟就好，因为该步骤是用来缩小毛孔的，随个人喜欢！ 个人体会：黑头导出液效果很好，吸黑头面膜效果有，但是不能完全吸干净，撕掉面膜后用手在鼻子上轻轻一压，各个毛孔里面的油脂都冒了出了（看了可能会起一身的肌皮疙瘩，很恶心的说），偶是用手挤的，因为没有粉刺针（偶想最好是用粉刺针），挤到的地方第二天保管很干净了。 其他道听途说方法： 1.螨婷洁面乳对“草莓鼻”（应该是指黑头啦）有点用；、 2.预防黑头的方法： 每天早上用卸妆油洗脸可以保持毛孔清洁。 3.绿泥对黑头有效果不是像鼻贴那样直接清除，而是在于预防。你用鼻贴什么的一次过将毛孔尽可能清理干净，然后一周用1－2次绿泥，毛孔就能保持清洁，不会再容易积聚污垢，所以能减慢黑头形成的速度。我以前每周要用一次鼻贴，现在可以1－2周才用一次，我想只要努力保持毛孔清洁，以后就不用经常为去黑头而烦恼，这就是我的目标 ) 4.我用橄榄油按摩，效果比卸装油好，而且还省钱，按摩好以后拿化妆棉斯成薄薄的敷雪肌精或收敛水，应为含酒精的东西可以收缩毛孔 5.用相宜洁肤消痘面膜/深海泥 野菊精华/水洗型，鼻翼和鼻尖上的油脂全都会出来，效果比QH拔粉刺面膜还要好(赠人玫瑰  手留余香。如若，您对我的回答满意，请选择"对我有用"　谢谢您的采纳！）</t>
  </si>
  <si>
    <t xml:space="preserve">企业所得税年报表中的问题一般纳税人的网上申报，企业所得税表中的第 </t>
  </si>
  <si>
    <t>软件的连接问题，要与国税局税政科及管理员协商解决。祝你顺利。</t>
  </si>
  <si>
    <t xml:space="preserve">中国科学院研究生院历年细胞生物学试题本人考研需要，谢谢！ </t>
  </si>
  <si>
    <t>资料太多了，没法在这传，你到中国生命科学论坛来吧~ 注册一下，然后到细胞生物学板块，上面有您需要的资料！要是刚注册没点数的话，那么就跟版主用站内信说明情况好了，肯定帮您下载到的！以下先附个资料（早期的试题），楼主小看一下吧！</t>
  </si>
  <si>
    <t xml:space="preserve">美称不能让南海成为中国核潜艇安全港,我该如何反击?　　美国《华盛 </t>
  </si>
  <si>
    <t>对付强盗的最佳方法是把自己变得更强壮,只要自己身体强壮了,强盗威胁不到你,也打不到你,而你可以用武力震摄它,可以用武力向它还击,那它就没有胆来欺负你.中国现在的应对措施是加大潜艇特别是核潜艇的建设力度,还有加大导弹驱逐舰的建设力度,让更大更多更强的核潜艇和导弹驱逐舰早日服役,同时要上马航母项目,争取我国国产航母早日下水服役.还有要加大我国海洋执法力量建设,在我国的南海组建武警边防南海总队,将中国渔政和海监纳入其指挥系统中联合执法,建造更多的大吨位的武装和非武装舰艇到南海边防总队服役,以震摄各国在我国南海的不法行为.</t>
  </si>
  <si>
    <t xml:space="preserve">我向她表白她先惊呀，然后脸红，然后沉默不语，怎么办？ </t>
  </si>
  <si>
    <t>再努力一点，她有那么一点点喜欢你。慢慢来，不要吓到她了。</t>
  </si>
  <si>
    <t xml:space="preserve">我是今年刚刚走上大学讲堂的年轻女教师。我的学生喜欢上我怎么办？下? </t>
  </si>
  <si>
    <t>啊，大学讲堂，你的学生不是小孩子了年龄差距不大不是正确引导的问题你现在不能表现出什么异样，比如你说的不也看他确实挺矛盾的你就当什么事也没有发生，然后把他当成你的学生虽然有些困难，但是你越是表现出异样，他越会追着你不放</t>
  </si>
  <si>
    <t xml:space="preserve">玩游戏过程中，点卡扣完了是不是会自动退出啊？如果我游戏过程中忘记 </t>
  </si>
  <si>
    <t>不是你们说的这样~~我上次冲了10远点卡。。快没点前，系统会提前20分钟通知你的，，你有20分钟的时间 安全区下线再去冲卡</t>
  </si>
  <si>
    <t xml:space="preserve">如果我想开个蝴蝶发夹网店要怎么做才有自己的特色 </t>
  </si>
  <si>
    <t>把蝴蝶发夹植入小说。&lt;&lt;不开花的蝴蝶&gt;&gt;有故事性东西更有奢侈含义。针对某一个细分市场，某一个年龄段，或者某一个民族特色。细心去观察同行，找到缝隙不管做什么营销都应该先有营销的意识，建议读读一本书叫＂定位＂或许对你有帮助,祝成功：）订制服务。罗斌店长回复：亲，电子商务，解决的是一个相互信任的问题。所以不论做什么生意，都是要把诚信，质量，服务是做好，做好口碑你就是有特色！主要在货源上要有自己的特色，可以卖些自己DIY的产品</t>
  </si>
  <si>
    <t xml:space="preserve">中药怎么去除苦味使其容易入口呢？ </t>
  </si>
  <si>
    <t>你好，因为苦涩而拒绝服中药的人很多，有没有一些方法既不影响药物的效果，又能去除苦味使其容易入口呢？下面介绍的几种方法大家不妨一试。　　“黄金时间”服药。研究发现，一天24小时内人体吸**物的“黄金时期”分别在上午的8—10点钟和下午的2—3点钟，这个阶段正是机体新陈代谢最旺盛 的时候，药物的苦味不容易对机体产生明显的刺激反应。而饭后半小时以上服药不仅可以防止恶心、反胃，还能减轻药物味苦的感觉，如无特殊需要，可在上述时间 段服药。　　放凉后再喝。人体口腔内的温度为36．2℃—37．2℃，味觉神经纤维大多分布于舌面，当汤药温度与舌的温度相近时，味觉神经处于最佳工作状态，对五味的感知最灵敏，此时喝汤药味道最苦。因此，中药汤剂的温度控制在15—36℃，既可防止烫嘴，又可减轻苦味。　　加快服药速度。实践证明，中药汤剂在口腔中停留的时间越长，感到的苦味就会越大。因此，一口气喝下汤药是减少药液苦味的好办法。　　适当多喝温开水。服用中药汤剂后，如果能立即喝些温开水，可以减少药液在口腔内的残留，在一定程度上能减少药液的苦味。　　正确添加“佐料”。大多数人习惯在中药汤剂里放点糖(特别是给孩子服药时)，使得服用时口感好一些。其实，去苦味随意加糖不可取。从观点来看，糖也 是一味药。此外，加糖还可影响某些药物有效成分的发挥和吸收。例如，红糖中含有铁和钙等成分，容易与中药的一些成分发生相互作用而影响药物的治疗效果；在 许多退热中药中加糖，可能减弱其清热效果。　　治疗咳嗽的中药则不应该加糖，因为一部分治疗咳嗽的中药主要作用是化痰，而糖分会增加痰液的分泌，影响药物疗效。无明确禁忌时，煎药时可适当加些大枣，或在煎好后调些蜂蜜，也可起到减轻药物的苦味。　　俗话说“良药苦口利于病”，健胃药物等就是用苦味达到治疗效果，大家不要觉得苦就停药，而应遵医嘱服用。你好，因为苦涩而拒绝服中药的人很多，有没有一些方法既不影响药物的效果，又能去除苦味使其容易入口呢？下面介绍的几种方法大家不妨一试。　　“黄金时间”服药。研究发现，一天24小时内人体吸**物的“黄金时期”分别在上午的8—10点钟和下午的2—3点钟，这个阶段正是机体新陈代谢最旺盛 的时候，药物的苦味不容易对机体产生明显的刺激反应。而饭后半小时以上服药不仅可以防止恶心、反胃，还能减轻药物味苦的感觉，如无特殊需要，可在上述时间 段服药。　　放凉后再喝。人体口腔内的温度为36．2℃—37．2℃，味觉神经纤维大多分布于舌面，当汤药温度与舌的温度相近时，味觉神经处于最佳工作状态，对五味的感知最灵敏，此时喝汤药味道最苦。因此，中药汤剂的温度控制在15—36℃，既可防止烫嘴，又可减轻苦味。　　加快服药速度。实践证明，中药汤剂在口腔中停留的时间越长，感到的苦味就会越大。因此，一口气喝下汤药是减少药液苦味的好办法。　　适当多喝温开水。服用中药汤剂后，如果能立即喝些温开水，可以减少药液在口腔内的残留，在一定程度上能减少药液的苦味。　　正确添加“佐料”。大多数人习惯在中药汤剂里放点糖(特别是给孩子服药时)，使得服用时口感好一些。其实，去苦味随意加糖不可取。从观点来看，糖也 是一味药。此外，加糖还可影响某些药物有效成分的发挥和吸收。例如，红糖中含有铁和钙等成分，容易与中药的一些成分发生相互作用而影响药物的治疗效果；在 许多退热中药中加糖，可能减弱其清热效果。　　治疗咳嗽的中药则不应该加糖，因为一部分治疗咳嗽的中药主要作用是化痰，而糖分会增加痰液的分泌，影响药物疗效。无明确禁忌时，煎药时可适当加些大枣，或在煎好后调些蜂蜜，也可起到减轻药物的苦味。　　俗话说“良药苦口利于病”，健胃药物等就是用苦味达到治疗效果，大家不要觉得苦就停药，而应遵医嘱服用。</t>
  </si>
  <si>
    <t xml:space="preserve">乌龟吃垃圾我的龟龟今天下午，将指甲一半那么大的垃圾吃了进去，当时 </t>
  </si>
  <si>
    <t>可以吃一些消炎的、利于消化的药品或者食物。</t>
  </si>
  <si>
    <t xml:space="preserve">俗语为何说喝“西北风”而不说别的什么风？ </t>
  </si>
  <si>
    <t>所谓"喝西北风"是北方人能明白的,东南沿海的朋友一般不太理解.为什么?因为在中国北方,冬季长刮西北风——主要是来自西伯利亚的寒流。而冬季常在外活动的人会知道,在肚子里没食的时候,往往会一张嘴灌进一腔的冷风,人会不由自主地大激灵!其时的感觉唯用"饥寒交迫"可以描摹.相反要是酒足饭饱之际，那风吹来是没有多少冷悚感觉的，甚或会有舒畅之感，而要是东南风吹来，那只能是暖风习习，没有痛切之感，所以常用“喝西北风”来形容生计艰难，饥寒交迫！ 另一种说法： 喝西北风是陕北俗语，而陕北多西北风，出处由来如下： 风非汤非酒，如何喝得？君不见某些人好逸恶劳，好吃懒做，春不下种，秋不收割。整日游手好闲，不务正业，到冬春青黄不接时，用什么做饭充饥呢？不喝西北风才怪！这话多用于讽无饭吃的人或懒惰的人。乡间父训浪子时会说：“你不好好用功，将来喝西北风去！”勤快人劝懒散人时会说：“你不好好做活，让老婆娃娃喝西北风呀！”</t>
  </si>
  <si>
    <t xml:space="preserve">8月23日基金公告关于鹏华价值优势股票型证券投资基金（LOF）基 </t>
  </si>
  <si>
    <t>谢谢提供及时的信息，祝LZ天天数米。</t>
  </si>
  <si>
    <t xml:space="preserve">迅雷四周的广告条,能去掉吗?迅雷的下载速度确实可以,但是它四周的 </t>
  </si>
  <si>
    <t>打补定。（附补定）</t>
  </si>
  <si>
    <t xml:space="preserve">孩子一岁八个月，抵抗力差，已断母乳并且讨厌吃奶粉，怎么增强孩子抵? </t>
  </si>
  <si>
    <t>这么大的孩子已经可以吃很多饭了，可以多由食物来补充营养</t>
  </si>
  <si>
    <t xml:space="preserve">谁知道新手VIP礼包在哪拿啊？？谢谢~~ </t>
  </si>
  <si>
    <t>．末日之战      千年前，天空十二神众与黑暗魔神九夜天之间爆发了末日之战。激战中，强大的黑暗魔神九夜天捅破了天，踏平了山脉，毒染了大海，将大陆撕扯成两半。天空十二神众费尽全力，以各自肉体俱灭为代价，才将黑暗魔神九夜天封印起来。 2．镇魔塔      天空十二神众为彻底封印九夜天，将各自的元魂化为神玉，交给东西大陆十二个种族之王，让他们建立起十二座祭祀神玉的镇魔塔，以此来锁住黑暗魔神九夜天那强大的用来克制光明十二神众的十二种魔力。而黑暗魔神九夜天也被封印在了“腐海”，那片被毒染的海域中央。3．新的开始       当太阳的光辉穿过遮天蔽日的尘云埃雾，再一次照耀在文明尽失，疮痍满目的大地上时，已经是末日之战后的第一千个年头了，而千年前的那场末日之战则早已湮没在历史的尘埃中。侥幸逃过死亡的人类，被腐海分隔在东、西两块大陆上。褪去享配天地万物神圣光环的他们，与飞禽走兽一样，挣扎着与这个酷世相抗争。</t>
  </si>
  <si>
    <t xml:space="preserve">请问：股市K线图中的MA1、MA2、MA3、MA4、MA5、MA? </t>
  </si>
  <si>
    <t>MA1、MA2、MA3、MA4、MA5、MA6代表 5、10、20、60、120、250天均线</t>
  </si>
  <si>
    <t xml:space="preserve">请问李亚鹏和王菲是什么什么设立的嫣然基金,规模多大? </t>
  </si>
  <si>
    <t xml:space="preserve">老公跟我带小孩有分歧该怎么办我刚生了小孩，我老公经常出差，一年只 </t>
  </si>
  <si>
    <t>其实我也是赞成孩子让外婆帮着带好，毕竟带孩子是个苦差事，难免会有很多矛盾，产生矛盾的话，自然和自己的亲妈好沟通些，若是换成婆婆的话，要是在孩子方面有什么意见不统一的，到时肯定会搞的不愉快的，特别是老公不在家，有事的时候，家里都没有人在中间打个圆场，到时婆媳之间矛盾会升级的。但每个人都有私人的，老公想让他父母带的话，不是简单的几句交流就能解决的。只能自己也退一步，双方父母轮流带，各带一周或各带一个月。</t>
  </si>
  <si>
    <t xml:space="preserve">后70天检测阴，是否可排除艾滋。 </t>
  </si>
  <si>
    <t>病情分析：你好，艾滋病可以通过血液，性，母婴三种方式传播，其它情况是不传染艾滋病的指导意见：艾滋病没有什么特异性表现，只有靠查血HIV才可以确定，窗口期三个月，目前70天阴性可以排除99.99%了。几率极低了，所以完全不必担心，祝你健康!</t>
  </si>
  <si>
    <t xml:space="preserve">中间画的圈圈是啥意思？whoknow？？？ </t>
  </si>
  <si>
    <t>重点标记古书中在文字旁边加圈或点,意在用来标出精彩、重要或值得注意的语句。 成语可圈可点就是这样来的，用来表示事物的精彩之处。是不是用圈圈划线标句子？</t>
  </si>
  <si>
    <t xml:space="preserve">ORC输在哪?帮我看下录象谢谢了~~ </t>
  </si>
  <si>
    <t>本场录象ORC的APM：127.91    UD的APM：152.74 但我感觉ORC的操作和意识强于UD（UD的APM可能是乱按），但是ORC那个玩家大脑一根筋，不侦察对手主基地兵种搭配，自己不转型，过多的狼骑和自爆蝙蝠就是主要输点。狼骑和蝙蝠都是攻城伤害，打兵甚至比不上大G的伤害高，狼骑之所以成为ORC2本的核心单位，是因为他的“网”而不是它的攻击如何的高！在对付UD毁灭者的时候，最好能加入一些双足飞龙，这样效果多好些，而且即使对手转型出憎恶也能起到克制作用。打到后期，ORC明明看到了UD的憎恶，竟然出大G与之抗衡...实在佩服他的精神！UD三英雄越磨越强，ORC双英雄又岂能抗衡？虽然成功的开出了分基地，但是由于错误的兵种搭配，输了也在清理之中。玩ORC的玩级请注意，狼骑这单位一般出3个左右就够了（爆狼骑海战术除非），出到5个狼骑以上的ORC一般都是输的多...</t>
  </si>
  <si>
    <t xml:space="preserve">遇到见麻烦事，请大家帮帮忙？谢谢了有一对中年男女，未办理结婚证， </t>
  </si>
  <si>
    <t>新婚姻法规定94年以后在一起的,不存在事实婚姻的关系.只能以非法同居论处.在法律上财产也是按非法同居进行处理.据推算,他们是九七年开始在一起了.所以不存在事实婚姻的说法.她不承认婚姻,法律上是支持她的.</t>
  </si>
  <si>
    <t xml:space="preserve">现在的双J的WS是不是改小了，我被破竹抓了几次都没把我搞死？？？? </t>
  </si>
  <si>
    <t>修改攻防判定了  过高的攻击会被和谐掉</t>
  </si>
  <si>
    <t xml:space="preserve">介绍智能ABC输入法的使用方法和使用技巧不用鼠标，怎样翻页？怎样 </t>
  </si>
  <si>
    <t>用拼音＋笔形的输入可以提高速度，具方法你系统里就有，打开ABC有随机帮助文件，看输入法入门里的内容即可，ABC还有以词定字的功能，比如你想打“意义”的“义”字，你就可以输入“yiyi]”这样重码率就会大大降低了</t>
  </si>
  <si>
    <t xml:space="preserve">请大家帮帮忙哈～～电脑最近不知道是怎么了，明明已经拨号上网了，已 </t>
  </si>
  <si>
    <t xml:space="preserve">中毒了，北京信息安全测评中心、金山毒霸联合发布2006年8月15日热门病毒。　　今日提醒用户特别注意以下病毒：“魔鬼波变种a”(Worm.IRC.WargBot.a)和“魔鬼波变种b”(Worm.IRC.WargBot.b)。　　“魔鬼波变种a”(Worm.IRC.WargBot.a)蠕虫病毒，利用MS06-040漏洞进行传播，可能导致RPC服务崩溃，用户无法上网。　　“魔鬼波变种b”(Worm.IRC.WargBot.b)蠕虫病毒，该变种在变种a的基础上进行了加密处理。 一、“魔鬼波变种a”(Worm.IRC.WargBot.a) 威胁级别：　　病毒特征：这是IRCBot黑客后门病毒的新变种。　　发作症状：该病毒利用MS06-040漏洞进行传播，病毒在受感染系统中生成以下病毒文件：%system%wgareg.exe，并通过修改特定注册表信息降低系统安全等级。该病毒的主要危害是通过IRC聊天频道，系统接受黑客的控制，沦为“肉鸡”，可导致RPC服务崩溃，用户无法上网 。 二、“魔鬼波变种b”(Worm.IRC.WargBot.b) 威胁级别：　　病毒特征：这是一个继魔鬼波变种a后又一新变种。 预防蠕虫病毒方法： 1.蠕虫一般不采取利用pe格式插入文件的方法，而是复制自身在环境下进行传播，病毒的传染能力主要是针对计算机内的文件系统而言，而蠕虫病毒的传染目标是互联网内的所有计算机。2.网络中的恶意网页，大量漏洞都成为蠕虫传播的良好途径。网络发展也使得蠕虫病毒可以在几个小时内蔓延全球!而且蠕虫的主动攻击性和突然爆发性将使得人们手足无策！1000条短信免费发     　　发作症状：该病毒利用Windows系统服务远程缓冲区漏洞(MS06-040)进行主动攻击，严重可导致网络瘫痪、系统崩溃。该变种在变种a的基础上进行了加密处理。　　 金山反病毒工程师建议：　　1.　请您不要轻易运行从Internet下载后未经杀毒软件处理的文件，强烈建议您先用最新病毒库的毒霸进行扫描，然后决定是否运行。　　2.　当操纵者控制用户电脑时，就可直接导致用户的信息被泄露， 为了您系统和个人信息的安全，专家建议用户在打开一个陌生文件时，请用最新病毒库的杀软进行扫描。 </t>
  </si>
  <si>
    <t xml:space="preserve">总是爱发脾气我很爱他，可是他不爱我，打电话有的时候一点小事就爱发 </t>
  </si>
  <si>
    <t>有没有想过离开他呢？听你说的你好像是单相思，这种感情会给你带来很多伤痛，不过如果你已经离不开他，那就看开一点，最起码你有爱的人而且还能够在一起，这是很不容易的，人生苦短，就应该珍惜现在拥有的，不要担心未来会发生的事，就算发生了你也有过一段真正开心的日子。以平常心相处，学会积极的自我暗示，给他和自己一个机会，好好生活。祝你幸福！有时候发脾气想引起别人的关注吧，想用另一种方式告诉他我很爱你。请尽量避免这种方式，这种方式真是很伤人伤己的。凡事，尤其是小事自己尽量忍一忍。我们允许撒娇但是痛恨无理取闹。最近乖一些，不发脾气一点，也许会给他新的感觉。自己明明知道，明明后悔，就不要继续做这件事。很多时候哭是解决不了任何问题的，只会让人看不起（言重了）自己要变得坚强点，变得有些主见，自己可以做很多决定，小事的得失都放下，毕竟他在你身边才是最重要的，不是麽？希望对您有所帮助！</t>
  </si>
  <si>
    <t xml:space="preserve">联想题：李宇春不及格受冷落优等生(两个字) </t>
  </si>
  <si>
    <t>差生李宇春歌词差生不及格 受冷落 差生 优等生 反义词差生</t>
  </si>
  <si>
    <t xml:space="preserve">yao今年是第几年了啊 </t>
  </si>
  <si>
    <t>第5年了啊，我喜欢火箭，今年要夺冠</t>
  </si>
  <si>
    <t xml:space="preserve">鞋店名字谁能帮忙取个鞋店的名字?时尚点,配上英语 </t>
  </si>
  <si>
    <t>自由秀斯（shose）、爱福特：love foot（美丽的鞋子会使你爱上自己的脚）。</t>
  </si>
  <si>
    <t xml:space="preserve">求推荐11月底旅游圣地！ </t>
  </si>
  <si>
    <t>云南（大理的悠远，丽江的柔软，时光打磨着记忆，若是人间有一处春色让人流连，便是七彩云南）、（丽江，遇见自己，遗忘过往，漫步古城感受闲适光阴里的一花一木，让午后的一米阳光一下子照进心中最柔软的地方）（昆明，这是一座看上去没有强烈主题的城市，慵懒地绽放在西南这块香气四溢的土地上，在这里仿佛只有阳光和春色才是永恒的）、（西双版纳、勐龙路上的咖啡和成排的油棕树，即使不在泼水节的日子里，雾蒙蒙的水汽也会在黄昏把整个城市照亮，然后朦胧）</t>
  </si>
  <si>
    <t xml:space="preserve">元旦出国旅游有哪些地方比较好玩？ </t>
  </si>
  <si>
    <t>法国.巴黎的冬天不冷,都零上的,而且是海洋性气候,比较湿润,人觉得很舒服的.</t>
  </si>
  <si>
    <t xml:space="preserve">专家您好！我的小孩出生已半个月了，现在他的身上出现了大面积的红点? </t>
  </si>
  <si>
    <t>　　鱼鳞病的病变呈鱼鳞状，故名。您宝宝的情况很可能是。建议尽早到皮肤科检查，这种病皮肤科医生一看就能诊断。该病是遗传性的，属单基因遗传。</t>
  </si>
  <si>
    <t xml:space="preserve">关于房屋庭院种花问题，高手来！请问下大家，谁清楚扩建到最后豪华的 </t>
  </si>
  <si>
    <t>家的庭院大小决定种植的多少小的2棵树2个花以后依次+13级的固定10500经验 35000钱 2的7500经验 15500钱 4的3W经验 6W钱 没别的可能  种子沉睡点2水1肥 第2天可复活继续收种子 点的多绝对不会活</t>
  </si>
  <si>
    <t xml:space="preserve">两个乳房的乳头凹陷，怎么办 </t>
  </si>
  <si>
    <t xml:space="preserve"> 乳头凹陷是有办法纠正和治疗的，但关键在于预防。 　　乳头凹陷应从少女时期抓起。凡是母亲、姨妈等直系亲属中的女性有乳头凹陷者，应作为预防的重点对象。 　　经常牵拉。少女时期是乳房发育的重要时期，也是纠正乳头凹陷的重要时期。经常牵拉乳头，可以使双乳突出、周围皮肤支撑力增大，起到“定型”作用。自行牵拉效果不明显时，应及时去医院找大夫咨询，以学会运用乳头凹陷矫正器来治疗。对于矫正无效者，还可以通过手术的办法进行矫正。手术简便易行，没有多大痛苦，门诊即可进行。 　　注重衣着。贴身内衣应穿棉制品，并经常换洗。日光照射，乳头如有发红、裂口的迹象时，内衣应进行蒸煮消毒，以防引起感染。少女使用乳罩不可过早，乳罩佩戴的年龄一般为16~17岁。</t>
  </si>
  <si>
    <t xml:space="preserve">怎么雇佣雇佣兵啊,一个人做任务 </t>
  </si>
  <si>
    <t>呵呵,如果你在城里没看到佣兵的话,就是你还没毁城.只有毁灭了阿斯卡隆城,才有佣兵和仓库使用的,毁城需要做北方城墙的主线任务,任务完成之后,你就会到了二年之后的阿斯卡隆城了.这时候在门口就有佣兵了,直接点击他,在队伍栏里会出现他的名字,名字旁边有个+号,直接点+号就可以了.</t>
  </si>
  <si>
    <t xml:space="preserve">谢谢大家的意见！谢谢大家的热心帮助，其实我也想过要表达，但是我现 </t>
  </si>
  <si>
    <t>回答者：飞虎上坡     主动出击，投入感情，不耻下问，水到渠成。送你十六个字去试试。</t>
  </si>
  <si>
    <t xml:space="preserve">有没有街机版飞车游戏 </t>
  </si>
  <si>
    <t>有的,在颐高数字广场上海万达店好象有买</t>
  </si>
  <si>
    <t xml:space="preserve">试用期过后，谈好的工资有变卦我该怎么办？大家好，我5月11日应聘 </t>
  </si>
  <si>
    <t>1、这种情况在就业过程中普遍存在，因此，要有良好的心态应对。2、企业承诺与实际不同，一般来说，此类企业并不规范，而且规模肯定也不大，同时也有可能是家族类的企业，综合可以看出，在这类企业中，个人发展会受到限制，如果自己有足够的个人能力，应当考虑换一个工作单位，毕竟，如果从一开始就无法兑现承诺，那么今后就可想而知了。</t>
  </si>
  <si>
    <t xml:space="preserve">我们是新办贸易公司，刚领回CA证书，并按照国税的要求，购买了龙山? </t>
  </si>
  <si>
    <t xml:space="preserve">网上报税的流程网上申报系统（在线）是指纳税人通过在线填报方式进行网上申报操作（即不需要安装客户端直接使用浏览器），具体操作说明如下： 一、 登录系统 二、 网上申报系统网址： 纳税人在办理了相关手续，完成网上申报系统开户后，纳税人可以登录网上申报系统。登录界面： 输入纳税人识别号和登录密码后可以进入系统。登录密码的初始值为：123456。 三、 设置基本信息 纳税人在首次登录系统后，可登录纳税人基本信息查询 纳税人可核对该界面内的信息是否正确，如有与实际情况不符的请与主管税务官员进行核对、确认。 四、 填写申报表 纳税人在完成设置后，就可以进行申报表填写。申报填写主要采用手工填入方式，纳税人自行计算相关数据后进行填写，填写完毕后须点击“保存”按钮。对于申报表项目的填写，如果不明白可以向主管税务官员咨询。 注意事项：有底色项目为自动计算项目，不能直接填写（除增值税附表一、由于四舍五入的原因，该表在自动时可能会存在小额偏差，因此允许手工修改）。 五、 申报确认 在填写完申报表确认无误后，就进行申报确认操作。选择所需申报的税种点击“确认”键。进行申报确认后，系统会对所填数据进行数据比对，如果系统提示“系统错误”，则表示申报确认失败，同时系统会提示是比对失败的原因，纳税人可根据提示修改申报表再进行“申报确认”操作。在通过各项数据比对后，会提示“受理成功”。 六、 申报取消 该功能主要是针对在完成“申报确认”操作后发现申报数据有误的情况下，纳税人可以在申报数据处理前进行修改，考虑到今后数据处理是实时处理，不存在上述条件，因此将不再提供此功能，因此纳税人在“申报确认”前应仔细核对申报数据，确保数据准确。如果“申报确认”后发现数据有误，必须到大厅修改。 七、 申报查询 纳税人可在此模块查询申报情况，在选择税款所属期、申报税种后，点击查询即可查询到通过在线申报系统的申报情况。在查询结果中点击列出记录的申报税种项，就可以查询到具体报表的情况。 申报状态分为：1、未申报： 指尚未进行“申报确认”操作。 2、已经受理： 指已进行“申报确认”操作。尚未进行数据处理，未完成申报操作。 3、申报成功： 申报操作完成且成功。 3、申报失败： 申报操作完，但申报失败，可去办税大厅进行申报操作。 八、 系统管理 在该模块纳税人可以修改行业设置和登录密码。 九、 帮助 纳税人在使用过程遇到问题，可通过帮助模块查看。 网上申报系统（在线）是指纳税人通过离线填报方式进行网上申报操作（即纳税人通过安装客户端软件，使用客户端软件填写申报表），具体操作说明如下： 一、 客户端软件下载 纳税人可以登录到网站，在下载中心模块下载客户端软件（压缩包）。 二、 软件安装 将下载的客户端软件解压后，运行“setup.exe”，根据提示进行安装，安装过程中的设置直接使用默认值即可。 三、 软件运行 1、登录系统 软件安装完毕后，就可以运行“离线填写器”。运行离线填写器时，首先会见到如下界面： 首次登录时密码默认为空，进入系统后，纳税人可自行修改登录密码。 2、期初数据初始化 首次登录系统要进行期初数据初始化（界面如图），输入纳税人识别，网上申报的登录密码和网上申报的服务器地址（一般选择默认设置即可）。点击“开始”即可完成期初数据初始化工作。注意：进行操作时应保证网络畅通。 在今后的使用过程中，如无特殊原因（重新安装软件或数据丢失等）不需要也不应该再去做初始化操作。 3、数据录入 数据录入采用直接在申报表填写的方式完成.增值税申报表填需按照先附表后主表的顺序填写。填写方法与在线申报类似. 4、网上申报 在填写完申报表确认无误后，就进行网上申报操作，这时需保证网络畅通。选择所需申报的税种点击“开始申报”键。进行申报确认后，系统会对所填数据进行数据比对，如果系统提示申报失败，则表示网上申报失败，同时系统会提示是比对失败的原因，纳税人可根据提示修改申报表再进行“网上申报”操作。在通过各项数据比对后，会提示“申报受理成功”。 5、其他辅助功能 软件本身还有一些其他辅助功能，如：申报查询、修改登录密码、数据备份、帮助等。 常见疑问解答 一、 在线申报系统 1）为什么不能登录网站 可能原因及解决办法： 1、网络不畅通，请确保网络畅通。 2、地址输入错误，请注意大小写及确认冒号为半角（英文状态下）。 2）登录在线申报系统后窗口被自动关闭 可能原因及解决办法： 1、 安装了弹出窗口拦截软件，并开启了拦截功能。取消拦截设置，或指定对本网站不进行拦截。 3）申报表无法填写 可能原因及解决办法： 1、该栏数据是通过其他栏计算得出，不能直接填报，须填写其他栏。 4）在线申报中，申报确认后，系统提示系统错误。 可能原因及解决办法： 1、所填数据未能通过比对，可根据提示修改所填数据。 5）打印出来的格式不对 可能原因及解决办法： 1、打印时打印页面设置不正确，选择正确的纸张和纸张方向。 一、在线网上申报应注意事项： 1、填表时，录入数据后，光标要移开，否则录入的数据不能保存和累加。 2、由于表1、表2和主表在填写时，各项目栏之间的逻辑关系没有设置强制监控关系（此对应关系只有在提交申报的时候才提示），容易出现错误，因此为尽可能的避免出现差错，各项目栏要认真审核后再填写。 3、填表时应注意： （1）表2填写应从23拦填起（按表的下方所列公式逐行填列），23栏以上的数据可自动按公式计算； （2）运输费按审核后的清单填列，注意不要出错； （3）专用发票进项税额的填列应按当月认证的专用发票，辅导期一般纳税人则按稽核比对结果通知书的税额填列； （4）废旧物资进项税应按不含税计算； （5）专用发票机上作废与手工作废不一致时，会导致销项税抄税与申报不符，因此要到大厅审核后申报； （6）表第25栏为负数时，即有多交税款时不能进行网上申报，必须要到大厅手工申报。 （7）主表需自行录入，不能根据表1、表2的数据自动生成，填表时表与表之间数据的逻辑关系不监控，但在确认提交申报时系统会提示逻辑关系不符之处，按提示修改后再申报。 （8）期初数系统会自动取上月期末数，但当月累计数需自行计算录入，系统不会自动累加计算。 4、填写完表1、表2和主表后，要进入防洪保安费操作界面，点击保存后才能形成防洪保安费的数据，然后才能进行申报。（如果在申报之前修改申报表，也要重新保存防洪保安费申报表后才能申报）； 5、申报表未提交申报前可以修改数据，一旦提交申报后，则不能修改申报表，如果确实需要修改数据，只能提供纸质申报表到大厅修改申报。 6、申报成功后如果与税局端数据不符，隔天会在网站上反馈给纳税人。 7、申报成功后可以通过查询模块打印申报表，打印设置??页面设置?页边距均设为0，纸张大小为A4纸。 8、网站上有纳税人基本信息。如果需要修改信息，应到办税服务厅税务登记部修改系统数据，同时到城区局业务股修改网上信息。 9、从5月份起一般纳税人申报流程有变动，先申报后抄税，因此，网上申报成功后到大厅抄税时必须带上申报表，一旦比对不符，必须当场修改。 10、辅导期一般纳税人认定的第一个月不能使用网上申报，必须从认定的第二个月起使用网上申报。 11、新认定的一般纳税人需要使用网上申报的，还需要到管理局申请开户。 二、 离线申报系统 1）为什么不能安装软件 可能原因及解决办法： 1、未对软件进行解压，请先对压缩包进行解压。 2）不能填写申报表 可能原因及解决办法： 1、 部分表格的填写在数据录入模块，而部分表格需要在数据生成模块录入，请在相应位置进行填写。 3）不能进行期初数据初始化操作 可能原因及解决办法： 1、第一次进行增值税（一般纳税人）申报不能使用离线申报系统，可以手工申报或使用在线系统申报。 2、服务器地址设置不正确，必须使用正确的服务器地址。 3、网上申报密码不正确，请确认纳税人识别号和网上申报的密码正确。 二、离线申报--其他服务--下载中心?V1.07正式版完整安装包（链接1?5） 注意事项： 1、安装时不要安装在中文目录（如C:\离线填写器\），安装目录文件夹名尽量用英文。 2、初次使用时必须做期初设置，初始化操作，如果隔月未使用网上申报，下月申报前必须要初始化，否则不能网上申报。 3、服务器地址选择默认地址，不要修改。 4、填表时，鼠标要双击才能录入数据，表内数据要自行计算，系统不自动计算，表1、表2填完后会自动生成主表，主表只需填列表1、表2没有填列的数据，但是如果需要修改数据，则须先修改表1、表2的数据，再修改主表，只修改主表的话逻辑关系不对则不能提交申报。 </t>
  </si>
  <si>
    <t xml:space="preserve">估价报告有效期一般为多长？ </t>
  </si>
  <si>
    <t xml:space="preserve">根据国家标准《房地产估价规范》的规定，估价报告有效期一般为1年，即从出具估价报告之日起1年内有效。估价机构对估价报告有效期的规定可以短于1年，但不应长于1年。对估价报告有效期规定得越短，对采用估价报告的时间限制就越严格，对估价机构也就越起到保护作用。 </t>
  </si>
  <si>
    <t xml:space="preserve">怀孕四个月乙肝大三阳医生您好，我现在怀孕4月，乙肝大三阳，DNA </t>
  </si>
  <si>
    <t>如果肝功能正常可以不用吃，但是没有统一的标准，小孩出生后的免疫阻断是最重要的，必须打乙肝疫苗和高效价免疫球蛋白</t>
  </si>
  <si>
    <t xml:space="preserve">打呃打的难受死了前天忽然打呃打了一天一夜,睡都睡不着,大家帮帮忙 </t>
  </si>
  <si>
    <t>大家回答的都对，来晚了，说明一点，每个人情况不同，各种方法都可以试一试，肯定有一种方法最适合你。</t>
  </si>
  <si>
    <t xml:space="preserve">调皮大师,请教600518请大师分析下600518康美药业后市如 </t>
  </si>
  <si>
    <t>600518 康美药业关注成交量能变化,建议谨慎持股待涨.</t>
  </si>
  <si>
    <t xml:space="preserve">谁能告诉我出飞狐数字多少普通的和高级幼兽分别多少．． </t>
  </si>
  <si>
    <t>普通是睡觉不能太多1-2次吧锲和度21左右其它数值全满高级我不太清楚什么情况出飞狐了</t>
  </si>
  <si>
    <t xml:space="preserve">你们有活动万元大奖吗在上线时你们客户发了一个领奖号说你被系统抽到 </t>
  </si>
  <si>
    <t>骗人的，你要不信，可以到电话到官方去查查</t>
  </si>
  <si>
    <t xml:space="preserve">哪种耳机（带话筒）好用又实惠？我想买个耳机（带话筒的），但是资金 </t>
  </si>
  <si>
    <t>苹果和爱国者的都非常棒</t>
  </si>
  <si>
    <t xml:space="preserve">芜湖哪里有卖双眼皮胶？ </t>
  </si>
  <si>
    <t>纪念日</t>
  </si>
  <si>
    <t xml:space="preserve">过多性生活对乙肝影响过多性生活会不会导致免疫力下降；从而致使乙肝 </t>
  </si>
  <si>
    <t>乙肝的传播途径中其中一条就是为性传播. 性生活过多过频,有可能传播给另一伴的几率会比平常人大一点.对于自身的话,不会转变成大三阳或者肝硬化.</t>
  </si>
  <si>
    <t xml:space="preserve">这是什么接口？是一个笔记本用光驱的接口 </t>
  </si>
  <si>
    <t>老式的ide接口了。新的是sata接口比这个小的。</t>
  </si>
  <si>
    <t xml:space="preserve">隔墙如何做?红色是虚拟的，我想做隔墙，然后将起居室改成卧室，想问 </t>
  </si>
  <si>
    <t>可用大芯板也可用石膏板做，内加隔音棉。保证了私密性但采光不好，要采光好的话可用玻璃或一些艺术隔断，但私密性欠佳。要不就下面石膏板做上面做玻璃。</t>
  </si>
  <si>
    <t xml:space="preserve">睡袋有哪些分类？如何选择？睡袋有哪些分类？如何选择 </t>
  </si>
  <si>
    <t>睡袋用料与羽绒服装相同，只是保温层更厚；睡袋根据不同的登山环境，有不同的保温设计，从-45°到0°都有。现在市场上主要有三种睡袋，长方形的(也称信封型)，木乃伊，以及混合型。长方形的主要是夏季旅行用，因为比较宽敞，睡着舒服些，但保暖性比木乃伊差很多。同样温度级别的长方睡袋比另外两种要重很多。木乃伊型的睡袋在户外运动中占领了绝对优势。睡在木乃伊里面不能任意翻身，所以身材高大的人用起来不太舒服。但因为在户外保暖是绝对重要的，大多数人都理智的选择了木乃伊。另外，木乃伊的重量体积都是几种睡袋里最小的。混合型的又叫半长方形。它比木乃伊宽敞，比长方形的又小，是比较好的折中办法。专业户外产品的厂家绝大多数产品全是木乃伊，仅有少数厂家提供混合型。</t>
  </si>
  <si>
    <t xml:space="preserve">属羊天秤座男跟天秤猴女一起幸福吗 </t>
  </si>
  <si>
    <t>天平座和天平座还是可以在一起的，没事，放心</t>
  </si>
  <si>
    <t xml:space="preserve">话剧(雷雨)是谁创作的？ </t>
  </si>
  <si>
    <t>话剧(雷雨)是谁创作的．．．．是曹禺先生</t>
  </si>
  <si>
    <t xml:space="preserve">大润发为什么要创办飞牛网？ </t>
  </si>
  <si>
    <t xml:space="preserve"> 2014年，根据在大润发飞牛网“千乡万馆”020计划南通邮政体验馆正式营运发布会上，千乡万馆020计划的负责人袁斌的介绍，原因有二：第一，受区域限制，大润发门店再多，也覆盖不了所有的顾客。第二，受空间限制，大润发门店再大，也承载不下所有的商品。</t>
  </si>
  <si>
    <t xml:space="preserve">小法师的问题!~1、工会BWL从来都没我的位置，请教各位达达，不 </t>
  </si>
  <si>
    <t>1.好饰品用好多的，不用去BWL也能拿到一些不错的。ZG的哈卡之心、MC的短暂能量护符、银色黎明换的优越护符、黑石塔任务的比斯巨兽之眼这些都不错。2.爆布的话西瘟疫右边那个农场、卡拉赞、冬泉谷寒水村这些地方57级左右的怪都很多，掉布一般是2～4块。</t>
  </si>
  <si>
    <t xml:space="preserve">求一施法距离的插件当目标超出距离后技能显示为红色,请问谁知道这个 </t>
  </si>
  <si>
    <t>用个动作条插件很好的。又能美化。推荐用DAB。美观实用还有好多强大的触发时间功能。自带CD记时/施法距离====</t>
  </si>
  <si>
    <t xml:space="preserve">班级系列之（四）瑞士美术课代表，班花，学习成绩好，不跟别人勾三搭 </t>
  </si>
  <si>
    <t>拿钱柜钥匙的小丫头。。。。。。。。。。</t>
  </si>
  <si>
    <t xml:space="preserve">电流大或电压高，哪种对人的伤害大？比如电视机显像管里面的高压包， </t>
  </si>
  <si>
    <t xml:space="preserve">    电流大或电压高，哪种对人的伤害大？事实上,电击对人体的危害程度，主要取决于通过人体电流的大小和通电时间长短。电流强度越大，致命危险越大；持续时间越长，死亡的可能性越大。能引起人感觉到的最小电流值称为感知电流，交流为1mA，直流为5mA；人触电后能自己摆脱的最大电流称为摆脱电流，交流为10mA，直流为50mA；在较短的时间内危及生命的电流称为致命电流，如100mA的电流通过人体1s，可足以使人致命，因此致命电流为50mA。在有防止触电保护装置的情况下，人体允许通过的电流一般可按30mA考虑。  根据欧姆定律(I＝U／R)可以得知流经人体电流的大小与外加电压和人体有关。人体电阻除人的自身电阻外，还应附加上人体以外的衣服、鞋、裤等电阻，虽然人体电阻一般可达5000Ω，但是，影响人体电阻的因素很多，如皮肤潮湿出汗、带有导电性粉尘、加大与带电体的接触面积和压力以及衣服、鞋、袜的潮湿油污等情况，均能使人体电阻降低，所以通常流经人体电流的大小是无法事先计算出来的。因此，为确定安全条件，往往不采用安全电流，而是采用安全电压来进行估算：一般情况下，也就是干燥而触电危险性较大的环境下，安全电压规定为36V，对于潮湿而触电危险性较大的环境(如金属容器、管道内施焊检修)，安全电压规定为12V，这样，触电时通过人体的电流，可被限制在较小范围内，可在一定的程度上保障人身安全</t>
  </si>
  <si>
    <t xml:space="preserve">什么时侯　股市全面实行Ｔ＋０ </t>
  </si>
  <si>
    <t>两年内不会施行.那不是明摆着鼓励投机嘛</t>
  </si>
  <si>
    <t xml:space="preserve">林心如为什么长得这么好看,有什么密秘说实话,林心如长的太美了,可 </t>
  </si>
  <si>
    <t>是很漂亮不过第1轮不到她 能不能进中国前20还是个问题</t>
  </si>
  <si>
    <t xml:space="preserve">在网上能申请期货帐户吗本地没有期货公司。我想通过网落申请到自己的 </t>
  </si>
  <si>
    <t xml:space="preserve">  肯定是不行的，期货的开户需要本人携身份证到场签合同开户</t>
  </si>
  <si>
    <t xml:space="preserve">网络上的马夹代表什么意思 </t>
  </si>
  <si>
    <t>马夹就是通常所说的用户帐号，以匿名身份登陆的就是没穿马甲的意思，以注册的用户名登陆，就是穿了马夹的意思。</t>
  </si>
  <si>
    <t>切尔西01</t>
  </si>
  <si>
    <t>补时阶段,兰帕德决杀2:1</t>
  </si>
  <si>
    <t xml:space="preserve">恐怖分子真能造核弹吗？ </t>
  </si>
  <si>
    <t>如今的恐怖分子已不同往常,他们首先有惊人的钞票,再者他们有先进的技术,即他们可以高薪聘请高科技人员,还有他们也许有像美国那样的国家做靠山,即有些国家就是给一些对自己不利的国家制造恐怖事件,并隐藏身份.对于现在核武器有时最先进的战斗武器,他们有势力作研究.就凭这几点就可以说现在的恐怖分子一定有核武器,并且有可能他们还有这方面的研究呢.所以现在就是不如以前好了,科技太发达了有利但也有弊,并且这样的弊有可能把我们人类给毁了呀.给人以反思呀．．．．．．．．</t>
  </si>
  <si>
    <t xml:space="preserve">椭圆中焦点f1f2和椭圆的关系是什么？焦点是什么？ </t>
  </si>
  <si>
    <t>焦点在椭圆中相当于圆的圆心，椭圆上任意一点到两个焦点距离之和为定值。 如果能帮到你，请点“好评”，谢谢</t>
  </si>
  <si>
    <t xml:space="preserve">磷钼酸铵的用途？ </t>
  </si>
  <si>
    <t>沉淀生物碱吧。我只知道这种用途。</t>
  </si>
  <si>
    <t xml:space="preserve">迈克尔杰克逊一首歌MTV中一群人在敲鼓问是什么歌 </t>
  </si>
  <si>
    <t>&lt;&lt;they don`t really care about us&gt;&gt;</t>
  </si>
  <si>
    <t xml:space="preserve">神鬼可以双开吗 </t>
  </si>
  <si>
    <t>这个网页教你双开。多玩游戏网  祝你开心。</t>
  </si>
  <si>
    <t xml:space="preserve">射进去的精液是被阴道自然吸收还是流出体外? </t>
  </si>
  <si>
    <t>当然是流出体外了,精液到达一定时间就会液化.还有就是顺着宫颈进入宫腔.如果这时正值排卵期就会怀孕</t>
  </si>
  <si>
    <t xml:space="preserve">请问传销和直销的区别是什么？请问怎么鉴别到底是传销还是直销，它们 </t>
  </si>
  <si>
    <t>　所谓传销，是指生产企业不通过店铺销售，而由传销员将本企业产品直接销售给消费者的经营方式。传销的主要特点有三个：1、产品与同类同档次产品相比较具有“较高”的价格，并有高额的入会费；2、采用“金字塔模式”发展下线，销售和分配利润；3、构造强烈的心理暗示环境以不切实利益鼓动他人加入销售队伍。这些特点决定了传销传播范围的特殊性，这就造成了很多人所说的“杀熟”。 　传销和直销最大的区别在于组织结构不同。直销是指商品从生产者直接到消费者，没有通过其他中间层。而传销主要的特点是“拉人头”。　  区分直销和传销只要依据下列四项标准即可：一、是否需要参加者缴纳高额入门费；二、产品是否拥有退货保障；三、给直销员发放的奖金是基于产品销量还是发展的“下线”人数多少；四、公司是以销售物有所值的产品为经营目的还是以聚众融资为经营目的。　一个独特见解：传销和直销的区别 :81/Article_Print.asp?ArticleID=357</t>
  </si>
  <si>
    <t xml:space="preserve">谁有生男孩秘诀 </t>
  </si>
  <si>
    <t>　　想生男孩时　　　　1、事先要了解的事项　　　　生男孩的准备　　　　和想生女孩同样，如果想生男孩时，不仅要注意受孕预定日，事前还需要具备一些知识，以做好万全的准备。　　　　1、从想生男孩这一天开始，就要按照要求，正确测量基础体温。　　　　2、开始每天服用4颗天然钙。　　　　3、到受孕预定日为止的2个月内，性交时一定要使用套，切实避孕。不可以使用避孕丸或避孕环。　　　　4、持续测量基础体温，确定体温突然下降的日子。同时，注意颈管粘液的增加，一并填入基础体温表上。　　　　5、即使正确测量基础体温，可是有的人还是不知道体温下降的日子，所以尽可能在可能的排卵日前往产科医生处检查颈管粘液，确认这一天是否为排卵日。　　　　6、服用2个月天然钙后到第3个月的排卵日到产科医生处，做超声波诊断及做颈管粘液的结晶检查，以确定是否要持锰烊桓啤?br&gt; 　　　　7、采取有利于生男孩的性交体位，进行性交时要放松。　　　　8、想生男孩时，精液愈浓愈好，所以月经后的次日与隔两天后进行一次性交，然后从第二次性交到受孕预定日为止都要禁欲，以便在排卵日当天能够射出很多充满活力的Y精子。　　　　9、即使在预定日已经受孕了，但是在尚未经由医生诊断确定妊娠前，还是要持续服用天然钙。　　　　注意事项　　　　1、想生男孩时，测定出排卵日非常重要。为了确定排卵日，每2个月要看门诊1-2次，以便确认自己推测的排卵日与医生的诊断是否一致。　　　　2、即使基础体温没有出现规律的二相曲线，但是如果觉得颈管粘液分泌量到达颠峰期，也要前往医院接受医生的性交日指导。　　　　3、如果连续3天未服用天然钙，又要重新开始。所以在医生尚未诊断确认妊娠之前，一定要持续服用。　　　　4、利用基础体温表测得的排卵日，与利用颈管粘液的状态观察到的排卵日不一致时，则以颈管粘液的状态为准。　　　　2、在排卵日进行有目的的性交　　　　Y精子非常短命　　　　如前所述，y精子的数目为X精子数目的2倍，自有其理由。　　　　Y精子与X精子相比，在碱性液中运动能力很好，但是其他方面却很差，也就是不耐酸，缺乏持久性、非常短命。因此，按自然界的安排，射精时的Y精子数为X精子数的2倍，就是为了使男孩和女孩的出生率保持平衡。　　　　因此如果以在排卵日受精为目的而进行性交时，应尽可能射出更多元气的Y精子。　　　　射出有元气的Y精子　　　　想要生男孩，最重要的一点就是要在阴道内分泌碱性粘液的排卵日进行性交。同时从月经开始后到预定排卵日为止的2周内，要完全禁欲。　　　　但是，有的人无法完全禁欲2周。这时，在月经终了的第二天及再隔2天，可进行性交，所以，从月经终了到排卵预定日期间只能进行两次性交。　　　　特别是到了排卵日前5天要绝对禁欲，然后在排卵日或第二天进行性交。如此一来就能在受孕预定日射出很多有元气的Y精子。　　　　此外，是否能射出有元气的Y精子与当时的体能有密切的关系。好不容易禁欲却因为感冒而体能衰弱也没有用。实行生男生女法时，夫妻双方的生理机能都必须正常发挥作用，所以，不论生男生女性都要经常注意身体健康。　　　　据统计，在没有测定出生男孩的性交日的情况下性交，生男孩的成功率达62%；如果指导受诊者在排卵日进行性交，则成功率超过80%。　　　　由此可知，如果在排卵日进行性交，生下男孩的机率就比较高。　　　　3、天然钙的服用量和时间　　　　1天4颗就足够了　　　　在前面我们已经说过，天然钙既是营养剂，又能提高生男孩的机率。　　　　希望生男孩时，女性早晚要各服用2颗，1日4颗，持续服用2个月以上。　　　　有的人认为服用愈多、效果愈好，因此一天用30颗。　　　　的确，作为营养剂的天然钙能补给母体的营养，即使服用稍多些对身体也无害。但是，就生男生女的效果而言，即使使用得再多也无法增强效果。因此，一天4颗就足够了。　　　　此外，有的人认为既然钙具有提高生男孩的机率的作用，那么只要随便服用市售的钙剂就可以了。可是生男生女法所用的天然钙与市售钙剂并不相同。　　　　我们不建议各位为了营养摄取钙时服用天然钙。因为天然钙是为了想生男孩时服用的钙剂。如果要摄取钙质，可以使用市售的方便钙剂。　　　　附：可以和其他药物并用吗　　　　天然钙并不是某种特别的药物，而是营养剂之一。所以，和其他维生素剂或钙剂一并服用也不要紧。　　　　但是，如果为了营养而摄取钙时，可以摄取含钙质较多的食物，或服用市售的钙剂。　　　　忘了服用该怎么办　　　　每天服用4颗，持续服用2个月以上，这是服用天然钙的方法，绝对不可以忘记。　　　　但是，不管是谁都会有"疏忽"的时候。如果有一天忘了服用，这会成为问题。　　　　但是，如果连续3天忘了服用，药物在血中的浓度会降低，如果5天忘了服用，就根本没有效果，又要回到出发点重新开始服用。如果因为旅行而需外出几天时，一定要随身携带，不要忘了服用。　　　　还有一点是服用天然钙时必须注意的，那就是，长期服用天然钙无法妊娠，而中止服用天然钙后在排卵日性交却受孕，这可能是因为放弃了生男生女法，而使得性交时的心情变得轻松，因而提高了受孕的机率！　　　　此外，自觉在预定性交日已经受孕（实际未受孕），因此中止服用天然钙，然后进行性交，也可能会妊娠。　　　　二者都是希望生男孩，结果却生下女孩。　　　　想生男孩的第一个条件就是排卵日性交。　　　　制造男孩的Y精子在碱性液中比X精子的力量更强而排卵日时，阴道内会分泌碱性的粘液。　　　　绿胶就是用来增加排卵日当天阴道内的碱性度的。　　　　要生男孩只要阴道内保持碱性就可以了，因此还有一种方法就是利用重碳酸钠液灌洗阴道。　　　　将一小匙重碳酸钠加入180毫升的温水中，然后将溶解的重碳酸钠液放入阴道洗净器内，在性交前15分钟每隔2-3分钟仔细地灌洗阴道。　　　　但是，这个方法容易失败，最好与其他方法同用。　　　　5、体位与射精的注意事项　　　　深入的性交较好　　　　尽可能将有元气的Y精子大量射到阴道内，是生男孩的另一条件。因此，男性要将性器深插入，在阴道深处射精。　　　　此外，性交结束后不要立刻拔出男性性器，尽可能保持插入阴道内的姿势，如能延续30分钟，则生男孩的机率更高。而男性离开后，女性也不要立刻移动，要在紧闭双腿的状态下躺3小时以上。　　　　在体位上下功夫，进行深插入　　　　男性性器尽可能深插入，因此，在性交时的体位上也要下功夫。　　　　例如，男性在女性的上方、女性的双腿尽可能往上抬、曲膝进行性交的屈曲位，或女性趴着、男性抬起女性的腰、从后方插入的后背位等，都是适合的体位。　　　　性交后，如果在正常位的状态下保持男性器插入的状态，则女性腰部垫个枕头更有效。　　　　6、高潮与射精的关系　　　　分泌碱性液　　　　女性的阴道内通常是酸性的，不过，酸性度却具有个人差异。但是如果女性性交时产生强烈兴奋感，感受到高潮时，阴道内就会分泌碱性液。当然，这也因女性原本具有的酸性度的不同而异，比如有的人要在感受到2-3次高潮时，阴道内才可能变为碱性。　　　　在碱性环境中，Y精子能活泼地活动，希望生男孩时，则女性在性交时应尽可能达到高潮。　　多花一点时间进行前戏　　　　要怎么做才能使女性感受到高潮呢？这需要夫妻二人互助合作。　　　　尤其是男性，为使女性多感受到几次高潮，必须多花一点时间进行前戏。　　　　性交中，不要老是想要生男孩因而要如何如何，这会使双方都很紧张，无法感受到高潮，所以一定要充分放松，尽情享受性交的快感。　　　　经常听人说"性交高手会生男孩"，能够多花点时间享受性交之乐的夫妻，据统计，的确较容易生男孩。　　　　附：很难达到高潮，是不是没有办法生下男孩呢　　　　女性达到高潮，需要男性的协助。如果很难达到高潮，很大部分原因是男性没有花较多的时间进行前戏。　　　　如果能感受到2-3次高潮，对Y精子而言那是非常必要的，男性一定要了解这一点，从而充分享受前戏的乐趣。　　　　但是，这个问题也因人而异，各有不同。即使完全没有快感，如果在排卵日选择适当的体位，让男性性器深插入射精，也有很多人因此生下男孩。　　　　如果老是担心"没有高潮的感觉，该怎么办才好"，反而无法产生快感。所以，夫妻一定要以放松的心情享受性交的乐趣。</t>
  </si>
  <si>
    <t xml:space="preserve">上传的视频不想让别人看见，能不能设置成仅自己可见呀.有人说：点击? </t>
  </si>
  <si>
    <t>你好！ 新浪博客、视频暂时没有加密功能。。。</t>
  </si>
  <si>
    <t xml:space="preserve">我的手提电脑经常会发出卡卡的声音,响的时候运行就停滞这是怎么回事? </t>
  </si>
  <si>
    <t>这个很正常的。一般都有声音，没有声音要么太牛了，要么坏了！如果你不放心还是检测一下吧！用优化大师可以检测，用windows自带的磁盘检测也不错，用诺顿磁盘医生也很好！</t>
  </si>
  <si>
    <t xml:space="preserve">谁有影楼里用的古代房屋模板，photoshop.的psd格式的，? </t>
  </si>
  <si>
    <t xml:space="preserve">  一万四千多个模版 有专门的相册模版</t>
  </si>
  <si>
    <t xml:space="preserve">游戏时间与现实时间请问生产系2转任务中的时间是现实时间还是游戏时 </t>
  </si>
  <si>
    <t>游戏时间与现实时间不是一回事.游戏时间是游戏设计者根据游戏的需要而设计的,你只能顺势而为,很难说等于现实时间的多少.</t>
  </si>
  <si>
    <t xml:space="preserve">请问数字电视和等离子电视是否同一个概念？有什么区别？ </t>
  </si>
  <si>
    <t>不是同一概念 数字电视是指电视节目在传输存储等过程中采用数字信号作为信息的载体 从而使得节目可以在机顶盒中进行存储选择收看等等；而等离子是说节目在接收到以后通过等离子技术投放到屏幕上 使得节目更加清晰</t>
  </si>
  <si>
    <t xml:space="preserve">我现在yj晚了6天，但今天早上一测结果是没怀孕！？平时lj都比较 </t>
  </si>
  <si>
    <t>你应该没有怀孕，可能是你心情紧张造成的，放松心情</t>
  </si>
  <si>
    <t xml:space="preserve">狗狗眼睛看不见了我的狗狗今年15岁了，身体一直很好，没有其他症状 </t>
  </si>
  <si>
    <t>到医院检查看看眼睛晶状体有没有老化，还是有白内障，还是身体老年病（如糖尿病）导致眼睛局部问题。</t>
  </si>
  <si>
    <t xml:space="preserve">40级的绿豹，和腰带这几天多少钱啊？绿豹衣和腰带想知道要多少钱 </t>
  </si>
  <si>
    <t>分区而定，以及你哪个区物价膨胀情况！还有货物与需求的比例，还有是否有商人炒作！</t>
  </si>
  <si>
    <t xml:space="preserve">性格和脾气是一回事吗性格好脾气就好吗 </t>
  </si>
  <si>
    <t>脾气，在上是指人的气质，指的是人的神经类型的特点。气质这个概念最早为古希腊医生希波克拉底和古罗马医生盖仑所提出。他们将人们常见的气质分为四类，即一直沿用至今的多血质、粘液质、胆汁质和抑郁质。其中的胆汁质就是所谓脾气大的人，其特点是：直率、热情、精力旺盛，情绪容易冲动，心境变换剧烈，具有外倾性。气质在一定程度上有父母遗传的影响，但也依赖于人的生活方式和气候条件：如，不活动的生活方式积蓄粘液，而活动的生活方式则积蓄胆汁，因而产生相应的气质表现。俄国生理学家巴甫洛夫的研究，把胆汁质气质称为“强而不平衡型”的高级神经活动类型，他认为，人的高级神经活动有高度的可塑性，也有可变性，气质本身在性格的影响下可以被改造，气质的表现归根结底从属于性格的坚强程度。 性格这个词来源于希腊语，我国心理学家认为：性格是个人对现实的稳定的态度和习惯化了的行为方式。可见性格并不是独立存在的，我们日常生活中的态度及行为表现都可反映出我们的性格特征。 如,社会问题上，是激进的，还是保守的？生活态度上，是乐观的，还是消极悲观的？在对待金钱方面，是大方或者吝啬？在处理生活事务时，是偏见的，还是正义的？在与他人交往时，是自卑的，还是优越的？我们每个人都有特定的性格特征，这些特征都不是短时间形成的。而形成的一系列生活态度和行为风格具有一定和稳定性。但这并不意味着我们现有的一些状况是根本无法改变的。生活中的许多偶然事件都会改变我们的生活，甚至会改变我们的一生。 在现实生活中性格比气质更容易被人们所认识和把握。性格比气质有更大的可塑性。由于气质主要是先天决定的，一般在我们的幼年已经变得相当稳定。性格则与气质不同，我们可通过教育使其发生改变。正由于这种变化的存在，我们对性格便有了不同的评价。在社会生活中，我们用一些公共的标准来评判别人的行为及态度，通过别人的表现便可形成对其好恶的情感反应。这些公共的评判标准以法律和道德的形式加以规范。与性格相应的气质则不受这些评判标准的限制，我们不会对胆汁质、多血质、粘液质和抑郁质者有什么不同的评价，正如我们的血型通常有A型、B型、AB型和O型四种，各种血型无好坏之分。 虽然性格与气质有诸多差别，它们之间仍然是密切关联的。通常情况下一个人的性格总是受到他的气质类型的制约，只是在有的人身上这种制约作用表现的明显，而在有的人身上这种作用表现的不太明显罢了。在日常生活中胆汁质者通常表现出易冲动、攻击性明显，常常凭感情办事，且在工作中精力充沛、认真负责，但常缺乏耐性，不能长期坚持同一种工作。另外多血质者在生活中常表现出乐观开朗、对人亲切，工作中干劲足、吃苦耐劳，但易于感情用事。所有这些都显示出了气质在个人性格中的痕迹，所以我们在考查个人的性格的同时不能忽视其气质的影响。</t>
  </si>
  <si>
    <t xml:space="preserve">网购的时候开启电脑管家的财产保镖会不会跟支付宝安全控件冲突呢？ </t>
  </si>
  <si>
    <t>不会的 他是提醒你  您已进入网购 根银行 支付宝插件不会冲突的</t>
  </si>
  <si>
    <t>玩儿1巴塞尔</t>
  </si>
  <si>
    <t>GOOD国庆长假大家都很积极呀，晚上看球应也挺热闹的，祝好运</t>
  </si>
  <si>
    <t xml:space="preserve">女儿是这样问我，我怎么回答？问：奶奶是你什么人？答：是我妈妈。问 </t>
  </si>
  <si>
    <t>实事求是，做个诚实的、可爱可亲的、女儿眼中慈祥、善良的父亲。</t>
  </si>
  <si>
    <t xml:space="preserve">台湾最漂亮的女明星? </t>
  </si>
  <si>
    <t>SHE</t>
  </si>
  <si>
    <t xml:space="preserve">喝酒睡觉好吗？有时候觉得睡不着就想着喝酒，心想着喝酒可以很快入睡 </t>
  </si>
  <si>
    <t>睡前喝杯牛奶或吃个苹果有助睡眠.</t>
  </si>
  <si>
    <t xml:space="preserve">什么叫塔兔毛,珍贵吗?近日在商店中经常能听到售货员介绍，一种看似 </t>
  </si>
  <si>
    <t>獭兔又名力克斯兔(Rex rabbit)，原意为“兔中之王”。又因力克斯兔绒毛平整直立，富有绚丽光泽，手感柔软、舒适，毛细密，很似珍贵毛皮兽水獭，所以，多以“獭兔”称之。獭兔是典型皮用兔。现在我国毛皮染色、加工技术已接近国际水平，可将白色獭兔皮着色成人们喜欢的颜色，所以，白色獭兔更为厂家看好。但不论什么颜色獭兔，都应该具备獭兔毛皮品质标准要求，概括为“短、细、密、平、美、牢”所谓“短”，就是毛纤维短，毛纤维长度在1.3厘米～2.2厘米之间。“细”就是毛纤维细，粗毛少。“密”就是绒毛丰厚。“平”就是绒毛长短一致，平整。“美”就是色调美观，有光泽。“牢”就是被毛着生牢固，不易脱落。獭兔皮在国际市场上销售看好獭兔毛柔软平顺,手感也好.所以比一般兔毛贵.但还不属于珍贵毛皮.</t>
  </si>
  <si>
    <t xml:space="preserve">美国现在是什么天气看国际天气预报 </t>
  </si>
  <si>
    <t>首先,轻闭你的双眼,深深的呼吸几次,再轻轻的吐几口气侧耳听听你平时忽略掉的声音这时候你会发现,哪里都有阳光的普照.美国么,自然好天气了.</t>
  </si>
  <si>
    <t xml:space="preserve">太极图是如何生成的？我们知道太极图的样子。可这样子是如何生成的？ </t>
  </si>
  <si>
    <t>太极图是以黑白两个鱼形纹组成的圆形图案，俗称阴阳鱼。太极是中国古代的术语，意为派生万物的本源。太极图形象化地表达了它阴阳轮转，相反相成是万物生成变化根源的哲理。　　太极图形展现了一种互相转化，相对统一的形式美。它以后又发展成中国民族图案所特有的“美”的结构。如“喜相逢”、“鸾凤和鸣”、“龙凤呈祥”等都是这种以一上一下、一正一反的形式组成生动优美的吉祥图案，极受民间喜爱。《太极图说》[宋]周敦颐　　无极而太极。太极动而生阳，动极而静，静而生阴，静极复动。一动一静，互为其根。分阴分阳，两仪立焉。阳变阴合，而生水火木金土。五气顺布，四时行焉。五行一阴阳也，阴阳一太极也，太极本无极也。五行之生也，各一其性。无极之真，二五之精妙合而疑。乾道成男，坤道成女。二气交感，化生万物。万物生生，而变化无穷焉。惟人也得其秀而最灵。形既生矣，神发知矣。五性感动，而善恶分，万事出矣。圣人定之以中正仁义而主静（自注：无欲故静），立人极焉。故圣人与天地合其德，日月合其明，四时合其序，鬼神合其吉凶。君子修之，吉；小人悖之，凶。故曰：“立天之道，曰阴与阳。立地之道，曰柔与刚。立人之道，曰仁与义”。又曰：“原始反终，故知死生之说”。大哉易也，斯之至矣。　　导读：《太极图说》是中国宋代周敦颐为其《太极图》写的一篇说明。全文249字。该文认为，“太极”是宇宙的本原，人和万物都是由于阴阳二气和水火木金土五行相互作用构成的。五行统一于阴阳，阴阳统一于太极。文中突出人的价值和作用，该文主张：“惟人也，得其秀而最灵。”在人群中，又特别突出圣人的价值和作用，认为“圣人定之以中正仁义，而主静，立人极焉”。该文对后世影响很大，版本很多，朱熹《近思录》、黄宗羲等所编《宋元学案》等尽皆收入。太极图解：　　太：初始、宗源、无上。极：最端之位、结构之元。太极的字面含义：最高级、最标准、最完美之义；太极的真实含义：事物存在与运动的机理，以旋机为运动形式，以圆融为运动品质。　　太极图是图式最简单、内涵最丰富、造型最完美的图案，古今中外没有哪个图案有如此深刻的内涵，它可以概括宇宙、生命、物质、能量、运动、结构等内容，可以揭示宇宙、生命、物质的起源。　　太极图是对事物运动和结构成因的图解，有以下几方面的含义：　　1、太极图中的"S"线将太极图清晰地分为两个关联部分，表明任何事物的内部都是有结构的。　　2、太极图的两个部分用不同颜色相区别，分为阴和阳，以"S"线相隔，表明这两个部分是相互独立、不容混淆的。　　3、太极图的两个独立块面各有一个对方的小点，即阳块中有阴小点，阴块中有阳小点，表明同一事物结构中的独立部分与对方有不容混淆的包含关系。也就是说，虽然阳中含阴，阴中含阳，互相包含，但是不论是块还是点，都是绝对独立的，没有混淆界线。　　4、太极图是圆形图，一是表示运动和结构有规则，二是表示运动以旋转为基本形式，三是表示运动是流畅圆润的。　　5、太极图是对称图，整个结构均衡对称，表明一个稳定的结构其内部能量是均衡的，独立的双方都有均衡的能量和平等的结构地位。　　6、内部绝对对称的圆图也表明，太极的运动是无摆动、无震动的旋转运动。　　7、太极图的阴块和阳块都有大头和小尾的形状，表明事物运动是有方向性的，可以显示太极图的正旋与反旋的旋转方向。　　8、太极图阴块和阳块的大头与小尾，还表示阴块和阳块在旋转中的强弱变化，大头为强，小尾为弱，在大头处有对方的小点，同时与对方的小尾衔接，这就显示了太极内部两种能量的变化由小到大，又由大到互变的变易性，呈现出物极必反的状态，这就是易理产生的根源。　　综上所述，太极图有七大含义：结构、规则、旋机、均衡、圆融、变易和方向.</t>
  </si>
  <si>
    <t xml:space="preserve">鸡腿、鸡翅的做法?最好是自己做过，有经验的朋友来说说？ </t>
  </si>
  <si>
    <t xml:space="preserve">腿与鸡翅同属鸡身上的精华，吃法非常得多，热做热吃，热做凉吃，都非常的惹火，泡椒鸡翅、可乐鸡翅、麻辣鸡翅、鸡翅冻、烧鸡翅；烧鸡腿、怪味鸡腿、面包鸡腿、水晶鸡腿，哎呀太多了。鱼香脆皮鸡腿 ：准备好主料鸡腿两个，辅料有葱姜蒜、泡辣椒、白糖、米醋、料酒、水淀粉、干红辣椒和花椒、面粉、小苏打、干淀粉、色拉油。 先把鸡腿肉上的骨头剔除，然后在鸡腿肉上打花刀，这样可以让鸡腿肉在一会的腌制过程中更好的入味。打完花刀后，往鸡腿肉上放入料酒、花椒、干红辣椒、姜葱、盐腌制20分钟，一是让鸡腿肉更好的入味，二是为了去除鸡腿肉上的腥味。 腌制鸡腿的时候，可以来和面糊，要注意面粉和干淀粉的比例为2比1，再加入少许小苏打，用水轻轻的搅拌，打成糊状，面糊在筷子上可流成一条线即可。最后在面糊内加入少许色拉油，这样炸出来会更酥更脆。 下面把腌制好的鸡腿放入蒸锅里蒸熟，时间约为五分钟。鸡腿蒸好后，准备下油锅炸，炸之前把熟鸡腿肉放入面糊里裹均匀，然后待油温达到8成热时入锅，将鸡腿炸成金黄色时，捞出进行改刀切片，把切好的肉片装入盘中。 下面就来做鱼香汁，把葱姜蒜放入油锅内炒香，再放入泡辣椒、盐糖、料酒还有醋，翻炒几下后，为了菜品的美观，可以捞出料渣，然后再加入水淀粉，搅匀后把打好的鱼香汁浇到鸡腿肉上。 香脆可口，酸甜微辣的鱼香脆皮鸡腿就做好了。红烧鸡翅的做法 原料： 鸡翅一袋（翅中最好，如果是用全翅，要把翅根、翅中、翅尖分开，鸡翅用水焯一下）、姜片、葱片、干辣椒、花椒、八角、蒜 做法： 1、把所有调味料（除葱以外）掰碎，放入炖肉用的不锈钢调料蛋中。 2、油锅内放入一两白糖，炒到白糖融化-起泡-泡沫消退-白糖变成金黄色时，放入洗干净的鸡翅。中火翻炒，直到每块鸡翅变成漂亮的金黄色…… 3、放入一些热水，（千万不要放凉水，因为已经受热的肉块突然受冷，肉皮会收缩，不容易熟也不容易入味）。水量到淹没鸡翅就行。 放入调料蛋和葱片、一小勺酱油、一勺盐。（不用放太多的酱油，因为炒的糖色已经足够了，而且酱油太多会盖住鸡翅本身的香味） 4、用中火把鸡翅炖烂，汤汁变少时改大火把汁收浓，以不干锅为准。 </t>
  </si>
  <si>
    <t xml:space="preserve">关于社保的问题！我从文件上看到有定点医院还有定点药房，定点医院能 </t>
  </si>
  <si>
    <t>医保定点医院和定点药店都是由医保中心审定的，并对外公布。一般药店也都有明显标识，如：本店可以使用医保卡，有的地方医保中心还专门颁发定点药店牌匾。如果想了解到底有哪些药店，可以到当地医保中心咨询。</t>
  </si>
  <si>
    <t>∫(</t>
  </si>
  <si>
    <t>x|x-1|=x^2-x,(1=&lt;x=&lt;3); -x^2+x,(-2=&lt;x=&lt;1).1--&gt;3:∫(x^2-x)dx=x^3/3-x^2/2|(1--&gt;3)=(27/3-9/2)-(1/3-1/2)=14/3-2--&gt;1:∫(-x^2+x)dx=(-x^3/3+x^2/2)|(-2--&gt;1).=(-1/3+1/2)-(8/3+4/2)=-9/2所以定积分-2--&gt;3:∫x|x-1|dx=14/3+-9/2=1/6.</t>
  </si>
  <si>
    <t xml:space="preserve">系统重装后的一点小问题【高分高手近】 </t>
  </si>
  <si>
    <t>那些软件能运行的软件是因为所有的文件都是保存在自己目录下，比如一些重要的DLL文件，不能运行的是因为，需要用到一些特有的系统文件或者自身的文件，这些文件都是安装到了系统盘如C盘，而现在你重装了系统那当然运行不了。最好不要导入那些注册表，免得破坏系统，当然坏处也不大，</t>
  </si>
  <si>
    <t xml:space="preserve">还是我这个新手！~~~~~~~~~今天没什么要问的了。我在这里主 </t>
  </si>
  <si>
    <t>诶.....别说点装备了...说得我头大了啊....我前几天把+10U刀干掉了!!!点装备就像个无底洞...还是少玩点的好!!</t>
  </si>
  <si>
    <t xml:space="preserve">一元二次方程的应用题一块长30米。宽20米的长方形操场。先要将它 </t>
  </si>
  <si>
    <t>设增加x米（30+x)(20+x)=2*30*20x^2+50x-600=0x=10 或x=-60(舍去）长宽各需要增加10米</t>
  </si>
  <si>
    <t xml:space="preserve">大家帮我比较比较，法皇好啊，还是枪侠好啊 </t>
  </si>
  <si>
    <t>单玩就选法皇,不过前期要稍稍忍耐下(其实也没有什么关系,个人感觉并不慢)后期加点很总要,伤害输出很高</t>
  </si>
  <si>
    <t xml:space="preserve">绿宝石有什么特点?如何种养? </t>
  </si>
  <si>
    <t>绿宝石喜林芋等大多原产于美洲热带和亚热带地区，攀援生长在树干和岩石上。性喜温暖湿润和半阴环境。生长适温为20—28℃，越冬温度为5℃。绿宝石喜林芋盆栽基质以富含腐殖质且排水良好的壤土为佳，一般可用腐叶土1份、园土1份、泥炭土1份和少量河沙及基肥配制而成。种植时可在盆中立柱，在四周种3—5株小苗，让其攀附生长。它喜高温多湿环境，须保持盆土湿润，尤其在夏季不能缺水，而且还要经常向叶面喷水；但要避免盆土积水，否则叶片容易发黄。一般春夏季每天浇水一次，秋季可3—5天浇一次；冬季则应减少浇水量，但不能使盆土完全干燥。生长季要经常注意追肥，一般每月施肥1—2次；秋末及冬季生长缓慢或停止生长，应停止施肥。它喜明亮的光线，忌强烈日光照射，一般生长季需遮光50％一60％；但它亦可忍耐阴暗室内环境，不过长时间光线太弱易引起徒长，节问变长，生长细弱，不利于观赏。</t>
  </si>
  <si>
    <t xml:space="preserve">怎样在新浪网上报料我想写一些材料在新浪网上进行报料，但不知道怎样 </t>
  </si>
  <si>
    <t>新浪有论坛，你可以在论坛里面发帖不过新浪的尺度是相当严格的，稍微过分的话题都会被封杀的</t>
  </si>
  <si>
    <t xml:space="preserve">失眠最近一段时间常常晚上该睡觉时睡不着，睡着了也很容易醒，每天晚 </t>
  </si>
  <si>
    <t>不知道你最近是不是工作压力太大或学业压力过大引起的，根据你目前反映的情况属于失眠，建议不管有无睡意都要十一点前上床睡觉，不要睡前玩儿手机，睡前不要吃的过饱，不要剧烈运动，可以喝杯牛奶或买个洗脚盆烫烫脚，保持心情愉悦，估计都做到了，睡眠也会有所改善的，不建议刚失眠就吃安眠药，先从生活方式上调理一下看看吧</t>
  </si>
  <si>
    <t xml:space="preserve">系统备份求一款能将系统做成镜像文件的备份软件！并加上详细的操作步 </t>
  </si>
  <si>
    <t>系统备份使用Ghost一、分区备份 &gt;&gt;&gt;&gt;使用Ghost进行系统备份，有整个（Disk）和分区硬盘（Partition）两种方式。在菜单中点击 Local（本地）项，在右面弹出的菜单中有3个子项，其中 Disk表示备份整个硬盘（即克隆）、Partition 表示备份硬盘的单个分区、Check 表示检查硬盘或备份的文件，查看是否可能因分区、硬盘被破坏等造成备份或还原失败。分区备份作为个人用户来保存系统数据，特别是在恢复和复制系统分区时具有实用价值。 &gt;&gt;&gt;&gt;选 Local→Partition→To Image 菜单，弹出硬盘选择窗口，开始分区备份操作。点击该窗口中白色的硬盘信息条，选择硬盘，进入窗口，选择要操作的分区（若没有鼠标，可用键盘进行操作：TAB键进行切换，回车键进行确认，方向键进行选择）。 在弹出的窗口中选择备份储存的目录路径并输入备份文件名称，注意备份文件的名称带有 GHO 的后缀名。 接下来，程序会询问是否压缩备份数据，并给出3个选择：No 表示不压缩，Fast表示压缩比例小而执行备份速度较快，High 就是压缩比例高但执行备份速度相当慢。最后选择 Yes 按钮即开始进行分区硬盘的备份。Ghost 备份的速度相当快，不用久等就可以完成，备份的文件以 GHO 后缀名储存在设定的目录中。 二、硬盘克隆与备份 &gt;&gt;&gt;&gt;硬盘的克隆就是对整个硬盘的备份和还原。选择菜单Local→Disk→To Disk，在弹出的窗口中选择源硬盘（第一个硬盘），然后选择要复制到的目标硬盘（第二个硬盘）。注意，可以设置目标硬盘各个分区的大小，Ghost 可以自动对目标硬盘按设定的分区数值进行分区和格式化。选择 Yes 开始执行。 &gt;&gt;&gt;&gt;Ghost 能将目标硬盘复制得与源硬盘几乎完全一样，并实现分区、格式化、复制系统和文件一步完成。只是要注意目标硬盘不能太小，必须能将源硬盘的数据内容装下。 &gt;&gt;&gt;&gt;Ghost 还提供了一项硬盘备份功能，就是将整个硬盘的数据备份成一个文件保存在硬盘上（菜单 Local→Disk→To Image），然后就可以随时还原到其他硬盘或源硬盘上，这对安装多个系统很方便。使用方法与分区备份相似。 三、备份还原 &gt;&gt;&gt;&gt;如果硬盘中备份的分区数据受到损坏，用一般数据修复方法不能修复，以及系统被破坏后不能启动，都可以用备份的数据进行完全的复原而无须重新安装程序或系统。当然，也可以将备份还原到另一个硬盘上。 &gt;&gt;&gt;&gt;要恢复备份的分区，就在界面中选择菜单Local→Partition→From Image，在弹出窗口中选择还原的备份文件，再选择还原的硬盘和分区，点击 Yes 按钮即可。</t>
  </si>
  <si>
    <t xml:space="preserve">50级新手的问题我练了一个月才50级，现在好多问题请高手解答。1 </t>
  </si>
  <si>
    <t>1、个人感觉最好人物级别和兵种级别别相差太大。有时为了升级稍压下兵种倒是可以的。2、绑定的物品是不可以交易的。可以分解的物品只有身上的衣服和武器。酒馆换来的和战场的不能分解。3、绿色装备可以打一些稀有怪掉，也可以自己制作，用普通原料做有一定机率出绿的，用的材料好些出的装备品质会更好。4、这个不知道为什么带到身上没给你加攻击。5、我不记得50级用的什么样的马鞭了，但就该是粗制马鞭精制马鞭突骑马鞭乌恒马鞭这么个升级路线吧，当然有人也不是这样升级的，大多数武官都这样升。长老密书在你杀完那个BOSS后面的一个箱子里，得手动去捡起来才行。战场上的战利品是通过投点比大小分配的。投的点大就分给你了。6、元宝换金可以在神秘商人那挂单，（挂单好象要收你手续费）也可以买成别人想要的东西卖给别人，比如将军令，太一元符什么的，这个比例就得看你在哪个区了，各个区的比例不一样。我们区是一个元宝换10到11金。</t>
  </si>
  <si>
    <t xml:space="preserve">书剑恩仇录是一款什么类型的游戏啊？ </t>
  </si>
  <si>
    <t>《书剑恩仇录》是一款改编自同名武侠文学名著的大型3DMMORPG。</t>
  </si>
  <si>
    <t xml:space="preserve">如何识别古币真伪？还有就是“包浆”什么意思？ </t>
  </si>
  <si>
    <t xml:space="preserve">包浆通俗地讲就是一些古董（木器 玉器 瓷器 铜器等）由于人为地长期把玩而在其表面形成一层特殊的光泽。老东西包浆温润透漏出一种古气，而刚出炉的赝品（即时做旧）则显现出一种“火气”。任何古董的辨别都是没有简单的方法的，都需要长时间的对真品与伪品进行对比研究。对于古币，现在一般的低仿品 锈色肤浅 字迹软弱 置地声音清脆有转音 </t>
  </si>
  <si>
    <t xml:space="preserve">懂电脑的帮下忙请问下，为什么我的瑞星和360杀毒软件都保护不了光 </t>
  </si>
  <si>
    <t>不是不保护,是你的杀毒软件不识别这个游戏的某个程序.........把它(不识别的程序)放到你的杀毒软件的信任区,就好了........</t>
  </si>
  <si>
    <t xml:space="preserve">奇老夫子解盘（6月11日）昨天股市出现恐慌杀跌，但无论大盘是构筑 </t>
  </si>
  <si>
    <t>感谢奇老夫子老师一路相伴!在您的引领下,回望,逝去的风景依旧,可已经是昔日的“黄花”；展望,未来的风光独好，明天依然灿烂辉煌。我们以感恩之心感谢夫子老师对“小散们”的呵护，日后将调整心态、调整节奏一路相随！</t>
  </si>
  <si>
    <t xml:space="preserve">80年代，作为中学生，你最喜欢的流行音乐是哪一首？为什么（词、曲? </t>
  </si>
  <si>
    <t>80年代《军港之夜》，那时代校园最流行 萝卜裤  单肩的军服 布鞋要白底灰面的才正宗 。90年代《涛声依旧》，90年代是一个不平凡的时代、这个时代的人叛逆、重感情、早恋、有许多事让上一辈子接受不了、生活在这个年代的人、都喜欢追求无拘无束的生活、喜欢去探寻那些未知。2000后《爱情买卖》，要说现在青年人的生活应该是越过越好，越来越丰富。现在的生活讲究的是多元化、复杂化、生活的消费越来越高，人们开始了新一轮的物质消费，那就是崇尚电子产品，甚至一些高端产品的消费。</t>
  </si>
  <si>
    <t xml:space="preserve">奥数，急呀！（4）一列火车车头及车身共41节，每节车身及车头30 </t>
  </si>
  <si>
    <t>　一列火车车头及车身共41节，每节车身及车头长都是30米，节与节间隔1.5米，这列火车以每分钟1千米的速度穿过山洞，恰好用了2分钟。这个山洞有多长?这题我做过.我这样的题才对　　全解 火车车长为：   　　　　  30×41＋1.5×(41－1)＝1290(米)　　山洞长度为：　　　　　1000×2－1290＝710(米)　　答：山洞长710米。</t>
  </si>
  <si>
    <t xml:space="preserve">那有下生化危机3或4！ </t>
  </si>
  <si>
    <t xml:space="preserve"> 偶就是在那里下的，能玩，而且音乐音效完美。该网站有好几个版本，如PC玩的，用PS模拟器玩的，可自己搜索一下。记住，单线程下载，否则被封ID，还有，有时下载人数巨多，会连接不上，最好凌晨下。至于生化4嘛，目前没有，PS2英文版今年10月25日正式发售。</t>
  </si>
  <si>
    <t xml:space="preserve">猜一字守株待兔请回答一个字 </t>
  </si>
  <si>
    <t>守株待兔请回答一个字-----柳</t>
  </si>
  <si>
    <t xml:space="preserve">电脑网络练不上？要检查什么具体步骤 </t>
  </si>
  <si>
    <t>用360安全浏览器5.0正式版里的“浏览器医生”功能就能重置你的网络连接。傻瓜式的，方便。</t>
  </si>
  <si>
    <t xml:space="preserve">Mg点燃前要打磨掉表面化合物，这层化合物是什么？怎么形成的？ </t>
  </si>
  <si>
    <t>这层化合物是氧化镁，这种化合物的形成是因为镁长时间放在空气中而与空气缓慢氧化形成的， 方程式是 2Mg+O2=2MgO（跟镁燃烧的化学方程式一样，只不过这是缓慢氧化现象）  这层物质包住了内层的镁，使内层的镁不能点燃故要在点燃镁前打磨掉它</t>
  </si>
  <si>
    <t xml:space="preserve">给新手的基础知识测试(7)1963年4月10日，美国一条核潜艇事 </t>
  </si>
  <si>
    <t>美国的"长尾鲨"核潜艇</t>
  </si>
  <si>
    <t>“公式：应纳税额＝当期销项税额</t>
  </si>
  <si>
    <t>“期”即“会计期间”，可以是年度、半年度、季度和月度，均按公历起讫日期计算确定。比如要核算某一个月的应纳税额，公式即为：应纳税额＝当月销项税额-当月进项税额。</t>
  </si>
  <si>
    <t xml:space="preserve">装备合成几率和什么有关？成功率和幸运有关吗？ </t>
  </si>
  <si>
    <t>自己感觉合成几率跟幸运关系不大而是跟你合成装备的件数有关当你几次失败后，成功的几率会很大成功几次后，可能就要失败了最好不要连续去合，一天合一件，算不准概率只能赌运气。</t>
  </si>
  <si>
    <t xml:space="preserve">问题啊什么是TCP连接程序，在电脑的什么地方？有图标吗谢谢。 </t>
  </si>
  <si>
    <t>TCP/IP吗 网卡的协议网上邻居右建  属性  网络连接 右键 属性 就可以看到</t>
  </si>
  <si>
    <t xml:space="preserve">字谜:半青半紫 </t>
  </si>
  <si>
    <t>素////////////////////////////////</t>
  </si>
  <si>
    <t xml:space="preserve">澳元真的会继续持上升走势吗？我想用美元兑澳元，但如今澳元汇率太高 </t>
  </si>
  <si>
    <t>现在的价格就可以买了,应该还会到0.83以上的,祝你有好的收益.</t>
  </si>
  <si>
    <t xml:space="preserve">请专家过来帮帮忙！！！（在线等）　　有一辆二手的千里马2006年 </t>
  </si>
  <si>
    <t>您好，具体买价当然得由您具体谈判了，提供市场价给您，06年1.3L千里马手动档，如车无大事故，无大碰撞，发动机运转正常，手续齐全的情况下，此车目前综合市场行情约在5.9-6.1万元左右，此价格仅供参考。感谢您关注、信任艾普二手车。</t>
  </si>
  <si>
    <t xml:space="preserve">谁知道仙妮蕾德的分店如何加盟?我想开家仙妮蕾德的店,但不知道怎样 </t>
  </si>
  <si>
    <t xml:space="preserve"> 世界总部位于美国加州的托伦斯市，占地9英亩，投资达四千五百万美元。仙妮蕾德在美国加州、中国、新加坡和中国台湾地区拥有自设高科技生产厂房。    有20多年稳步发展的成功历史，在世界各地获得无数不同民族的社会团体授予的奖项，业务遍及30多个国家和地区，在全世界拥有数以百万计的经销伙伴和顾客。   2、 创办人的专业知识创办人兼董事长陈得福博士是一名药剂师和世界知名的草本学家。公司总裁陈徐爱莲博士则是持有美国行医执照的医学博士。 他们俩人亲自监督每一个生产环节，从产品的研发配方到制造、包装、分发、经销。     3、 高科技制造设施仙妮蕾德的每一款独特高效的产品，从最初概念到最终成品，均由我们自己研发制造。 仙妮蕾德的每一款独特高效的产品，从最初概念到最终成品，均由我们自己研发制造。仙妮蕾德在美国加州、中国广州、天津、新加坡及中国台湾地区拥有并运作超过一百万平方尺的制造厂房，内设业内公认具一流水准的生产设备。多磅的草本原料，经独特的生产过程—清洁、炮制、研磨、配方、萃取、浓缩、喷雾干燥—成为最终成品：一磅的高浓缩产品。我们的品管部藉严密监管制造过程的每一环节，确保保持所有仙妮蕾德配方的完整。仙妮蕾德生产厂房符合环保要求—经常保持无尘状态，且由一套空气净化系统控制细菌孳生。所有用水都经净化，以除去矿物质沉淀物、物质及任何可能存在的细菌。所有运输填充材料均是水溶性的。    4、 您想赚取更丰厚的钱和 拥有稳定的收入吗？ 如果您有兴趣的话，我可给您答案！ 与众不同的公司20年稳定的成功经营史；自置价值4,500万美元的世界总部；在全世界拥有百万的经销伙伴及消费者；业务遍及全球30多个国家和地区；在中国有3000家授权经销店。  优质的产品高浓缩和高效能；我们产品在自设高科技品管严密的生产厂房中研发制造；采用品质超卓的草本成分的独特配方。仙妮蕾德的产品是为满足人们日常生活所需而设计的，包括调理内脏机能的生之源系列，平衡脂肪改造身材的维体力系列，迅速补充能量的力之源系列，美容保养、彩妆的Kandesn系列，家居用品等200多种，吃得健康，喝的健康，仪容健康，家居健康。 仙妮蕾德的创业良机，是适合任何背景的人的。您可以选择自己做老板，开设授权经销店，享用和推广质优的仙妮蕾德产品，赚取可观收入；亦可以不需额外投资，在授权经销店中任高级经理，赚取优厚薪金及奖金；或选择成为授权经销店的长期顾客，以优惠的条件享用高品质的产品同时，还可获得产品价格折扣。 仙妮蕾德为我们带来四大良机：创造财富、独立自主、保障将来、健康美丽。 欢迎美容院、理发店、食品店、服装店、药店及各界人士加盟连锁经营。 仙妮蕾德只需投资6－10万元，就可开一间仙妮蕾德国际机构授权经销店。 投资少，见效快。  </t>
  </si>
  <si>
    <t xml:space="preserve">我的电瓶车用了两年了，电池充满了开5~6公里就没电了解决三个问题 </t>
  </si>
  <si>
    <t>开开宝宝：你好！普里斯通电瓶车专卖店；普陀区石泉路北面岚皋路西边60米。你的电瓶差不多到寿命了。如果使用得当，二年半，一般来说二年可以换了。电瓶价格：大多数是150元左右一节，普里斯通的电瓶我不清楚它的价格，它的质量在上海是数一数二的。有没有办法延长现在电瓶的使用寿命。可以延长，效果不明显，不会超过三个月。市场上卖的电瓶车充电伴侣有用么？？？这要看你从哪个角度来看问题，你相信它，它就给你增加二三公里，你不相信它，它就一文不值，没有反应。我单位买了好几部电动车，使用的都是松下电瓶（正牌原装货），一般十个月寿命，有几组刚过保修期就和你一样了，不到十公里。仅供参考。祝你好运！</t>
  </si>
  <si>
    <t xml:space="preserve">当你左右为难时怎么办当你被两个亲人左右为难时你怎么办你即不想伤害 </t>
  </si>
  <si>
    <t>实际上这个问题很难回答，因为状态的不同，所解决的方案也不一样，如果亲人是为了你考虑，那么顺从或者将计就计不失为一种良策；如果是嫂子或者弟妹之类，有时候并不能真正的考虑你的因素那么我建议你可以就事论事，具体情况具体分析具体解决，这些年来，我最大的感触就是伤害了谁也别伤害了自己的亲人，</t>
  </si>
  <si>
    <t xml:space="preserve">我想练个专家级的圣骑士，请高手指点一下，该怎么加点啊？ </t>
  </si>
  <si>
    <t>现在圣骑还是只有两种练法，一种是白热型的，另一种当然就是祝福之槌型的了。祝福之槌：一、技能点加法 1、: 祝福之锤（Blessed Hummer） 20 点 祝福瞄准（Blessed Aim） 20 点 ——给祝福之锤额外加成 每级14% 活力（Vigor） 20点 ——给祝福之锤额外加成 每级14% 专注（Concentration） 20点 ——当开启此光环时会增加祝福之锤的伤害 PS: 祝福之锤（Blessed Hummer）的缩写为：BH 2、必修技： 神圣之盾（Holy Shield） 至少1点——#@$%&amp;*还用多说吗？不加这一点怎么活？ PS: 神圣之盾（Holy Shield）的缩写为：HS 3、过路技： 圣光弹（Holy Bolt）1点 ——祝福之锤（Blessed Hummer）的过路技 力量（Might）1点 ——祝福瞄准（Blessed Aim）和专注（Concentration） 的过路技 祈祷（Prayer）1点 ——活力（Vigor）的过路技 净化（Cleansing）1点 ——活力（Vigor）的过路技 反抗（Defiance）1点 ——活力（Vigor）的过路技 重击（Smite）1点 ——神圣之盾（Holy Shield）的过路技 冲锋（Charge）1点 ——神圣之盾（Holy Shield）的过路技 一共需要88点，在任务完成的情况下，77级可成型！ 此时，在零装备的情况下伤害值为： 不开启专注（Concentration）光环：1293—1320 开启专注（Concentration）光环： 3516—3590 剩余点数推荐：加到神圣之盾（Holy Shield），反抗（Defiance）[反抗（Defiance）给神圣之盾（Holy Shield）加成] 二、属性点加法 力量（Strength）：加到装备需求的力量值。 敏捷（Dexterity）：加到格挡75% 体力（Vitality）：剩余的点数全部加到这里！ 精力（Energy）：一点都不加！！！ 力量：110点。（这是雷神之力所需求的力量值，加到110点稍微有点多，但第一个嘛，也就无所谓了。） 这样，用雷神、饰金盾，力量就可以达到150。 这里在多?铝骄洌?力量加到多少是根据装备而定的，圣锤圣骑加力量的唯一目的就是能够拿的起来你所需想要拿的装备，而有很多装备有加力量的属性，如雷神之力、沙暴之旅、饰金盾、谜团甲等等。所以，为了能够有足够的属性点数来加生命，力量和敏捷就只能精打细算了！ 敏捷：暂时加到110点。加敏捷的唯一目的就是让格挡达到75% 这就和敏捷值、神圣之盾（Holy Shield）的等级、你所用的盾牌有关，当你的神圣之盾（Holy Shield）级别很高、并使用饰金盾时，用不了这么多的敏捷值！ 有一些装备是加敏捷的，所以，敏捷也要精打细算！ 格挡概率简单分析： 格挡概率的计算公式： 格挡概率=(盾牌上提供的格挡概率+其它方式所提供的格挡概率)*(敏捷-15)/(人物级别* 2) 盾牌上提供的格挡概率, 比如HoZ(饰金盾)就是52%+30%=82% 其它方式所提供的格挡概率，比如：神圣之盾（ Holy Shield） 提供的格挡概率， 公式里是没有75%上限的, 如果你的Holy Shield 提供35%CTB 那么就是52%+30%+35%=117%代入公式去计算。 最终Block上限是75%(静止和走路状态), 跑动中要除以3, 跑动中上限是25% CTB和FBR(快速格挡率Faster Block Rate)无关 根据上面公式，为了加到格挡７５％，所需敏捷为： 敏捷=75%*(人物级别* 2)/(盾牌上提供的格挡概率+其它方式所提供的格挡概率)+15 举例：你现在８０级，神圣之盾（ Holy Shield） 提供的格挡概率为３０％，用的是饰金盾， 则：敏捷＝７５％＊８０＊２／１１２％＋１５＝１２２ 其他条件不变，只是人物级别升到９０级，则按公式算出来的敏捷变为１３５；升到９５级，则变为１４２ 具体情况请大家自己分析吧！ 三、装备简单推荐 头盔：军帽 盔甲：升级海蛇皮、法师铠甲、谜团甲 武器：骸骨小刀、橡树之心 盾牌：饰金盾 手套：升级法师之拳、塔格奥绿手 鞋：沙暴之旅 腰带：雷神之力 项链：炙天使、马拉、+2技能15%高速施展金色项链 戒指：乌鸦、矮人、鬼火、乔丹 四、雇佣兵简介 祝福之锤圣骑一般用第二幕的雇佣兵，而且以防御光环的雇佣兵较为主流。第二幕的雇佣兵有三种，即：进攻、防御、战斗。而且不同难度下有所不同。 1、地狱难度： 进攻——祝福瞄准（Blessed Aim） 防御——反抗（Defiance） 战斗——祈祷（Prayer） 2、噩梦难度： 进攻——力量（Might） 防御——神圣冰冻（Holy Freeze） 战斗——荆棘（Thorns） 3、普通难度： 进攻——祝福瞄准（Blessed Aim） 防御——反抗（Defiance） 战斗——祈祷（Prayer） 普通难度的雇佣兵练到高级别时，比地狱难度的雇佣兵要厉害！所以，如果你不嫌麻烦，可以从普通练一个防御型的，你会觉得很值得</t>
  </si>
  <si>
    <t xml:space="preserve">什么是二进制,什么是十进制？二进制数与十进制数如何相互转化？ </t>
  </si>
  <si>
    <t xml:space="preserve">逢二进位就叫二进制 就跟十进制是逢十进位的一样 所谓二进制，也就是运算时用的一种算法。二进制只有一和零组成。 比方说吧，你上一年级时一定听说过“进位筒”&amp;“数位筒”吧！十进制是个位上满十根小棒就捆成一捆，放进十位筒，十位筒满十捆就捆成一大捆，放进百位筒……二进制也是一样的道理，个位筒上满2根就向十位进一，十位上满两根就向百位进一，百位上满两根…… 二进制是世界上第一台计算机上用的算法，最古老的计算机里有一个个灯泡，当运算的时候，比如要表达“一”，第一个灯泡会亮起来。要表达“二”，则第一个灯泡熄灭，第二个灯泡就会亮起来。 二进制广泛用于最基础的运算方式，计算机的运行计算基础就是基于二进制来运行。它用二进制执行运算，用其他进制如八进制，十六进制等表现出来。 进制转换 1。二进制与十进制数间的转换 （1）二进制转换为十进制 将每个二进制数按权展开后求和即可。请看例题： 把二进制数（101.101）2=1*22+0*21+1*20+1*2-1+0*2-2+1*2-3=（5.625）10 （2）十进制转换为二进制 一般需要将十进制数的整数部分与小数部分分开处理。 整数部分计算方法：除2取余法 请看例题： 十进制数（53）10的二进制值为（110101）2 小数部分计算方法：乘2取整法，即每一步将十进制小数部分乘以2，所得积的小数点左边的数字（0或1）作为二进制表示法中的数字，第一次乘法所得的整数部分为最高位。请看例题： 将（0.5125）10转换成二进制。（0.5125）10=（0.101）2  </t>
  </si>
  <si>
    <t xml:space="preserve">六年级奥数要用甲乙两根水管来灌满水池，开始只打开甲管，9分钟后打 </t>
  </si>
  <si>
    <t>1、水池里有水1/3，再过10分钟，水池里有水2/3，说明两根管同时开10分钟可入水（2/3）-（1/3）=1/3，那么两根管同时开每分钟可入水（1/3）/10=1/302、那么，两根管同时开4分钟可入水4*1/30=2/153、只开甲管9分钟可入水（1/3）-（2/15）=3/15=1/5，说明甲每分钟可入水（1/5）/9=1/454、那么只开乙管每分钟可入水（1/30）-（1/45）=1/905、最后只开乙管，还要入水1-（2/3）=1/3，则需要（1/3）/（1/90）=30分钟。6、全过程需要的时间是9+4+10+30=53分钟。</t>
  </si>
  <si>
    <t xml:space="preserve">没有准生证入户口问题,请帮忙.请问BB没有准生证(BB已一岁多, </t>
  </si>
  <si>
    <t>我估计会罚很多钱，宝宝上户口本来就很难而且派出所上户口就认准生证和出生证明还有你老公当地派出所开的没有在男方上户口的证明，你没有准生证肯定会罚你钱的，你抓紧时间办吧，罚点钱就罚点钱只要可以把孩子的户口解决掉比什么都强</t>
  </si>
  <si>
    <t xml:space="preserve">高考填报志愿西安女孩，高考文科，成绩374。学什么专业以后好就业 </t>
  </si>
  <si>
    <t>还是管理类比较不错</t>
  </si>
  <si>
    <t xml:space="preserve">狗叫四声（字一） </t>
  </si>
  <si>
    <t>是“器”吧！</t>
  </si>
  <si>
    <t xml:space="preserve">017期双色球，我提出如下方案，请各位讨论！729+14 </t>
  </si>
  <si>
    <t>02 03 08 09 12 14 16 18 24 25 31 32 + 01 07</t>
  </si>
  <si>
    <t xml:space="preserve">北京哪里有蹦极的现在开放呢亲，并且交通方便的， </t>
  </si>
  <si>
    <t>一个是在朝阳公园里面 还有一个是在房山十渡的九渡火箭蹦极王府井利胜体育前面有一个雁栖湖有一个石景山游乐园有一个</t>
  </si>
  <si>
    <t xml:space="preserve">上海女性尖锐湿疣初期症状有哪些 </t>
  </si>
  <si>
    <t xml:space="preserve">     女性尖锐湿疣的症状：多发在女性大小阴唇、肛周、宫颈、女性生殖道口、女性生殖道、尿道、肛部直肠。一般表现为为小的淡红色丘疹，后逐渐长大，表面呈凹凸不平的柔軟乳头样病变，有的呈菜花状，根部可有蒂，表面湿润。     对于女性尖锐湿疣初期症状这一问题，而很多人都知道治疗女性尖锐湿疣较为困难，主要还是由于尖锐湿疣传染性很强，患尖锐湿疣疾病的患者，假若治疗不积极、不彻底，很容易传染给家人或其他人。特别是有的带有高危型病毒，可使病人机体免疫系统受到抑制，不仅容易长期复发，甚至有引起癌变的可能。因而，在治疗尖锐湿疣的过程中，一定要做到准确、高效、避免复发。一般女性女性尖锐湿疣的症状主要表现为小的浅红色丘疹，会随着病情逐渐增长，呈现凹凸不平的病变，有像菜花状的，根部会有蒂组织，表皮较为湿润，有分泌物浸渍可呈灰白色，污灰色或红色。尖锐湿疣这种疾病男女均可发病，但是在临床上，男性就医的比较多，这并不是说男性比较在乎自己的健康而女性不在乎，这主要是由于女性尖锐湿疣初期症状不是很明显。女性症状表现多在女性生殖道，尿道附近，有的也有在肛周和阴唇附近。</t>
  </si>
  <si>
    <t xml:space="preserve">襄汾县可幻幼儿园好吗？外地人多吗？教的怎么样？ </t>
  </si>
  <si>
    <t>你好，原党政机关幼儿园，教的很好的呀，若是我的回答对您有用，麻烦您点击下方的“好评”，如若还有疑问，您可以继续追问，谢谢。</t>
  </si>
  <si>
    <t xml:space="preserve">不孕不育济南哪个医院看的好？ </t>
  </si>
  <si>
    <t>你好!可以去一些专门治疗不孕不育的专科医院，前提是要是正规的。这些专科医院因为专门治疗这些病，所以在治疗技术、设备或者医生水平上面都是过硬的，有什么先进的技术引进的速度也比大医院快，是不错的选择。.你好!选择不孕不育医院最重要的是看这家医院是不是专业，专家技术是否过硬，怀孕率高不高等等，建议选择不孕不育专科医院!.你好!济南的医疗技术还是很发达的，选择医院的余地也很大，不能单纯比较哪家好，而是应该多了解几家医院。</t>
  </si>
  <si>
    <t xml:space="preserve">大家都来说说为什么游戏中总有那么多骗子和盗号的人呢?很多人都被盗 </t>
  </si>
  <si>
    <t xml:space="preserve">  在我玩飚车的时候还没有骗子的，到了现在骗子多，盗号的人也多。我的号也掉了，丢了几千万。又从头在开始玩，你们知道这样的有多难吗？ 现在的PD又厉害，一个小时可以赚10万都很 厉害了，所以现在的骗子本来都不是骗子的，结果当自己被骗了之后，对游戏失去的信心，所以那些没有钱的就去骗人，这叫心里学，我为什么要被人骗了，为什么我不去骗人了，我现在觉得当一个骗子的心理就是这样想的，大家给给意见，我说的对不对。   游戏世界真心的朋友并不多。         要想有钱，骗钱比赚钱来的快又轻松。所以现在的骗子就尝试到了爽的感觉，   大家说说看，我分析的对不对  </t>
  </si>
  <si>
    <t xml:space="preserve">设a,b,c&amp;gt;0,求证不等式∑a(a^2+bc)/(b+c? </t>
  </si>
  <si>
    <t>设a,b,c&gt;0,求证不等式 ∑a(a^2+bc)/(b+c)≥∑a(b^3+c^3)/(a^2+bc)证明 记T=[a(a^2+bc)(c+a)(a+b)+b(b^2+ca)(a+b)(b+c)+c(c^2+ab)(b+c)(c+a)](a^2+bc)(b^2+ca)(c^2+ab)-[a(b^3+c^3)(b^2+ca)(c^2+ab)+b(c^3+a^3)(c^2+ab)(a^2+bc)+c(a^3+b^3)(a^2+bc)(b^2+ca)](b+a)(c+a)(a+b)=abc[a^8+b^8+c^8-2(b^2+c^2)a^6-2(c^2+a^2)b^6-2(a^2+b^2)c^6+3(bc)^4+3(ca)^4+3(ab)^4]=abc{(a^4+b^4+c^4)^2-2(a^4+b^4+c^4)[(bc)^2+(ca)^2+(ab)^2]+[(bc)^2+(ca)^2+(ab)^2]^2}=abc[a^4+b^4+c^4-(bc)^2-(ca)^2-(ab)^2]^2&gt;=0</t>
  </si>
  <si>
    <t xml:space="preserve">利物浦和莫陆军会出冷吗？请高手看看这两场是否有冷。 </t>
  </si>
  <si>
    <t>保佑余下的比赛都是正路吧！别出冷了</t>
  </si>
  <si>
    <t xml:space="preserve">化学某2元酸(H2A)溶液按下式发生1级电离和2级电离:H2A= </t>
  </si>
  <si>
    <t>D是最大的，因为除了H2A外，还有过量的盐酸。A是第二大的。H2A可以直接提供H2A。B是第三大的。NaHA可以通过一步水解得到H2A。C是最小的，Na2A要通过两个水解才能得到H2A。</t>
  </si>
  <si>
    <t xml:space="preserve">帮我参谋一下送什么圣诞节礼物给她呢？她是我的一个死党，为人幽默豪 </t>
  </si>
  <si>
    <t>我个人的建议是如果你会做flash，就做个flash给她，把一些想说的话，一些点滴的事情都写在上面，对于以后就是很大的一笔财富。。</t>
  </si>
  <si>
    <t xml:space="preserve">送货上门`的问题````请问``怎么联系送货上门的服务员``到先 </t>
  </si>
  <si>
    <t xml:space="preserve">尊敬的客户:     您好！5173客户服务060很高兴为您服务！因为配送员有兼职，也有专职，兼职的配送员只有在有时间的情况下才会去为客户配送。我们在接到买家的订单后就会以短信的形式发送出去，配送员是否上门是由配送员自己决定的。如果您在一到两个小时之内还没有陪送员与您联系，那么建议您重新下一个配送的订单。感谢您对5173的支持!!!                                                                </t>
  </si>
  <si>
    <t xml:space="preserve">收集令人作呕的十大女影星想吐就行 </t>
  </si>
  <si>
    <t xml:space="preserve">章子怡 范冰冰  李湘 刘晓庆 </t>
  </si>
  <si>
    <t xml:space="preserve">西安西北商贸坐什么公交车到？ </t>
  </si>
  <si>
    <t>05路/10路/11路/13路/15路/213区间/213路/240路/301路/303路/4路/511路直达---13分钟-</t>
  </si>
  <si>
    <t xml:space="preserve">女，25，一直长痘痘，13年，是内分泌失调吗？一直长痘痘，13年 </t>
  </si>
  <si>
    <t>痘痘的成因很多，比如，青春期的激素水平变化引起油脂分泌旺盛；缺乏良好的卫生清洁习惯会加重毛囊口异常角化、脱屑并引起毛囊堵塞；而分泌油多、毛囊堵塞，又构成了痤疮杆菌大量繁殖的良好条件。上述因素共同导致痘痘形成，不能简单认为痘痘就是内分泌的问题。建议采取生活习惯调整，如低油饮食、不熬夜、多运动、及时清洁皮肤等，预防痘痘的发生。但如果除了频发痘痘，还伴有月经异常、多毛等症状，则需要做必要的内分泌检查，比如：卵巢超声、血液性激素水平等。这些检查并不复杂，也不麻烦，不用去挤大医院，建议就近医院内分泌科或妇科门诊。</t>
  </si>
  <si>
    <t xml:space="preserve">为什么膝盖酸软我朋友睡觉时候膝盖老是冷，要用热手摸住膝盖过一会才 </t>
  </si>
  <si>
    <t>腰膝酸冷，符合肾阳虚的表现。是不是还有夜尿多，容易出汗等表现？建议去找中医看看，开点中药熬着补补。</t>
  </si>
  <si>
    <t xml:space="preserve">现在还有多少人愿意为自己的“理想”而献出自己的生命的？只有在什么 </t>
  </si>
  <si>
    <t>目前能舍弃生命的情况实在不多。若为“理想”而献出生命，实在有些可惜和不值。举例说：1、为国家利益而死（间谍等），一般值。2、为自己理想而死（死了无法实现），最不值。3、为爱情而死（两相情愿比较正常或者殉情），很不值。4、为自由而死（好像都有自由吧），不用。5、为自尊而死，有得商量，但活着才能得到尊重。6、为金钱、名利、其他而死，不值得，或者比什么都好。7、头脑有问题或受到刺激，想死，死前告诉家人和朋友，不要辜负养育等恩情。    综上，死了不值得，好好活着，保持平和心态，什么事都能解决。</t>
  </si>
  <si>
    <t xml:space="preserve">南坪正街街道办事处在哪里？户口在南坪正街，准生证是不是在街道办去 </t>
  </si>
  <si>
    <t>两人的户口本、身份证、结婚证、两人的合影一张（结婚时剩下的那张即可）到男女任一方户口所在的街道办事处。南岸区南坪正街72号023-61989310</t>
  </si>
  <si>
    <t xml:space="preserve">在中午特别困和晕是什么原因？ </t>
  </si>
  <si>
    <t>1、做深呼吸 ，深呼吸可以减慢心跳速度，减少神经张力，降低血压。 2、找一个安静的地方，然后舒舒服地坐着、放松，闭上眼睛，想象一个像“一”那样简单的字。当其他想法侵入时，集中精力，再去想先前的那个字。 3、慢慢地做一些伸展运动，做伸展运动的效果跟做深呼吸差不多。它可以减轻肌肉张力，加速血液在体内的循环，以及帮助把氧气输送到大脑。 另外，午饭不要吃的过饱！上班时泡杯茶，既有助防困，又可以降低电脑辐射对身体造成的伤害。</t>
  </si>
  <si>
    <t xml:space="preserve">关于属性我不太明白我新买了把暴风剑,他下面属性写这:弱点侦测,愤 </t>
  </si>
  <si>
    <t>1、剑本身是没有属性的，要通过加搜魂石才有属性，他下面写的那三种，是三种加了搜魂石的效果，可以任选一种，有三种颜色的，你可以自己选。2、一个武器只能加一种属性的搜魂石，所以选的时候要慎重，一旦加上了是永久生效，不能改的。</t>
  </si>
  <si>
    <t xml:space="preserve">有边个知道这部动漫叫什么名？？？[抱抱] </t>
  </si>
  <si>
    <t>叫做超级酷乐猫</t>
  </si>
  <si>
    <t xml:space="preserve">70以后怎么办？冰（50）雷（60）火（65）枪（65）弓（54 </t>
  </si>
  <si>
    <t xml:space="preserve">技能系加得很失败 楼主应该是个雷火枪 弓系没必要加 建议洗掉 70级以后主修枪雷火 如果全智则以雷火为主 如果平衡则以枪火为主冰系做为选修，只修增加物理防御两个技能 主修技能应跟比人物等级低二级，压二级保持 技能点跟上 </t>
  </si>
  <si>
    <t xml:space="preserve">公务员报名表报名序号那个序号是8位的，但是报名表上只有7个格，那 </t>
  </si>
  <si>
    <t xml:space="preserve">现在不用填报名表，报名确认的时候注意：1、 考生根据所选择的考试地点到该省会城市或直辖市办理确认手续 （确认地点见后）。未按时参加报名确认者视为自动放弃考试报名。 2、报名确认时 务必做到 ： •  携带本人身份证、学生证等有效证件； •  提交近期免冠一寸相同照片 2张(黑白、彩色均可)，照片背面写清报名序号； •  缴纳有关费用； •  领取准考证主证； •  填写公共科目笔试成绩通知邮寄信封。 3、需减免考试费用的家庭困难考生，必须携带 以下材料，由各省市负责考务工作的部门审核确认后，办理减免考试考务费用的手续： •  享受国家最低保障金的城镇家庭的考生须携带其家庭所在地的县（区、市）民政部门出具的享受最低生活保障的证明（原件）和低保证（复印件） ； •  农村绝对贫困家庭的报考人员凭其家庭所在地的县（区、市）扶贫办（部门）出具的特困证明（原件）和特困家庭基本情况档案卡（复印件）； 4、如本人无法到现场确认，可以委托他人代办。他人代办时，务必同时出示委托人的身份证(或复印件)和代办人的身份证、学生证等有效证件，否则不予办理手续。 </t>
  </si>
  <si>
    <t xml:space="preserve">风水问题我想问一下，睡觉的时候可以对着厕所大门吗？头或者脚可以对 </t>
  </si>
  <si>
    <t>?然不好呀! ?欠x?飧??饩奂?...你想要長期吸取穢?????長期下??ι眢w不好...跟著運?菀?焖傧?滑"喔!??烈建議你,最好移床位...真?]辦法,就先用木板做面"?鯛?"(可以的?就做到天花板),隔離床跟?T口的關?S...?出?T口的穢?飧??獠?苯有n到臥床(不管離床多遠).?它轉??到?e?!這?又辽儆芯?衝</t>
  </si>
  <si>
    <t xml:space="preserve">想冲战神光辉可冲值区没战神的分区呀怎么才能给战神光辉的帐号冲白金 </t>
  </si>
  <si>
    <t>战神光辉和新魔界是两个不同的游戏，楼主的意思是在新魔界的帐户管理里冲白金到战神光辉，这是不可能的，登录管理的入口是完全不同的。新魔界：  进入后可以冲值到游戏所在区的帐号上。战神光辉：  登入后先要激活游戏区，然后才能冲值到该区的自己帐号上。去试试吧。</t>
  </si>
  <si>
    <t xml:space="preserve">请问洗完澡后擦什么牌子的东西好？请推荐一下，但不要太贵谢谢。 </t>
  </si>
  <si>
    <t>用玉兰油凝翠滋养润体乳400CL，58元。专用于洗完澡后涂抹，很好用，香型非常清新高雅迷人。</t>
  </si>
  <si>
    <t xml:space="preserve">1314请圣德尔塔识别舰船！请教它的型号？ </t>
  </si>
  <si>
    <t>先送给农业路一首打油诗：曾经的飞蚁，永远的烂B，一直在灌水，从不长JJ！大号早被删光，小号还敢嚣张？整天混在网上，专挑弱小下手！你丫也配当军人？少给子弟兵栽赃！话说这几天，一个盗我名号的小人、一个唧唧歪歪的过街老鼠整天在军版晃来晃去，小哥却从来不管→＿→外加新浪的破烂服务器还针对上网地点区分能不能打开，真是让人忍无可忍啊！吐槽完毕，回归正题。这是英国郡级重巡洋舰“诺福克”亚型首舰“诺福克（HMS Norfolk）”号，舷号78。郡级重巡是1920年代英国皇家海军建造的一系列重巡的总称，也是一战和华盛顿海军条约签订后英国第一型重巡，是典型的“条约型”重巡洋舰。郡级共有三个亚型，分别是“肯特”级、“伦敦”级和“诺福克”级。“诺福克”级的主要区别是降低了上层建筑和舰桥高度，同时前移102毫米副炮位。“诺福克”级除了首舰外，只有“多塞特郡”号一艘，远少于其它两个亚型，这完全拜反舰之神——善于拿国防开刀缩减开支的英国工党所赐。“诺福克”号由苏格兰菲尔费尔德造船和工程公司建造，1927年7月8日开工，1928年12月12日下水，1930年4月30日服役。二战爆发后，与她的众多姐妹一样，“诺福克”号也参与了很多重要的战斗，包括追击德国战巡“沙恩霍斯特”号、“格奈森瑙”号和袖珍战列舰“斯佩海军上将”号，围歼战列舰“俾斯麦”号、北角海战等，曾被潜艇和空袭击伤多次，并在二战中期接受改装强化防空火力，后期常担任海军将领的旗舰。1949年，“诺福克”号转入预备，1950年1月3日出售拆解，走完了英雄舰短暂的一生……性能参数：排水量：标准10196吨，满载13640吨舰长：192.86米型宽：20米吃水：5.5米动力装置：四轴，8部锅炉驱动4台帕森斯-布朗-柯蒂斯变速蒸汽轮机，总功率80000马力航速：31.5节航程：12000海里/12节人员：710-819人武备（改装前）：4门双联装203毫米Mk.VIII炮，4门双联装102毫米Mk.XVI炮，2座八联装40毫米“砰砰”防空炮，2挺四联装12.7毫米高射机枪，2具四联装533毫米鱼雷发射管（改装后）3门双联装203毫米Mk.VIII炮，4门双联装102毫米Mk.XVI炮，2座八联装、4座四联装40毫米“砰砰”防空炮，6-12门40毫米博福斯高炮，8-14门20毫米厄利孔高炮能力：有弹射器，携带1-2架秀珀马林“海象”水上侦察机，后拆除装甲：舷侧114毫米，甲板35毫米，弹药舱25-102毫米</t>
  </si>
  <si>
    <t xml:space="preserve">乳腺增生问题吕主任你好，打扰了，我是咱学校七年制大四学生，我母亲 </t>
  </si>
  <si>
    <t>不用处理，定期随访彩超和钼靶</t>
  </si>
  <si>
    <t xml:space="preserve">乌蒙小燕文集下载谁有乌蒙小燕的文集，要全的发我邮箱，谢了 </t>
  </si>
  <si>
    <t xml:space="preserve">————看否小说&gt;合集打包室&gt;《乌蒙小燕作品集》TXT下载 </t>
  </si>
  <si>
    <t xml:space="preserve">普通怪掉落的二阶装备和武器能分解吗？我打到的分解不了。如果能分要 </t>
  </si>
  <si>
    <t>不可以 因为最起码需要白色的。。掉落的是灰色的</t>
  </si>
  <si>
    <t xml:space="preserve">怎么祛除首饰上的黑点 </t>
  </si>
  <si>
    <t xml:space="preserve">银饰变黑了怎办？没有经过抗氧化处理银首饰，容易氧化发乌、失去光泽。你可以把它拿到首饰店去清洗抛光（最好去正规的大首饰店），银首饰就能焕然一新了；如果氧化得不严重，你也可以使牙膏搓洗首饰表面；市场上有一种擦银布，可以很容易地将银饰擦亮，不过仅限于有一定硬度且光滑的银饰；如果是柔软的项链或有镂空的雕花首饰，最好用银饰清洗液浸泡（这可能在正规的首饰店才有）。 </t>
  </si>
  <si>
    <t xml:space="preserve">体检的时候心电图显示T波改变是什么原因，我身体状况一直良好，请问? </t>
  </si>
  <si>
    <t>病情分析：心电图显示T波改变是提示心肌缺血心肌缺血是指各种原因引起冠状动脉血流量降低，致使心肌氧等物质供应不足和代谢产物清除减少的临床状态。其可由冠心病和非冠心病所致指导意见：　丹参片：具有扩张冠状动脉、增加冠脉流量、降低血黏度和血凝等作用。　复方丹参片：有扩张冠状动脉、增加冠脉流量、抑制血小板聚集、保护缺血心肌和改善微循环等作用。都可以改善心肌缺血平日生活要适当运动注意防暑降温生活要有规律饮食要清淡。</t>
  </si>
  <si>
    <t xml:space="preserve">关于三角形外心的问题遇到一题...想了一会儿想不出结果,请各位指 </t>
  </si>
  <si>
    <t>可用折纸法：比如，沿BC边对折，使B，C重合，得到一条折痕(即BC的中垂线),如法炮制,再得另一条边的中垂线,这两条折痕的交点即为△ABC的的外心.</t>
  </si>
  <si>
    <t xml:space="preserve">财务总监英语怎么说应该是FinanceController还是F </t>
  </si>
  <si>
    <t>finance controller</t>
  </si>
  <si>
    <t xml:space="preserve">有哪些国家举办过冬季奥运会?有哪些国家举办过夏季奥运会? </t>
  </si>
  <si>
    <t>很多国家哦.</t>
  </si>
  <si>
    <t xml:space="preserve">魔兽世界如何带小号升级！！70级的号！带小号！ </t>
  </si>
  <si>
    <t>主要是带小号下副本呗~一个人做不了的精英任务让他留着 你有时间帮他清了~给小号买点装备~祝你小号早日满级~</t>
  </si>
  <si>
    <t xml:space="preserve">怎样制作歌曲伴奏?用什么软件可以把歌曲的人声消除?有什么软件可以 </t>
  </si>
  <si>
    <t xml:space="preserve">   这个网站就有歌曲伴奏带！希望你也喜欢！</t>
  </si>
  <si>
    <t xml:space="preserve">(1)你是哪里的人?(2)你对金钱与爱情之间的看法.因为真爱我们 </t>
  </si>
  <si>
    <t>我把金钱看的不是很重，只要两个人在一起开开心心的就够了，光有钱没有感情的日子不好过哟</t>
  </si>
  <si>
    <t xml:space="preserve">练个zs!大家帮想个名字精灵战士！名字最好NB一点！20分送上 </t>
  </si>
  <si>
    <t>撼天</t>
  </si>
  <si>
    <t xml:space="preserve">不着急了下午5点能好？做梦，完美什么时候准时过哈？当初玩劲舞，维 </t>
  </si>
  <si>
    <t>你看的 很透彻啊，完美==完了才叫美，BS完美</t>
  </si>
  <si>
    <t xml:space="preserve">需要街机下载地址100分./b/.html上次问的一不小心点到" </t>
  </si>
  <si>
    <t xml:space="preserve">1. 经典街机《彩京1945》   2. 经典CPS街机游戏《西游记-完美版》   3. Winkawaks街机游戏模拟器V1.55官方汉化版+河套绿色增强版(KAW)   4. Mame模拟器的街机游戏7合一   5. Zetamame32 0.99街机游戏模拟器   6. 经典街机游戏集合   7. 《超经典街机游戏13合一》玩家怀旧版   8. 巨经典！NEOGEO街机全部模拟游戏大合集   9. 超经典街机游戏13合一   10. 经典街机游戏集合   11. 街机游戏－恐龙快打   12. 超经典街机游戏13合一   13. 街机经典游戏《铁拳2》完美模拟版   14. 经典街机游戏 之三 增补4个游戏ROMS   15. 经典街机游戏 之二 增补9个游戏ROMS   16. 经典街机游戏 之一 十三个经典街机游戏   17. The Cursed Wheel-TRDogs 街机游戏   18. MAME32K 经典街机游戏怀念豪华版 V0.67 MAME32K 0.67 经典怀念豪华版包含使用教程以及24 款游戏，包括铁钩船长、三国志、日落   19. 经典街机冒险游戏集 V1.0 八款史上最经典街机电玩冒险游戏重包装PC合集。   20. 街机游戏传奇 V1.0 日本老牌街机游戏公司－Taito的经典街机游戏合集   </t>
  </si>
  <si>
    <t xml:space="preserve">有哪些动物是相互依存的 </t>
  </si>
  <si>
    <t>就是共生关系的吧？古书中说狼和狈就是共生的。。。。哈哈说正的，共生关系的动物很多，牛、羊等反刍动物与瘤胃微生物共生就是其中的一个例子。反刍动物的瘤胃的温度恒定、pH保持在5.8—6.8之间，瘤胃中的CO2、CH44等气体造成无氧环境，大量的草料经过口腔后与唾液混合进入瘤胃中，为其中的微生物提供了丰富的营养物质。瘤胃微生物分解纤维素，为反刍动物提供糖类、氨基酸和维生素等营养。两者相互依赖，互惠共生。人和人体肠道的正常菌群之间也是共生关系。人体肠道的正常菌群在一般情况下，它们的巨大数量足以排阻和抑制外来肠道致病菌的入侵，还为人提供维生素B1、B2、B12、K、叶酸等营养物质。而人体肠道为这些微生物提供良好的栖息场所。当人长期服用广谱抗生素致使肠道中正常菌群失调后，就会出现维生素缺乏症。海洋生物群落中共生现象也十分普遍，如小丑鱼和海葵之间；某些小虾和海葵之间；珊瑚鳟和隆头鱼之类担任“清洁工作”的鱼之间的关系。太平洋中有一种大珊瑚──石芝，呈美丽的翠绿色，非常漂亮，这是因为其组织中共生着一种微小的海藻的缘故。</t>
  </si>
  <si>
    <t xml:space="preserve">最讨厌跨度几天的比赛后面隔2天后的联盟杯，基本面，临场盘面，排兵 </t>
  </si>
  <si>
    <t>其实2场欧冠加12场英冠14场了</t>
  </si>
  <si>
    <t xml:space="preserve">000936后期如何操作？各位知识人：我是14元进华西村，现在是 </t>
  </si>
  <si>
    <t>000936反弹形成，关注量能，逢低入场</t>
  </si>
  <si>
    <t xml:space="preserve">怎么样才能不烦燥呢？最近工作很忙，也不顺，也没有时间休息，真的好 </t>
  </si>
  <si>
    <t xml:space="preserve"> [仅供参考] 1.心理暗示法：暗示是一种心理现象，有积极暗示和消极暗示之分。心情不佳时，如果对自己采取消极暗示，只会“雪上加霜”，更加烦躁；这时应该对自己采取积极暗示，告诫自己这是正常现象，乌云终会散尽，同时多回想一些以前经历过的美好情景和值得自豪的事情，就能缓解心理压力。人们常说的“阿Q精神胜利法”，从角度看实际上就是一种积极的心理暗示，应该说这种方法在特定时期和场合是很有实际效果的。 2.目标转移法：如果你因为某件事或某个人而感觉心情烦躁，注意力无法集中，就不要强迫自己做事。这时不妨看看电视、听听音乐、写写日记，或者读一两篇美文。你可千万别以为这是浪费时间，实际上这是“磨刀不误砍柴工”，你的情绪会很快得到缓解和放松，才能更好地做自己该做和想做的事。 3.思想交流法：心理学研究表明，每个人都有同他人交流的欲望和需要。有些人不想让别人知道自己的心事，不愿意把心里的苦恼、委屈和悲伤说出来，这样不仅无助于问题的解决，而且会加重自己的烦躁，久而久之还可能产生心理障碍。正确的做法是找一位知心朋友交流、谈心，也可以上网找一位网友聊天，或者对着家里的某一件物品说话，倾诉自己的心事，以起到逐渐消除烦躁的效果。 4.运动释放法：如果说前面三种方法是“精神疗法”，那么这种方法就是一种“物质疗法”??通过消耗体能来达到消除烦躁的目的。心情烦躁时，可以到操场跑上几圈，打一场球，活动一下筋骨，或者对着远方吼上几声，高歌一曲，让自己全身放松。这些做法经实践证明很见效，也正好印证了“生命在于运动”这句名言                             祝你好运哦!</t>
  </si>
  <si>
    <t xml:space="preserve">就职咒了问题回答送分我就职咒到了隐藏了阁楼了是不是从楼梯下去在从 </t>
  </si>
  <si>
    <t xml:space="preserve">给你个 就职任务图你好好看看吧! </t>
  </si>
  <si>
    <t xml:space="preserve">心跳快,惊悸,睡眠不好!~怕声音!~请帮忙中医看看,多谢!~这是 </t>
  </si>
  <si>
    <t>你好!医生给你开的是参附和桂枝芍药汤,功用:益气温阳,这是治疗心力衰竭的方之一.在我看你是整体上的脏腑功能失调,而造成气血不足及气机不利,升降失调,整个病情虚实夹杂,阴阳不平衡.长期无规律,熬夜就会造成脏腑的功能失调,人体得不到很好的休息,不致病菌也会致病.（发热，出汗，怕冷，怕风，怕热，气短，打嗝，呕逆，恶心，腹泻，烦躁，肢体震颤，乏力倦怠，头重脚轻，少气懒言，嗜卧，时冷时热，站立觉累，早泄） 肾为五脏之本,肾的气血阴阳失调,将会影响多脏的气血阴阳,如早泄.如肺气虚则卫外不固就会冷热不均,乏力倦怠,少气懒言是气虚的典型表现,打嗝,呕逆是气失升降之故,影响脾则运化失常,(胀满、喜长叹气、喉部梗噎、咽喉不利，大便秘结或腹泻。头痛、头昏、头憋胀、沉闷不清亮、头部有紧缩感、重压感、头晕麻木、)这些都是脾虚化湿,湿困经络,影响气血上行,而形成头部重着,头昏,头胀,脖子后背发紧.两眼憋胀.水湿内停,生痰化瘀,所以大便不正常,舌胖大,有裂纹是主精血亏虚.影响肝,肝失疏泄,不能通调全身气机,则气滞血瘀,瘀,湿,痰共阻经络,使经络不通,不通则酸,麻,凉,痛都来了.烦躁,失眠是阴虚精亏,阴血不养心则心悸,不养神则失眠,多梦,阴阳互根,心阳不足则推动无力则血行缓慢,形成心血瘀阻,则神疲乏力,自汗,心悸气短.你是从亚健康状态发展到病态,总的说是脏腑功能的严重失调,阻滞经络,造成气虚血亏,(西医则称微循环障碍,神经官能症).又反过来进一步影响脏腑功能,如此恶性循环,而使疾病缠绵难愈.这医生缺点在于不能辩证施治,只是单一的益气温阳,而不是抓住脾胃虚弱,不能运化水湿,不能生血生气这根本.另请好中医调理.</t>
  </si>
  <si>
    <t xml:space="preserve">什么时候可以改形象?1血1功1敏2防的红鬼可以练吗?高手请解答! </t>
  </si>
  <si>
    <t>红鬼我觉得可以练,也不太差啊,和JP相差不了多少精神,就那几点(20点精神才能精神压制,网上说的)改点我觉得就过年后开.</t>
  </si>
  <si>
    <t xml:space="preserve">驱蛔虫医生我想问一下，19岁还需要吃肠虫清驱虫吗？是一年一次还是 </t>
  </si>
  <si>
    <t>蛔虫症成人与儿童均可感染，以儿童多见。疑有肠虫感染，可以服用驱虫药，如大便排出蛔虫，或检查虫卵阳性，可确诊，但如果没有找到寄生虫卵并不能排除存在寄生虫。肠虫清（阿苯达唑片）为广谱驱虫药，用于驱除钩虫、蛔虫等。服用方法：成人用量：1、治疗蛔虫：一次400毫克（2片），空腹顿服。可在治疗2周后重复治疗一次。2、驱虫药用对肠道成虫效果较好，而对虫卵、幼虫的消灭不彻底，在3个月后又可发育为成虫。所以3个月或半年后再服一次驱虫药，可加强驱虫效果，又可防治再感染。</t>
  </si>
  <si>
    <t xml:space="preserve">IT市场前景RT </t>
  </si>
  <si>
    <t>据了解，国内网络技术人才严重短缺，处于供不应求状态。面对网络时代的巨大市场，这些人才是远远不能满足实际需要的。数量的有限，人才的缺失，导致不同企业间对网络技术人才的争夺异常激烈。许多大型企业纷纷在自己企业官网公开招人，企业负责人更是游走于招聘会，猎头公司，抢占人才。云，南，新，华，电，脑，学，校不错，你可以去官方网站上咨询一下！</t>
  </si>
  <si>
    <t xml:space="preserve">我下到了三国赵云传1,但里面是个压缩文件,我把它解压了,然后里面? </t>
  </si>
  <si>
    <t>楼上的,你给的网站怎么无法显示啊?</t>
  </si>
  <si>
    <t xml:space="preserve">产后可否看书有人认为对眼睛不好，还有也最好不要上网，问多久可以呢? </t>
  </si>
  <si>
    <t>现在都两个月了当然可以，但月子里是不可以的，我的体会是会伤眼睛</t>
  </si>
  <si>
    <t xml:space="preserve">宣武区长椿街西里什么时候拆迁呀？ </t>
  </si>
  <si>
    <t xml:space="preserve">   经常浏览     就是北京市土地市场的网站，只要刊登出土地上市的信息就要拆迁了。</t>
  </si>
  <si>
    <t xml:space="preserve">请问嘴皮乌是什么原因？ </t>
  </si>
  <si>
    <t>、嘴唇发乌直接跟心脏有关系。 一般是一些先天性的,其实也不是很严重。只是减少一些剧烈的运动。 2、还有一种现象就是遗传的因素,有一些是隔代遗传的</t>
  </si>
  <si>
    <t xml:space="preserve">李玮峰是哪年生的啊他是哪人啊 </t>
  </si>
  <si>
    <t xml:space="preserve">李玮峰 出生日期:1978年12月9日 身高(米):1.82 籍贯:吉林长春 位置:后卫 体重:75公斤 号码:25 </t>
  </si>
  <si>
    <t>歼11排挤SU</t>
  </si>
  <si>
    <t>歼11在中国占领SU27/30/35的位子,不需要在从俄罗斯进口,而在国际市场不会对俄罗斯出口产生影响</t>
  </si>
  <si>
    <t xml:space="preserve">郑州月经颜色发黑是怎么回事？ </t>
  </si>
  <si>
    <t>你好，月经色黑是气滞血淤，经血在宫内淤积时间长所致，属于月经不调。这个你可以使用药物活血化瘀的方法来进行治疗。建议做妇科检查,包括腹部b超检查等,化验白带常规, 明确诊断以后对症治疗比较好,切莫盲目用药.以免延误病 情,适得其反.平时要注意外阴部的清洁卫生。最好是到正规专业的不孕不育专科医院做检查。一般情况下，月经来潮前和干净后的前1、2天女性生殖道有褐色或黑色的分泌物属于正常现象，但产生的原因不同。如少量子宫内膜脱落、血液在生殖道内残留的时间过长等因素引起。如果长时间这样就要到医院检查治疗了。月经第一天经血颜色发黑是因为可能子宫是后卫，有一小部分子宫内膜剥脱的时候引起少量流血没有及时排出导致的。</t>
  </si>
  <si>
    <t xml:space="preserve">浴霸产品哪家好？奥普浴霸怎么样？美的和奥普浴霸比哪家浴霸好？想买 </t>
  </si>
  <si>
    <t xml:space="preserve">  奥普浴霸产品还行，不过奥普浴霸价格太高。如果不想质量打折还价格好建议你买美的浴霸，产品质量好，比较耐用，效果也还不错，最主要是价格很合理。我家用的就是美的浴霸吸顶式338A耐高温PC面板，外观简捷； 照明灯泡（磨沙泡设计），高档美观； 半铁箱体，小尺寸设计,便于安装； 四档防水开关； 防水防爆红外取暖灯泡，安全； 耐高温抗老化硅胶编织线，安全长寿； 低噪音电机，带过热保护； 阿基米德螺旋线风道，排气量大，超静音。</t>
  </si>
  <si>
    <t xml:space="preserve">亲，介绍一些好看的电影看看吧！ </t>
  </si>
  <si>
    <t>建议看一下《七宗罪》《撞车》《低俗小说》《闻香识女人》，觉得这几部都是经典之作。真诚为您解答，请您点击【好评】支持我，谢谢。</t>
  </si>
  <si>
    <t xml:space="preserve">她曾是我的弟媳因为弟弟有了外遇，他们离婚了，可我非常喜欢弟媳，我 </t>
  </si>
  <si>
    <t>他们的幸福要你来保证什么啊劝和不劝分  精神上支持你  加油啊我也是刚离婚虽然有外遇的那个人不是我但我也能理解你弟弟的感受大胆的去劝吧这个时候就需要有人在中间搅和好让双方都有个台阶下</t>
  </si>
  <si>
    <t xml:space="preserve">动物有思维吗？哲学上讲，动物和人的一个本质区别在于，人有思维，而 </t>
  </si>
  <si>
    <t xml:space="preserve">许多人看待动物时存在一种偏见，认为动物根本就是愚蠢的。他们会以鸟与镜子里的像打架为例，指出这表明鸟的智力极其低下，因为它显然没有意识到镜子里根本不存在真正的对手。  　　然而，仅仅找出几个离奇的故事，作为动物思维简单的例子，并不足以证明动物的所有活动，都只不过是对周围环境的盲目或本能反应。正相反，我们越是了解动物的行为，就越会发现这种简单愚蠢的行为只是一些例外。而事实上，动物是能够对环境作出非常复杂的评判的。在很多情形下，动物表现得要比研究它们的人类更聪明。关于黑长尾猴咕哝声的研究就是一个最好的例证。  　　黑长尾猴是一种小巧纤弱的黑面猴子，它们是社会性很强的动物，总是呆在一个固定的小群体里，一起觅食，互相梳理，共同警戒。它们的通信系统极其复杂。  　　黑长尾猴的咕哝声柔和重复，音调低而短促，有时被描述成一连串低吠。最初，人们认为这不过是猴子之间保持相互联系的一种方式。后来，切尼和赛弗恩在肯尼亚安博塞利国家公园对这些猴子进行了长期研究，不断地记录并分析这些咕哝声。他们使用了声谱仪（这是一种可以分析声率，并打印出频率图案的仪器），令他们惊奇的是，仪器显示出了四种不同模式的咕哝声。这些不同的声音是在不同环境下发出的：第一种是在遇到社会等级序位高的猴子时，第二种是在遇到社会等级序位低的猴子时，第三种是在到达一片开阔地时，第四种是在遇到陌生的猴群时。当将录制的咕哝声播放给一群野生猴群听时，令人激动的场面出现了。他们仔细地选择好时机，悄悄打开了放在毫无觉察的猴群附近的设备。就像树丛中真的有一只猴子在向猴群发出咕哝声那样，猴子们  开始行动了。如果播放的是社会高等级序位个体对低序位个体发出的声音，它们或者凝视录音机的方向，或者离开。然而，如果播放的是低序位个体对高序位个体发出的声音，则听者不产生什么反应，这表明猴子确实能够区别不同的信息――这绝不是对外来刺激的天生的简单反应。  　　雌鸵鸟在某些方面展示的技艺更加不同寻常，但也更令人费解。以任何标准来衡量，鸵鸟都可算是一种奇异的动物，这不仅是由于它不雅的外表，更由于它奇特的繁殖习性。鸵鸟夫妇常常绑架其他鸵鸟的雏鸟，将自己的雏鸟与那些凭借武力收养的雏鸟混合。胜利的绑架者将真正的父母赶走，视如己出地照顾所有的雏鸟。但是，它们的整窝雏鸟又会被另一对鸵鸟夫妇掠走，绑架者再把自己的雏鸟混进来，组成更大的一窝雏鸟。这种奇异的连续的绑架行为，似乎是鸵鸟采取的保护自己雏鸟的稀释策略。无论如何，任何一群雏鸟对捕食者来说都是非常醒目的，因此，把自己的雏鸟置于其他雏鸟的包围之中，就大大降低了它们被捕食的概率。雌鸵鸟有效地将自己的雏鸟隐藏在其他雏鸟组成的活的掩体内，它们掠集的别家的雏鸟越多，自家的雏鸟得到的保护就越有力。于是  ，这种抢夺其他同类雏鸟的行为也就愈演愈烈了。这是一种多么奇异的“思路”呵！  　　 交配之战：斗勇斗智 　　其实，动物对天然刺激的反应并不都是简单的。在动物生命中的两个主要领域――性行为和攻击行为中，我们会发现，动物不仅能够分辨彼此，而且还具有神奇的能够预知同类将要做出的行为的能力。雄马鹿间可怕的交配之战就很能说明问题。  　　偏远的拉姆岛远离苏格兰西海岸，位于斯凯的南部。菲奥纳?吉尼斯多年来一直在岛上从事有关马鹿的研究。他与一支剑桥大学研究小组合作，详细地观察马鹿的习性。拉姆岛与大陆隔绝，岛上的马鹿没有机会和大陆上的马鹿交流，因此，他得以精确地记录每头马鹿的家谱，以及它们出生、交配和死亡的情况。  　　一年中的大多数日子里，马鹿都在安静地吃草，雌鹿们始终保持着松散的队形，雄鹿相对更分散，或者聚成小群。但当秋天到来时，和平被打破了。身强力壮的雄鹿变得十分好斗，它圈起一群雌鹿作为自己的财产，竭尽全力阻止其他雄鹿靠近。一头雄鹿约占据20头或更多的雌鹿，这是一份长期的令其心力交瘁的工作，在五六个星期的时间内它必须时刻保持警惕，随时准备迎战。它几乎没有时间吃东西，健康受到极大的损害，而它的挑战者们因为不需要耗费精力守卫雌鹿，因而变得相对强壮。这意味着尽管在繁殖期开始时它能够打败所有对手，但最终却将很难应付年轻雄鹿的挑战。  　　从9月中旬到10月底的整个秋季里，鹿群不断发生着争夺交配权的争斗。在一个回合的长时间吼叫之后，随着双方相继爆发出一声有力的怒吼，真正的争斗就开始了。人们发现，只有经过这个回合的吼叫竞赛，雄鹿互相加快了步子之后，双方才会低下头，开始顶角。克拉顿－布罗克和史蒂夫?阿尔本开始着手检验这样一种假说：可能不像人们一直想象的那样，吼叫竞赛仅仅是在恐吓对手；更主要的，它也许是雄鹿估测对手实力的一种手段。  　　很显然，通过吼叫，雄鹿立即对形势作出了粗略的估计，就像拳击手按体重分量级一样，动物也只与体重、大小和社会等级序位相当的对手搏斗。对于年轻挑战者的吼叫，体形较大也较年长的拥有繁殖群的雄鹿，只需几声怒吼就能让它们主动退却。马鹿也像人类一样，当胜负十分明了时，就不再争斗。  　　快速地发出一连串的吼叫不是一件简单的事，事实上只有身体状况良好的雄鹿才能做到这一点；换句话说，那样的雄鹿坚持争斗的时间更长，因为吼声和争斗都要依靠强壮的胸肌，所以发出高频吼叫和赢得争斗的确密切相关。对于挑战者来说，吼叫声是一种可信而又安全的指标，一只在吼叫上盖过自己的雄鹿，或是短时间内发出了许多吼声的雄鹿，通常也能够在争斗中打败自己。通过掌握吼叫提供的信息比通过其他较显著的特征，如通过角的长度来估计对手，要可靠得多。当一只雄鹿刚长出角时，它可能是健康、强壮的。但是在繁殖季节里，群主会因为不断的争斗而难以补充到充足的食物。这样，它会因此损失掉20％的夏天体重。此时，虽然它的角仍保持原样，但格斗能力却已大大下降了。那些年轻的竞争者所需知道的不是群主在繁殖季节开始时有多强壮，而是它  此时此刻体力如何。群主的角不会暴露它的实际情况，但吼声却会。此时，挑战者会忽视群主庞大的体形和令人生畏的巨角，在发现群主每分钟仅能发出六次的吼声，而自己发出的吼声每分钟达八次时，它就会盯着对方微微萎缩的肩部肌肉，先前后移动一下，然后发动攻击。于是，雌鹿们就有了一个新来的、更年轻的交配者来作为来年小鹿的父亲。  　　 为生存“投保” 　　动物还能够通过学习来调整行为，以适应其所在的特殊环境。动物的学习能力随处可见。比如，一群母鸡在安静地啄食，从它们身上似乎找不到学习的影子，但事实上每一只母鸡都曾为找到自己在鸡群中的位置而学习过。学习通常是很痛苦的。母鸡刚被放到一起时，它们相互打斗。但几天后，鸡群就安静下来，几星期以后，一切都变得平和而默契，除了一只社会序位高的母鸡会偶尔向社会序位低的鸡发出几声鸣叫。“啄序”就是母鸡的现实生活，至少在母鸡们相互认识的鸡群里事实就是如此的。同其他动物一样，退却和迫使对方退却组成了母鸡生活的主体。表面的和睦是因为大家找到自己的位置都很不易，它们还意识到，从长远看来，与其持续地同强大的对手血战，还不如主动退却，这样得到的利益似乎更多。社会序位低的鸡，如果需要，会在序位高的母鸡面前  放弃食物和卧息地。这种学习是社会生活的需要，每时每刻都离不了。  　　许多动物，从狐狸、松鼠到沼泽山雀（欧洲产的鸟类）、山雀（一种北美洲鸟类，外表和行为与沼泽山雀都很相似，这使得多伦多和牛津两地开展的合作研究很容易实现）这样的小鸟，在食物充足的时候都有储藏食物的习惯，一段时间后它们会回来取出食用。如果狐狸捕获的海鸥和小鸡太多，一次吃不完，它会把其余的埋起来。狐狸可以记住两处或三处储藏食物的位置。沼泽山雀和山雀一天之中储藏的食物可达上百份，并且，每份食物储藏的地方都不相同。几天以后它们还会重新找回食物。食物都被小心地藏在一小片树皮后面或是树洞里。  　　吸血蝠有凶残的坏名声，但实际上它们是一种社会性很强的动物，至少在对待同类方面是如此。它们的采食方式确实令人厌恶――吸食个体较大的哺乳动物的血液，特别是家养动物比如牛、驴和猪的血液。正是这种不寻常的采食方式（多数蝙蝠以昆虫、花蜜而不是血液为食）使得吸血蝠的社会行为与众不同。  　　它们喜爱群居生活。因为总有一些晚上，有些蝙蝠不能找到适合吸血的大型动物，它很快就面临饿死的危险。真正值得注意的是，在这种情况下，吸血蝠会采取相互喂食的策略。幸运的饱餐了一顿的吸血蝠飞回栖身的山洞后，会将自己吸入的一部分血液喂给仍饿着肚子的蝙蝠。  　　杰拉尔德?威尔金森决心查明这其中的奥秘。他花了大量时间仔细观察栖息在一个树洞里的吸血蝠。他注意到在某个特定的晚上，找到或没找到食物基本上是一个偶然事件。吸血蝠中并不存在善于寻找食物、总能喂饱自己的个体，也不存在总找不到食物的个体。曾经喂食给其他蝙蝠者，几天后可能就需要接受其他蝙蝠善意的回报。  　　威尔金森发现吸血蝠会优先喂食给曾经救助过自己的蝙蝠。它们牢记自己走霉运时谁最慷慨大方，这些蝙蝠就将是享受自己送出的救命晚餐的对象。它们不理睬那些没有帮助过自己的蝙蝠。通过保持这种相对固定的紧密协作关系，吸血蝠克服了它们独特的采食方式带来的不稳定性。妄图欺骗大家，只知索取，不知付出的蝙蝠，时间长了一定会受到惩罚。它可能一时得逞，但当它再次挨饿时，其他蝙蝠不会再给它喂食，它只有饿死。在自己能够给予时给予他人，这是吸血蝠为自己的将来投的保险。“朋友间的友谊要时刻注意维护”，这句古语全面概括了吸血蝠的现实生活，失去友谊就意味着死亡。  　　近三十年来，人类关于动物行为的知识有了极大提高，许多详细的研究表明，动物行为远比想象的复杂，这正改变着我们对动物的理解。。  </t>
  </si>
  <si>
    <t xml:space="preserve">鲤鱼和鲢鱼哪个营养丰富 </t>
  </si>
  <si>
    <t>你说的营养是个相对的概念，你要先清楚它的具体的定义。同一样的东西，对饥荒的非洲穷国和对胖人过多的美国，它的所指的营养很有可能是不一样的。通常说肉类的营养，主要是指蛋白质等，而蔬菜的营养，主要是指维生素等，当然，是通常来说。食品的营养成分一般不会是单一的，除了某些单一成分食物，但肯定会有重点所指。如要比较两种不同食品的营养，最好定义你想比较的营养是什么，例如：蛋白质、糖、脂肪、钙、维生素C等等。不然很难作出比较。</t>
  </si>
  <si>
    <t xml:space="preserve">excel软件里可以做一个计时器吗？表格里设个按钮，按一下，开始 </t>
  </si>
  <si>
    <t>可这么操作：一、在任一单元格如D5，输入公式“=F1-D1”；“格式/单元格/数字/分类/自定义/类型/[h]:mm:ss”。二、设置《开始计时》按钮：1、“工具/宏/录制新宏”；2、在D1输入“=NOW()”,回车；再复制D1,“选择性粘贴/数值/确定”；3、“工具/宏/停止录制”，默认宏名“Macro1”4、选“视图/工具栏/窗体/按钮”，用光标画出按钮，右键单击“编辑文字”，制作《开始计时》按钮；5、右键选中《开始计时》按钮，“指定宏/Macro1/确定”。三、设置《停止计时》按钮：步骤与二同，只是默认宏名为“Macro2”。四、使用：1、选中D1，点《开始计时》按钮，即开始计时，D1显示开始的具体时点；2、选中F1,点《停止计时》按钮，即可停止计时，F1显示停止的具体时点；3、此时，D5即自动显示历经时间。</t>
  </si>
  <si>
    <t xml:space="preserve">一个收集硬币的问题我现在有1956年的1分2分5分硬币，请问有没 </t>
  </si>
  <si>
    <t xml:space="preserve">1956年硬分币市场参考价：壹分币：11.00元/枚贰分币：6.00/枚伍分币：8.00/枚 </t>
  </si>
  <si>
    <t xml:space="preserve">债券价格也会不断波动吗 </t>
  </si>
  <si>
    <t>是的，只是范围小</t>
  </si>
  <si>
    <t xml:space="preserve">世界第一大峡谷是哪个?在哪儿? </t>
  </si>
  <si>
    <t>现确认世界大峡谷排名：一为深达6009米的中国雅鲁藏布大峡谷；二为深达4403米的尼泊尔喀利根得格大峡谷；三为深达3200米的秘鲁科尔卡大峡谷；四为深达3000米的中国金沙江虎跳峡；五为深达2133米的美国克罗拉多大峡谷。1993年10月，由中日两国队员组成的科学探险队赴雅鲁藏布大峡谷考察，发现雅鲁藏布大峡谷形成几百公里长、峡谷平均深度在5000米以上，而以前有世界第一大峡谷之称的美国科罗拉多大峡谷才深2000米左右，比雅鲁藏布大峡谷浅多了。1994年4月16日召开了有刘东生院士、高登义、杨逸畴等人参加的科学论证会，首次确认雅鲁藏布大峡谷为世界第一大峡谷。第二天，新华社以独家新闻向全世界公布了这一重大地理科学发现。从此，雅鲁藏布大峡谷作为世界第一大峡谷呈现在世界人民面前。</t>
  </si>
  <si>
    <t xml:space="preserve">请问怎么样才能有效的避免怀孕呢？ </t>
  </si>
  <si>
    <t>你不会是新手吧,可以吃药,不过在大多情况下最好不用吃药,使用避孕套就可以啦,</t>
  </si>
  <si>
    <t xml:space="preserve">请你们帮助我儿子用英语怎吗说？ </t>
  </si>
  <si>
    <t>please help my son with his English 如果能帮到你，请好评一个，谢谢</t>
  </si>
  <si>
    <t xml:space="preserve">2005江苏专升本教育类的录取分数线估计是多少呢？是否比去年高？? </t>
  </si>
  <si>
    <t>等到１０号就知道了．</t>
  </si>
  <si>
    <t xml:space="preserve">调皮老师000831盘中12元出了，请问可以在什么价位再卖入？谢 </t>
  </si>
  <si>
    <t>000831 关铝股份  扣一成 10.80 可能?菏辈换?砹?</t>
  </si>
  <si>
    <t xml:space="preserve">可不可以退出帮帮团 </t>
  </si>
  <si>
    <t>尊敬的用户： 您好！感谢您对“问我”的使用。我们的系统正在不断完善当中，目前暂不支持用户退出帮帮团。再次感谢您对“问我”应用的支持。</t>
  </si>
  <si>
    <t xml:space="preserve">不懂什么意思请问t1t2t3什么意思啊？另外mtotmc什么意思 </t>
  </si>
  <si>
    <t>T1/T2/T3是3个团队副本出的3套职业套装。T1是MC（就是熔火之心副本）的BOSS掉落。T2是BWL（就是黑翼之巢副本）的BOSS掉落。T3是AQ（就是安其拉副本）的BOSS掉落。MT是主坦克的意思，就是顶怪的那个战士。OT有2种意思，一种是OVER THREAT，就是仇恨超过TANK，就是怪物不打那个顶怪的战士，而去打别人。另一种是副坦克的意思，就是除了主坦克，接下来那个战士，随时准备接手主坦克顶怪。</t>
  </si>
  <si>
    <t xml:space="preserve">请教56信用等级我公司工商年检时要填一张企业信用等级申请表，这个 </t>
  </si>
  <si>
    <t xml:space="preserve">信用等级是根据用户的信息而自动算出的一个等级。反映了用户资信状况、负债偿还能力的评估结果。对于我国企业信用评估的信用等级采用国际通行的"四等十级制"评级等级，具体等级分为：AAA，AA，A，BBB，BBB，BB，B，CCC，CC，C，D。同时也是衡量企业财务能力的重要指标体系。 </t>
  </si>
  <si>
    <t xml:space="preserve">把4个半径5cm的圆柱形饮料瓶捆扎在一起，如果接头部分用了20，? </t>
  </si>
  <si>
    <t>40+10π+20=91.4cm</t>
  </si>
  <si>
    <t xml:space="preserve">三角函数证明题证明：cos2/7π+cos4/7π+cos6/7 </t>
  </si>
  <si>
    <t>我们都知道一元二次方程中根与系数的关系,在一元高次方程中,同样存在着美妙的根与系数的关系.由于时间关系,不多叙述.在复数范围内,方程z^7=1有7个不相等的复数根,分别是c2kπ/7+isin2kπ/7(k=0,1,2,3,4,5,6)这7个根的和等于0,即[cos0+cos2π/7+cos4π/7+cos6π/7+cos8π/7+cos10π/7+cos12π/7]+i[sin0+sin2π/7+sin4π/7+sin6π/7+sin8π/7+sin10π/7+sin12π/7]=0根据复数相等的规定:cos0+cos2π/7+cos4π/7+cos6π/7+cos8π/7+cos10π/7+cos12π/7=0,同时sin0+sin2π/7+sin4π/7+sin6π/7+sin8π/7+sin10π/7+sin12π/7=0在cos0+cos2π/7+cos4π/7+cos6π/7+cos8π/7+cos10π/7+cos12π/7=0中cos0=1,cos2π/7=cos12π/7,cos4π/7=cos10π/7,cos6π/7=cos8π/7一代换,立即得出 cos2π/7 +cos4π/7 +cos6π/7 =-1/2证明完毕</t>
  </si>
  <si>
    <t xml:space="preserve">5C靴子合成问题？需要材料之一的细沙是什么？ </t>
  </si>
  <si>
    <t>细线吧...法兰城布店里就有卖的</t>
  </si>
  <si>
    <t xml:space="preserve">今年股市到底赚了还是赔了 </t>
  </si>
  <si>
    <t>08年赚钱的只有少数人。09年初到现在如果没赚钱，那真有点背了。不过，现在应该锁定利润，只用小本钱玩玩，以积累经验。要不，一般玩家很容易又赔进去了......</t>
  </si>
  <si>
    <t xml:space="preserve">请问成都到黄龙的机票多少钱。从黄龙机场去黄龙怎么去？有大巴吗？能? </t>
  </si>
  <si>
    <t>　　九寨沟黄龙机场(简称九黄机场)位于四川阿坝州松潘县境内的川主寺镇北约12公理处，所以又叫川主寺机场，为国内旅游支线机场，也是是阿坝州的首个机场，机场海拨3400米，距九寨沟88公理，距黄龙43公理，工程总投资为10亿元人民币，设计年?淄铝康?010年将达到80万人次，机场跑道长度3200米，宽为60米，机场可起降波音757、737-700、A319等大中型飞机，与成都的空中距离约240公理，飞行时间约40分钟。　　九黄机场将于2003年9月28日国庆黄金周之前正式投入使用，将有国航、川航等公司的飞机投入运行，单程票价410元人民币(2004年4月20日起上浮到700元)，机场建设费50元。旺季每天航班可达10个以上。＝＝＝＝＝去黄龙旅游的话当天往返比较困难，因为去黄龙要翻山，一般是中午后才过去，加上天气一变，做这样的计划有些风险。另外9月底去了九寨沟和黄龙 ，个人感觉以黄龙200元的门票有些不值。可能它的价值主要体现为科研价值吧，游览度远不如九寨沟。旅行社 有双飞九寨沟－黄龙 三日游线路</t>
  </si>
  <si>
    <t xml:space="preserve">去广洲哪里的衣服比较便宜又好看啊？暑假想去广州，哪里的衣服比较好 </t>
  </si>
  <si>
    <t>离火车站不远，流花那边，有好几个服装批发市场，都不错。比如：白马</t>
  </si>
  <si>
    <t>★冷门教母★:“无言”</t>
  </si>
  <si>
    <t>是我错了.向你道歉.你也知道,我一向讨厌不诚实的人.500万也太差劲了.记奖如此拖沓.</t>
  </si>
  <si>
    <t xml:space="preserve">关于计算机病毒书中介绍计算机杀病毒，有一部是在dos状态下删除某 </t>
  </si>
  <si>
    <t>那你要先知道那病毒的名  把病毒的属性改为只毒  然后在DOS下用DEL命令用  DEL[盘符：][路径]〈文件名〉[/P]</t>
  </si>
  <si>
    <t xml:space="preserve">关于德鬼爆魔的问题魔法师之鬼要求2当以内才不会爆魔，那么德鲁伊之 </t>
  </si>
  <si>
    <t>同样的120当 47当魔。当然爆点也一样了。。。。。2当内</t>
  </si>
  <si>
    <t xml:space="preserve">我宝宝吃什么奶粉好我宝宝现在是五个半月多，一直都是吃味全奶粉，最 </t>
  </si>
  <si>
    <t>施恩的挺好的不上火，还有奶香味宝宝很喜欢喝。施恩的奶粉含免疫球蛋白可以提高宝宝的免疫力，我给我儿子喝的施恩的，你可以试试。</t>
  </si>
  <si>
    <t xml:space="preserve">急！急！急！求助：我的农业银行交易详细明细出现错误我于4月26日 </t>
  </si>
  <si>
    <t>银行业务系统一般不会出现这种问题,毕竟借贷记账是其核心职能.可能是你查询时设置了某种查询条件导致.试试查询当日明细看看.可以用电话银行查询一下看看,看是否有此笔明细.如果的确缺失,找银行客服热线吧.010-95599</t>
  </si>
  <si>
    <t xml:space="preserve">小孩打预防针后能喝药吗我的小孩三岁，昨天上午打了预防针以后就发现 </t>
  </si>
  <si>
    <t>最好去医院看一下，看是不是咳嗽，跟医生说宝宝打了预防针回来发现咳嗽，并且吃过药。一般要是宝宝生病时是不能打预防针的，建议去医院看一下，不要自行给药。</t>
  </si>
  <si>
    <t xml:space="preserve">7D水精估价，大家帮帮忙38级+功7D掉2血3敏2魔的水精值多钱 </t>
  </si>
  <si>
    <t>练吧 加攻没掉攻 算不错了 这东西比较cool 打boss的时候当tl用^_^</t>
  </si>
  <si>
    <t xml:space="preserve">超硬铝板哪家好？ </t>
  </si>
  <si>
    <t>您好 绝对是东莞市美航金属材料有限公司的超硬铝板最好《赠人玫瑰手有余香，祝您好运一生一世，如果回答有用，请点“好评”，谢谢^_^!》</t>
  </si>
  <si>
    <t xml:space="preserve">经常头疼、头晕、是怎么回事啊？难受死了！ </t>
  </si>
  <si>
    <t>可能是贫血造成的  夏天注意防暑头痛是一种常见症状，几乎每个人一生中均会有头痛发生。头痛主要是由于头部的... 头晕等症状。血虚的情况，容易在女性怀孕期间出现，贫血者亦经常有这样的问题应该是贫血</t>
  </si>
  <si>
    <t xml:space="preserve">纯母乳喂养的宝宝出了麻疹，妈妈应注意哪些？我的宝宝八个月，在接种 </t>
  </si>
  <si>
    <t>您好：乳母少吃辛辣刺激性的食物，给宝宝多喝水。注意观察病情。</t>
  </si>
  <si>
    <t xml:space="preserve">急转！胖妞生病了，最怕别人来探病时说什么？ </t>
  </si>
  <si>
    <t>多多保重</t>
  </si>
  <si>
    <t xml:space="preserve">装修防水何时做？装修房子，卫生间地上有一层黑沥青，听人讲需先做防 </t>
  </si>
  <si>
    <t>不错，这就是开发商做的“第一次防水”。但是在你对卫生间、厨房做好了水、电路管线的敷设后，还应该对卫生间和厨房进行“第二次防水”的施工，以度绝漏水的隐患。</t>
  </si>
  <si>
    <t xml:space="preserve">求亮剑中一段经典爱情诗女主人公对李云龙年的一段诗。。。再塑一个你 </t>
  </si>
  <si>
    <t xml:space="preserve">《我侬词》 你侬,我侬,忒煞情多,情多处热似火. 把一块泥,捻一个你,塑一个我, 将咱两个一起打破,用水调和, 再捻一个你,再塑一个我, 我泥中有你,你泥中有我. 我与你生同一个衾,死同一个椁. 这首词有出处的，详见下：   </t>
  </si>
  <si>
    <t xml:space="preserve">安装问题，请高手解决安装后，点启动游戏，但是出现没有找到msdi </t>
  </si>
  <si>
    <t xml:space="preserve"> 重新下载msdipt.dll，网上搜索一下，下载的网址很多。下载网址： 解压后把DLL文件复制到C:\WINDOWS\system32就可以了。</t>
  </si>
  <si>
    <t xml:space="preserve">＜＜生肖传说＞＞什么职业最好本人玩这游戏玩过好多职业都不多好，求 </t>
  </si>
  <si>
    <t xml:space="preserve">目前觉得是全敏职业比较吃香 因为在所有2阶技能里 只有敏的3星是随即秒3 其他都是横向或纵向 比较麻烦 而且出手是最快的 无论是抓BB还是打怪。。你想想 一队全敏职业 怪都还没出手就被秒完了。。。那练级速度 可想有多快 哈哈~~ PK的话 因为暂时没有开放 所以还不能随便说。。不过我看好敏战和法师 前者可以封 后者可以睡 封了你在厉害也只能平砍 睡了就不用说了---传说中的睡杀。。。 </t>
  </si>
  <si>
    <t xml:space="preserve">屋子里面灰尘太多了有什么好的办法简单实用还能防止灰尘乱漂房子是老 </t>
  </si>
  <si>
    <t>房子都这样了，怎么弄弄房子还工程浩大划不来呢..养一些花，可以吸收很多灰尘..每天拖一拖地，地面潮湿，灰尘不易飞起来..挂一个窗帘，可以阻挡很多灰尘..</t>
  </si>
  <si>
    <t xml:space="preserve">若函数y=(ax^2+3x+b)/(x^2+1)的最大值为11/? </t>
  </si>
  <si>
    <t xml:space="preserve"> y=(ax²+3x+b)/(x²+1) 整理，得 (a-y)x²+3x+b-y=0 方程有实根，判别式≥0 9-4(a-y)(b-y)≥0 整理，得 y²-(a+b)y+ab- 9/4≤0 (1) 1/2≤y≤11/2 构造不等式： (y-1/2)(y-11/2)≤0 展开，整理</t>
  </si>
  <si>
    <t xml:space="preserve">请帮帮我,我是一区金牛的,前天用30W收了只94级9练的招牌蓝鬼 </t>
  </si>
  <si>
    <t>不要练了，就这个等级去学点魔法PK凑货了，任务也可以做为路上的清怪宠。有点钱还是练个红鬼综合实力摆那的，没钱的饿弄个盾养养，那东西在怎么差也能发动10魔，PK除了出手慢杀伤力还是很可观的。不过真是佩服你啊，很喜欢买这宠？我们那30W可以买个低级9练0系只掉攻的蓝鬼。发觉你买宠有点冲动，以后三思再买后悔药不好吃啊。</t>
  </si>
  <si>
    <t xml:space="preserve">游戏中怎样才能不打字就能说话需要加什么字母吗？ </t>
  </si>
  <si>
    <t>你打(喜欢)，(呵呵)，(怒)等等这些就可以了，就是在字的两边加上括号，括号要用英文输入法打。</t>
  </si>
  <si>
    <t xml:space="preserve">跟兄弟朋友要明算帐这一点非常重要。实际上有很多亲戚、兄弟和好朋友 </t>
  </si>
  <si>
    <t>所以这就是中国人无规则、虚伪的一面。开始讲情面，最后骂良心。西方人就完全按套路来。</t>
  </si>
  <si>
    <t xml:space="preserve">可爱的小伙伴们、给我推荐套好用的护肤品吧、[泪][泪] </t>
  </si>
  <si>
    <t>FANCL 契尔S</t>
  </si>
  <si>
    <t xml:space="preserve">关于奥达曼的失而复得这个任务的那个宝藏在哪找的啊我全找到就是找不? </t>
  </si>
  <si>
    <t>那个任务是在副本的外面的,不在副本的里面的.你走进去那洞穴,很多人一直冲,到了一个斜坡的时候会跳下去.(失而复得)这个任务是在快到斜坡的时候你注意左边一个岔路,进去就可以完成任务了.注意:岔路里面也大,你多找找就可以了</t>
  </si>
  <si>
    <t xml:space="preserve">北京第二外国语学院小语种比中国传媒大学的小语种怎样 </t>
  </si>
  <si>
    <t>论专业北二外要比中国传媒大学好 但是传媒大学是一类本科二外是二类本科</t>
  </si>
  <si>
    <t xml:space="preserve">牛年什么时辰的出生的宝宝最好？大师，您好！我和我老公准备想要个牛 </t>
  </si>
  <si>
    <t>春天的牛最有活力也最有“事业前途”！上午的婴儿在母亲休息一夜后出生，最有活力！</t>
  </si>
  <si>
    <t xml:space="preserve">纸张规格如：70克或80克等是如何定义的？我们常用的打印纸标识的 </t>
  </si>
  <si>
    <t>根据国家有关标准规定，纸张的单位是：克/平方米，70克或80克就是这种纸的单位是70克/平方米和80克/平方米。纸张的单位还有另外二种：“令”，500张纸单位称：令(出厂规格)； “吨”，与平常单位一样，1吨=1000公斤，用于算纸价。</t>
  </si>
  <si>
    <t xml:space="preserve">一汽丰田最近在北京有没有什么优惠活动?关于售后方面的,我是08年 </t>
  </si>
  <si>
    <t>一看问题我还以为是买车优惠呢</t>
  </si>
  <si>
    <t xml:space="preserve">一般一对恋人分手之前会有什么征兆呢？ </t>
  </si>
  <si>
    <t>冷淡疏远没电话没短信工作忙总之，一朝情谊淡，样样不顺眼。</t>
  </si>
  <si>
    <t xml:space="preserve">有哪些网站可以免费看电影 </t>
  </si>
  <si>
    <t xml:space="preserve">帮个忙。麻烦把我个人中心里那些被标注“已撤消”的题目删除掉，行吗 </t>
  </si>
  <si>
    <t xml:space="preserve">爱问里，个人目前没有删除标注“已撤消”的题目的权限，只能让它呆着妨碍眼睛，已经多次反映，但均没有效果，希望大家向编辑多多提意见，尽量争取增加这个功能。联系人：昵称：爱问知识人管理员级别：特邀解答员 新浪通行证号：1130357710这个号是爱问知识人编辑专用！也可以去他的个人中心： </t>
  </si>
  <si>
    <t xml:space="preserve">LM各大主城怎么走啊做什么到各大主城在什么地方做啊 </t>
  </si>
  <si>
    <t>BL在幽暗和奥城门口都有飞艇,LM就没有这个待遇了,如果你是精灵,那么就跑到达纳斯,骑鸟飞到黑海岸的奥伯丁,对,这里不用开奥伯丁的鸟点,这是一个特例,其他的你要在两地之间飞行,必须两个鸟点都开了.到了奥伯丁,去码头坐船,有两个地方等船,码头上有个管理员,他在码头上的那个上字路口,去坐到米奈希尔港的,到了米港记得开鸟点,然后就沿着大路往南跑,就进了湿地,然后就到了洛克莫丹,到了那里继续沿着路走,看见一个三叉路口就往西北走,过北门小径就到了丹莫罗,沿着路走遇上巡山人就问问就到了铁炉堡,问那里的守卫去开了鸟点就坐矿道地铁去暴风,你就到全了三大主城,不管你是什么种族,只不过是往来方向不一样,路线就是这样.一定要记住一件事,去了任何一个地方,一定要开鸟点,以后就可以飞过去了.其实不用这么废劲,你只要在社交界面里点"查询",输入你要去的主城,找到那里的术士,请他把你拉过去就行了,或者输入你所在的主城,找个法师给 你开个你要去的主城的门,去了记着开鸟点,就OK了.</t>
  </si>
  <si>
    <t xml:space="preserve">学习吉他要什么要求吗？ </t>
  </si>
  <si>
    <t>学习吉他:1.要有十足的冲动.每当看到别人撩拨琴弦,和着唱出悠扬的歌声时,你会有学习的冲动.2.要耐的住寂寞.每一个吉他大师,第一次摸吉他的时候都弹的很难听.学习的过程是艰苦的,手指上会有老茧,指肚会磨的生疼.而且每天都要练,每天都要花费一两个小时弹枯燥的旋律,很多人因此就放弃了.要坚持,要耐的住寂寞.由浅入深,这是个必然的过程.3.找一个好伙伴.不管是老师,还是一起练琴的朋友,两个人互相监督,互相切磋,会非常有利于自己的进步.以上三点是我当年学吉他的时候总结的,切身体会,希望能帮的上楼主.吉他是非常美妙的,祝楼主早日成功!</t>
  </si>
  <si>
    <t xml:space="preserve">空腹喝水后，多长时间小便为正常？ </t>
  </si>
  <si>
    <t>喝水多长时间小便的问题和天气、季节、饮水量和饮水时段、饮水类型等等都有关系啊~所以没有正常非正常一说~一般而言是半小时左右到达膀胱~~</t>
  </si>
  <si>
    <t xml:space="preserve">如何选择信用卡？ </t>
  </si>
  <si>
    <t>首先，应该根据发卡机构的网点设置、服务质量、工作效率选择信用卡的品牌。发卡机构配备POS、ATM等设备数量越多、特设商户越多、取现网点越密，持卡人办理支付、结算、消费、取现等也就越方便快捷。应该在购卡前做一番调查研究，选择网点多，设备全、效率高、服务好、使用方便的信用卡品牌。　　其次，应该根据办卡的主要用途来确定信用卡的种类。　　如果办卡是为了购物消费、存取现金、转账结算、待交各种费用，那就应该申办一种功能齐全的信用卡。除了人们常用的牡丹卡、金穗卡、长城卡、龙卡之外，也可选联名卡。由于联名卡是由银行和企业合作发行的，它除了普通信用卡所具有的一切功能外，还能享受联名企业的消费折扣优惠和特殊服务。也可以选择“一卡通”，它集外币储蓄和各储蓄种类的存折、存单于一张卡片上，并且可以直接在特约商户和自动柜员机上进行购物消费及24小时提款，具有一卡多户、自动转账、通存通兑、自动提款、贷款融资、电话查询、购物消费等多种功能。　　如果用途较为单一，专用交纳某种费用或购物消费，那就应该选择功能单一的专用卡，因为专用卡手续比较简单，所交的年费也比较便宜。像智能卡（IC卡）就可以专门用来代办工资、交纳社会保险费、交纳交通违规罚款、汽车加油等。　　第三，应根据个人的资金实力和消费习惯来选择信用卡品种。　　收入颇丰、经济宽裕，或从事商业活动、经常到外地出差的人，可以选择具有透支功能信用卡，这种信用卡一般称之为贷记卡。它的特点是当用户的资金不足时，在规定数额内，银行可以提供透支贷款服务。但这种信用卡申办手续比较复杂，还需要交纳保证金，需要有担保人提供担保。　　如果你经济收入不算十分富裕，过日子习惯于精打细算先存钱后消费，那不妨选择一种不具备透支功能但其他购物结算功能都齐备的信用卡，这种卡一般称之为借记卡，如牡丹灵通卡、长城借记卡、龙卡转账卡等都属于这种卡。申办借记卡无须担保，不用交纳保证金，也不需进行资信审查，50元即可开户，用卡时也不必使用身份证。该卡具有储蓄存款、提取现金、购物消费的功能，手续简便，使用方便。　　第四，如果是为给女朋友或妻子、女儿、女性长辈送礼物，不妨选择我国目前唯一的一种女性专用信用卡——牡丹女士卡。牡丹女士卡分为具有透支功能和不具有透支功能的两种卡，前者可以在全国指定工商银行储蓄所使用，后者一旦拥有可终身享受。</t>
  </si>
  <si>
    <t xml:space="preserve">能够使我们的眼睛透过一堵墙的是什么？（ </t>
  </si>
  <si>
    <t>我们的头 。。。。。。。。。。。。。。。。。。。。</t>
  </si>
  <si>
    <t xml:space="preserve">急慢性肝炎有什么症状表现？ </t>
  </si>
  <si>
    <t xml:space="preserve">  肝炎中医称[肝肾两虚]，腰胀胸部闷，两胁也胀，人难於抑俯等。</t>
  </si>
  <si>
    <t xml:space="preserve">请问如果有了淋病和梅毒会不会没有症状出现的呢？ </t>
  </si>
  <si>
    <t xml:space="preserve">梅毒(皮肤性病科)是由密螺旋体属苍白螺旋体也称梅毒螺旋体引起的一种慢性传染病，主要通过性交传染。本病以临床表现多样化而着称，几乎可侵犯全身器官，造成多器官的损害。一期梅毒的感染部位溃疡（硬下疳）；二期梅毒为菌血症期，有皮肤粘膜损害及全身淋巴结肿大；三期梅毒特征是对人体的进行性破坏，有心脏、神经、骨、眼、耳受累及树胶损害等。梅毒可通过胎盘传给下一代，危害极大。 本病好发于性紊乱者，１５－３４岁是梅毒发病率的高峰。本病有特效药物治疗，早期梅毒尤其一期梅毒治疗效果极佳，而晚期梅毒治疗效果较差，虽然能杀灭病原体，但组织器官损害难以恢复。 症状表现： 1.一期梅毒： (1)有不洁性交史，潜伏期３周； (2)典型症状为单个无痛的硬下疳，多发生在外生殖器； (3)暗视野显微镜检查见梅毒螺旋体； (4)梅毒血清试验阳性。 2.二期梅毒： (1)有不洁性交、硬下疳史； (2)多种梅毒疹，如玫瑰疹、扁平湿疣； (3)梅毒螺旋体检查阳性； (4)梅毒血清试验强阳性。 3.三期梅毒： (1)有不洁性交、早期梅毒史； (2)梅毒疹：结节性梅毒疹、树胶肿； (3)梅毒血清试验阳性； (4)脑脊液检查：白细胞、蛋白量增加。 诊断依据： 1.不洁性交史； 2.各期梅毒皮肤损害； 3.各期梅毒的系统损害； 4.梅毒螺旋体检查阳性（早期），梅毒血清学试验阳性。 治 疗： 治疗原则 1.必须早期治疗； 2.治疗剂量必须足量、正规、按计划完成疗程； 3.以青酶素为主； 4.晚期梅毒要做预备治疗，防止发生吉海反应； 5.治疗后严格定期随访观察； 6.传染源及性伴必须同时治疗； 7.治疗期间禁止性。 用药原则 1.各期梅毒青酶素为首选； 2.早期梅毒，选用普鲁卡因或芐星青酶素； 3.心血管梅毒、神经梅毒不用芐星青酶素，因为单用芐星青梅素达不到杀来脑脊液中梅螺旋体所需的水平。若用水剂青酶素，须每３—４小时１次，以保持血中有效浓度； 4.青酶素过敏者可选用其他抗生素，但非青素治疗疗效不甚可靠。 预防常识： 梅毒是一种十分严重的性病，可造成传染和流行，贻害家庭和后代及社会。治疗青酶素有特效，应到正规医院性病专科诊治，梅毒的治愈不是轻而易举的，有的经治疗后复发，或潜伏，或转入晚期梅毒。此外，国外有用非青酶素治疗早期梅毒后，发生晚期梅毒的报告，因此要在治疗完成后认真、严格随访１－３年，并在医师指导下复查，何时终止随访由医师决定，有复发者应即复治，以免转入晚期梅毒，造成心血管神经系统损害。 淋病 概 述： 淋病(皮肤性病科)是最常见的性传播疾病，是由淋球菌所致的泌尿生殖系统化脓性炎性疾病。主要通过性交传染。直接感染尿道、子宫颈内膜、直肠肛周、眼结膜和咽部。并可发生女性前庭大腺炎、子宫内膜炎、输卵管炎及男性附睾炎和前列腺炎。淋球菌也可经血行播散，引起菌血症、关节炎、心内膜炎、脑膜炎、肝炎、甚至造成不育、失明等。由于产青酶素梅等耐药菌株的出现，给防治和控制本病带来了严重困难。 本病发病率高，在我国占性传播疾病的第一位，且每年有增长的趋势。多见于性活跃的青壮年，男性发病率高于女性，受教育少者、未婚独身者多见，主要在大中城市中流行，妓女是主要的传染源。本病有特效药物治疗，早期单纯性淋菌性尿道炎或宫颈炎疗效极佳，有合并症者治疗较为困难。 症状表现： 1.有不洁性交史，潜伏期２－３日； 2.男性有尿频、尿急、尿痛，尿道外口、舟状窝充血水肿，有脓性分泌物，可并发前列腺炎、附睾炎等； 3.女性可有白带增多，最常见为宫颈炎、有脓性分泌物，次为尿道炎，可并发前庭大腺炎、子宫内膜炎、附件炎等。 诊断依据： 1.不洁性交史； 2.尿道炎及宫颈炎症状和体征； 3.尿道、宫颈分泌物检查培养证实为淋球菌。 治 疗： 治疗原则 1.早期诊断，早期治疗； 2.及时、足量、规则的用药原则； 3.针对不同的病症采用不同的治疗方法； 4.对性伴追踪，同时治疗； 5.病后随访复查； 6.注意同时有无衣原体、支原体及其它ＳＴＤ感染。 用药原则 1.按治疗方案用药，选择对淋球菌敏感的药物； 2.一般不使用超过规定的大剂量抗生素，以免造成菌群紊乱。 预防常识： 淋病流行广泛，危害极大，可造成家庭及社会传染。目前有特效药物一次即可治愈９５％以上淋病，要到正规医疗机构专科治疗。切勿相信游医，耽误治病时机，造成合并症，要同时治疗性伴。注意与家人隔离，不与家人、小孩同床、同浴。 </t>
  </si>
  <si>
    <t xml:space="preserve">最大的鱼是什么鱼 </t>
  </si>
  <si>
    <t xml:space="preserve">鲸鲨 </t>
  </si>
  <si>
    <t xml:space="preserve">请教各位资深麻麻，小盆友3个月，日前受凉咳嗽，喉咙有痰，不发烧，? </t>
  </si>
  <si>
    <t>没事，多给孩子喝水是首要的，然后去买点小儿至宝丸，这个是保平安的小药，给孩子一天吃一丸，不容易生病的，希望帮到亲</t>
  </si>
  <si>
    <t xml:space="preserve">现在有采用WindowsCrossbow操作系统的手机吗？ </t>
  </si>
  <si>
    <t xml:space="preserve">微软的这款手机操作系统Windows Crossbow（windows Mobile 6.0）目前才发布不到包年时间，还没有厂商能够那么快的推出基于这个操作系统的手机，因此目前没有使用这个系统的手机上市的。不过关于这个系统的一些工程样子的报道已经频频出现在了一些网站之上了！相关新闻链接多普达WM6.0系统智能新机即将推出 SP版本Windows Mobile Crossbow简短体验 </t>
  </si>
  <si>
    <t xml:space="preserve">“宁为玉碎，不为瓦全”是什么意思？ </t>
  </si>
  <si>
    <t xml:space="preserve">宁为玉碎,不为瓦全 这句成语见于《北齐·元景安传》:“大丈夫宁可玉碎,不能瓦全!”“宁为玉碎,不为瓦全”即宁做玉器被打碎,不做泥瓦得保全。人们常用这句成语比喻宁愿保持高尚的气节死去,不愿屈辱.【出处】语见（唐·李百药《北齐书·卷四十一·列传第三十三·元景安传》）：“景皓云：‘岂得弃本宗，遂他姓？大丈夫‘宁可玉碎，不能瓦全’。’” 【用例】（林语堂《中国人之聪明》） ：“使糊涂的白种人处于同样境地，虽明知兵力不敌，亦必背城借一，‘宁为玉碎，不为瓦全’，与日人一战。” 【解说】南北朝时，东魏大将军高洋废魏孝静帝元善见，自立为王，遂为北齐。翌年，复鸩死帝与其三子。天保十年，彗星出现，天有日食，洋忧其王位不保，问彭城公元韶曰：“王莽既取刘氏天下，何汉光武复得中兴？”韶竟然曰：“王莽不将刘氏家族斩尽杀绝，致留后患。”洋因下令，捕戮元姓直系亲属等二十五家，拘禁元韶等十九家。韶幽禁于地牢，数日不得一食，后至饿死。洋乃尽诛诸元，无论老少长幼，一律斩首，共杀三千人，弃尸漳水。水中之鱼食人尸骸，百姓取鱼剖腹，得人甲指，遂相诫不食，几月无人网鱼，使鱼苟活数月。洋残暴屠杀元氏家族，大力扶植高氏宗室，使元氏宗亲无不惊恐万分。将军元景安为求自保，召其家族商议，拟改高姓。堂兄元景皓不服曰：“焉能轻易离宗改姓？大丈夫宁可玉碎，不能瓦全。”景安上白高洋，洋便杀景皓，并将其家属远徙彭城。后人将“宁可玉碎，不能瓦全”之句，改为“宁为玉碎，不为瓦全”。 【宁为玉碎，不为瓦全】原指宁如珍贵之玉器被击成支离破碎，而不作贱价之瓦器得以保全。后喻宁可保全气节，为正义之事而死，而不愿忍辱屈从，而苟且偷生，常用此语。 </t>
  </si>
  <si>
    <t xml:space="preserve">六年级奥数仓库共有大米和面粉84吨,运出大米的5/8和面粉的3/ </t>
  </si>
  <si>
    <t>由3/8的大米与1/4面粉为26吨,可知12/8的大米与4/4的面粉为104吨,而8/8的大米与4/4的面粉为84吨.所以4/8的大米20吨所以仓库里原有大米40吨注意:奥数不能用常规方法去解!</t>
  </si>
  <si>
    <t>当x=6时，反比例函数y=k/x和一次函数y=3/2x</t>
  </si>
  <si>
    <t xml:space="preserve"> 1)当x=6时　y=(3/2)*6-7=2   所以把x=6 y=2代入y=k/x   得k=12所以　反比例函数的解析式　y=12/x（2）因为是等腰梯形所以AB=CDA(a,(3/2)a-7)  B(a+2,(3/2)(a+2)-7)C(a+2,12/(a+2)) D (a,12/a)所以AB＾２=４+９＝１３　　CD^2=4+(24/(a^2+2a))^2AB=CD  得a=2  a=-4(舍去）</t>
  </si>
  <si>
    <t xml:space="preserve">根本进不了游戏,不能启动游戏该怎么办啊~没有任何显示~防黑程序启 </t>
  </si>
  <si>
    <t>你的防黑程序的设置可能阻止天堂程序，改一下或关掉防黑程序</t>
  </si>
  <si>
    <t xml:space="preserve">德国牧羊犬吃骨头后食欲不好怎莫回事 </t>
  </si>
  <si>
    <t>记得 永远不要给狗吃骨头 因为狗的胃肠是不能消化骨头的  骨头还会导致 狗消化不好  排便困难 甚至导致肠穿孔  不要用传统中国式养狗方式去养狗  要科学养狗 食欲不好说明 骨头很难消化   其实如果你仔细注意 狗狗吃完骨头的便便 就是骨头碎了 从狗的肠胃里走了一遍  建议喂酵母片 4片 然后以后不要喂骨头了 谢谢 {如果我的回答对您有帮助  麻烦 给个好评谢谢啦 予人玫瑰手有余香  我帮助您 您也帮助一下我 }</t>
  </si>
  <si>
    <t xml:space="preserve">中国为什么没有12。7毫米狙击步枪 </t>
  </si>
  <si>
    <t>国产最新大口径登场 　　 　　自上世纪90年代后，世界发达国家狙击枪的一个发展趋势是大口径，相继有不少12.7或14.5毫米口径的枪推出。其设计思想主要是考虑到7.62毫米的狙击枪难以对付日益增多的轻装甲目标和武装直升机，在袭击时需要用大口径子弹来“一枪制敌”。 　　中国兵工企业根据这一国际大趋势，在开发小口径狙击枪后，从上世纪90年代后期起开始研制 W03型12.7毫米狙击步枪。它预定的主要作战任务，是精确打击2000米距离内的轻型装甲车、指挥车、雷达、油库、弹药库、停机坪上的飞机等重要目标，对1200米内的有生目标实施精确杀伤。中国科研人员经过近四年的研制，终于将此枪研制成功，于2004年末公开亮相，不仅装备本国解放军并推向外贸市场。 　　中国产的W03型12.7毫米狙击步枪的各项性能指标，现已基本达到研制要求，根据任务不同又分长管型和短管型两种型号，枪管长分别为1002毫米和737毫米，全枪长度则分别为1370毫米和1100毫米，重量则分别为12公斤（长身管）和11公斤（短身管）。在世界上已装备的十几种同口径的狙击枪中，它的重量最轻，性能和威力却并不逊色。它使用的弹种齐全，除了可以发射中国高射机枪传统装备的54式12.7毫米系列弹外，还可发射新研制的12.7毫米高精度弹、穿爆燃弹。在1000米的距离上，该枪可打穿10毫米的装甲，能对付轻装甲车和一般的武装直升机，如打中人身体的躯干便会致命。 　　W03型狙击步枪能减轻重量，是因其结构紧凑，采用了机头回转式刚性闭锁机构，包络式枪机，不但有利于提高枪的精度，也缩短了枪的长度。中国开发这种枪时间较晚，能借鉴各国此类枪的技术优长，枪的布局巧妙且结构独特，大部分零部件采用轻合金材料，并改善了全枪各零部件的受力状况。它配带专用的8倍白光瞄准镜，可选配光电瞄具和微光瞄具，具备在夜间以及其它恶劣条件下的全天候作战能力。 　　 　　W03型12.7毫米狙击步枪虽然口径大，射击精度却并不差。在精度测试中，它在不同距离上的精度全部优于合同指标要求。过去大口径枪操纵起来的一个重大困难是发射时后坐力太大，对射手自身形成重大冲击。中国轻兵器科研人员通过想办法提高人机工程性，采用了高效制退器及后坐缓中装置，大大降低了开枪射击时对抵肩部位的冲击作用力。此枪的尾声部又专门安装了一块有软皮的贴腮板，以防后坐力擦伤射手脸部，使射手操作感到安全。该枪采用模块化设计，各部件之间连接方便可靠，不用借助工具即可对枪进行简单快捷的分解结合，而且分解后的零部件不易丢失，勤务性能好。 　　进行狙击活动，除了武器的因素，对优秀狙击手的要求标准又非常高，不仅强调能打准枪，还包括谋略、体质、奉献精神和其它心理素质。据国内媒体报道，解放军近来举办了一系列狙击手培训和交流经验活动。在过去的战争期间，中国军队狙击武器虽差却靠战术和斗志取胜，今后有了良好的武器与灵活的战术和坚强意志结合，更能形成强大的战斗力。 　　装备了这种大口径狙击枪后，解放军陆军的战术也将随之有一些新的变化。今后的打击中，除了战略上会以精确制导武器对敌实施“斩首”外，在步兵参战的战场上也会以狙击武器对前线重要目标“点穴”。日后的战场画面中，狙击战的场面无疑将会占更重要的一页。</t>
  </si>
  <si>
    <t xml:space="preserve">帮忙更正粉丝数 </t>
  </si>
  <si>
    <t>找微博小助手，是不。嘿嘿。挺有意思</t>
  </si>
  <si>
    <t xml:space="preserve">请问同样血瓶加的时候和自身血多血少有没直接关系假如说血越多,吃血 </t>
  </si>
  <si>
    <t>一点关系都没有。血瓶的等级来算。血瓶只能回复一定量的血。例如：终极治愈药水能恢复600血。</t>
  </si>
  <si>
    <t xml:space="preserve">大乐透。。。。。后区看好5，10，11，8.前区看好5，30.各 </t>
  </si>
  <si>
    <t>前区看好：11 16 20 21 31后区看好：07 08 10</t>
  </si>
  <si>
    <t xml:space="preserve">科帕奇缺点有哪些呀？这车值得买吗？ </t>
  </si>
  <si>
    <t>科帕奇的缺点呀，科帕奇缺点蛮多的呢，科帕奇缺点不能小视了，我的科帕奇2.4手自一体28万提车，价钱贵就不说了，刚开大半年，起步有些肉，不狠踩油门速度只能靠悠！冬天发动机声音比夏天声音大，开起来不舒服！油耗方面我的车百公里15个油左右，真的有点伤不起了。上海车展去逛了一圈，觉得上汽荣威w5很吸引我，荣威w5可以说是专业高端SUV。荣威w5采用了多连杆式后悬和双叉臂的前悬，荣威w5还是非承载式车身，都采用分时四驱系统，动力远远超过科帕奇。拥有这样系统的高端SUV，售价都在四五十万左右，荣威W5最高售价才30万，显然性价比更高。我现在是很看好荣威w5，希望我的回答对楼主有帮助。</t>
  </si>
  <si>
    <t xml:space="preserve">为什么奥迪发动机消耗机油如此严重？3000公里就亮灯。我单位有奥 </t>
  </si>
  <si>
    <t>机油灯亮可能是由于增压带来的缸内温度高。又不能及时排除，这时机油由于温度变质，带来的机油灯变亮，换好点的机油，可以避免此情况。此类情况易出现在涡轮增压的发动机上</t>
  </si>
  <si>
    <t xml:space="preserve">2区2服各位工会大大进我是2区2服的玩家ID：疯狂De螺丝刀今天 </t>
  </si>
  <si>
    <t>昨天带小D去野外```有人说他们占了```还皮痒打我```结果都被打回去了！~~~游戏要讲道德```不是看谁势力强```人多```级高！~要是这样```我第一个先闭了他！~</t>
  </si>
  <si>
    <t xml:space="preserve">伟哥有那些？ </t>
  </si>
  <si>
    <t>伟哥是美国辉瑞制药厂发现的一种治疗男性性功能障碍(简称ED)的药品,它的国际通用名称为:枸橼酸西地那非片,只有这个名字是唯一的,其它名字都是商品名,所以购买伟哥,认准包装上是否标明通用名:枸橼酸西地那非片</t>
  </si>
  <si>
    <t xml:space="preserve">这种情况是价格欺诈吗?前不久我去一家超市买面包时,发现店里只剩一 </t>
  </si>
  <si>
    <t>第一种情况不能完全说是欺诈我们学校外面的某两知名大超市就会卖点山寨货什么的，不是说王老古之类的，还是那个牌子，但味道口感差很多，软饮料包装差很多，价格也比真货便宜不少而肯德基就是分店区域性定价，都微有差异，正常而第二种嘛，如果说整装和散装的单位瓶装完全一样，规格，包装，体积什么的完全一样，我觉得就是红果果的欺诈商家说的那是狡辩，睁着眼尽说瞎话 ，无商不奸，他以为我们都是脑残智障好骗啊但还有另一种情况，不是说矿泉水，是有某一些商品，整合装的单位商品体积大于散装单位体积，或是包装精美一些，饮料一般不会，不过食品类的会有这种情况</t>
  </si>
  <si>
    <t xml:space="preserve">做爱后要多久才能喂奶 </t>
  </si>
  <si>
    <t xml:space="preserve">在激动 烦闷 疾病 劳累 等心情不平静的情况下喂奶 都会造成奶质变化 失去奶质的原有营养 也会把不良心情传递给孩子 应等待心情完全平静后,再去喂奶. </t>
  </si>
  <si>
    <t xml:space="preserve">脑筋急转弯一对恋爱中的青年男女到湖边散步，不小心女的掉到水里了， </t>
  </si>
  <si>
    <t>因为当初被男人认为是水草的东西实际上是女孩子的头发！！！</t>
  </si>
  <si>
    <t xml:space="preserve">特想要乾坤玄火塔,请高手指教已经知道了乾坤塔是用嗜血潘作炼化材料 </t>
  </si>
  <si>
    <t>显然不行,没接到法宝任务，就练不出法宝</t>
  </si>
  <si>
    <t xml:space="preserve">求助,想听你们的意见我是学平面设计的很想在这行发展请问找那类工作 </t>
  </si>
  <si>
    <t>平面设计可以找广告公司，或制作网页的电脑公司，房地产公司也会用的上平面设计，去试试！</t>
  </si>
  <si>
    <t xml:space="preserve">刑法附加刑的罚金最低和最高由规定么？ </t>
  </si>
  <si>
    <t>刑法附加刑的罚金最低和最高由规定么？ 有。《 最高人民法院关于适用财产刑若干问题的规定》第二条：“人民法院应当根据犯罪情节，如违法所得数额、造成损失的大小等，并综合考虑犯罪分子缴纳罚金的能力，依法判处罚金。 刑法没有明确规定罚金数额标准的，罚金的最低数额不能少于一千元。对未成年人犯罪应当从轻或者减轻判处罚金，但罚金的最低数额不能少于五百元。”至于上线，则要根据犯罪情节，是法官的自由裁定权。</t>
  </si>
  <si>
    <t xml:space="preserve">请教我适合什么样的发型，附照片我30岁，长脸，额头比较窄，头顶尖 </t>
  </si>
  <si>
    <t>头发少，不要再烫了。否则越来越少。是否多花一点钱，买一个适合自己的假发，样式有选择的余地。看下面发式供你参考吧。</t>
  </si>
  <si>
    <t xml:space="preserve">3问题求解1，昨日肉搏见一C在篮下（靠左）出梦幻舞步，从篮筐下画 </t>
  </si>
  <si>
    <t>1.那个属于人才取消的范畴.方法:左或右的底线人才区按着下和猛按D,没什么要决,就是要快2.可以帽可以捉,他挪动脚的时候(还没起跳)帽就好3.西瓜是积分的99%的人都买了,风车个人风格吧,点卷技能我只买了快速上篮</t>
  </si>
  <si>
    <t xml:space="preserve">哈尔滨卧式电导热油炉好用吗？ </t>
  </si>
  <si>
    <t>高达750℃的固体合金蓄热，突破了高温蓄热的温度极限，并仍处于安全状态。压运行，保护装置齐全，安全可靠。无需人员看管、自动低谷期加热、需用时可以任意时段、任意温度放热。将热能输送给用热设备后.继而返回重新加热的直流式特种工业炉.广泛用于如石化、纺织、印染、塑料、橡胶、食品加工、木材加工、沥青加热、纸箱生产、蔬菜脱水、烤漆、铸造砂模烘干等，还可用于≤350oC焙烘、蒸化、定型、溶融、干燥。  ·受热面采用密排圆盘管，受热面布置充足，降低管子表面热负荷，使导热油使用更安全。·介质流程合理，导热油田低（进口）到（出口），运行中产生的气体，更好的提高了锅炉的热效率。·燃料在燃烧室内为绝热燃烧，可使燃烧着火更容易，燃烧更充分，更好的提高了过路的热效率。</t>
  </si>
  <si>
    <t xml:space="preserve">帝国时代2的拜占庭这个国家怎么用??先跟我讲些简单的战术和打法, </t>
  </si>
  <si>
    <t xml:space="preserve">这种问题还是用成篇的资料来回答吧....................................---------------------------------------------------------《关于拜占庭打法的一些心得》 - by _LK_ 魔幻法师 AAA_ 幻影射手---------------------------------------------------------    由于拜占庭基本只在阿拉伯地图上出现，因此本文只讲阿拉伯地图上拜占庭的使用。 1. 黑暗时代 　　拜占庭的黑暗时代跟一般的民族没什么区别，也就是说，拜占庭的黑暗时代是没有任何经济优势的。换句话说，和中国，蒙古等黑暗有经济优势的民族相比，拜占庭实际上是属于黑暗比较弱小的民族。这从一方面决定了拜占庭不太适合黑快。另一方面是因为黑快的目的往往是为了避开封建直城，而城堡时代的拜占庭又不是特别强大，这个将在后面说明。 2. 封建时代 　　这个时代的拜占庭是相当强大的，因为他的长枪和投矛都便宜 25 ％。因此封建时代的拜占庭一定是枪山矛海。封建初期的拜占庭还显示不出其优势，因为刚到封建的时候大家的资源基本都够连续出兵的。 　　因此我感觉拜占庭不太适合前置，这是由于他的经济稍微差点，在封建初期不太容易形成优势兵力。但是到了 15 分钟之后，拜占庭的强大就开始显现了。无论任何民族跟拜占庭拼封建都是吃亏的，因为拜占庭不仅兵多，而且都是容易控制的兵种。其他民族基本是没什么办法克制的。一般来说和拜占庭对打都要尽快到城堡。 3. 城堡时代 　　这个时代的拜占庭相对弱一点。因为骑兵没血统，人们一般不会出太多。但是如果封建时代存活了大量的垃圾兵，可以将其升级，再适量出点骆驼，加上高 hp 的建筑（包括 TC ），拜占庭城堡时代的防守还是比较稳固的，一般民族狠难在城堡时代把拜占庭打垮（除非封建已经领先狠多）。但是，拜占庭也很难在城堡时代打垮别人，因为其主力兵种都是防御性质，攻击力相对弱了点。实际上拜占庭也没必要非要在城堡时代和对方火拼，别忘了，拜占庭升级帝王便宜 30 ％。胜负手在帝王时代。 4. 帝王时代 　　拜占庭最强大时代终于来到。由于拜占庭升级便宜，往往能比对方更早到帝王。如果形式处于下风，到了帝王之后的拜占庭一定是先升级长戟，然后配合冲车或者打包机发起反击，往往能够一举扳回劣势。如果处于均势（拜占庭城堡时代不太容易形成优势的），可以利用这些兵力进攻。这种进攻不太容易防守，除非有大量骑射或者努手。而且这种攻击的推进速度是比较慢的，对方即使抵挡不住也可以从容裸奔。不过没关系，这次进攻的主要目的是为了拖延对方的经济，不要让对方太舒服，因为我们城堡时代基本没怎么打击对方呀，一定要在帝王初期补上这一课，把自己的经济劣势拉回来。虽然拜占庭的垃圾兵便宜，但是千万不要只出垃圾兵，配合一点强力兵种非常必要。当自己的资源储备比较充足的时候，应该升级化学。拜占庭作为一个火药民族，不充分利用实在是浪费。同时兵种应当转型，由纯粹的垃圾兵组合转化为火枪，小炮，戟兵，投矛的混合兵种。攻城武器可以采用小炮或者重型冲车来代替打包机。这样推进速度将会大大加快。同时拜占庭的步弓手科技全满，有强力轻骑，有冠军剑士，甚至还有游侠，这些兵种都可以根据形势使用。拜占庭还有 hp 最高的炮塔，利用其防守经济区，贸易路线或者巩固阵地都非常管用，即使无法组织对方前进，也能大大延缓对方的推进速度。 　　最后提一下拜占庭的特色兵种甲胄骑兵。甲胄的威力虽然巨大，但是价格和升级费用都极其昂贵，一般情况下是狠难见到的。拜占庭对抗步兵往往用火枪。但是如果经济允许，甲胄海对于那些比较纯粹的步兵民族如 az ，哥特等几乎是无敌的。　　当然，后帝王时代的形势肯定不会像纸上谈兵那么简单，我也不可能一一列举各种形势下的对策。而拜占庭最大的优点就在于，在任何形势下拜占庭都有非常好的应对方案，可以说想要什么兵就有什么兵。不管敌人的主力是什么兵种，拜占庭几乎都有可以克制的兵种。换句话说，拜占庭是一个没有天敌的民族。---------------------------------------------------------资料《帝国2兵种相克数据》 - by 不明作者（实在是找不到了）圣剑士：克除条顿武士外各种步兵类兵种 天敌：各类骑兵、劲弩手、火枪手、土耳其亲兵、投石车、拜占庭甲胄骑士、骑射手、蒙 古骑射手、法兰西掷斧武士长枪兵：克轻骑兵、骆驼兵、重装骑士、虽败于游侠、象兵，不过资源上算还是赚的 天敌：各类步兵、远程进攻兵种、法兰西掷斧武士劲弩手：克剑士系、长枪兵、法兰西掷斧武士 天敌：骑士系、拜占庭甲胄骑士，不列颠长弓兵、哥特近卫军掷矛手：克弓兵系、火枪兵 天敌：各类骑兵、步兵重装骑射手：克除哥特近卫军以外的各类步兵 天敌：劲弩手、不列颠长弓兵、骑士系火枪手：克各类步兵 天敌：各类骑兵、掷矛手、不列颠长弓兵轻骑兵：克剑士系、各类弓兵、火枪手、土耳其亲兵、掷矛手、各种攻城武器、法兰西掷斧武士 天敌：骑士系、长枪兵、骆驼兵、阿拉伯奴隶骆驼兵游侠：克除条顿武士、长枪兵以外的各类步兵、弓兵、火枪手、掷矛手、各种攻城武器、轻骑兵、拜占庭甲胄骑士、土耳其亲兵 天敌：阿拉伯奴隶骆驼兵、战象、条顿武士，虽然胜骆驼兵、长枪兵但损失很大骆驼兵：克轻骑兵、骑士系、拜占庭甲胄骑士、各种攻城武器 天敌：长枪兵诸葛弩：克除哥特近卫军、靛蓝突击队以外的各类步兵 天敌：哥特近卫军、不列颠长弓兵、各类骑兵、掷矛手、投石车日本武士：据说克特殊兵种，也没见他能克谁 天敌：圣剑士、各类骑兵、劲弩手、火枪手、投石车、拜占庭甲胄骑士、骑射手、蒙古骑 射手、土耳其亲兵、法兰西掷斧武士蒙古骑射手：克除哥特近卫军以外的各类步兵 天敌：骑士系阿拉伯奴隶骆驼兵：克各类骑兵、能令战象损失惨重 天敌：条顿武士、土耳其亲兵、火枪手、大量重型弩车不列颠长弓兵：克除哥特近卫军、靛蓝突击队以外的各类步兵、各类弓兵、火枪手、土耳其亲兵 天敌：各类骑兵、哥特近卫军土耳其亲兵：克除靛蓝突击队以外各类步兵、阿拉伯奴隶骆驼兵 天敌：各类骑兵、不列颠长弓兵拜占庭甲胄骑士：克各类步兵、轻骑兵、各类弓兵、火枪手、掷矛手、各种攻城武器、土耳其亲兵 天敌：阿拉伯奴隶骆驼兵、游侠、重装骆驼兵法兰西掷斧武士：克除条顿武士外的各类步兵 天敌：各类骑兵、远程进攻兵种、条顿武士波斯战象：克各种近战兵种，但遇长枪兵损失较大 天敌：僧侣哥特近卫军：克各种弓兵 天敌：圣剑士、各类骑兵、火枪手、投石车、拜占庭甲胄骑士、土耳其亲兵、法兰西掷斧武士凯尔特靛蓝突击队：克长枪兵 天敌：圣剑士、各类骑兵、拜占庭甲胄骑士、骑射手、蒙古骑射手、法兰西掷斧武士条顿武士：克除拜占庭甲胄骑士外的各类骑兵、各类步兵 天敌：拜占庭甲胄骑士、各类远程进攻兵种、投石车维京狂战士：克长枪兵 天敌：圣剑士、各类骑兵、劲弩手、火枪手、投石车、拜占庭甲胄骑士、骑射手、蒙古骑射手、土耳其亲兵、法兰西掷斧武士 </t>
  </si>
  <si>
    <t xml:space="preserve">关于暗牧的暗影伤害装备谁可以比较详细的告诉我暗影伤害的装备出处和 </t>
  </si>
  <si>
    <t>DK的腰带   雷德那里！！</t>
  </si>
  <si>
    <t xml:space="preserve">用一个机顶盒看两台电视哪怕看同一个节目！！ </t>
  </si>
  <si>
    <t>这个完全用不着两台电视都开着。只要你买一个电视分支器（有的机顶盒好像有两个接口那样就不用了），把从机顶盒接出来的线分到两台电视上，就可以用一个机顶盒看两个电视。不过你只能在机顶盒那里才能换节目和换台（挨着机顶盒的电视不用开也行）！</t>
  </si>
  <si>
    <t xml:space="preserve">传奇世界里面为什么我进不了炼狱沼泽地图啊？公司我啊 </t>
  </si>
  <si>
    <t>汗~~~~去下载最新版本啊？？？公司你？？？咩话？？？告诉你吧？？？嘿嘿`~~~~</t>
  </si>
  <si>
    <t xml:space="preserve">大家看看我的新服饰吧！又有显示了！这可不是臭美啊，幽默几句吧！ </t>
  </si>
  <si>
    <t>呵呵呵!好象小王子呢!超凡----海的小王子!情人眼里的潘安啊!我以为又像上次那样蒙我呢!</t>
  </si>
  <si>
    <t xml:space="preserve">麻烦查下A663这个车次我想知道这个车会不会经过广州，会不会停。 </t>
  </si>
  <si>
    <t>A663次是趟节后开行的临客！A663次是耒阳至广州东之间运行！</t>
  </si>
  <si>
    <t xml:space="preserve">照婚纱照用预约吗是不是照婚纱照的时候除你花的照相钱以外你要用那的 </t>
  </si>
  <si>
    <t>这里的黑洞，深不可测啊…除了费用以外，强烈建议坚决不要打印件、一定要银盐洗印件，懂行的人很容易辨别！</t>
  </si>
  <si>
    <t xml:space="preserve">卫辉市哪家医院治疗癫痫病最正规 </t>
  </si>
  <si>
    <t>在治疗癫痫病的时候想要把癫痫病治好，那么就要找到专业的医院，因为专业的治疗癫痫病的医院里面是会有很好的治疗团队的，而且也会有很好的治疗的方法的，并且在治疗的时候也是不会出现危险的。所以癫痫患者在治疗癫痫病的时候一定要到专业的医院治疗。想要把癫痫病治好，除了要在正规的医院治疗以外，癫痫患者在生活上也要多多的注意。癫痫患者在生活中不要长时间的熬夜，不要长时间的工作，而且癫痫患者也不要长时间的喝酒和抽烟，因为这些都会使癫痫病发作的。癫痫患者在饮食上不要出现暴饮暴食的现象。治疗癫痫病的时候，癫痫患者也知道想要把癫痫治好是需要好的治疗的医院的，这样患者的癫痫病才能得到很好的治疗的。癫痫病是属于脑部的病，所以我们在治疗的时候要选择一个适合自己病情的医院。在治疗的时候要到正规医院去治疗，不要耽误病情，错过好的治疗时间。癫痫病的危害很多的，所以有的患者也是很难接受自己患上这种病的。癫痫病虽然有那么多的危害，但是癫痫患者也是能治疗的，所以患者们不要那么的担心，只要癫痫患者患者在治疗的时候能找到治疗癫痫病的专科医院，那么患者的疾病就能很快的有好转的。</t>
  </si>
  <si>
    <t xml:space="preserve">从大连去沈阳玩2、3天，请推荐玩法。我和朋友想从大连乘火车去沈阳 </t>
  </si>
  <si>
    <t>东宫要去到沈阳站下吧，方便</t>
  </si>
  <si>
    <t xml:space="preserve">银监会是个球，很小的一点官就能动用挪用上千万至上亿巨款 </t>
  </si>
  <si>
    <t>银监会是个政府机构，怎么可能有资金动用呢？</t>
  </si>
  <si>
    <t xml:space="preserve">联系两个跌停，000823后市如何操作？ </t>
  </si>
  <si>
    <t>机构出逃，反弹离场为好。</t>
  </si>
  <si>
    <t xml:space="preserve">谁能告诉我点魔兽微操的小窍门我现在微操很烂谁能告诉我些小窍门 </t>
  </si>
  <si>
    <t>mf时把召唤生物放在前面并让它先攻击怪物，这样怪物就会全打它，如果没有召唤生物就把血多的放在前面，如力量型英雄，和对手打起来的时候把近战的兵放在前面，远程的放在后面，并点射对方血少的单位，把自己血少的往后拖，逃跑时用血多的单位堵一下追杀的敌军，这是最基础的，也是原则，还有一些特殊的，比如不死族mf时把让一个蜘蛛或lich费血，用缠绕帮他们加血，催眠之后不要打，围好了再打，把变了身的恶魔放在前面等等，多看录象就知道了。</t>
  </si>
  <si>
    <t xml:space="preserve">还是小儿口歪谢谢专家，您说是\面瘫。这几天我家小孩子，起居饮食都 </t>
  </si>
  <si>
    <t>真不幸您的儿子也得了这种病，我儿子是在八个月大时得的，当时很严重，孩子睡觉眼睛都闭不上，额头没有皱纹，吃奶不会裹奶，我们查了很多资料也找了很多相关的专家，给孩子做了检查，专家们都说孩子是病毒破坏面部神经所致，由于孩子得病时是先发烧感冒，后得的面瘫。我们当时做了CT排除了脑部肿瘤等问题后，当天马上就了抗病毒的药，第四天我们就找专家进行了针灸，大概针灸了二个月左右孩子才完全康复。不知你儿子的病情是什么样，我只知道家长焦虑的心情是无法有言语形容的，所以如果你有什么问题可以  806197</t>
  </si>
  <si>
    <t xml:space="preserve">那位哥哥姐姐教教我送礼的技巧我马上要毕业了，然后我还没找到工作单 </t>
  </si>
  <si>
    <t xml:space="preserve">新春佳节是人们探亲访友的好时机。拜年除了给亲朋好友带去一片美好的祝福外，带上点礼物也在情理之中，表现了一个人的交际艺术。 如果去看望一位生活比较拮据的下岗职工，您给他捎去名贵烟酒，不如带去两壶食用油，这对他来说更为实际。如果去看望您的恩师，带上一幅品位高雅的书画，想必老师一定会格外珍爱。如果去看望您的上司，带上一束鲜花、一本书、或文房四宝之类的艺术摆件是最好不过的了。如果去看望病人，可选送一些山茶、金桔、月季、米兰、菊花、水仙、百合花等鲜花和营养品，以示慰问。如果去看望您的母亲和长辈，除买些水果和点心外，再额外地带个红包，那时您 注意一下老人的表情，一准儿笑得像朵花。送给少年儿童的礼物，可选一些能给孩子们增加知识，对开发智力有益的少儿读物；或选送一些能丰富少儿生活想象力的新颖玩具。 </t>
  </si>
  <si>
    <t xml:space="preserve">9月22号早晨，一个美眉也不知道从哪儿冒出来跑到路边，打了辆出租? </t>
  </si>
  <si>
    <t>如果的话，把她收了！</t>
  </si>
  <si>
    <t xml:space="preserve">请问60幸运1的虎齿和功5死神哪个值钱啊知道的请告诉我谢谢 </t>
  </si>
  <si>
    <t>60％的 虎齿可以换到的东西是一对5的死神都换不到的 这个虎齿至少换天尊套＋道袍＋8以上的龙纹 都可以的 我看你要是个道士的话 还是自己留着用嘛 毕竟这个东西太少了也太好了</t>
  </si>
  <si>
    <t xml:space="preserve">拾金券商股（２）八：申银万国证券　　　准备IPO　　　　　　　　 </t>
  </si>
  <si>
    <t>来看看..不错！谢谢炒的就是题材概念，而没有题材没概念业绩又一般的往往会出黑马，因为中国有钱的机构个人多了，找个价位不高、老庄少的炒呗。</t>
  </si>
  <si>
    <t xml:space="preserve">爱问知识人登录不了？前段时间我的爱问知识人总是登录不了，输入密码 </t>
  </si>
  <si>
    <t xml:space="preserve">主要原因； 1、新浪系统慢或有故障，会自动恢复； 2、网络速度慢或有故障，会自动恢复； 3、电脑速度慢，需要自己解决。 当不正常时，往往是系统、网络、电脑都存在问题，只要一个或两个问题解决就正常了。 刷新不行，重新开机试试，还是不行，换一个好电脑试试，否则只有等网络或系统恢复正常了. </t>
  </si>
  <si>
    <t xml:space="preserve">双色球它是属于福利还是属于体育?如果双色球中了一等奖或者二等奖的 </t>
  </si>
  <si>
    <t xml:space="preserve">双色球是全国性质的，属于福利彩票！奖金在一万到三十万在当地领就可以,一万以下在购彩点,三十万以上到省福彩中心,另一万以上的需要带身份证 </t>
  </si>
  <si>
    <t xml:space="preserve">索尼的85E摄像机最低多少？哪里能买到？ </t>
  </si>
  <si>
    <t>7000元左右，sony专卖店就有。</t>
  </si>
  <si>
    <t xml:space="preserve">请问糖桂花是什么?能买到吗？ </t>
  </si>
  <si>
    <t>糖桂花是杭州特产，淘宝有卖。4元到8元桂花采下来,去掉采摘时混入的树枝、树叶和小虫子。把桂花均匀的摊开,放在阴凉通风处,等桂花逐渐萎缩，找个干净的瓶子,一层桂花一层糖放进去,装满密封就好了.放在不见光的地方一星期（桂花不能洗）。还有一种是先拿盐腌桂花，在把腌过的桂花和糖放一起。糖桂花也有另外一种形式就是桂花糖。</t>
  </si>
  <si>
    <t xml:space="preserve">山西省个人工资所得税单位发工资扣个人税是怎么个扣法，税率是多少？ </t>
  </si>
  <si>
    <t>计税额：3500-681.7-2000＝818.3应交个税：818.3*10%-25＝56.83如果实发到手2818.3，则未扣个税个人所得税税率表 （工资、薪金所得适用） 级数  全月应纳税所得额  税率（％）  1  不超过500元的 　　　　　　 　5  2  超过500元至2000元的部分  　 10  3  超过2000元至5000元的部分  　15  4  超过5000元至20000元的部分   20  5  超过20000元至40000元的部分  25  6  超过40000元至60000元的部分  30  7  超过60000元至80000元的部分  35  8  超过80000元至100000元的部分 40  9  超过100000元的部分          45  （注：本表所称全月应纳税所得额是指依照本法第六条的规定，以每月收入额减除费用二千元后的余额或者减除附加减除费用后的余额。）</t>
  </si>
  <si>
    <t xml:space="preserve">怎么样的人最赚钱?因为我一定要拥有财富! </t>
  </si>
  <si>
    <t>好，有报复，加油！相信自己是最棒的！有知识有文化有头脑的人是最赚钱的，现在是知识社会，知识就是力量！</t>
  </si>
  <si>
    <t xml:space="preserve">请问这是一款什么类型的游戏啊？ </t>
  </si>
  <si>
    <t>《闪投部落》是国内第一款投射对战3D网络游戏。在游戏中不仅需要利用武器、道具来攻击对手，还可以通过策略性改变对方地形，制约对手。</t>
  </si>
  <si>
    <t xml:space="preserve">请女性朋友回答：你们喜欢听肉麻话吗？“我想你了”，“我喜欢你笑的 </t>
  </si>
  <si>
    <t xml:space="preserve">  如果一个真心对我的人对我说这样的话我心力会很舒服。是你的追求者的话你就要谨慎了，这年头男人的花言巧语最终没少伤女孩的心！当然谁都想自己的男朋友是一个会逗你开心又浪漫的人！</t>
  </si>
  <si>
    <t xml:space="preserve">问问打怪地点的问题帮帮我呵呵说说我和我朋友的等级和装备吧咒诗54 </t>
  </si>
  <si>
    <t>象你这样的组合很好，可以小范围的打打，很的。我只介绍你一个地方，因为这时是你挖东西的黄金时期，我是55级的收集，已经过了这个阶段，现在比较郁闷。好了，切入正题，我48-53只在一个地方打，那就是王者墓地，一天1000多万的进帐，我在那挖了一个星期。50级这时候你已经学了6级自体变化了吧，而且只有学了6级自体变化才好收C武卷，在王者你只要收两种怪，记住：一种叫蒂莱普（变蓝机率很高，可以收到1-3个研磨，并且也掉研磨），另一种叫哈塔勒鼠人头目（可以收到银块和C武，当然打这个怪最主要目的是要收C武卷，我们服C武卷已经涨到100W一张了），那还有另2种怪叫哈塔勒鼠人盗贼和哈塔勒鼠人海尼西，你只要打（因为毕竟你还要练级，只打前两种怪，升级会比较慢），记住不要收这2个怪，因为收的东西也不值钱，有这个时间还不如多收研磨和C武，我最多一天收到6张，但是这2种怪可以掉一些C垃圾。比如说：矮人链盾，守护项链，耳环，戒指，米索利手套，巨头。我打头目的时候还掉过一把弯刀，运气好啊！地点：进入墓地后到左边或右边的草地广场，你只要在左边或右边打就行了，那里就有我说的上面4种怪，再往前走就是泰可兽人了，可以收到强化绳索，不过只收到一个，没什么意思，并且地形也不是很好。注意：我说的这两个地方有时会刷任务怪物“帝国坟场守护者”,但你也不要害怕，它是被动怪，你只要选择不攻击它就行了，你的队伍会很安全的，那什么时候最可怕的呢？因为这个任务怪物是用来做血盟任务的，比如有人要提升血盟等级时，接到提升血盟等级任务时（不是4级就是5级，我记不大清了），此时“帝国坟场守护者”旁边就会刷出4个“帝国奴隶”，这4个“帝国奴隶”是主动怪，不管你选择打或不打，你只要靠近它，它都会来攻击力，而且你是肯定灭团的，所以你要注意，0那打就要小心这个，当然这也不是你能控制的，人家要完成血盟任务，这种事情是再所难免发生的，你自己小心就行了！一般是刷不出来的！我反正是很安全的打了好几天！提醒：奶妈要坐地板的，没办法！好了就这么多，小小意见！赶快去吧，祝你发财！</t>
  </si>
  <si>
    <t xml:space="preserve">如何叫人还钱?上两个星期,有位大学同学叫我加入她们的公司,但要交 </t>
  </si>
  <si>
    <t>如果对方是骗子的话，恐怕这个钱你是拿不回来了，别说你害羞了，就算你厚着脸皮去要，也要不回来的了，如果真的是正当行业，你还可以借助一些力量来取回是朋友的话，就更不用说了，直接开口</t>
  </si>
  <si>
    <t xml:space="preserve">谁有买手机内存卡的好路子，我要买个16G的，推荐下买什么牌子和哪? </t>
  </si>
  <si>
    <t>闪迪这牌子的好，质量信得过。在广州的话岗顶有很多。【如果我的回答对你有用，请设为“有用”，(*^__^*) 】可以在京东商城或者易迅买的，很多都比较便宜质量也有保障，金士顿的还不错的，如果我的答案对你有用麻烦点击有用，谢谢！</t>
  </si>
  <si>
    <t xml:space="preserve">关于男人减肥的问题现在减肥药的广告都是女的做的,广告词一般也是让 </t>
  </si>
  <si>
    <t>什么啊，减肥药不分男女的！</t>
  </si>
  <si>
    <t xml:space="preserve">号人物被删了但是有人看见我的人物在线是怎么回事我的号被盗过后来发 </t>
  </si>
  <si>
    <t>见过你？那有多久？删除人物是要过7天时间人物才会没有的，如果时间不对 那你检查看 是不是进错服务器了，如果也没错，那就是你的客户端出错了，重新更新或安装吧。</t>
  </si>
  <si>
    <t xml:space="preserve">不用充点吗?我不用钱充点 </t>
  </si>
  <si>
    <t>充点当然需要钱啊   不明白楼主是什么意思</t>
  </si>
  <si>
    <t xml:space="preserve">问个关于1000点转包月的问题问题是这样的，我今天刚充了1500 </t>
  </si>
  <si>
    <t>恩，你今天用完100小时的话，要到晚上12点过后才能更改包月形式。小秘密：你可以继续用到12点，时间变为负数是不要紧的。利用这个特性，你每个月能多玩23.59小时。</t>
  </si>
  <si>
    <t>请问APG与PCI</t>
  </si>
  <si>
    <t>pci-express(简称pci-e)是一种新的图形总线接口，也是intel力推的下一代显示卡的标准接口，采用可升级的双向互连串行模式。由于他允许和每个设备建立独立的数据传输通道，不再向整个系统请求带宽，这样能轻松的达到其他接口（如AGP)可望而不可及的高带宽。这意味着图形数据传输的有效带宽从以前的2GB/s(AGP8X)增加到4GB/s，如果考虑PCI-E的数据传输是双向的，那么起有效带宽将达到8GB/s.下面回答你的问题：A:就05年来讲，AGP和PCI—E显卡的区别已经很大了，PCI_E接口的显卡不单速度比AGP接口的快的多，而且PCI_E接口的显卡还支持热拔插B:如果你现在买的电脑用的是AGP的，以后换成PCI_E的很不方便，需要更换主板，C:显卡不论是集成还是独立的，都是在主板上的，呵呵，主板在机箱里=显卡在主机箱里。</t>
  </si>
  <si>
    <t xml:space="preserve">以第一套全权房子的抵押贷款作为第二套的首付,可以吗?我现有一套今 </t>
  </si>
  <si>
    <t>可以,但是你第一套房子做的是纯抵押,利率是基准利率上浮10%,而且还款的时间最长2年,若不能在两年内还清,那两年后要重新做纯抵押.你买的第二套房子原则上也是基准利率上浮10%.</t>
  </si>
  <si>
    <t xml:space="preserve">小孩子不听话我儿子今年七岁了，一点也不听话，不知怎么管教。他在外 </t>
  </si>
  <si>
    <t>那时因为你们太惯你儿子了,所以他没学会怎么和人相处.在家里娇惯, 到外头用对付你们的办法行不通,所以就碰壁,就被欺负.培养小孩,要教小孩怎么和人相处,怎么讲道理,怎么不怕欺负,这些都是在和你们相处的时候学到的,如果在家会讲理,那么到外边就会讲理.这么小的小孩,只会一种方法处理问题,不会在家一样在外面一样,再说即使不一样,那么你们也要教了他他才会!!!!你们自己要学着像对大人,对同事一样和你小孩相处.</t>
  </si>
  <si>
    <t xml:space="preserve">改名字能该变一生吗？我想改我的名字，不知叫什么好 </t>
  </si>
  <si>
    <t>改名的第一作用　就是改?心情心情不同　看到的事物也?煌?所作所?椴煌∫蚬匀徊灰????題是如果停留在表面功夫有的人可以一??月有的人只能維持一星期有的人更只維持三天有的人甚至只維持一天而誤以?楦拿礁倪\的人心情的轉?可能只是?追昼?而已改完名就放心的故?B?兔?改名象徵新生命的開始能不能孕育成形而成長?需要?事人用心?營</t>
  </si>
  <si>
    <t xml:space="preserve">想开一间童装店本人想在顺德开一间童装店，但不知道那里有童装批发， </t>
  </si>
  <si>
    <t>我是东莞的，据我所知，东莞虎门是一个很大的服装产地，男装，女装，童装都有，如果你有时间不妨去看看！还有，就是可以去网上查找，有很多童装批发的，可以上阿里巴巴，淘宝网等等网站去看看，先看再决定。</t>
  </si>
  <si>
    <t xml:space="preserve">关于PG的假动作被别的PG空接起来以后怎么假动作再把球传掉啊? </t>
  </si>
  <si>
    <t>楼主你按我的办法做我保证你100%可以做的出这个动作!! 首先你需要有DS这个技能(P话了) 然后在比赛中,你先要做一个DS的动作,然后等待空接(也就是说你接到空接前最后一次的传球一定要是DS) 接到空接后你只要马上按DS就可以了,按DS的时间没有特殊的时间,你就算DSDS来回狂按都可以出!!! 最后再强调这个动作要关键,就是你"起飞"前的最后依次传球一定要是DS!!! 楼下的不知道就问兄，PG的双DF的概念和空接DS是一样的！！也是需要一个PG首先做一次DS这个动作！！然后接到空接后按DF，然后就要看DF传的这个PG的位置了，位置正确的话就可以被天上的PG用DF拉起来，然后被拉起来以后这个PG还可以按DF再把另一个PG拉起来！！但是位置不好的话，DF失败就会出现DS传球，从而双空接也就失败了！！！</t>
  </si>
  <si>
    <t xml:space="preserve">宗儿妈提问宝贝突然大了许多，老实交代吃了什么好东东？ </t>
  </si>
  <si>
    <t>哈哈，真的是呢，而且突然的就会数数了，早上起来，我问睡好了么，好；睡的香不香，香！更加爱看电视了……真的是长大了，脸也变了，小孩子真的是很神奇，天天看着，还是一不留神就长大了。倒是没吃啥好吃的，我还想给他补钙呢，牙齿还是长得很慢，才要出第六颗，hehe，要和小宗儿哥哥看齐！</t>
  </si>
  <si>
    <t xml:space="preserve">一点装修的小活，找谁比较好？装修房子简单的弄一下现在有一个房间的 </t>
  </si>
  <si>
    <t>你好!这点活,其实自己搞一下就可以了,买桶涂料自己刷下,插座自己也可以换,没必要去请人做了,这点活,在装修公司不做的,没钱赚,找马路工,价格乱开的,找的不好刷的墙还不如自己刷的好!</t>
  </si>
  <si>
    <t xml:space="preserve">咱俩不熟/染指你是个意外【完结+全番外】求资料 </t>
  </si>
  <si>
    <t>我没看过不知是不是完整你看过要是不全告诉我</t>
  </si>
  <si>
    <t xml:space="preserve">在电影“第5元素”中,那首由外星人唱的歌曲能在那里下在啊?在电影 </t>
  </si>
  <si>
    <t>我很喜欢这部电影，也很喜欢这首歌我在百度里没有找到，后来在搜狗里找到了  还有下载的优点慢，慢慢等</t>
  </si>
  <si>
    <t xml:space="preserve">手机维修业的前景如何请问现在维修手机这个行业的前景如何？ </t>
  </si>
  <si>
    <t>暴利，你要加入的话门槛比较高</t>
  </si>
  <si>
    <t xml:space="preserve">喜欢上一个人的表现是？不是很确定，比如接到电话，在QQ上聊天，生 </t>
  </si>
  <si>
    <t xml:space="preserve">  喜欢一个人的时候，你会不停地看手机，怕错过他的电话。   喜欢一个人的时候，当你看到他上线的时候，心里会很开心，第一时间跟他打招呼。  喜欢一个人的时候，你会在意他所有的一切，包括他说的每句话，他打的每一个字，会在意他多过在意自己。 喜欢是感觉啦，你自己慢慢用心去体验一下吧</t>
  </si>
  <si>
    <t xml:space="preserve">终于把舞乙HIME看完了结局不错！~完美的！~可惜看的是没字幕的 </t>
  </si>
  <si>
    <t>羡慕死！~我还在下载呢！~艾！`  虽然看了介绍了！~但是还是很期待！~不过不知道我下载的有没有字幕！~</t>
  </si>
  <si>
    <t xml:space="preserve">煮鸡时如何去掉鸡的腥味（且不可以加料酒）！作煮鸡块时总有腥味，但 </t>
  </si>
  <si>
    <t>用镊子把鸡身上未拔净的细毛拔掉，然后烧一锅开水，把整鸡放开水里煮一下，这样，就可以去掉鸡的腥味了；再另外烧一锅水（水要没过鸡），把葱段、姜片、花椒、大料、桂皮、食盐等放在锅里，整只煮熟。</t>
  </si>
  <si>
    <t xml:space="preserve">我的电脑开机很慢很慢！但是玩的时候不卡、求大神们多多指教下该怎么? </t>
  </si>
  <si>
    <t>用360安全卫士进行 一键优化  就可以关闭一些不需要的进程。。用优化软件 优化大师或者360啊什么的 优化下启动项就好了</t>
  </si>
  <si>
    <t xml:space="preserve">一张0.1毫米的纸对折后20次后有多少厚度？一张0.1毫米的纸对 </t>
  </si>
  <si>
    <t>0.1*2^n对折一次,n=1,0.1*2^1=0.2对折2次, n=2,0.1*2^2=0.4对折20次,n=20,0.1*2^20=104857.6</t>
  </si>
  <si>
    <t xml:space="preserve">一道高中数学题(m5.7)有一分硬币3枚,两角币6张,十元币4张 </t>
  </si>
  <si>
    <t>做法为：（3＋1）*（6＋1）*（4＋1）－1＝139显然一分的硬币3枚可以组成0，1，2，3这4种情况；两角的币6枚可以组成0，2，4，6，8，10，12这7种情况；十元币4张可以组成0，10，20，30，40这5种情况，但要减去这三种币都取0的情况。</t>
  </si>
  <si>
    <t xml:space="preserve">怎么治疗女性乳腺增生患上了乳腺增生，很是苦恼，请问我该怎么治疗这 </t>
  </si>
  <si>
    <t>乳腺增生是指乳腺上皮和纤维组织增生，乳腺组织导管和乳小叶在结构上的退行性病变及进行性结缔组织的生长。乳腺增生主要引起的原因是内分泌激素失调。   主要的不适表现：乳房胀痛、乳房肿块、月经失调、情志改变等。   中医中药外敷产品“乳腺安康”由苗族特有药物香附、蒲公英、没药、乳香、西瓜络、夏枯草及19种组成的。纯天然、外用的形式，施药于双侧乳房，药效是经过皮肤经络渗透吸收，能够直接从根本上彻底解决雌二酮的沉淀问题，使乳房包块从边缘到中心软化、变小直至消失，彻底消除乳房肿块；同时促进乳房局部血液循环畅通，达到治疗的作用。</t>
  </si>
  <si>
    <t xml:space="preserve">求救，为什么网页上出现一个白色方格中间有一个红色X为什么网页上出? </t>
  </si>
  <si>
    <t xml:space="preserve">解决方法： FLASH最新版本的下载地址：  特别注意： 下载安装完播放器后，需要关闭全部浏览器窗口，重新再开启浏览器方可正常观看。 打开IE页面选工具/在管理加载项中看看是否禁用了相关的加载项，如ShockwaveFlashObject。 如果禁用，启用后即可解决。另外可能是系统垃圾文件太多导致的，主要是上网产生的垃圾文件，清理下就好了。 打开一个网页，点击“工具”菜单/Internet选项/在“常规”标签下点击“删除cookies（I）”，“删除文件”弹出窗口，点击“确定”（包括脱机文件）。建议下载超级兔子清理系统垃圾（全选），三分钟就能清理完毕,然后在清理一下注册表的垃圾文件。下载网址： 如果故障依旧，请修复一下系统试试1、开机按F8进入安全模式后在退出，选重启或关机在开机，就可以进入正常模式（修复注册表）。 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在BIOS中设置光驱为第一启动设备插入原装系统安装盘按R键选择“修复安装”即可。5、如果故障依旧，建议重装。如果是IE损坏，请下载超级兔子在她的选项中有重装IE，建议重装IE。下载地址： </t>
  </si>
  <si>
    <t xml:space="preserve">有哪些蔬菜水果是好种植的？不用特殊照顾自己就长得很好，就像仙人掌 </t>
  </si>
  <si>
    <t>葱、蒜、韭菜、番茄、各种豆角...............</t>
  </si>
  <si>
    <t xml:space="preserve">在电脑上用手柄怎么控制2P </t>
  </si>
  <si>
    <t>可以在启动游戏前先把手柄插上，然后进入游戏，在控制器设置里面  设置你自己喜欢的按键，上下左右 投篮 ，等等，，效果不错的</t>
  </si>
  <si>
    <t xml:space="preserve">什么时候开TBC?由于和谐把我的亡灵弄的和大蛤蟆是的没信心完了挥? </t>
  </si>
  <si>
    <t>TBC 9C说是7月中,但是你相信吗?法师就是升级快,不份侏儒还是人类.转服会开,听说要10张点卡</t>
  </si>
  <si>
    <t xml:space="preserve">问下各位高手,跑山路和锦标什么车最棒??想买两车跑山路和锦标,但 </t>
  </si>
  <si>
    <t>高手开什么车都好,,,好车只可以帮刷纪录,,,新手给你LEO都会说难开!</t>
  </si>
  <si>
    <t xml:space="preserve">申请1M宽带下载速度为120KB/s是否正常?我家每年交1000 </t>
  </si>
  <si>
    <t>正常！1m的宽带速度为1000kb/8=125kb（理想值）下载速度维持在120kb/s是非常正常的！</t>
  </si>
  <si>
    <t xml:space="preserve">现在还是不是压力测试怎么这么挤 </t>
  </si>
  <si>
    <t>不是压力测试，是进得去进不去测试。。。</t>
  </si>
  <si>
    <t xml:space="preserve">大家玩不玩魔兽世界我感觉魔兽世界爽啊，以前的憎恶现在是幽暗城看大 </t>
  </si>
  <si>
    <t>war3是竞技，wow是网游，不是一种类型的怎么会干扰，没见现在玩星际的还挺多的。网吧不让包夜是考虑到社会不稳定因素，你才16好好读书先，别和那些无业游民一样。不过中国政府的规定没有用，现在的网吧还是小孩子多，烦！外国人玩游戏是建立在经济基础上的，他们多数是生活不错，游戏是用来消遣的，所以轻松，网游的主要消费人群是成年人士，有稳定的收入和较好的心理素质。中国人普遍经济状况不好，社会功利，大多数玩网游的是中学生，无业人士，他们基本上生活不好，（学生是学习压力大）所以游戏是他们发泄的工具，是实现“人生价值”的另一个世界，从外挂那么多就可以看出来是什么样的心理。网吧不让未成年人进是对的，但政策往往比不了对策。网吧不让包夜有待讨论，但现如今网吧收入的重要来源就是未成年人。网游不让用外挂是没有争议的，但生活不如意难道游戏中都不能如意一把？中国想发展经济是对的，封杀电子竞技的同时却又一再的开放网游，自己抽自己嘴。wow进入中国是好的，作为暴雪迷我也想好好享受一下，但交给9C代理是让人担忧的，如果用了cdk还是外挂满天飞，那么我宁愿不去再伤心一次...期待wow走入正轨，期待玩家都变的成熟一些。</t>
  </si>
  <si>
    <t xml:space="preserve">泡敕五加籽水温是多少 </t>
  </si>
  <si>
    <t>以60度为宜</t>
  </si>
  <si>
    <t xml:space="preserve">烦恼!!!我是个大龄女青年.现在有人说要介绍一个离异的有个儿子的 </t>
  </si>
  <si>
    <t>能找个单身的最好，不过先去看看也没关系！又不是说看了就定下来了！</t>
  </si>
  <si>
    <t xml:space="preserve">爱有多少种?比如:友爱、博爱等等最好还要有每种的解释 </t>
  </si>
  <si>
    <t>情爱    两情相悦之爱,亲爱    亲人之爱友爱    朋友之爱自爱    自恋关爱    默默的爱怜爱    由怜生爱太多了,</t>
  </si>
  <si>
    <t xml:space="preserve">我自从怀孕之后脸上就起了很多雀斑，之前都是很光滑的现在变得特别难? </t>
  </si>
  <si>
    <t>病情分析：个人卫生习惯也应注意，米醋浸白术，每日搽面，睡眠要充足，心情不妨放松，不要总想着斑问题，对皮肤的恢复不利的哦 指导意见：经常注意脸部的卫生，清洁要彻底，平时多加注意，配合实施按摩、敷面、吸除沉淀色素之护理工作</t>
  </si>
  <si>
    <t xml:space="preserve">武汉婚纱摄影工作室哪里好?武汉摄影工作室推荐? </t>
  </si>
  <si>
    <t>我来介绍一家吧，去爱影楼看看吧。我不久前也是在那里咨询的，爱影楼是一家集全国连锁婚纱摄影机构于一体的大型婚庆网络平台，在爱影楼签约拍的婚纱照很好看，而且服务态度又好，也没有二次消费，让人很放心，而且价格也很实惠，赠品也很多，超值！建议你去爱影楼的网站去看看作品和了解了解价格，他们网站上有极具武汉个性婚纱摄影作品 ，你可以去百度一下“时尚爱•影楼网” 就能找到了。</t>
  </si>
  <si>
    <t xml:space="preserve">买房买几楼好 </t>
  </si>
  <si>
    <t>一般20～30层的电梯楼，买9～13层最好！此层次日照、采光、空气清新度、安静程度都合适，也不会因太高而有距离感，此高度俯身看园景最清晰！一般多层楼房，9层以下的，买3～5楼最好，高度不高，上下方便，适合家居。</t>
  </si>
  <si>
    <t xml:space="preserve">在5173买完美国际的游戏ID.安全吗?在5173上买游戏ID安 </t>
  </si>
  <si>
    <t>这个要看个人的运气啦，5173的客服都说ID交易存在风险，谨慎交易。自己看着办了。他就是卖给你再自己找回去，你也拿他没办法。</t>
  </si>
  <si>
    <t xml:space="preserve">介绍一下黑长臂猿（索图） </t>
  </si>
  <si>
    <t>别名黑冠长臂猿，属于猩猩科，学名为 Hylobates concolor。 雌雄体毛色迥异的黑长臂猿，体长43～54厘米，细长的前肢比后肢还长。雄猿通体黑色，头顶部的毛向上生长，形似黑冠；成年雌猿灰棕黄色，头顶部黑褐色；幼猿不论性别都是黑色。雌雄均无尾，亦无颊囊。栖息于热带、亚热带茂密森林中，营家族式生活，每群10只左右。性机警，晨昏活动，在固定的范围内有一定的活动路线。攀援自如，很少下地，在树上蜷曲而睡，有时也会在大树干上仰天而卧。食植物的嫩芽和果实，也吃昆虫和鸟卵，极少下地饮水，主要靠饮叶片的露水。妊娠期7～8个月，每年1胎，每胎1仔。雄性9岁性成熟，寿命可达30余年。历史记载见于广西，甚至远至长江三峡地区，现仅见于云南、海南岛，呈零星分布，数量稀少，已濒于灭绝，亟需采取保护措施。属于国家一级保护动物。</t>
  </si>
  <si>
    <t xml:space="preserve">怎样种植百合花百合花在什么种植最好,平时应怎样养护?百合花有多少 </t>
  </si>
  <si>
    <t>不论白百合或是金百合，都具有抗寒、喜光、耐肥、畏湿的特性，适宜生长的温度为12～18℃。在冬天即使气温降至3～5℃亦不会冷死。如果缺乏阳光，长期遮阴就会影响正常开花。但它们对地域的适应性较广，南北各地都可地种或盆栽。因它属球根植物，可用种头直接播种，要求深播至六七厘米，以便侧根能够深扎，尽量多吸收养分。所需的植料以沙质壤土为好，不宜用粘土和石灰土之类。如果用了塘泥种植，也要适当掺入一些河沙和木炭碎，使植料疏松透气才能适时开花。 新涌现的金百合，其种头暂时仍要从国外进口供应。在栽培过程中，对磷钾肥的需要量较多，播种前最好用一些骨粉，草木灰和花生鼓做基肥。在幼苗时适当追施氮肥，这样就能生长壮旺。在长江以南各地，金百合的早熟品种从播种至开花约需120天左右；中迟熟品种则要15O天左右。如要控制在春节前开花上市，必须预早了解所购品种的熟期如何，并预测天气的变化来确定播种日期，防止造成不能应节上市的失误。 百合开花之后，很多人就把球根扔掉。其实它仍有再生能力，只要将残叶剪除，把盆里的球根挖出另用砂堆埋藏，经常保湿勿晒，翌年仍可再种1次，并可望花开二度。 学名：Lilium spp 别名：百合蒜、中逢花等。 科属：百合科百合属 产地及分布：中国、日本、北美和欧洲等温带地区。百合花姿雅致，叶片青翠娟秀，茎干亭亭玉立，是名贵的切花新秀。 形态特征：鳞片的外性是种的分类依据之一。多数百合的鳞片为披针形，无节，鳞片多为复瓦状排列于鳞茎盘上，组成鳞茎。茎表面通常绿色，或有棕色斑纹，或几乎全棕红色。茎通常圆柱形，无毛。叶呈螺旋状散生排列，少轮生。叶形有披针形、矩圆状披针形和倒披针形、椭圆形或条形。叶无柄或具短柄。叶全缘或有小乳头状突起。花大、单生、簇生或呈总状花序。花朵直立、下垂或平伸，花色常鲜艳。花被片6枚，分2轮，离生，常有靠合而成钟形、喇叭形。花色有白、黄、粉、红等多种颜色。雄蕊6枚，花丝细长，花药椭圆较大。 生长习性：百合耐寒，但最适生长温度在15--25度之间，低于10度或高于30度均生长不良。百合一般喜在ph值为5.5--6.5的偏酸性土壤及容重在1克/立方厘米以下富含腐殖质的土壤。忌水淹，喜半阴环境，但过度荫蔽会引起花茎徒长和花蕾脱落。</t>
  </si>
  <si>
    <t xml:space="preserve">我是一个还没谈过恋爱的20岁的人了,大家不要笑啊,还是高三出来的? </t>
  </si>
  <si>
    <t>从头开始补上感情的成长课.</t>
  </si>
  <si>
    <t xml:space="preserve">谁可以告诉我这个图片是哪个动画片里的人物如图，附件里 </t>
  </si>
  <si>
    <t xml:space="preserve">びんちょうタン》（备长炭），日本Gal Game大厂アルケミスト的吉祥物。因其可爱的造型，在Figure 界红透半边天。这小家伙现在被动画化了。 《备长炭》是漫画家江草天仁先生所创作的，故事是描述备长炭努力靠一个人生活，同时描写了和朋友们相处的日常生活的可爱作品。   备长炭原来是江草先生一时想起的插图,结果却成为了人们最喜爱的宝贝并被作为登场人物登场， 近日官方又更新了登场人物的资料。   可爱的备长炭住在城外森林的小木屋里,合同伴一起过着快乐的生活. 备长炭到城里打工赚钱,每次卖力的劳动总有不小的回报.备长炭的生活虽简单,但却过的充实`快乐``````  </t>
  </si>
  <si>
    <t xml:space="preserve">有谁知道荣毅仁的生平和家庭背景啊 </t>
  </si>
  <si>
    <t>　　荣毅仁简介　　1916年5月生，江苏无锡人。1937年毕业于上海圣约翰大学历史系。民建成员。 　　1937年任无锡茂新面粉公司助理经理。1939年兼任上海合丰企业公司董事。1943年兼任上海三新银行董事、经理。1945年任无锡茂新面粉公司经理。 　　1950年后，历任申新纺织公司总管理处总经理、恒大纺织股份有限公司董事长、上海市面粉工业同业公会主委、华东行政委员会财政经济委员会委员。1957年任上海市副市长、市工商联副主委。1959年任纺织工业部副部长，国家进出口管理委员会顾问，中国和平统一促进会会长。1978年任第五届全国政协副主席。1979年任中国国际信托投资公司董事长兼总经理。1982年—2001年3月任宋庆龄会副主席。1982年后任香港特别行政区基本法起草委员会委员，暨南大学校董事会董事长。1983年起任第六、七届全国人大常委会副委员长，同年当选为全国工商联第六届执委会主席。1992年12月至1993年任第一届海协会名誉会长。1993年3月至1998年3月任中华人民共和国副主席。1993年3月辞去中国国际信托投资公司董事长的职务。1996年9月9日被推举为中国扶贫基金会第三届理事会荣誉会长。 　　历任全国工商联第一至五届执委会副主席(副主任委员)，第六届主席；民建第一至四届中央常委、副主委。 　　是第一、二、三、八届全国人大代表(上海)，第四、五届全国人大常委；第二届全国政协委员，第三、四届全国政协常委。 　　1957年曾被陈毅副总理誉为“红色资本家”。1979年创办中国国际信托投资公司，开创了中国第一个对外开放的窗口。1986年底，被美国《幸福》半月刊评为世界50名知名企业家之一，是建国后国内企业家跻身世界知名企业家行列的第一人。 　　1992年12月获美国加州荣誉公民称号。 　　爱好：业余摄影、收藏相机、养玫瑰花；足球，尤爱女子足球。 　　父亲：荣德生；伯父：荣宗敬；夫人：杨鉴清，有四女一子；儿子：荣智健。　　红色资本家荣毅仁的传奇人生　　无锡是江南颇为独特的一个城市。3000多年以前的周代泰伯奔吴，立足梅里，把先进的中原文明传播到“荆蛮之地”，开风气之先。公元前202年正式建县，因境内锡山锡、铅资源枯竭而取名“无锡”。到了隋唐时期，大运河贯穿东西，交通便利，明清时期成为长江流域四大米市之一。近代，沪宁铁路通车，形成了“大十字”物流框架，非常有利于现代企业的发展。这里也是诞生现代工商业家族“荣氏家族”的地方。　　　“面粉大王”和“棉纱大王”　　荣家，就是在20世纪初崛起于无锡的中国最著名的现代工商业家族。奠定荣氏商业世家基础的便是荣毅仁的父辈荣宗敬、荣德生兄弟。伯父荣宗敬(1873-1938年)雄才大略，父亲荣德生(1875-1952)讷于言而敏于行，平实勤励。他俩早年随父经营钱庄业，后贩面粉北销，获得厚利，遂与友人在无锡合办保兴面粉厂，1903年独资经营后更名茂新面粉厂。1905年又开设振新纱厂，随后陆续在上海、无锡、汉口开设申新纺织厂、福新面粉厂、茂新面粉厂。历经二十余年，荣氏兄弟便进入了中国最大的民族资本家行列，成为名震工商业界的“面粉大王”和“棉纱大王”。　　新中国成立后，荣德生坚持留在大陆，历任全国政协委员、华东军政委员会委员、苏南行政公署副主任等职。在半个世纪的工商生涯中，造就了实力雄厚、散布全球的工商业家族网络。　　创建国际信托帝国　　荣毅仁生于1916年，1937年上海圣约翰大学历史系毕业后，正值日本全面侵华。荣宗敬自上海避居香港，次年2月不幸病逝。年仅弱冠的荣毅仁开始辅佐父亲经营庞大的家族企业。先后在无锡茂新面粉公司任助理、经理，上海合丰企业公司董事，上海三新银行董事、经理，逐渐成为荣氏二十多个家族企业的代表。建国前夕，荣氏家族其他成员和上海的其他资本家一样，纷纷离开大陆，而荣毅仁决定留下来。1956年，他经过深思熟虑后，把自己的商业帝国无偿交给国家，为新中国的工业振兴做出了卓越贡献，赢得普遍的尊重。当时的国务院副总理陈毅以老市长身份，为荣毅仁助选上海副市长，“因为他既爱国又有本领，应当选为国家领导人。”1957年后，荣毅仁出任上海市副市长、纺织工业部副部长。　　在文革中，荣毅仁身处逆境，英雄无用武之地。十一届三中全会之后，荣毅仁开始了新生。为了探索国际经济合作之道，在邓小平的支持下，于1979年10月成立了一个直属国务院的CITIC投资机构———中国国际信托投资公司。邓小平以三顾茅庐之礼数，聘请荣毅仁来当首任总裁。不久，荣毅仁便以大上海资本家的经营谋略和中国政府的强大背景，将CITIC发挥到所向无敌的地步。　　公司成立第一年，荣毅仁就接待了来自40个国家和地区的客人达4000多人次，国内前来洽谈业务的也有3000多人次。荣毅仁不遗余力网罗人才，聘请到为中美建交立下汗马功劳的前美国国务卿基辛格为顾问，成为脍炙人口的美谈。　　　“仪征模式”才惊四座　　CITIC的触角伸向各个领域，具有银行、贸易公司、法律、会计事务所等各项功能，涵盖贷款、进出口贸易、咨询、国际投标代理等业务，在国际经济合作方面积累了宝贵的经验。　　首先是发行海外债券。上世纪80年代初期，中国22项重点工程中的大项目———江苏仪征化纤工程，因投资不足准备下马。中国急需化纤产品，此项目下马损失难以预料，纺织部找到中信公司寻求帮助，中信公司经慎重研究，提出了向海外发行债券的办法。1981年2月，中信公司成功地在日本发行了100亿日元的债券。今天各种企业债券纷纷上市，人们对此已习以为常，而当时中信的这一举动，一度引起过争议，习惯于“既无外债，又无内债”的封闭式思维的人们，对此确实难以理解。一些思想较为保守的人，也不赞同债券利率高于一般政府贷款和进出口贷款，说中信干了一件赔钱买卖。但事实胜于雄辩，仪征化纤厂以突出的效益证明中信的选择是正确的，这次集资创举被称为“仪征模式”。　　在对外发行债券的同时，中信公司大胆地开拓租赁业务。1981年，中信与北京机电公司、日本一家公司共同筹建租赁公司，为北京市的“北京”和“首都”两家出租汽车公司从日本租赁汽车各二百辆，中信公司帮助出租车公司解决外汇问题，汽车公司则付人民币。尽管这一计划初提出时被一些人指责为变相进口，但在不到两年时间，两家出租公司所租赁来的汽车就赚回了所付的全部资金。自此以后，租赁业务在中信大张其帜，甚至发展成为其一大重要的业务系统。该系统包括：中国租赁有限公司，与外资合作经营的中国东方租赁有限公司，中信实业银行的租赁部等。　　　　资本家又是政治家　　上世纪80年代后期，CITIC发动了收购香港之战。1987年1月16日，香港CITIC决定收购国泰航空12.5%的股权。其后，又收购港龙航空38.3%的股权，取得香港电信公司20%的股权。香港媒体一片惊呼：荣毅仁“收购香港”。实际上，当时投资于香港的内地资本系统企业已超过1千家，其投资总额超过250亿美元，遥遥领先日本120亿美元和美国70亿美元，而其中2/3以上是以CITIC为首的华润集团、光大实业、中国银行、招商局、中国旅行社等所占有的。　　1993年，第八届全国人大选举荣毅仁为中华人民共和国国家副主席，这位76岁的红色资本家又重新扮演起政治家的角色，再次把自己亲手缔造的商业王国交给了他的助手魏鸣一和王军。　　荣毅仁的一生，始终在资本家与政治家之间转换。有一位香港记者这样形容荣毅仁：“身材高大、满头银发，一身法式双排扣西服，挺直的腰板，总给人以器宇轩昂的感觉。”其实，刚毅仁厚的荣毅仁喜欢的名言是：“发上等愿，结中等缘，享下等福；择高处立，就平处坐，向宽处行。”(文/孙士东) 　　荣毅仁之子荣智健：再续荣氏传说　　连续三年的福布斯中国大陆富豪排行榜，荣智健都始终稳稳地坐在前三甲的位置，从2002年的7.8亿美元，到 2003年的8.5亿美元，再到2004年的14.9亿美元，仅隔两年，财富几乎翻了一番。　　和荣氏家族鼎盛时候相比，荣智健的商业规模虽不可同日而语，却打破了富不过三代的神话，荣氏家族这一中国近代史上最富有的家族之一迎来了一个新的飞跃。　　“这恐怕和他作为中国现代史上历史最悠久的财富家族一分子有关，家族的传统使他能够对财富有一个相对理性的态度。不至于把每一分钱都看得像下水道的井盖似的，没有窟窿就不去堵。”著名财经评论员郭松民这样评价说。　　　出身名门　　在福布斯罗列出的中国富豪中，绝大多数都是改革开放后白手起家，靠搞民营企业富裕起来的一代，他们的上一辈几乎没有一个像荣智健家那样有权有势。荣智健因此有着其他富豪无可比拟的家庭背景，他未来的成功之路早在他出生的那一刻就已经铺就了。　　少年时代的荣智健生活过得非常优越，即便是在解放后、50年代公私合营等重大时势变迁和经济冲击的时候，由于荣家所处的特殊地位，都没有对他的成长产生过负面的影响。上个世纪六十年代，荣智健才十几岁，就拥有了一辆属于自己的红色英国Singer敞蓬跑车。1959年，荣智健在天津读大学时，正值大跃进，很多学生连馒头都吃不起，荣智健却能经常请他的同学一起去吃排骨。　　有许多人都认为如果不是他父亲荣毅仁的影响，他在香港根本不会取得今天这样的成就，“没有中信和他父辈的背景作为依托，荣智健的创业之路肯定要比想象中艰难。”中国人民大学历史系教授马克锋说。　　荣智健本人却不这么看，他曾不止一次地在公开场合表示，“对于个人来说，我是没有想靠父亲来做些什么，靠别人的名望来做事，长不了，也许一时一事可以，但并不能解决自己的根本问题。”这和大多数世家子弟的论调如出一辙。　　逆境磨练　　荣智健大学毕业时，荣毅仁已调到北京任纺织工业部副部长。以其家庭的背景，无论是到中央国家机关还是回上海工作，荣智健都有充分的选择余地，但他决定到基层去磨练一下自己的意志。　　他只身来到吉林省长白山水电站，从实习技术员干起。在水电站，他从不摆富豪高干子弟的架子，工作起来踏踏实实，而且非常平易近人，领导和同事们无不对他刮目相看。　　在水电站干了还不到一年，文化大革命就爆发了。荣毅仁自身难保，成为红卫兵的专政对象。政治斗争的无情使荣智健也受到了牵连，被发配到极其偏远的四川凉山自治州龚嘴水电站工作。　　荣智健在那里呆了整整六年，几乎什么粗活都干过，这样的磨难是荣智健有生以来从未经历过的，不光是他没有，他的祖辈也没有。他所遭遇的一切不幸不仅让他看到了现实的残酷，也使他从此养成了绝不向命运屈服的坚强性格，多年后他闪电般地在香港掀起一轮收购狂潮，跟这样的性格不无关系。　　独荡香江　　1972年，荣智健回到北京，进入机电部电子研究所工作。又一个六年过后，他告别妻儿，持着单程探亲签证，独自南下香港，开创了他新的事业征程。　　他的堂兄荣智谦和荣智鑫早于二十多年前就已经到香港定居，荣智健到来的时候，他们正准备办一个电子厂，荣智健加入他们的行列，三兄弟各占三分之一的股份。荣智健的第一笔创业资金是父亲为他提供的100多万港币。　　1982年，这家名叫爱卡的电子厂被美国一家大企业收购时，荣智健得到了720万美元，是当年投资额的56倍。　　荣智健并没有见好就收。坐享其成，这不符合他的做事风格。在他看来，这么点钱在财阀遍地的香港，简直算不了什么，李嘉诚、霍英东这样世界级富豪才是他崇拜的偶像。他要像他们那样，非做出一番惊天动地的伟业来不可，让荣氏家族重新焕发青春和光芒。　　公司售出后不久，他便拿出其中120万美元跟几个在美国的工程师合作，在加州合资创办了CADI公司，这是全美第一家专门从事电脑辅助设计软件的公司。由于产品新颖，盈利丰厚，不到一年，就吸引到美国一家硬件厂商收购了28％的股份。　　两年后，公司成功上市，股价一路狂飙，翻了40多倍，荣智健赚得盆满钵满，至少获得4800万美元，他的总资产超过了4亿港元。　　在第三个六年里，从100万到4亿，荣智健财富的增值速度像是搭乘了火箭。　　　收购狂人　　荣智健跟荣宗敬有点相像，敢于冒险，有魄力，他1986年正式加盟中信(香港)之后一系列大胆的收购动作着实让人看到了他雷厉风行的一面。　　荣智健上任之初，第一个大手笔就是以23亿港元收购英资企业香港国泰航空公司12.5%的股份。在收购之前，这一提议曾经遭到许多董事会成员的公然反对，因为当时世界航运业普遍低迷，香港航空市场也很不景气。　　为了说服他们，荣智健花了六个月做调查研究，他最后给出的解释是“香港要繁荣，处处得靠运输，不是轮船就是飞机，国泰已有几十年的经验，有一支优秀管理队伍，发展潜力巨大。”没想到北京总部在听到他的汇报之后，不到5天就批准了，国务院还特地批准给他们8亿人民币的贷款作为运作资金。　　在尝到了国泰带来的甜头后，1990年，荣智健又以5亿港元购入港龙46.3%的股权，将香港第二大航空公司收进囊中。就在这一年，他进行中信(香港)有史以来最大的一笔投资，以100亿港元的高价收购香港电讯20%的股权，成为这家当时香港股票市场市值最大公司的第二大股东。　　荣智健的野心越做越大，对于觊觎已久资产高达70亿港元的恒昌企业，他已经不再满足于以前那种小规模收购了，而是想一口就把它直接给吞下。通过复杂的资本运作，他最终只用了40亿港元的价格就拿下了这家资本大鳄。　　房地产、运输、金融、电信、基建，荣智健执掌下的中信泰富所涉足的行业无所不包。历经26年的摸爬滚打，以十几万美元起家，到如今的14.9亿美元，荣智健在实现自己梦想的同时，也在延续祖辈们的商业帝国之梦。　　　　荣氏家族的百年沉浮　　“荣家是中国民族资本家的首户，中国在世界上真正称得上是财团的，就只有他们一家。”毛泽东曾这样评价说。　　面粉大王、棉纱大王、红色资本家、中国首富。百年来，荣氏家族从来都不缺乏这样的王牌称号，他们在商场上的纵横驰骋，独领风骚，也逐步为他们在政治上赢得了较高的话语权。这一点尤其在第二代掌门人荣毅仁身上得到最充分的体现，从1957出任上海市副市长到1993出任国家副主席，荣氏家族在政坛的影响力可见一斑。　　“荣家是爱国资本家的典型代表，解放后，获得执政地位的共产党对于这样家族重视有加也是理所当然。”北京大学社会学系教授马戎在接受《时代人物周报》采访时说。　　家族奠基人　　荣家祖上就有人做过大官，曾经家世显赫，但到了荣毅仁的曾祖这一辈，家道开始中落。荣毅仁的祖父荣熙泰很小的时候就进入铁匠铺当学徒，成年后在外给人当账房先生、当师爷，勉强养家糊口。　　由于家境贫寒，荣熙泰的长子荣宗敬在14岁时就不得不离开学堂，到上海南市区一家铁锚厂当起了学徒。当时是1 886年。比荣宗敬小两岁的荣德生在私塾学校读书，因为父亲对他抱有很大的希望，认为他将来一定可以考科举当大官。　　荣德生却并不这么想，他一直以哥哥为学习的榜样，想早日为家庭分忧，三年后，15岁的荣德生乘着小木船从闭塞的无锡郊区摇进了喧闹的大上海。　　在兄长的引荐下，荣德生进入上海通顺钱庄做学徒，此时的荣宗敬则在另一家钱庄做学徒。这为几年后他们和父亲一起在上海鸿升码头开一个名叫广生的钱庄打下了业务基础。经营上的稳妥再加上从不投机倒把，两年不到，荣氏兄弟便掘得了有生以来的第一桶金。　　就在生意蒸蒸日上之时，荣德生南下广东，留下荣宗敬一人打理钱庄。在那里他呆了整整一年，广东人思想活跃，敢于开拓，善于经营，这些都使荣德生大受启发。他发现，从外国进口物资中，面粉的量是最大的，尤其在兵荒马乱的年代，销路非常好，而国内面粉厂却只有天津贻来牟、芜湖益新、上海阜丰以及英商在上海经营的增裕四家。　　荣德生看出了面粉行业的商机，当他把这一想法告诉荣宗敬时，兄弟俩一拍即合。20世纪的第一个年头，荣氏家族事业迈出了其决定性的一步。　　农历二月初八，荣德生挑了这一良辰吉日破土动工，地点是在无锡西门外的太保墩，取名保兴，有保证兴旺的意思，这是无锡历史上第二家近代企业。17亩地皮，四部法国石磨，三道麦筛，两道粉筛，这是面粉厂的所有家当。　　从1914年至1922年8年间，荣家的面粉产业发展迅速，其产量占到当时全国面粉总产量的29％。这种高速度不仅在中国绝无仅有，在世界产业史上也非常罕见。到抗战前，荣家的面粉厂已飙升到14家，另外还衍生出了9家纺织厂。　　“红色资本家”　　“固守稳健、谨慎行事、决不投机”，这是荣熙泰留给两个儿子的遗训。兄弟俩一直以这句话来警戒自己，并因此在商场上建立了良好的信誉，每当资金紧缺之时，沪上一些银行老板甚至会主动上门争相要求帮忙。　　“孔家、宋家都是当时上海滩数一数二的金融资本家，由于跟他们关系密切，银根紧缩的时候，别人借不到，荣家却可以借到。”中国人民大学历史系教授马克锋说。　　荣氏兄弟性格迥异，荣德生处事慎重，考虑周密，而荣宗敬则敢于冒险，做起事来很有魄力，在兄弟俩默契配合下，荣家企业扩张步伐在不断加快，渐渐地厂房就从华东铺向了全国各地。　　1949年，国民党政权倒台前夕，荣氏家族内部出现了大震荡，这一年也是个分水岭，荣家由此走向低潮。国民政府在前一年推行币值改革和限价政策，不久就导致了严重的通货膨胀，引起抢购狂潮，上海经济渐趋瘫痪。　　上海产业界人士纷纷迁资海外，寻求新的出路。1948年11月，荣宗敬的长子荣鸿元因套购外汇被国民党政府判处缓刑，后交了一百万美元才算了结，情绪一度陷入低潮，不久就将鸿丰二厂纱机及设备售与大安纱厂，他则去香港另设大元纱厂，最后远走巴西，1990年客死他乡。其弟荣鸿三、荣鸿庆和荣德生之子荣尔仁、荣研仁等也先后离开上海。　　资金的外流，致使留在内地的荣氏企业元气大伤。这让荣德生气愤不已，“生平未尝为非作恶，焉用逃往国外？”在最后关头，荣德生和荣毅仁父子经再三斟酌决定留在大陆。　　上海解放后，荣氏企业面临困难，不仅资金紧张，原料也供应不足，国家通过发放贷款、供应原料、收购产品委托加工等方法，对荣氏企业予以大力扶持，实现了新的复苏。荣德生父子加深了对共产党的信任感。荣毅仁在1954年向上海市政府率先提出将他的产业实行公私合营，这一举动为上海对私营工商业的改造工作起了积极带头作用，“红色资本家”的称呼由此得来。　　“荣家之所以能一直这么富有，一个根本的原因就是很善于处理跟政府之间的关系。”一位对荣家颇有研究但不愿意透露姓名的学者表示。　　正在隐去的第二代　　如今，荣氏家族已经有第五代了，除少数仍继续留在大陆，大都旅居海外，主要分布在美国、加拿大、澳大利亚、巴西、德国和港澳等地。　　在荣氏家族中，荣毅仁这一辈健在的已经不多，比较活跃的只有荣宗敬的幼子荣鸿庆一个。现任台湾上海商业储蓄银行董事长的荣鸿庆24岁即赴香港经营南洋纱厂，在经营55年后把事业重心转向台湾，该厂则交由其子荣智权打理。　　近年来，荣鸿庆经常来往于两岸三地，为的是进军大陆金融市场。一旦两岸放开金融上的业务往来，台湾上海商业储蓄银行有望成为首家在大陆开分行的台湾银行。　　在银行事业蒸蒸日上的同时，荣鸿庆还不忘在纺织这个老本行上争取更多大显身手的机会，和他的银行发展策略一样，他也把纺织业的触角延伸到了大陆。1990年，荣鸿庆就同姐姐荣卓如一起来上海，决定将南洋沙厂移机来沪合资经营，与当时的上棉二十二厂合资开设申南纺织厂。总投资3000万美元的这家工厂是目前上海纺织行业最大的合资企业，荣鸿庆任董事长。　　尽管生意越做越大，却难以抵抗岁月的侵蚀，已经81岁高龄的荣鸿庆，无论体力，还是精力都大不如从前。　　“智字辈”皆为商业翘楚　　荣智健的同一辈不仅人数众多，而且大都事业有成，在海外享有较高的社会地位，成为了继承荣家衣钵、延续荣家商业辉煌的中坚力量。　　荣智健以外，“智字辈”里事业最成功的首推荣智鑫，其父荣伟仁是荣德生的长子，可惜英年早逝。荣智鑫在家排行老六，是荣伟仁最小的儿子，父亲去世的时候，荣智鑫才5岁。15岁那年，他和家人一起来到香港。　　幼年丧父，荣智鑫的家境没有荣智健那样好，一切都只有靠自己。在美国麻省理工电子工程专业毕业后，荣智鑫在美国电话公司做一名普通的工程师。三年后，他决定回香港“碰碰运气”，用筹来的50万港元跟几个朋友在香港合伙成立了一家名叫美联的烟草公司，专门代理美国牌子的香烟。　　经过10年的苦心经营，这家公司被一家美国企业收购，荣智鑫从中净赚一亿多港元。这时，荣智健还在四川凉山继续他长达六年的“下放”生活。　　1975年，电脑业一度成为香港制造业中的热门。荣智鑫及时抓住这个契机，投资200万港元，成立了荣文科技有限公司，1982年7月这家公司在香港上市，揭开了荣智鑫事业发展历程新的一页。　　荣文成立仅隔三年，荣智鑫又把挣来的一部分钱与其兄荣智谦合伙开办爱卡电子厂，当年，荣智健初到香港，兄弟俩决定邀请这个远道而来的堂弟一起加盟。　　如今，荣智鑫非常低调，很少在公众场合抛头露面。而那些身在异国的“智字辈”们的风光程度也绝不亚于荣智健和荣智鑫两堂兄弟。荣智鑫的二姐荣智美，曾任德国尤尼可公司经理，有德国商界女强人之称，自1954年定居德国之后，一直致力于推动德中两国贸易的发展。1979年中信创立时，荣毅仁才恢复工作一年多，她特地向德国奔驰汽车制造厂定制了一辆豪华面包车，作为礼物送给四叔荣毅仁。车子左右两边印有蓝色的中信中英文名字，在当时北京城里绝无仅有，很出风头。　　荣毅仁二哥荣尔仁的次子荣智宽，是巴西环球公司总裁，在巴西商界拥有崇高的威望，曾随巴西总统和外交部长多次出国访问。荣毅仁的侄女婿沙曾鲁，长期在美国从事核能研究，在著名的阿岗研究所工作已长达20多年，是享誉世界的核能专家。　　“当年，邓小平之所以让荣毅仁创办中信，除了看重他的个人能力外，另一个很重要的原因就是他拥有这些广泛的海外关系。”中国人民大学社会学教授郑也夫说。　　1979年尼克松访华之后不久，荣毅仁在香港从事电子产业的侄子荣智鑫，以及在美国的外甥李乐莘是率先与国内建立业务往来的华人企业家。　　寄望第四代　　“智字辈”大部分都步入晚年，比较年轻的荣智健也已经62岁了，就像荣德生当初把荣氏家业托付给荣毅仁一样，荣家第三代传人也将面临着确立接班人的问题。　　事实上，荣氏家族并没有将选才育才的范围局限在家族内部，而是广纳贤才，并且非常注重教育和培训，为企业长远发展做铺垫。　　自1919年到新中国成立，荣家先后开办了无锡公益工商中学、上海中国纺织染工程补学校、江南大学、上海中国纺织染专科学校等，同时增设分设校内面粉、机电、化工、数理、商业、农业等许多专业系统，约培养高级人才1200多人。可是荣氏家族本身就人才济济，所以解放前的荣氏各大企业一般都是由荣家自己人独当一面。荣尔仁、荣德生的女婿李伟国、荣鸿仁等荣氏第二代传人都曾在荣氏企业里头身居要职，是荣宗敬去世后荣氏企业后期发展的几个主要推动者。　　自从荣氏家业转成公私合营之后，企业也就不再属于自己独立掌管，荣氏对于接班人的培养也就不像以前那么重视。直到1986年，荣智健加盟中信集团的时候，才重又让人们想起了接班人的概念。　　而现在，真正能算得上荣氏家业第四代继承人的就只有荣智健的后代了，在中信泰富的管理层名单上，荣智健的长子荣明杰和唯一的女儿荣明方都名列其中，从中不难看出荣智健对两个子女的有意栽培。　　</t>
  </si>
  <si>
    <t xml:space="preserve">潮湿天气墙身出水后，怎样完全清理霉迹 </t>
  </si>
  <si>
    <t>潮湿天气墙身出水后,有霉迹只能把墙灰铲除再批上新的,如果不是这样做油上新墙漆两三个月又会变黄的,你可以先用漂渍液清理一下看看能否去除霉迹.</t>
  </si>
  <si>
    <t xml:space="preserve">近期青岛拍海景婚纱照哪家好？ </t>
  </si>
  <si>
    <t>选择青岛多彩映画摄影是经朋友推荐，今年在网上定的套系。拍的时间定在天气最热的7月，拍摄当天我们提前到7点开始。化妆师很NICE，也很耐心。而且化妆技术非常好，很专业，我本来担心上妆效果太过成熟，结果完全不会，每个造型都很满意。摄影师非常辛苦，但是都很敬业，一直逗我们笑，每个镜头都非常耐心幽默地帮我们调整到最好状态，真的非常感激。拿到照片以后很兴奋，有很多很喜欢的照片，感谢多彩映画的各位的辛苦加感激。</t>
  </si>
  <si>
    <t xml:space="preserve">c车高手来,关于黄金与中级混用城市里怎么配比较好:有两种选择1. </t>
  </si>
  <si>
    <t>油冷，大口，大散，进气用黄金，其余中级，跑上海不错，最好有1型黄金车身和0。26，C车黄金小件的TP只要80，所以和0。26和5车身可以同时装。过弯最好的配置就是全中级，C类中级是不减摩擦的。</t>
  </si>
  <si>
    <t xml:space="preserve">请路姐姐帮我看看我将来的婚姻和工作情况。我的生日是1986年1月 </t>
  </si>
  <si>
    <t>首先工作上面﹐因???m主月落?女7?m刑天水﹐可以推?喙ぷ?菀鬃??萤o?赡芙?常?Q工作﹐而且你的胃部肯定不太好﹐容易有胃病。情緒也不?定﹐容易心情起伏。又希望得到?偃说???邸?另外這??相位很可能影?到你未?淼幕橐龅姆?定性。工作很可能是做跟網絡?子有關的行?I?δ阌泻锰?。由於你喜?g?⒓由缃换?萤o以後的事?I?是很能得到朋友和上司的?椭摹?</t>
  </si>
  <si>
    <t xml:space="preserve">老师请指导一二如老师所说地产股还会有一波两会行情您认为哪些地产股 </t>
  </si>
  <si>
    <t>个人比较看好非权重地产股，尤其是中小板地产股，具体哪个，要自己把握。</t>
  </si>
  <si>
    <t xml:space="preserve">多交了的所得税，税务会怎么处理？会计上要怎么处理？ </t>
  </si>
  <si>
    <t>1、多缴纳的所得税，可以由税务机关退还，也可以留抵下一期的税款。2、会计处理是挂在“应交税金－所得税”的借方，以后“所得税”计提后冲减。</t>
  </si>
  <si>
    <t xml:space="preserve">我高中毕业找什么工作工资高些?我没有技术,年纪小,做过普工,没什 </t>
  </si>
  <si>
    <t>如果能适应,作推售工资高啊.但淘汰率也高.</t>
  </si>
  <si>
    <t xml:space="preserve">为什么我插近去时没有那种紧的感觉呢，请问应该是什么感觉呢？和我想 </t>
  </si>
  <si>
    <t>男人为什么总是从女性身上找原因呢！这位朋友，可能是你以前给你自己过多的心理暗示，性幻想中与现实产生差距。你不该怀疑你女朋友对你隐瞒过她的性经历。你要疼她，爱她。身心一体的性生活才能给你带来真正的高潮。</t>
  </si>
  <si>
    <t xml:space="preserve">如何拒绝同事的追求？急！ </t>
  </si>
  <si>
    <t>不想要就是不想要坦诚相间不要担心如果怕以后不好相处那纯粹是多余的只要你真心相对就可以了有问题的话也是对方的问题</t>
  </si>
  <si>
    <t xml:space="preserve">什么叫实行参数不足啊？大厅登陆不了。登陆上去本来是女号，U秀却是 </t>
  </si>
  <si>
    <t>我也一样。新浪有点对客户不负责任。以前有事还会出个通知，现在通知也没了，有问题从不出来说说，让大家在瞎闯。</t>
  </si>
  <si>
    <t xml:space="preserve">8080端口是不是就是人们常说的80端口啊？我对端口的概念很是迷 </t>
  </si>
  <si>
    <t>不是的这是两个不同的端一般80作为网页服务器的访问端口，比如一个网站的ip地址是 ，我们访问的是   只是80是默认端口可以省略但是如果一个服务器上有不同的站点，那可以用另外的端口，比如  来访问  选择8080是因为两个80好记</t>
  </si>
  <si>
    <t xml:space="preserve">肾结石我40岁，双肾和膀胱都有结石,分别是8mm.6mm.7mm </t>
  </si>
  <si>
    <t>结石是会长的，你发现早的时候没有尽早治疗，现在导致了疼痛加重，如果症状不是要人命的情况呢，你可以采取药物治疗，因为手术治疗或碎石的话，对肾脏的影响是很大的，而且还有可能影响到肾功能，具体的你可以在线登陆“中国结石病防治中心”在线咨询一下专家，让专家给你分析一下，给你一个合理的治疗方案</t>
  </si>
  <si>
    <t xml:space="preserve">武御道的强肾功法谁练过? </t>
  </si>
  <si>
    <t>我练过，效果很好！这是在其它地方学部到的！为了强肾我吃了不少药都不见得有好转，还不是通过去武御道学习强肾功法把我多年的肾虚练好了，感谢武御道！</t>
  </si>
  <si>
    <t xml:space="preserve">高中正确的学习方法 </t>
  </si>
  <si>
    <t>扎实，和良好的心态，吃苦的精神扎实是对学过的知识的复习总结，复习要有收获不仅是记忆加深还有要学会发现以前没有发现的东西心态 对高考作用还是蛮大的，轻松自信往往成绩高吃苦就不用说了，当然高中一开始不重视，想高三突击，如果你不是很聪明而且家里没什么钱去请家教的话，还是踏实些，高三都很努力但是成绩提高不是那么容易滴（普通人）</t>
  </si>
  <si>
    <t xml:space="preserve">阴虚火旺的人平时饮食要注意什么？吃什么比较好？ </t>
  </si>
  <si>
    <t>阴虚火旺的饮食应以清淡为主，忌食辛辣。少吃油腻鱼腥和煎炸之物。多吃水果蔬菜。一旦上火了，最好的方法就是喝2天大米粥。在煮粥时放些鲜百合更好。不用吃药也会好的。喜欢饮茶的可以用麦冬和少许西洋参片泡水代茶饮。因为大米在中药里称之为：粳米。具有养阴清热的功效。而百合、麦冬和洋参都有滋阴清热的效用。  至于所用药物首选是六味地黄丸，还可根据症状不同选用其他如：杞菊地黄丸、名目地黄丸、麦味地黄丸、知?嗟鼗仆璧瘸斯鸶降鼗仆柰舛伎裳∮?</t>
  </si>
  <si>
    <t xml:space="preserve">有谁知道五岁小女孩诗诗，现在情况怎么样了？就是母亲节那天播的一个 </t>
  </si>
  <si>
    <t xml:space="preserve">那个小女孩仍然没有脱离危险，你到米线社区去看后续报道。  </t>
  </si>
  <si>
    <t xml:space="preserve">今天几点公测，客户端已下好谢谢 </t>
  </si>
  <si>
    <t>需要这么焦急么？比器WOW来，就是一垃圾游戏，9C连WOW都搞不好，还想在这破游戏上有什么好的表现吗？</t>
  </si>
  <si>
    <t xml:space="preserve">20元的当当网购物券该怎么用？可以直接抵消购物费用吗？ </t>
  </si>
  <si>
    <t>够物卷单独是不能够物的，需要加钱，要不当当怎么会白给你够物卷，</t>
  </si>
  <si>
    <t xml:space="preserve">请问成考一般上多少分才有戏考上人大？请问我今年参加成考，但是别人 </t>
  </si>
  <si>
    <t>现在成人高考的基本情况是生源不足，各个学校都在挖空心思招生，很少有学校会傻到把分数提高的，一般都是采用当地的最低录取控制分数线。北京市2004成考高中起点本科最低录取控制分数线是：文史类(含外语类)  344理工类 317艺术类(不含数学分) 153体育类 190</t>
  </si>
  <si>
    <t xml:space="preserve">什么是市净率？有什么作用？如何计算？请举例说明。谢谢！ </t>
  </si>
  <si>
    <t>股价 /净资产 = 市盈率.比如股票600468市价15.69，每股净资产1.5555，那么市净率是15.69/1.5555=10.09.从投资角度分析，一般市净率越低，投资风险就越低。具体作用你百度一下，有很多这方面的知识。</t>
  </si>
  <si>
    <t xml:space="preserve">利沃诺：博洛尼亚，看得准的高手可以去赌赌单场。 </t>
  </si>
  <si>
    <t>01:02:00</t>
  </si>
  <si>
    <t xml:space="preserve">请问一个读法：a上面一杠？怎么读呢？谢谢 </t>
  </si>
  <si>
    <t>在各种学科里的读法都不同一、在数学中念“a拔”，表示平均数            念“a补”，表示集合中的补集二、在计算机中念“非a”，表示a事件的反面</t>
  </si>
  <si>
    <t xml:space="preserve">用户名不合法是怎么回事注册到确认那步时总是提示用户名不和法,是不 </t>
  </si>
  <si>
    <t xml:space="preserve">刚刚进去的时候不能够用文字名，要用字母的 </t>
  </si>
  <si>
    <t xml:space="preserve">在重庆怎么申请注册有限公司?具体程序是什么?我想在重庆注册一家销 </t>
  </si>
  <si>
    <t>1．公司查名所需材料如下： ①法人、合伙人身份证复印件； ②注册资本金额及各股东投资比例； ③公司名称字号五个以上； ④公司主要经营范围； 2 ．查名后，需提供材料如下： ①法人、合伙人户口簿复印件（办理增值税）； ②法人、合伙人身份证原件； ③法人、合伙人联系地址、邮编及联系电话； ④法人、合伙人一寸免冠照片各 6 张 ;( 办理增值税发票需提供会计人员会计上岗证复印件及身份证复印件）。 3 ．流程： 查名→验资→办理工商营业执照（含刻章）→办理组织机构代码证→办理银行开户许可证→办理税务登记证及发票。 4 ．时间： ①查名：三个工作日； ②验资：三个工作日； ③营业执照：十个工作日； ④组织机构代码证：三个工作日（可与税务同时办理）； ⑤开户许可证：两个工作日（可与税务同时办理）； ⑥税务登记：十个工作日</t>
  </si>
  <si>
    <t xml:space="preserve">谁的英语好?翻译一段话（高分赏）目前就如何医治哑巴英语的问题，笔 </t>
  </si>
  <si>
    <t>您这叫一段话~~~~~~~~~~~~~~~~？也有点儿忒长了吧？</t>
  </si>
  <si>
    <t xml:space="preserve">从北京动物园怎么去798？ </t>
  </si>
  <si>
    <t>从动物园到798艺术区 - 方案1:18.3公里,26-地铁2号线-909步行：至北京交通大学,约150米乘:26(二里庄-西便门)上：北京交通大学 （经过2站）下：城铁西直门站（步行约300米）换:地铁2号线(内环)上：西直门 （经过5站）下：东直门（步行约250米）换:909(土井村西口-前苇沟)上：东直门外 （经过14站）下：彩虹路步行：至798艺术区,约250米方案2:18.4公里,16-地铁2号线-909步行：至北京交通大学,约200米乘:16(二里庄-西直门外)上：北京交通大学 （经过2站）下：城铁西直门站（步行约300米）换:地铁2号线(内环)上：西直门 （经过5站）下：东直门（步行约250米）换:909(土井村西口-前苇沟)上：东直门外 （经过14站）下：彩虹路步行：至798艺术区,约250米方案3:19.9公里,16-地铁10号线-403步行：至北京交通大学,约150米乘:16(西直门外-二里庄)上：北京交通大学 （经过11站）下：牡丹园（步行约100米）换:地铁10号线(巴沟-劲松)上：牡丹园 （经过7站）下：三元桥（步行约350米）换:403(北京站东-环行铁道)上：三元桥东站 （经过4站）下：大山子路口东步行：至798艺术区,约450米</t>
  </si>
  <si>
    <t xml:space="preserve">不等式难题已知△ABC的三边长a，b，c满足b+2c≤3a，c+ </t>
  </si>
  <si>
    <t>令x=b/a,y=c/a由b+2c≤3a，c+2a≤3b，得x+2y≤3     (1)3x-y≥2     (2)另外，-c&lt;a-b&lt;c及a+b&gt;c可得x-y&lt;1       (3)x-y&gt;-1      (4)x+y&gt;1       (5)由(1)(2)(3)(4)(5)可作出图形，得到以点(3/4,1/4),(1,0),(5/3,2/3),(1,1)为顶点的五边形区域，由线性规划可得3/4&lt;x&lt;5/3,0&lt;y&lt;1所以，b/a的取值范围是(3/4,5/3)</t>
  </si>
  <si>
    <t xml:space="preserve">余姚什么装修设计公司好点？注重设计的公司 </t>
  </si>
  <si>
    <t>嘉和装饰公司</t>
  </si>
  <si>
    <t xml:space="preserve">求问从和平过去普宁流沙方向的城南大道西，潮汕职业技术学校，怎么坐? </t>
  </si>
  <si>
    <t>直接打的士，最方便！先做到普宁汽车总站再转公车做汕头总站的车，国道上都可以坐</t>
  </si>
  <si>
    <t xml:space="preserve">计算机等级考试请问下，计算机考试那么多科目，都考还是自己选择其中 </t>
  </si>
  <si>
    <t>每个级别都有指定的课程内容，看你报考那样，如二级有考C语言程序设计，也有考Visual Basic语言程序设计你报了那个就考那个可以直接考四级，不用一级一级考</t>
  </si>
  <si>
    <t xml:space="preserve">我总梦见自己考试不好这样的梦,其实自己已经参加工作好几年了,平时? </t>
  </si>
  <si>
    <t>你和我是一样的人，我只能劝你一句，找出自己的缺点，试着去改变它，也许未来会好的。</t>
  </si>
  <si>
    <t xml:space="preserve">估分576、敢报西南财大吗？拜托啦、指条明路 </t>
  </si>
  <si>
    <t>不说省份无法回答，因为各地分数线都有很大差距，如果你是湖北湖南河南等中部省份的文科生的话，报这个学校应该没问题；但如果你是沿海省份或西部省份的话，你就得查查之前西南财大在你们省的分数线了</t>
  </si>
  <si>
    <t xml:space="preserve">为什么我总是感到自卑我总是感觉自己比别人差，总很烦 </t>
  </si>
  <si>
    <t>自卑从本质上来讲是一种强烈要求自己上进的不正确心态，因为想达到高的目标，但是在目前的水平还不能达到要求，所产生的一种不良心态，产生这种心态实际上证明在你内心深处，强烈希望自己努力达到目标，希望自己上进，但是要正确对待这种心理及时纠正，化自卑为动力从儿促进自己的学习或其他方面。</t>
  </si>
  <si>
    <t xml:space="preserve">如题酒糟鱼的制作方法请叙述的详细点 </t>
  </si>
  <si>
    <t xml:space="preserve">糟鱼做法赣南客家特色菜之一。做酒糟鱼，多选半斤左右的鲫鱼，腌制，晾到半干时，放进酿好的米酒坛子里封起来。十余日，即可取出，或蒸或煮，与酒糟同沸之。关键在酒，要把酒做得老一些，有烈性。渗入鱼肉，那鱼肉呈枣木红，其色泽即有一种沉醉之美，再有酒香飘来，多么令人向往呀？ 既是酒糟鱼，就不必脱酒糟，枣木红的鱼肉，有酒香、酒甜、酒酸，蒸煮之时，搁上红泡椒，又有些许的辣，淡淡的咸味儿。鱼肉在口中，细腻滑爽，余香久久，且鱼肉的本质的味道，是要过若干时间开始升华，连带着吃那酒糟啦红泡椒啦，食者便会有一些悬醉，感觉在沧桑的岁月里，又有了些许的离愁，因为你会感觉到这鱼，它独自离开了湖泊与江河，它沉睡在酒里，它弥漫着令人陶醉的味道。 酒糟鱼是一客闲菜，你可不喝酒，也不吃饭，就着一盘酒糟鱼，精雕细琢地吃，潜心着意地品，那深深江湖询问的水声，那世事的沧桑、美好，便从酒糟鱼的肉质里湿润出来。酒糟鱼做法选用鲤鱼、草鱼、青鱼等大鳞鱼10公斤，经刮鳞，开腹除去内脏，去头、尾、鳍，洗净沥干。然后用搽盐法将原料重18%～20%的盐均匀地搽在鱼的表面与内侧，然后将鱼腹部朝上，分层叠放在缸内，再加上适当的重物，腌制7天～10天(见图2)。鱼腌好后用卤水洗干净，日晒风干至皮面泛油光，肉质成红色时，切成3厘米～4厘米见方的均匀小块。将鱼块整齐码放在大口坛内，每放一层，加入适量的糟醉液。装完后的糟醉液液面要超过鱼块面高度5厘米左右。装满后将坛密封，储存3个月后即为成品。成品可以直接销售，也可以用玻璃瓶分装，加入新配糟液密封。 糟醉液配制：17公斤～17.5公斤甜酒，加17公斤～17.5公斤烧酒，1公斤沙糖，0.1公斤食盐，适量花椒（使糟液呈香味即可)调匀配成糟醉液红花酒糟鱼 材料（4人份） [中药]红花…1g   开水1杯 大头鱼段…4段  鸡汤1杯 柚子汁…1大匙  水溶淀粉…适量 盐…少量  酒…2大匙 淀粉…适量  豆腐…1块 白豆酱…100－120g  做法： 　　1、在大头鱼上均匀撒柚子汁、盐、酒。 　　2、豆腐切成8块，大葱斜切，每片厚5毫米。 　　3、红花放入茶滤子中，用流水冲洗後，放入一杯开水中。 　　4、去掉鱼的水气，涂上淀粉，用少量油把表面炸成焦黄色，排列在锅中。 　　5、把白豆酱溶在鸡汤中，连同浸泡红花的汁一起加到鱼中，煮沸後改为文火，然後加入豆腐、葱，静静地煮，加入水溶淀粉，调成糊状。 酒糟鱼（用咸鱼做法）把鱼干浸一下烧白酒，放入瓶中密封。等待有香（好）的酒糟，用一层酒糟一层鱼干这样放紧就可（鱼干本身咸的）。一定要密封好！待一月后可吃，余下的仍密封得好可保存半年。口味吃时随调。 酒糟鱼做法取尚未干透的腌鱼（即不经烘薰的腊鱼）之肥厚无油者，用温水洗净、沥干，切块码于瓦坛中，略入几粒花椒佐味，加适量纯粮白酒，封实坛口，经半月以上即可开启。取放小碟中，与米饭同蒸，出笼淋以香油上桌。未待食其味，已有一股醇香扑鼻而来，再小块啜之，入口即化，绵而不腐，醇而不涩。酒糟鱼做法原　　料: 酒糟鱼500克。植物油500克（实耗50克），豆豉25克，干椒粉10克，味精3克，姜、蒜各10克，葱5克。·特　　色: 糟鱼酒香扑鼻，香辣味美。·操　　作: 1、将糟鱼改刀成4厘米见方块，姜、蒜切末，葱切花。2、净锅置旺火上，放油烧到七成热，下糟鱼略炸，倒入漏勺沥油，然后装入瓦坛内（因糟鱼在腌制时已加入精盐，此时不宜再加盐）。3、锅内留底油，下豆豉、干椒粉、姜、蒜末、味精炒出香味，倒在鱼上，上笼蒸30分钟，食用时倒入盘内，撒葱花即成。 酒糟鱼做法(一) 买来鲤鱼或者草鱼,最好是鲤鱼,因为鲤鱼的肉紧. 杀鱼!(这就不必多说了.) 腌鱼!最好把雨分成两半,用食用精盐均匀涂抹在鱼片上,然后用绳把鱼穿好挂起来晾干,八成干就好了.这跟经验相关. 切块!根据个人喜好,把鱼切成美观大方的均匀小块.   (二) 做酒糟. 把糯米洗净蒸熟.切记是蒸熟而不是煮熟!冷却三四个小时,直到没有热气为止.用凉开水拌一定量的酒药(量由糯米的量来决定).撒在蒸熟的糯米里,搅匀即可!   (三) 把一个小口坛子洗干净,晾干. 把做好的酒糟铺一层在低部,然后铺一层鱼块,再在鱼块上铺一层酒糟,再铺鱼块,这样循环做,直到最后,最上面的一层为酒糟! 封口!取小堆黄土或者其他颜色也行,但要保证干净,用水和成泥浆,有一定的强度后就可以封口了.   (四) 用享受的心情等待!至少要腌一个月,两个月为妙. 其中,可以把鼻子凑在坛子口闻闻那诱人的味道!   (五) 时间够了,在坛子外已有浓浓香气,忍了几十天的食欲可以爆发了! 取出酒糟和鱼块装在碗里,往碗里放些熟油和香油,吃辣椒的朋友可以加点辣酱,放在蒸锅里蒸一刻钟左右. 揭开锅盖,趁热把鱼端出来,招待客人!   (六) 慢慢品味! 享受酒糟鱼带给你的欢乐心情! </t>
  </si>
  <si>
    <t xml:space="preserve">梅斯vs朗斯，会出打平吗？请高手指点，谢谢！ </t>
  </si>
  <si>
    <t>最好双选10   ，出0可能性大点</t>
  </si>
  <si>
    <t xml:space="preserve">交女友一个女孩好萌呀，我喜欢。可惜我的形象被以前毁了，她喜欢的是 </t>
  </si>
  <si>
    <t>她喜欢“老实”的？这是你自己的想法而已，我还怀疑你有点不自信。其实，多数男孩子在面对自己真心喜欢的女孩面前都有点患得患失，出现“偶遇梦中人”的那种局促、不安。相信自己的努力会换来回报。虽然她可能表现的喜欢接近那些“老实”、“安分”的，但也不代表她心里就拒绝性格开朗、活泼的。甚至于我猜想：她内心没准更渴望结交活泼、开朗的男孩，只是性格上难以轻易跨越。不要再猜来猜去、犹犹豫豫了，有感觉就行动吧！</t>
  </si>
  <si>
    <t xml:space="preserve">如何把电脑Ｄ盘中隐藏的东西还原啊 </t>
  </si>
  <si>
    <t xml:space="preserve">文件夹选项－－查看－－显示所有文件。 工具→文件夹选项→查看→隐藏文件和文件夹→点中显示所有文件,再把隐藏的文件全部选中，点击鼠标右键→属性→把隐藏前面的√去掉就OK了。 用“显示隐藏”功能 </t>
  </si>
  <si>
    <t xml:space="preserve">哪有SHE怎么办MV下载 </t>
  </si>
  <si>
    <t xml:space="preserve">S.H.E→候鸟   S。H。E 一眼万年  《冰箱》MTV S.H.E   《天使在唱歌》MTV S.H.E   《波斯猫》MTV S.H.E   《落大雨》MTV S.H.E   《花都开好了》MTV S.H.E   《Super Star》MTV S.H.E(宽带版)   《Super Star》MTV S.H.E   《摩天轮》SHE   《只是当时》 SHE   《星光 》 SHE   《管不着》 SHE  </t>
  </si>
  <si>
    <t xml:space="preserve">腹泻可以吃什么水果？如提 </t>
  </si>
  <si>
    <t>1.苹果：味甘酸，性平。有健脾益胃，生津止渴之功。用于中气不足，腹泻，便秘等。 2.荔枝：味甘微酸，性温。有补脾益肝，养血安神之效。用于脾虚久泻，胃疼腹痛，呃逆等。 3.石榴：味甘、微酸、涩，性温。能生津止渴，收涩止泻。甜石榴用于胃阴不足，口渴咽干，小儿疳积；酸石榴可治久泻久痢，便血，脱肛；石榴皮杀虫、驱虫，治虫积腹痛。 其中苹果是双向的,腹泻，便秘都可调节。</t>
  </si>
  <si>
    <t xml:space="preserve">乌鲁木齐治疗痔疮一般费用要多少？，是不是很贵？ </t>
  </si>
  <si>
    <t>　　费用是很多痔疮患者最为关心和关注的问题，对于很多普通家庭来说，有时候动一个手术会花掉家里的很多积蓄，让很多人有病不敢治，近些年了痔疮已经蔓延到我们身边，当让随之而来出现的痔疮治疗的方法也有很多，比方说保守治疗，手术治疗等等，因为每一种的治疗方案都不一样，所以治疗费用根据方法的不同而有所差别，而且根据所选择的医院及地区也有所不同，所以选择一家正规的肛肠医院一次治愈是最好的选择。　　痔疮分型，严重程度：由于痔疮的类型不同，分为：内痔、外痔疮、混合型痔疮、环形痔疮;同时每种类型的痔疮也和痔疮的严重程度有着关系(一期、二期、三期)，痔疮越严重那么痔疮所产生的费用就会越高。所以，临床上建议痔疮患者要早发现，早治疗。　　手术方式：由于患者对于手术的认识了解各有不同，因此患者在经过临床医生的检查诊断后，如发现患者痔疮，那么可供患者选择的治疗方式有：保守治疗、PPH微创术、HCPT微创术、TST分段弧形切割术、安氏疗法。由于不同的治疗方法，所产生的治疗费用也就各有差异。</t>
  </si>
  <si>
    <t xml:space="preserve">想知道在这种情况下男生都会怎么想我很爱他,为他学做饭,为他织围巾 </t>
  </si>
  <si>
    <t>换了是我，肯定感动死了...你为了他付出了不少...他应该会看到的了...说不定，你这样就打动了他...他会去追求你！“是不是人漂泊久了，就特别渴望有个家，渴望家的感觉？”不一定吧...不过如果你能给他一个家的感觉当然最好了...这样对你们感情的成长有很大的帮助的！</t>
  </si>
  <si>
    <t xml:space="preserve">找担保客服太难了了，钱一直不到？担保客服836上班时间是多少，有? </t>
  </si>
  <si>
    <t xml:space="preserve">尊敬的客户：    您好！5173回复客服02很高兴为您服务！    担保客服836的上班时间为10：00——19：30，请在客服上班时间内联系。                                              </t>
  </si>
  <si>
    <t xml:space="preserve">现在买什么手机好呢？安卓？Ios？wp8？？？ </t>
  </si>
  <si>
    <t>ios目前来说体验还是最好的，但是好多应用要付费。安卓应用多，不花钱，不过体验不如苹果。WP8不推荐，体验虽然流程，但是界面一般，应用也少。（亲爱的，点下方“有用”噢）苹果IOS...</t>
  </si>
  <si>
    <t xml:space="preserve">我的后背上长了好多的小包？请问怎么回事？怎样能去除呢？ </t>
  </si>
  <si>
    <t>用完美芦荟胶就可以，试试吧，洗的时候会有一段时间很历害，而且　很痒不过这就说明开始起作用了，就是管用了，过一段时间就会好了有个过渡期，而且很便宜30元一瓶呢还行我现在用的就是</t>
  </si>
  <si>
    <t xml:space="preserve">三国志10如何打空城？我用夏侯??000兵去攻打空城许昌，居然 </t>
  </si>
  <si>
    <t>因为打空城是不能自己控制的，靠电脑控制去拆门。电脑只会用最笨的方法。你还是带多点兵去攻打吧。</t>
  </si>
  <si>
    <t xml:space="preserve">水蜜桃成熟季节 </t>
  </si>
  <si>
    <t>每年的六、七月份是水蜜桃成熟季节.</t>
  </si>
  <si>
    <t xml:space="preserve">E3的问题E3的声音自动变小，而且自动在几个文件之间切换，是怎么 </t>
  </si>
  <si>
    <t>有可能是导航键的原因，你拿售后去看一看吧</t>
  </si>
  <si>
    <t xml:space="preserve">请问世界防治麻风病日是怎么来的？历届的的主题是什么？谢谢！ </t>
  </si>
  <si>
    <t xml:space="preserve">每年1月的最后一个星期日，是"世界防治麻风病日"。这是1953年由法国人发起，世界卫生组织确立的，目前世界上许多国家都在这一天举行各种形式的活动，目的是调动社会各种力量来帮助麻风病人克服和工作上的困难，获得更多的权利。我国是由我会首届理事会倡仪，并决定于1988年开始进行"世界防治麻风病日"自上而下的、全国性的宣传、科普活动，目的是普及麻风防治知识，消除麻风恐怖和歧视，吸引社会各界关心和参加消灭麻风的事业，对在我国消灭麻风病的伟大事业起促进作用。麻风病日历届主题 1996年主题：麻风防治是跨世纪的事业，基本消灭乃本世纪的目标p1997年主题：让每个村庄的每个病人都得到关怀与治疗p1998年主题：麻风病与全社会p1999年主题：社会关怀——麻风康复者的希望p2000年主题：消灭麻风病——新世纪使命p2001年主题：麻风防治与康复——全社会的责任p2002年主题：防治麻风病，社会献爱心p2003年1月26日p主题：积极防治麻风，关爱畸残病人2004年1月30日主题：持续控制，共享文明2006年1月29日主题：情系麻风病患者，温暖困难群体   </t>
  </si>
  <si>
    <t xml:space="preserve">准备进入魔兽世界那个职业一个人做任务最好,打BOSS,生存能力不 </t>
  </si>
  <si>
    <t>练FS吧 做任务FS是个比较强的职业你练了后就知道了 打BOSS许多职业是不能单独自己杀BOSS的职业SS  FS跟LR 但是要说自己秒怪升级还是FS 野外生存比较容易 ，冰法能单独秒怪 火法PK强大面积火伤操作好也能 不过是冰法能给自己撑冰盾 其效果不MS差</t>
  </si>
  <si>
    <t xml:space="preserve">宝宝老爱摸自己的小鸡鸡是怎么会事啊？我的宝宝1岁多一点 </t>
  </si>
  <si>
    <t>这应该是正常的吧，我儿子以前也这样，还有我邻居的孩子也这样，只要经常纠正他这个动作，慢慢地就会改了，但不要大声指责，那会吓着宝宝的，我儿子现在快两周岁了，现在偶尔偶尔也会摸，但我只要一盯着他看，他就会笑笑说“藏起来，不摸，羞羞的！”然后就去玩别的东西了，以前他也是很喜欢摸自己的小鸡鸡，现在我看到他摸的情况已经好少好少了。</t>
  </si>
  <si>
    <t xml:space="preserve">恋爱问题在qq上比如想跟心仪的对象表白，改怎么表白比较好？ </t>
  </si>
  <si>
    <t>和你做个闹经急转弯！你知道吗？有个人你开心的时候他开心，你伤心的时候他伤心，你不开心时他兜你开心，你知道这个人是谁吗？这个表白是女人都喜欢</t>
  </si>
  <si>
    <t xml:space="preserve">装饰油漆请问聚酯漆与聚酯清漆有什么区别?施工工艺分别是怎样的? </t>
  </si>
  <si>
    <t>聚酯漆是总称分为聚酯清漆和聚酯混漆（例如聚酯白）施工工艺都可以喷图施工。聚酯清漆基层是装饰板，聚酯混漆的基层是高密度板或奥松板。</t>
  </si>
  <si>
    <t xml:space="preserve">我想与我女朋友分手但是她不给我分我该怎么办 </t>
  </si>
  <si>
    <t>说服她不过你要说明一下，你为什么要跟她分手？？</t>
  </si>
  <si>
    <t xml:space="preserve">女排好样的！3：2胜古巴比赛很激烈 </t>
  </si>
  <si>
    <t>中国女排确实好样的在小组赛的时候中国曾经也是3：2战胜了古巴古巴可是世界强队，中国能战胜她们确实不容易我希望中国队能取得金牌，为中国队再添一金希望中国在届奥运会能取得好成绩在多拿几枚金牌！！！！！！！呵呵</t>
  </si>
  <si>
    <t xml:space="preserve">单眼轻微近视眼睛一直很好，半年多前测视力左眼5.2右眼5.0可最 </t>
  </si>
  <si>
    <t>您好！建议您到医院验光，如果确诊为屈光不正，建议您配眼镜，否则平时您看东西其实只是好眼在工作，差的眼得不到充分的利用会更加降低视力。</t>
  </si>
  <si>
    <t xml:space="preserve">排卵后同房第四天排卵期同房，这两天胸胀，来月经的征兆，是不是没怀 </t>
  </si>
  <si>
    <t>您好！  一般在排卵期同房容易怀孕，您到月经期出现胸涨，并不能判断是否会怀孕，月经规律的女性月经该来而没有来，用验孕试纸检查是阳性的，那么考虑可能是怀孕的可能，您的情况建议您先观察，如果月经一直不来，到医院检查一下。祝您健康！</t>
  </si>
  <si>
    <t xml:space="preserve">关于打字什么地方打怪掉字多，都掉什么字，有人知道吗 </t>
  </si>
  <si>
    <t>去打刺猬野猪之类的低级怪，绝大部分掉“月”字，偶尔打到“秋”字。高级怪基本不掉  很少</t>
  </si>
  <si>
    <t xml:space="preserve">很急的问题,大家快点帮忙解答下!我现在在一家民营企业　的公司上班 </t>
  </si>
  <si>
    <t xml:space="preserve">人大进行第二次审议的《就业促进法(草案)》中规定：“用人单位招用员工时，不得以是传染病病原携带者为由拒绝录用。” </t>
  </si>
  <si>
    <t xml:space="preserve">求职第一句话该怎么说我想去家周围的浴场当暑假工，进去的时候第一句 </t>
  </si>
  <si>
    <t>您好，我是谁谁谁，我是来面试的！</t>
  </si>
  <si>
    <t xml:space="preserve">学医可以上文科么？我一名高中生，面临分科，虽然很喜欢理科，但是理 </t>
  </si>
  <si>
    <t>公共卫生和护理专业一般也招收文科，但是临床，检验，药学，影像绝大多数都是理科了</t>
  </si>
  <si>
    <t xml:space="preserve">法国在二战中的损失是多少？包括经济等概况 </t>
  </si>
  <si>
    <t>法国在战争中经济损失为1.4亿法郎，相当于法国战前三年的国民生产总值。</t>
  </si>
  <si>
    <t xml:space="preserve">现在还有这种挂没今天冲突2次见同个人突然出现在面前开破2次我看大 </t>
  </si>
  <si>
    <t>是不是大雾天气还是什么的，这种天气就要时刻小心，不会那么清楚的显示玩家的位置的</t>
  </si>
  <si>
    <t xml:space="preserve">如何得知建筑材料市场行价? </t>
  </si>
  <si>
    <t>可以订阅建筑材料类的报纸，多到建筑材料市场上去看看，也可以通过网络媒体等多方面了解相关的信息．</t>
  </si>
  <si>
    <t xml:space="preserve">用绘图软件里面的图案会造成侵权吗？例如在photoshop里面有? </t>
  </si>
  <si>
    <t xml:space="preserve">软件属于著作权范围按钮功能文字说明、表示特定报表的图标、界面布局均不符合著作权法对作品独创性的要求。所以利用PHOTO里的笔形标志不会构成侵权参考案例：北京久其软件股份有限公司因著作权侵权纠纷一案 </t>
  </si>
  <si>
    <t xml:space="preserve">海润世王肽的一传二传销形式是否已经合法？我听了海润世王肽的讲课， </t>
  </si>
  <si>
    <t>我见过那个药品，只是个保健品，还贼贵！很多身体不好的人吃了根本没什么感觉。两年前，海润传销在新疆就被工商查处过。你可以在网上搜搜，别上当！</t>
  </si>
  <si>
    <t xml:space="preserve">最新服务器消息奇迹世界(SUN)内测（限量公测）的此次全面更新正 </t>
  </si>
  <si>
    <t>!!!!知道了！！！！</t>
  </si>
  <si>
    <t xml:space="preserve">中国哪些城市的人热情?这里的人是指普通的平民百姓，不是一些做生意 </t>
  </si>
  <si>
    <t>中国八大热情城市 １、呼和浩特：呼和浩特可以说是全中国最热情好客的城市了，蒙古人与生俱来的率真与质朴会深深地打动每一位游客，身在呼和浩特这座城市感受到的只有阳光与和谐。 ２、天津：天津是中国最热情的都会城市，虽然天津人不太善于搞城市建设，但幽默与诙谐充斥着整座城市，天津人对相声与曲艺人奉若至宝，几乎老天津卫人随口都能说出一段相声与歇后语，在天津长大的少男少女说出的话语永远让人感到甜蜜。 ３、重庆：重庆人的热情是全中国闻名的，重庆人喜食辣椒，游客在重庆能深刻体会到巴山风情的火热，重庆人金口一开游者便有如沐春风的感觉，重庆还有一大特点，就是渝女之热情绝不亚于渝男，这是重庆的热情不同于其他地方之独特处。 ４、长沙：长沙是个全民热情的城市，长沙之包容令中部其他城市无可相及，长沙的兼南并北，市民们追逐娱乐，长沙人能将中国的八卦及娱乐玩转在自己的股掌之中，令人叹服。我们也不难理解为什么湖南卫视会这么火爆，为什么只有长沙能诞生震撼中华民主之“超女”，因为长沙的热情把全中国点燃了。 ５、大连：大连是整个东北最热情的城市，优雅的海派作风使大连人的心如大海，每个来到大连的人都会被市民的热情所感动，大连很容易让人找到自由的归宿和家的温馨。 ６、厦门：厦门可能是东南沿海城市中最热情的城市了，也是五个经济特区中以热情著称的城市，厦门人的可以对外地游人滔滔不绝地介绍鹭岛的特色小吃，厦门人对待客人总能拿出最珍贵的铁观音，一泡清茶，那热气能溶化任何一颗已经麻木的心。 ７、拉萨：拉萨的热情来自于藏族那真挚、和睦的民风，拉萨虽然充满了深幽与神秘，但拉萨市民却可以用热情让全世界的游人为之倾倒。那浓香的酥油茶、洁白的哈达、优美动听的藏族民歌，只向我们传达了两个字“热情”。 ８、哈尔滨：虽然这是一座寒冷的城市，但人民却充满了热情，即使在寒冷的冬天，你也能感到丝丝暖意，因为人们的心都是火热的。在夏天，热情的氛围会笼罩整条美丽洋气的中央大街。</t>
  </si>
  <si>
    <t xml:space="preserve">上次选尤文0来1，这次先国米0来1真是命不好，不过两个双选选的还? </t>
  </si>
  <si>
    <t xml:space="preserve">   确实 前面漂亮.被国米 害掉了.</t>
  </si>
  <si>
    <t xml:space="preserve">谁能告诉我有许多箱子的地方是哪？怎么去？谢谢 </t>
  </si>
  <si>
    <t>那个传说中的地方 是前2周开的新任务！叫：收获祭任务！！可惜现在已经没这个任务了！所以你不可能去了！俺也十分怀念那个地方！</t>
  </si>
  <si>
    <t xml:space="preserve">问一下SS技能问题！想问一下SS练级一般是用暗影箭还是抽血的？放 </t>
  </si>
  <si>
    <t>你现在几级？是哪个系的SS?每个等级每个系的练级方法也是不一样的。个人感觉，你可能是痛苦SS痛苦系的SS一般是上4个DOT(腐蚀术、痛苦诅咒、生命虹吸、献祭）,然后恐惧吸吸，中途有夜幕瞬发个暗影箭，然后下一个怪。或者熟练了以后同时打2-3个怪，风筝流。恶魔SS 练级应该比较轻松，因为宝宝强大，上去砍怪，上几个DOT，怪很快就会挂了。毁灭SS 杀怪是最快的，真的很爽，消耗是很快这没办法，需要经常做地板。</t>
  </si>
  <si>
    <t xml:space="preserve">我想买一辆C车。但是不知道那个好！！给点意见~~~~~~~~~ </t>
  </si>
  <si>
    <t>冥王星,用了2型马达牛B,C车最牛,B1的车都比不过</t>
  </si>
  <si>
    <t xml:space="preserve">间质性肺炎有什么特殊的症状？求中医治疗间质性肺炎的方子 </t>
  </si>
  <si>
    <t>Fangzi 五行润肺复元饮</t>
  </si>
  <si>
    <t xml:space="preserve">何时可以选角色？？转生角色不同的，可以重选一次角色的机会，官网上 </t>
  </si>
  <si>
    <t>你要有个适应过程，只要你选择了传奇3，选择了光通代理的游戏，你就要有个经常被涮的心理准备。</t>
  </si>
  <si>
    <t xml:space="preserve">浮天水送无穷树,带雨云埋一半山辛弃疾的 </t>
  </si>
  <si>
    <t>。“浮天水送无穷树，带雨云埋一半山”。写送别时翘首遥望之景，景显得生动，用笔也很浑厚， 而且天边的流水远送无穷的树色，和设想行人别后的 行程有关；雨中阴云埋掉一半青山，和联想正人君子 被奸邪小人遮蔽、压制有关。景句关联词中的两种不 同的思想感情，不但联系紧密，而且含蓄不露，富有 余韵。 辛弃疾的《鹧鸪天·送人》 唱彻阳关泪未干， 功名余事且加餐。 浮天水送无穷树， 带雨云埋一半山。 今古恨，几千般， 只应离合是悲欢？ 江头未是风波恶， 别有人间行路难。 【字句浅释】 解题：这是一首送人离别之作，但其中颇有世路艰难之感，反映了作者当时已历经仕途挫折，心中深有感慨。唱彻：唱尽，唱完。阳关：即《阳关三叠》，是唐代的著名送别歌曲。余事：多余的事，不重要的事。浮天水：天际的流水。带雨云：雨中的阴云。几千般：几千种。未是：还不是。别有：另外还有。人间：人之间，人与人之间。</t>
  </si>
  <si>
    <t xml:space="preserve">NE弱得不像话了!有人可以说服我的话!说明NE很强,50分(50 </t>
  </si>
  <si>
    <t>晕，不是吧你。现在精灵的强是比较无解的。118种族对抗NE：UD3：2NE：ORC0：5。多看看REP吧。1。爆兵？可行度有多少，一般22时往往采取爆兵打法。11时侦察好，如果对手速攀科技才会采取爆兵战术进行RUSH。精灵的对空是比较强的，AC攻高射程远。弓手。小鹿的高穿刺攻击附带魔法效果。对UD的无甲石像。别的种族的轻甲分别有150%，200%的加成伤害。魔兽里是没有单兵作战的。单兵种必定失败。你爆HT了，对方不如不死马上对爆同样350速度的石像，结果很明显。肯定要配合其他兵种。NE强在兵种混合作战。2。弓箭手血短245是不争的事实，但暴雪设计时是很考虑游戏平衡的。1.17版本时血又240加到245。升级了艾鲁尼之优雅。（穿刺伤害只对弓箭手造成65%的伤害，魔法攻击只造成80%的伤害。）5级DK3级死亡缠绕一下都不能扔死个AC。300X80%=240。。。。这项技能升级资源消耗极少75钱75木头，相比HUM 火枪，造价贵，一个比AC多75钱20木头。猎头多5钱10木头，但射程极短45吧。。直接是垃圾。火枪射程是60，AC70。火枪，猎头对于英雄的片杀魔法直接就是经验的说。（夸张点）而且出AC是开始就可以的。火枪需要铁匠铺，猎头需要磨坊。。3。弓箭+鸟。。。这样的打法一般很少，精灵对空，三远（弓手，小鹿，风德）配合角鹰制空完全是一流了。如果对方出空出地。先不上鸟，空军配合陆军完全可以快速杀光对手空中部队。然后上鸟对付没有对空力量的敌人。效果是不错的，曾经就有过NE玩家对付不死，前期爆AC引诱UD速爆狂G，结果开战傻眼了，对方工手全部上了鸟变成了空军，只能仓皇缩回基地补天鬼或蜘蛛，精灵利用这段时间开矿，MF提高英雄等级已经基本都赢了80%了，只是举个列子而已，高手的侦察是一定会做好的。4。QML作为精灵最终极的兵种，升级了攻击类型打房子是疯狂的快啊。出到QML敌人也基本被你打的差不多了。出少量角鹰护航是必要的。，QML的高溅射魔法攻击对付重甲的初高级肉搏兵简直就是噩梦。直接用出QML+角鹰的战术觉得也是比较投机的，侦察到根本无法成型，还很容易给中期强推。不死的冰龙什么，大战出场几率跟山顶几率差不多，时间太久。所以根本不要这么比较。要是QML也能对空了。。。那魔兽争霸Ⅲ真的要像个朋友说的改名叫精灵争霸Ⅲ了，呵呵。5。议你多看录象，学习精灵的成名高手打法。对于主流打法都熟练了在试图创新吧。1.18精灵的削弱只是中立英雄的削弱而已，但还是很强，最近精灵首发DH的高科技打法又开始盛行了，不妨试试。了解你的心情，只是一时没想开而已，对于自己太喜欢的种族，暴雪一个劲削弱。HOHO，当初我们UD1.14无敌时，暴雪也狂削弱UD。暴雪要讲究游戏的平衡，要不然人人都玩最强的种族，那这个游戏就基本废了，想开点。(感谢楼主的照顾。HOHO，大家都是热爱WARⅢ的人嘛。恩，揪错的朋友说的对，艾鲁尼之优雅是出来初始自带，不需要升级，因为是以前看的数据资料。本人是玩UD的，刚去实际用了遍NE，发现确实。谢谢了。：）)</t>
  </si>
  <si>
    <t xml:space="preserve">新浪为什么无故禁止认证用户登陆 </t>
  </si>
  <si>
    <t>难道是你违规了?不会无故封停你帐号的</t>
  </si>
  <si>
    <t xml:space="preserve">大家有仙剑群吗?请给我讲一下. </t>
  </si>
  <si>
    <t>我有一个是: 17841650欢迎大家加入 仙剑迷-的世界</t>
  </si>
  <si>
    <t xml:space="preserve">通风管道可以装在吊棚里么？ </t>
  </si>
  <si>
    <t>装在吊顶里是比较美观,可是你要考虑一个很实际的问题,要是更换油烟机上的管子你就麻烦了,放在吊顶下边的话相对实用的多,装修房子一方面要考虑美观,更要注重实用.</t>
  </si>
  <si>
    <t xml:space="preserve">空白核销单未使用该如何处理？企业可保留空白核销单的有效期限为多久? </t>
  </si>
  <si>
    <t>出口单位不再经营出口业务的，应当在一个月内将未使用的空白核销单退回外汇局注销。空白核销单长期有效</t>
  </si>
  <si>
    <t xml:space="preserve">如何把坐标写在地图上？我是菜鸟，用的插件是魔兽精灵，按他的用法我 </t>
  </si>
  <si>
    <t>范例：“/Mark 塔纳利斯&lt;49,40&gt;”标点符号的问题</t>
  </si>
  <si>
    <t xml:space="preserve">弱精症有什么症状？男性弱精表现？ </t>
  </si>
  <si>
    <t>你好！弱精症的症状主要有以下些：1.湿热下注阴 茎温热弛长 勃 起不坚。2.肾气不足。.3.血瘀清淤、精液不液化。4.气血两虚举阳不坚等。建议出现以上症状及时到医院检查精液常规，及时的治疗！</t>
  </si>
  <si>
    <t xml:space="preserve">左右脸部不对称左右脸的大小不对称，牙齿都错位了，而且导致眼睛都不 </t>
  </si>
  <si>
    <t>咬合错位，下颌偏右，需要做正颌手术</t>
  </si>
  <si>
    <t xml:space="preserve">脾肾阳虚应该服用什么中成药？ </t>
  </si>
  <si>
    <t>最好是附子理中丸加上肾气丸，参苓白术散是治疗脾虚夹湿的拉肚子，左归丸是补阴的。</t>
  </si>
  <si>
    <t xml:space="preserve">工行ATM取到假币前几天我在工行ATM取六百元钱,当时没有留意, </t>
  </si>
  <si>
    <t>如果是当时发现的话，直接去银行柜台找工作人员就可以换成真币，像你说的这种情况，银行是不会予以承认的。花钱买教训，下次注意吧！</t>
  </si>
  <si>
    <t xml:space="preserve">柴油机汽车是怎样熄火的?它是怎样熄火的?汽油汽车就有点火系,当你 </t>
  </si>
  <si>
    <t>汽油车熄火是靠的断电,柴油车熄火是靠的断油.它两个的供油方式不同,柴油车的供油是靠高压油泵,高压喷射为雾状后压燃的,在熄火的时候把高压油泵强制关闭,关闭的方法有两种:1 是用机械方法关闭,在驾驶室里有一个可拉动的机关.一拉就可关闭断油.2  是电子方法关闭,点火开关一般有两挡,一挡打开用电器的用电开关(ON位置),同时也打开高压油泵上的电子开关,使油路畅通以备启动 二挡是启动发动机.在熄火的时候返回原始位置,电子开关关闭.以达到断油,没油机器就熄火了,其实道理都一样,都是断油,只是用的方式不一样吧了.</t>
  </si>
  <si>
    <t xml:space="preserve">网站上怎样删除人物?我想删除人物但网站上没找到!游戏里更不能删除 </t>
  </si>
  <si>
    <t>可以啊，你先上魔力网，点下储值中心，然后登录你要改名的帐号，右边有个叫魔力特殊服务，你点一下，进入后你点那个删除人物角色就可以在那里改了</t>
  </si>
  <si>
    <t>永诺TTL闪光灯YN</t>
  </si>
  <si>
    <t>永诺TTL 闪光灯YN-468适用机型：Canon 50D, 40D, 30D，Canon 500D/T1i, 450D/Xsi, 400D/Xti, 350D,550D，不适用机型：Canon 1Ds, 1D, 5D, 5DII Series, and 7D)</t>
  </si>
  <si>
    <t xml:space="preserve">油炸红烧茄子的家常做法 </t>
  </si>
  <si>
    <t>1、把茄子切成块，腌制十分钟，沥干水分2、起油锅，把茄子放入翻炒，炒至变色后装盘待用3、另起油锅，把葱蒜八角爆香，放入爆香，放入茄子翻炒4、放入料酒，盐，炒至变色，加水，煮一下5，汤快干了，撒入香菜，起锅即可谢谢！如果你觉得对你有用请给一个好评！</t>
  </si>
  <si>
    <t xml:space="preserve">求想一句特殊含义的话，谢谢请各位帮我想一句话，是表达我对我女朋友 </t>
  </si>
  <si>
    <t>玲珑剔透我做主,海誓山盟一佳人.</t>
  </si>
  <si>
    <t xml:space="preserve">南京大学的企业管理专业考研要考数学么？是考数学几啊，还有数学现在? </t>
  </si>
  <si>
    <t>除了清华等少数高校考数学一外，企业管理都是考数学三。现在应该有质量的复习完教材，期末考一结束马上开始复习全书的学习。</t>
  </si>
  <si>
    <t xml:space="preserve">为什么受不了一点噪音?受不了家里电器的噪音,很让人烦躁不安,试图 </t>
  </si>
  <si>
    <t>这个情况很可能是你心理上的原因了，实际上可能你家里的电器发出的噪声虽然是有一些，但是还没有真正达到让人无法忍受的地步，但是由于你听到这些声音后，觉得很反感，从而你就老是想着噪声的问题，这样在大脑中就更加加深了对噪声的抵触情绪，这时你就会觉得噪声“更大”了，使你觉得无法忍受；而你的家人，因为心中不是老把噪声这个问题放在心上，所以就不会觉得有多大的影响。所以从这个问题上来分析，我认为你如果能“调适”一下心态，也许会好一些。顺便说一句，噪声这个问题的“界定”，“标准”并不是十分明确的，不单是某种单一频率的声音（比如设备发出的工作噪声就是一个单一频率的声音）是可以算作噪声的，甚至你认为你不喜欢听并且对此有反感的音乐，都可以算作噪声的，所以在噪声问题上，有可能在每个人心目中的标准并不是一样的。</t>
  </si>
  <si>
    <t xml:space="preserve">啤酒酸度偏高的原因是什么？如何解决？ </t>
  </si>
  <si>
    <t>1 来源于麦芽中的酸麦芽中总酸可分为麦芽中的原始总酸和糖化过程生化反应产生的酸。 存在于麦芽中的原始总酸主要有磷酸、甲酸、乙酸、高级脂肪酸等。这些酸主要是在发芽过程中通过一系列生化反应形成的。例如:磷酸酶对化合物分解释放出磷酸;糖类缺氧呼吸产生少量有机酸;氨基酸的碱性氨基被利用,生成相应的酮酸;麦粒中硫化物转化成少量硫酸等。 糖化中生化反应产生的酸是在糖化开始后,由麦芽所含磷酸盐的分解和蛋白质分解成氨基酸形成的。由于磷酸酶的最适作用条件是pH值4.5～5.0,温度50～53℃,而蛋白质分解温度也在45～55℃之间。所以,酸主要在50℃条件下形成的,而以后糖化过程中酸度变化不大麦芽总酸不足,或酿造水碱度太大,为了调节糖化、洗糟、麦汁煮沸的pH值,采用加酸调节。否则,由于pH值偏高会出现抑制酶活性、麦汁浸出率低、麦汁及啤酒色深且苦涩味大、麦汁煮沸时凝结不好、保质期短等问题。目前,添加酸以食用磷酸为主,其次是食用乳酸和盐酸。 1.3来源于发酵产酸酵母菌在进行酒精发酵的同时也形成许多有机酸。其中包括酮酸、羟酸、羧酸及脂肪酸。酮酸中主要有丙酮酸和α-酮戊二酸。丙酮酸是糖酵解途径产物;α-酮戊二酸是三羧酸循环的中间产物。羟酸的主要代表是乳酸。羧酸主要有苹果酸、柠檬酸和琥珀酸,它们都是在三羧酸循环中形成的。脂肪酸以醋酸为主,是丙酮酸歧化反应形成的。在这些酸中,以琥珀酸含量最高。此外,少量醋酸菌、乳酸菌会产生相应的酸。解决方法就是不喝。几乎任何啤酒都有不低的酸度。</t>
  </si>
  <si>
    <t xml:space="preserve">1米77的男人和1米5的女人的爱情会有结果吗(真希大家诚心回答) </t>
  </si>
  <si>
    <t>你好!    认真看了你的描述,可以肯定你是一个孝顺且重感情的人!    你的提问里其实包含着正确的答案,社会的偏见和世俗的观点蒙蔽着你的双眼,其实你的心很明亮!    亲人的意见值得重视,毕竟是为你的幸福着想,虽然不符合现代或潮流的要求,也不一定正确.但亲人一样考虑了很多.    你没有必要"真的要疯了".沟通是可以解决问题的.    面对社会,面对亲人,你已经长大了.有思想,有判断.真诚的宣布自己是大人了,感谢亲人的关心和养育,同时也要明白亲人的苦心,你毕竟没有婚姻的经历和真正生活的磨难.    爱一个人不容易,彼此相爱真的更难.珍惜你们的爱情,诚恳地和亲人沟通,耐心听取家人的意见,引导他们为你们今后的发展出谋划策.采用一定的策略和方法.不要说任性的话,多做工作,寻求支持你的人帮助你.    建议最佳方法为,单独和家人谈心,不要不好意思哦!</t>
  </si>
  <si>
    <t xml:space="preserve">有关摩托罗拉明1200的问题为什么我的摩托罗拉明1200把数据线 </t>
  </si>
  <si>
    <t>摩托的用数据线下载，有专用的软件，你可以在盒子里找到，安装后可用数据线下载。或者你取出内存卡，用读卡器下载。</t>
  </si>
  <si>
    <t xml:space="preserve">什么火炮？这炮管怎么这么亮啊？？？啊！ </t>
  </si>
  <si>
    <t>美军M1A2式155毫米牵引榴弹炮。主要诸元：口径155毫米，炮身长3829毫米，初速554米/秒，高低射界-2°～＋63°，方向射界左右各26°5′，最大射程14.955千米，放列全重5805千克。 炮管那么亮，是因为火炮的身管的后座距离较长，加过精细的炮管有利于后座时的润滑。</t>
  </si>
  <si>
    <t xml:space="preserve">送什么礼物我女朋友，马上过生日了我想给她亲手做份生日礼物做什么好 </t>
  </si>
  <si>
    <t>做个蛋糕好了</t>
  </si>
  <si>
    <t xml:space="preserve">我26岁，是过敏混合性皮肤，想选一套护肤品还一套彩妆，请各位JM? </t>
  </si>
  <si>
    <t>薇姿，碧欧泉都不错，但是倩碧和露得清本人觉得会有点刺激。</t>
  </si>
  <si>
    <t xml:space="preserve">如何进入医院工作本人济宁医学院本科毕业，临床医学专业，想进入事业 </t>
  </si>
  <si>
    <t>你好:   很多医院,包括大型事业编制的医院,每年都有招收新员工的计划   建议你：一是根据自己的情况，准备好应聘简历、应聘书等等，通过网站、报刊了解哪些医院需要招聘，然后按要求投递应聘书。二是通过渠道，最好是卫生厅、卫生局的门道，托熟人把应聘书交到你中意的医院，这样机会更大。三是参加有关医院组织的招聘考试、面试。   总之，进入医院工作跟其他企业一样，也无非是通过招聘进入。</t>
  </si>
  <si>
    <t xml:space="preserve">为什么我的同一个帐号的两个人物　一个可以正常游戏另一个不能确认今 </t>
  </si>
  <si>
    <t xml:space="preserve">是传奇3不   要是传奇3的话  这个情况是因为你的号被卡住了  一般过段时间就可以了  大概1小时止几天不等啊   呵呵  这个就是GT的效率    你也可以打客服这个比较快点  </t>
  </si>
  <si>
    <t xml:space="preserve">代理佛山的铝合金门厂，那个好点呢？意博、新豪轩、亿合、皇庭门业谁? </t>
  </si>
  <si>
    <t>据了解，皇庭门业的不错的。意博、亿合的不错专门代理一家我觉得不是很稳妥，现在这行业还没有那个公司比较突出，消费者一般都不知道是什么公司的，只看实物过得去就行</t>
  </si>
  <si>
    <t xml:space="preserve">鱼腥怎么除,我老婆怕腥,有没有什么办法可以让鱼腥味去掉,或者有什 </t>
  </si>
  <si>
    <t>鱼会腥，是因为鱼身上有两条腥筋，只要去掉鱼的腥筋，在烹制时再加入酒、醋、姜、蒜等去腥的调味品，保证一点鱼腥味都不没有了。如果你不知腥筋在哪，你买鱼时可叫卖鱼的给你去掉。一般卖鱼的都知道的。</t>
  </si>
  <si>
    <t xml:space="preserve">请问重庆的日企有多少？都有哪些有名的企业？从事什么行业的较多？工? </t>
  </si>
  <si>
    <t>在重庆的日企有：1、长安铃木，在巴南区渔； 2、嘉陵本田，在南坪开发区； 3、重庆电装，在南坪开发区； 4、建设雅马哈，在杨家坪谢家湾；总体来说日企在重庆不是很多,但现在重庆正在大力支持民企和外企业,我想今后日企在重庆的数量还会大增</t>
  </si>
  <si>
    <t xml:space="preserve">男的22岁胸部有硬块我是84年出生的，周岁已经快23岁了，在两边 </t>
  </si>
  <si>
    <t xml:space="preserve">建议去检查一下是否是得了乳腺增生症，乳腺增生以乳房肿块和乳房疼痛为主要表现。乳房肿块是诊断乳腺增生的重要依据，一般为多发肿块，大小不等，质地坚硬，肿块表面常不光滑，触之有颗粒感，与皮肤不相连。多数患者有疼痛的症状，常为单侧或双侧乳房胀痛或触痛，具有周期性。建议你尽早到医院检查清楚，对症治疗，如果你用过很多药不见效，则不妨使用邦太乳增生贴，可免除吃药痛苦，祝你早日健康。 </t>
  </si>
  <si>
    <t xml:space="preserve">我老公扁桃体发炎发烧38.5度,吃了双簧联和头孢,请问对我们怀孕? </t>
  </si>
  <si>
    <t>按正常来说是要宝宝前三个月不该用药,最少也要隔一个月才行.</t>
  </si>
  <si>
    <t xml:space="preserve">高手请进！指点迷经！2.1出来了，对剑有什么影响？2.1出来后， </t>
  </si>
  <si>
    <t>1楼的你以为现在玩的是SF 全108的 那你的意思是说剑没108就不能PK了？你说的也不错，FC里封的技能GF不一定会封 就像以前出2.0的时候也这样，2.0FC里不能卡技能，不过2.0GF一出还是照卡，这点同意，不过不卡能对剑影响不大？问你一句，不是都说94X剑厉害吗？难不成他的厉害是94技能直接秒人的？是靠卡技能的，要是没卡技能94技能还厉害个鸟？剑威力是很低的 懂？还有没有卡技能不单只对剑有影响，对任何职业都有影响的。</t>
  </si>
  <si>
    <t xml:space="preserve">集合的问题已知S是两个整数平方和的集合，即S={x│x=m^2+ </t>
  </si>
  <si>
    <t>(1)我们不妨假设 有s=a^2+b^2, t=c^2+d^2 （a,b,c,d均为整数）则st=(a^2+b^2)(c^2+d^2)=(ac)^2+(bd)^2+(ad)^2+(bc)^2=[(ac+bd)^2-2abcd]+[(ad-bc)^2+2abcd]=(ac+bd)^2+(ad-bc)^2由此可以看出，我们将st也可以表示成两个整数的平方和的形式，故得证(2)我们以上面的假设继续证明这道题s/t=(a^2+b^2)/(c^2+d^2)[其中因为t不等于0，故这里的c*d≠0]=(a^2+b^2)(c^2+d^2)/(c^2+d^2)利用上面的证明结论=[(ac+bd)^2+(ad-bc)^2]/(c^2+d^2)=(ac+bd)^2/(c^2+d^2)+(ad-bc)^2/(c^2+d^2)=[(ac+bd)/p']^2+[(ad-bc)/p']^2其中(p')^2=c^2+d^2 (p'为一实数)，故而得证</t>
  </si>
  <si>
    <t xml:space="preserve">南京江宁博爱医院治疗狐臭好不好？会复发吗？谁去做过？ </t>
  </si>
  <si>
    <t>江宁博爱还是很不错的，我的弟弟就是在那里看好的，他是在网上看到的，我就和他抱着试试看得心态去了，果然经过一段时间的治疗，居然有了明显的效果，去年也结婚了，非常感谢博爱让他有了一个崭新的未来，不必为了这个腋臭而感到自卑了，我也建议你去看看吧，或许也会有意外的收获哦。也祝你早日康复，早日摆脱狐臭。</t>
  </si>
  <si>
    <t xml:space="preserve">询问】怎样提升我的电脑的性能？请问个大虾，我的电脑怎么装软件？我 </t>
  </si>
  <si>
    <t>是一个很老的intel440BX主板，支持P2、P3、CY CPu。要提升性能，内存加到256M是必要地，按你的用途，可以把cpu换成P3 866，会有明显的提升。二手市场100元。估计你的显卡也不怎么样。换成GF2 400MX（32M)，二手40元。不要再升级其他的了，确实太老了，花钱多了不值。</t>
  </si>
  <si>
    <t xml:space="preserve">厦门大学的国际贸易怎么样？ </t>
  </si>
  <si>
    <t>你好！厦门大学的这个专业挺不错的，现在排名由原来的第9到现在的第五，就业率也挺高的。谢谢</t>
  </si>
  <si>
    <t xml:space="preserve">关于腭裂我的双胞胎小双(现2周岁大)一出生的时候就发现是腭裂(软 </t>
  </si>
  <si>
    <t xml:space="preserve">腭裂的手术治疗时机：腭裂的手术治疗是其治疗的重要措施之一。因为与发音有关的肌肉达 50多条，所以语音学家认为尽早手术可以达到较好的语音效果。但太早手术又可能影响上颌骨的发育，麻醉及复苏的风险也较大。但经过长期的研究与临床实践证明，目前世界上推崇在1岁内手术治疗腭裂，认为这是解决腭裂语音的最佳措施之一。同时，婴儿期也就是周岁之内麻醉、复苏风险也可降低到与成人一样的水平。这是目前国际上大多唇腭裂中心所掌握的腭裂手术时机。至于医院的选择：去正规大医院就可以了．广州儿童医院设有专门的唇腭裂序列治疗中心，应该比较好。另外有时候好的医生比好的医院更重要。广州儿童医院唇腭裂序列治疗中心网站： </t>
  </si>
  <si>
    <t xml:space="preserve">亲请问哪里有卖这些衣服的链接呢[嘻嘻][偷笑] </t>
  </si>
  <si>
    <t>在成都伊藤百货就有卖的，不让发链接，抱歉。东京商城和淘宝应该都有的。这东西太多了。如果对你有帮助，请点击下面“有用”谢谢啦亲 你是购物狂哇  这东西太多了 你还是在淘宝或者京东这些地方输入品牌在看看吧</t>
  </si>
  <si>
    <t xml:space="preserve">古代金币和TB的比值是多少? </t>
  </si>
  <si>
    <t>那的看你区的行情是什么样了．一个时期一个价钱．一般都是　１／１．２或１／１．３左右　　高的时候也有１／１．５的时候</t>
  </si>
  <si>
    <t xml:space="preserve">欧莱雅爽肤水效果如何?跟其他牌子的相比效果怎么样?哪个品牌比较好 </t>
  </si>
  <si>
    <t>欧莱雅绿色控油的爽肤水，但是酒精味比较浓，有点刺激皮肤，没有油腻的感觉，它不是那种很轻的水，感觉稠稠的。其他品牌的像相宜本草啊 妮维亚的爽肤水要好那么一点吧。不过个人觉得爽肤水没纯露好用，毕竟爽肤水含有其他的制剂，对皮肤还是有刺激性，有化学物质的产品还是会有副作用的，我老公的朋友从法国带了瓶欧芙乐的玫瑰纯露给我，用了效果很不错，之后网上找了这个牌子，欧芙乐是法国40年的老牌子了，纯露都是纯植物提取的，100%纯天然，很清爽，保湿效果很不错，吸收也很好！之后我就一直用欧芙乐这个老牌子了，建议你也可以用欧芙乐这个品牌纯露，毕竟是老牌子了！值得信赖！</t>
  </si>
  <si>
    <t xml:space="preserve">大家来玩玩IQ题如果身份证掉了怎么办? </t>
  </si>
  <si>
    <t>捡起来~~</t>
  </si>
  <si>
    <t xml:space="preserve">我的手机电池在保修期内坏了，然后厂家给换了一块新电池，之后不到一? </t>
  </si>
  <si>
    <t>电池一般在六个月内可以换。新电池上有生产日期。</t>
  </si>
  <si>
    <t xml:space="preserve">请问现在还想变成以前的骷髅是怎么做到的啊？？没有恶心的皮的~~~? </t>
  </si>
  <si>
    <t xml:space="preserve">修改方法:第一步：将World of WarcraftDataenCNpatch-enCN和World of WarcraftDatazhCNpatch-zhCN 还有原始的Launcher.exe 文件备份。（一定备份！！！）第二步：将此压缩包里的这两个同名文件考到对应位置，覆盖。第三步：将Loader.exe考到任意目录下（推荐World of Warcraft目录），双击即可进，且支持选区。[path-enCH下载] [path-zhCH下载] [Loader.exe下载]这个包的优点在于：将一切“河蟹”因素还原，尤其包括：1，部落/联盟徽记可以使用2，LOOT框左上角的包包图还原成了原来的骷髅图。   还原前的包裹图  还原后的包裹图补丁原理：删除PATCH内的新贴图，然后使用MCPTR来饶过WOW.EXE自检实现的，所以，有一定的封号危险，请使用者自重。这个登陆器由am2002制作的。登陆器功能强大，不用放在World of Warcraft目录下，放在任意目录都可以启动WOW，且集成了Launcher.exe的选区功能。 </t>
  </si>
  <si>
    <t xml:space="preserve">明天1700点见拉。 </t>
  </si>
  <si>
    <t>照今天下去再有18天股市关门大吉了，大家都来放鞭炮吧，祝贺中国股市！</t>
  </si>
  <si>
    <t xml:space="preserve">u积分到一定数值后能兑换实物？无 </t>
  </si>
  <si>
    <t>分数到1980的时候可以换20U币.抽奖有时候可以获得实物</t>
  </si>
  <si>
    <t xml:space="preserve">暑假实践活动应该做哪些准备？。。我第一次参们学生自行组织的假期实 </t>
  </si>
  <si>
    <t>因为揭阳所处的地理位置和现在的季节，去小学义教准备的紧急应急方案应该是：在受到强热带风暴袭击时，如果发生内涝，泥石流，洪水或者大风的时候，如何保护并组织学生疏散（因为是小学生，所以主要要靠老师疏导），这个的应对方案需要提前准备下。至于英语教学，我想既然你们是去义教，而且是小学生，受众的英语水平应该不会很高，这种情况下授课应该讲求通俗易懂，如何做到有趣味性是关键。你可以买或者到图书馆借英语入门级书籍，内容越丰富越好，图片越多越好，这样才能吸引孩子。</t>
  </si>
  <si>
    <t xml:space="preserve">指甲的小太阳的大小是不是判断人的疲劳度??? </t>
  </si>
  <si>
    <t>指甲与健康状况（仅供参考） 　　人类五脏的变化，会相应地反应到指甲上来。平时只要注意观察指甲上的微妙变化，即可预测一个人的健康状况。若从指甲上看健康状况好坏，关键在于指甲的颜色及形状。健康指甲应平滑光洁，甲面无纵横沟纹，甲上无干扰斑，指甲对称，不偏斜，无凹陷或未端向上翘起现象。就正常的指甲来说虽然种类很多，其实并没有完全相同的指甲。一般而言，健康的指甲可以区分为：普通指甲、大型指甲、小型指甲、长型指甲、短型指甲、宽型指甲，窄型指甲等。 　　通常指甲占手指未节约3／5，呈长方形拱起，顶端横径稍大于基部横径，指甲基部的白色像半月形部分称指甲半月，也就是民间俗称的甲白，恰位于各指中央对称，无大的偏移。说起来，当所有的手指甲有恰如其分的甲白时，便可推断人体的健康状况良好。如果10个手指甲完全没有或仅仅有一点点甲白时，这意味着身体疲劳不堪抑或正患有病痛。最理想的甲白应占指甲面积的1／5左右，甲白太大或全无都不意味着身体十分强壮。 　　指甲的生长情况和形态，随时都会受机体变化的影响。特别从指甲的颜色，有无正常人的甲白，就可以看出本人是否健康抑或正在孕育着疾病。此外，从下面10种不同病态指甲中亦能看出一些蛛丝马迹。对此应予以注意，并采取正确的处理方法，争取早日纠治。 　　一、指甲脆、裂 　　首先应查明其病因：一是指甲与水接触的时间过长；二是饮食中蛋白质及钙、硫、锌等元素或维生素A、B、C不足；三是慢性疾患或情绪处于应激状态；四是口服避孕药；五是指甲被打磨或使用磨除剂所致。不妨分别采取如下矫治法。 　　1、每天口服两汤匙酵母及胆碱1000毫克，最好将此类营养物加入流体或牛奶中内服，这将有助于改善指甲的强度。 　　2、鉴于缺乏铁元素可引起指甲干燥、脆弱，平素最好能多食些富含铁的食物，同时须摄取维生素C以提高吸收铁的能力。 　　3、每天将经过琢磨、没有缺陷的指甲浸泡在温麦芽油或其它天然油中约5-10分钟，然后从指尖向表面角质层进行按摩。若采用砂板将指甲表面轻微磨损，可以让油更易渗透进去。 　　4、每晚将手指浸泡在醋稀释液中，这是防治指甲易劈裂的良法。白碘用在指甲顶部及指甲尖下面不仅可恢复指甲的易弯曲度及强度，而且有阻碍指甲分段冲截的作用。 　　二、指甲变鱼及柒色 　　一个人罹患慢性疾病，情绪长期受压抑、吸烟，或者手指接触复写纸、染发剂等沾染物均可使指甲变色或染色。假如指甲被染色甚深，倒不如等到新指甲长出来为止。若想及时除掉表面染色，可用一片柠檬反复进行揉搓手指尖，然后再加以清洗与干燥。 　　三、指甲长得奇形怪状 　　若长期缺乏蛋白质或铁元素，通常易造成匙样或扁乎状指甲，通过改善饮食营养即可以矫正。据说佩戴人造指甲能助长指甲储存潮气、变软，造成指甲向上弯曲，对此问题应酌情增加营养，去掉所戴的人造指甲。 　　四、指甲无光泽 　　若指甲呈现波浪状且无光泽，揭示可能缺乏蛋白质，缺少维生素A及B或者揭示矿物质不足。对此可改善日常的膳食并每天补充多种维生素。外加维生素B6及锌元素15克等即可。指甲无光全部白色则提示可能罹患肝脏疾患，此时可请内科医生检查帮助诊治。 　　五、指甲苍白 　　这也许是缺乏锌元素及维生素B6不足的征象，抑或由于贫血所引起。通过改善饮食营养状况后指甲苍白的症状仍然持续存在，那么就该向医生求教，查明原因。 　　六、指甲出现凹痕 　　此种病甲表现提示身体内钙质、蛋白质、硫元素的缺乏，这些营养物质可以从蛋类、大蒜中取得，经常食用为好。 　　七、脊状、槽状及沟状指甲 　　你若佩戴人工指甲或不注意修整外表的角质层均可造成脊状、糟状及沟状指甲问题。这些异常征象可因疾病、营养缺乏所致，故尚须对症处理为宜。 　　八、线条状隆起样指甲 　　此种外观挺好看的异样指甲常常发生在情绪欠佳或疾病之后，如能每天吃富含蛋白质的适当饮食，同时摄取维生素C外加15毫克锌增补剂即可加速新生指甲的生长，从而可使水平隆起线条状指甲逐渐消失。 　　九、竖沟状指甲 　　有时这类指甲在40岁以后才会发生，此乃因细胞再生能力减弱之故，为此，每年至少需要检查一次，看有无贫血，抑或有无缺乏维生素及矿物质的情况。此种病甲可能揭示维生素A、钙质或铁元素不足。 　　十、软、弱状指甲 　　这种不健康的指甲常因过度与水或指甲化妆品类中的化学物接触所致。其次与情绪不佳，饮食不良亦有关联。日常生活中不妨多吃些向日葵籽，以增加维生素A的摄入。另外可每天口服5000毫克白云石。据报道此物可增补钙、镁两种元素，3周之内就可使软、脆的指甲恢复常态，焕然一新。 　　再例一些详细的症状，仅供参考。可别对号就入座，还是到医院里做个详细的健康检查才是根本；) 　　1、 指甲变黑、指甲下有碎状斑点表明患有感染引起的(严重心脏感染)心肌炎，其他心脏疾病，出血性疾病。 　　2、 指甲易碎表示可能缺铁，甲状腺问题，肾功能受损，血液循环问题。 　　3、 指甲脆、软易磨损，缺乏营养，可能显示甲状腺机能亢进。 　　4、 黑指甲和/或薄、扁平、汤匙状指甲，均是缺乏维生素B12或贫血的征兆。 　　(若手接触清洁剂、过敏物，指甲也可能变黑或变灰) 　　5、 指甲呈深蓝色显示肺部受阻，例如气喘或肺气肿。 　　6、 指甲尖端内陷表示心、肝或呼吸系统有异常问题。 　　7、 除局部真菌感染外，绿指甲渴显示体内细菌感染。 　　8、 指甲半白，且指尖黑点，可暗示肾脏病。 　　9、 甲床出现孤立的绿色条纹，特别匙肤色较白择，是皮肤癌的一个标准。 　　10、 串珠状指甲(表面不平)是风湿性关节炎的征兆。 　　11、 指甲延伸到指尖并向下弯曲是肺部损伤的征兆，如肺气肿、石棉肺。 　　12、 易断碎、裂痕、剥落，表示营养不良及缺乏盐酸及蛋白质。此时矿物质也极度缺乏。 　　13、 指甲基部隆起，且白色部分很小，意味这有呼吸系统疾病，如肺气肿或慢性支气管炎。这种症状有遗传的可能。 　　14、 指甲与甲床分离暗示甲状腺疾病或局限性感染。 　　15、 指甲状似被敲扁的铜管乐器，表示有部分或全部毛发脱落的倾向。 　　16、 红棕色的痘痕及指尖磨破、分叉，意味着牛皮癣；需要补充VC，叶酸，蛋白质。 　　17、 甲床周围皮肤变红意味着必需脂肪酸消化不良或结缔组织疾病，如狼疮。 　　18、 指甲上出现直立或水平状突脊。直立突脊意味着健康状况差、营养吸收不良、和/或铁缺乏、肾脏疾病。水平脊由于过重的精神压力或体力压力造成。指甲突脊交错，表示有形成关节炎的倾向。 　　19、 厚甲暗示着循环系统功能低下，血液循环不畅，甲状腺疾病。 　　20、 指甲变薄可能似扁平苔藓征兆。 　　21、 两条固定不变的白色条纹意味着低蛋白血症。 　　22、 指甲宽方暗示内分泌异常。 　　23、 白线表示可能有心脏疾病、高烧、砷中毒。 　　24、 指甲出现横向白色条纹表示可能有肝病。 　　25、 如果指根的白色半月形区域变红，表示心脏问题，若变灰青，表示重金属中毒或肺部病变。 　　26、 白指甲意味着有肝或肾病和/或贫血。 　　27、 白指甲伴近指尖处呈粉红色，是肝硬化的迹象。 　　28、 黄指甲在其他症状出现前出现，即可能意味着某些体内疾病，如淋巴、呼吸系统病变、糖尿病、肝病。</t>
  </si>
  <si>
    <t xml:space="preserve">就业竞争中是选拔者更看好技术人员还是高学历的人？ </t>
  </si>
  <si>
    <t>看情况，实用型人才吧</t>
  </si>
  <si>
    <t xml:space="preserve">怎么祛除老公的脚臭？我家老公是个汗脚，每天洗了澡或者是专门洗了脚 </t>
  </si>
  <si>
    <t>【脚臭自我治疗小妙方】 1.经常洗脚 2.在脚上使用爽身粉 3.使用止汗剂 4.经常更换袜子 5.穿通风的鞋子 6.睡前以酒精擦拭脚部，再撒些除臭粉，然后用塑胶袋套脚，以诱发流汗，次日清洗脚 部，再予以擦乾，连续如此一周，接著再每周一至两次 7.经常泡脚 8.以茶包煮水，再用脚浸入二十至三十分钟，擦乾后撒爽身粉，可防止脚臭复发 9.也可以粗盐溶於水泡水 10.醋酸铝、重碳酸钠及醋溶於水泡脚，都有除臭的作用 11.冷热交替的泡脚，有助减少流汗，防止脚臭 12.保持平静 13.注意饮食 14.勿过度劳动足部 脚气（脚臭）是由于身体的小汗腺分泌旺盛，汗腺分泌物在细菌、霉菌分解下产生秽臭。出汗促使细菌容易繁殖，因此脚臭常与多汗症伴发。 自疗注意事项: （1） 要注意清洁，保持皮肤干燥，保持脚部清洁，每天清洗数次，勤换袜子。 （2） 平时不宜穿鞋、旅游鞋等不透气的鞋子，以免造成脚汗过多，脚臭加剧。 （3） 积极消除诱发因素，如脚汗、脚癣等。 （4） 勿吃容易引发出汗的食品，如辣椒、生葱、生蒜等。 （5） 情绪宜恬静，激昂容易诱发多汗，加重脚臭。（6） 本症以外治法为主。 自治疗法: （1） 将脚放在50-60℃的热水中多烫几次，每次15分钟，每日1-2次。 （2） 用重物将丝瓜络压平做成鞋垫，可除去脚汗引起的脚臭。 （3）葛根15克、研成细末，加白酒15克、再加适量水，煎后洗脚，每日1次，1周后，可除去脚汗引起的脚臭。 （4）洗脚时，在水中加入米醋10-15毫升，调匀后，将双脚浸泡15分钟左右，每日1次，连续3-5天，脚臭即可消失。 （5） 洗脚时，在热水中加50克白矾，浸泡10分钟左右，可除脚臭。 治疗脚气九法 1、脚上患有脚气、脚癣，连续用生大蒜擦磨，便可治愈。 2、用食醋将雪花膏调成糊状，涂于患处，随配随用，轻者1次，重者2～3次可愈。 3、用茄子根和盐煮的水洗脚，即可治好脚气病。 4、夏天脚癣犯了，可先将患脚洗净，揩干，再用风油精洽搽患处，每天1～2次，一般次数便可见效。 5、取得烟灰撒在脚趾湿痒处，可治脚趾间水泡瘙痒。 6、犯有多年的脚气，可用牙膏涂搽，效果十分灵验。 7、绿茶含有鞣酸，具有抑菌作用，尤其对治疗香港脚的丝状菌有特效。 8、取麦饭石1000克，加开水2000克浸泡，每天用此水擦洗脚气或痤疮、湿疹、痱子等疾患处，有显著疗效。 9、用冰硼散3支，六一散1包，拌匀，晚上将脚冼净擦干后，用药干搽患处。一般3在左右可见效。</t>
  </si>
  <si>
    <t xml:space="preserve">说说95期的胆路,大家来讨论下西班牙和英格兰谁敢做3的胆?感觉这 </t>
  </si>
  <si>
    <t>苏格兰有曼联的弗莱彻</t>
  </si>
  <si>
    <t>求推荐高性价比相机家用，1200万像素、3</t>
  </si>
  <si>
    <t>你好：——★优先推荐“尼康 COOLPIX S4000”，去年上市的相机。特点是①、1239万像素；②、4倍光学变焦；③、电子防抖,电子减震(VR)快门；④、3张/秒的连拍功能；⑤、使用SD卡、SDHC卡两种存储卡；⑥、可录制720P 30fps的数码短片；⑦、3英寸46万像素的TFT LCD（触摸式）显示屏；⑧、感光度范围是ISO 80-3200。【该机的价格在1050左右，但很超值，大品牌、有面子】请看附图：</t>
  </si>
  <si>
    <t xml:space="preserve">魔兽争霸3哪有下载的啊,要没病毒的!!!谢谢啊 </t>
  </si>
  <si>
    <t xml:space="preserve"> ,没有病毒   完整 没有病毒</t>
  </si>
  <si>
    <t xml:space="preserve">rundll32.exe是什么文件？ </t>
  </si>
  <si>
    <t>Rundll32.exe是什么?顾名思意,“执行32位的DLL文件”。它的作用是执行DLL文件中的内部函数,这样在进程当中,只会有Rundll32.exe,而不会有DLL后门的进程,这样,就实现了进程上的隐藏。如果看到系统中有多个Rundll32.exe,不必惊慌,这证明用Rundll32.exe启动了多少个的DLL文件。当然,这些Rundll32.exe执行的DLL文件是什么,我们都可以从系统自动加载的地方找到。现在,我来介绍一下Rundll32.exe这个文件,意思上边已经说过,功能就是以命令行的方式调用动态链接程序库。系统中还有一个Rundll.exe文件,他的意思是“执行16位的DLL文件”,这里要注意一下。在来看看Rundll32.exe使用的函数原型:VoidCALLBACKFunctionName(HWNDhwnd,HINSTANCEhinst,LPTSTRlpCmdLine,IntnCmdShow);其命令行下的使用方法为:Rundll32.exeDLLname,Functionname[Arguments]DLLname为需要执行的DLL文件名;Functionname为前边需要执行的DLL文件的具体引出函数;[Arguments]为引出函数的具体参数。略谈Rundll32.exe的作用(我是菜鸟)常用Windows9x的朋友一定对Rundll32.exe和Rundll.exe这两个档案不会陌生吧,不过,由於这两个程式的功能原先只限於在微软内部使用,因而真正知道如何使用它们的朋友想必不多。那么好,如果你还不清楚的话,那么就让我来告诉你吧。首先,请你做个小实验(请事先保存好你正在执行的程式的结果,否则...):点击“开始-程式-Ms-Dos方式”,进入Dos视窗,然後键入rundll32.exeuser.exe,restartwindows,再按下回车键,这时你将看到,机器被重启了!怎么样,是不是很有趣?当然,Rundll的功能绝不仅仅是重启你的机器。其实,Rundll者,顾名思义,执行Dll也,它的功能就是以命令列的方式呼叫Windows的动态链结库,Rundll32.exe与Rundll.exe的区别就在於前者是呼叫32位的链结库,而後者是运用於16位的链结库,它们的命令格式是:RUNDLL.EXE,,这里要注意三点:1.Dll档案名中不能含有空格,比如该档案位於c:\ProgramFiles\目录,你要把这个路径改成c:\Progra~1\;2.Dll档案名与Dll入口点间的逗号不能少,否则程式将出错并且不会给出任何资讯!3.这是最重要的一点:Rundll不能用来呼叫含返回值参数的Dll,例如Win32API中的GetUserName(),GetTextFace()等。在VisualBasic中,提供了一条执行外部程式的指令Shell,格式为:Shell“命令列”如果能配合Rundll32.exe用好Shell指令,会使您的程式拥有用其他方法难以甚至无法实现的效果:仍以重启为例,传统的方法需要你在VB工程中先建立一个模组,然後写入WinAPI的声明,最後才能在程式中呼叫。而现在只需一句:Shell“rundll32.exeuser.exe,restartwindows”就搞定了!是不是方便多了?实际上,Rundll32.exe在呼叫各种Windows控制面板和系统选项方面有著独特的优势。下面,我就将本人在因特网上收集的有关Rundll的指令列举如下(很有用的,能省去你很多呼叫WindowsAPI的时间!!),供大家在程式设计中引用:命令列:rundll32.exeshell32.dll,Control_RunDLL功能:显示控制面板命令列:rundll32.exeshell32.dll,Control_RunDLLaccess.cpl,,1功能:显示“控制面板-辅助选项-键盘”选项视窗命令列:rundll32.exeshell32.dll,Control_RunDLLaccess.cpl,,2功能:显示“控制面板-辅助选项-声音”选项视窗命令列:rundll32.exeshell32.dll,Control_RunDLLaccess.cpl,,3功能:显示“控制面板-辅助选项-显示”选项视窗命令列:rundll32.exeshell32.dll,Control_RunDLLaccess.cpl,,4功能:显示“控制面板-辅助选项-滑鼠”选项视窗命令列:rundll32.exeshell32.dll,Control_RunDLLaccess.cpl,,5功能:显示“控制面板-辅助选项-传统”选项视窗命令列:rundll32.exeshell32.dll,Control_RunDLLsysdm. 功能:执行“控制面板-添加新硬体”向导。命令列:rundll32.exeshell32.dll,SHHelpShortcuts_RunDLLAddPrinter功能:执行“控制面板-添加新印表机”向导。命令列:rundll32.exeshell32.dll,Control_RunDLLappwiz.cpl,,1功能:显示“控制面板-添加/删除程式-安装/卸载”面板。命令列:rundll32.exeshell32.dll,Control_RunDLLappwiz.cpl,,2功能:显示“控制面板-添加/删除程式-安装Windows”面板。命令列:rundll32.exeshell32.dll,Control_RunDLLappwiz.cpl,,3功能:显示“控制面板-添加/删除程式-启动盘”面板。命令列:rundll32.exesyncui.dll,Briefcase_Create功能:在桌面上建立一个新的“我的公文包”。命令列:rundll32.exediskcopy.dll,DiskCopyRunDll功能:显示复制软碟视窗命令列:rundll32.exeapwiz.cpl,NewLinkHere%1功能:显示“建立快捷方式”的对话框,所建立的快捷方式的位置由%1参数决定。命令列:rundll32.exeshell32.dll,Control_RunDLLtimedate.cpl,,0功能:显示“日期与时间”选项视窗。命令列:rundll32.exeshell32.dll,Control_RunDLLtimedate.cpl,,1功能:显示“时区”选项视窗。命令列:rundll32.exernaui.dll,RnaDial[某个拨号连接的名称]功能:显示某个拨号连接的拨号视窗。如果已经拨号连接,则显示目前的连接状态的视窗。命令列:rundll32.exernaui.dll,RnaWizard功能:显示“新建拨号连接”向导的视窗。命令列:rundll32.exeshell32.dll,Control_RunDLLdesk.cpl,,0功能:显示“显示属性-背景”选项视窗。命令列:rundll32.exeshell32.dll,Control_RunDLLdesk.cpl,,1功能:显示“显示属性-萤屏保护”选项视窗。命令列:rundll32.exeshell32.dll,Control_RunDLLdesk.cpl,,2功能:显示“显示属性-外观”选项视窗。命令列:rundll32.exeshell32.dll,Control_RunDLLdesk.cpl,,3功能:显示显示“显示属性-属性”选项视窗。命令列:rundll32.exeshell32.dll,SHHelpShortcuts_RunDLLFontsFolder功能:显示Windows的“字体”档案夹。命令列:rundll32.exeshell32.dll,Control_RunDLLmain. 功能:同样是显示Windows的“字体”档案夹。命令列:rundll32.exeshell32.dll,SHformatDrive功能:显示格式化软碟对话框。命令列:rundll32.exeshell32.dll,Control_RunDLLjoy.cpl,,0功能:显示“控制面板-游戏控制器-一般”选项视窗。命令列:rundll32.exeshell32.dll,Control_RunDLLjoy.cpl,,1功能:显示“控制面板-游戏控制器-进阶”选项视窗。命令列:rundll32.exemshtml.dll,PrintHTML(HTML文档)功能:列印HTML文档。命令列:rundll32.exeshell32.dll,Control_RunDLLmlcfg32.cpl功能:显示MicrosoftExchange一般选项视窗。命令列:rundll32.exeshell32.dll,Control_RunDLLmain. 功能:显示“控制面板-滑鼠”选项。命令列:rundll32.exeshell32.dll,Control_RunDLLmain. 功能:显示“控制面板-键盘属性-速度”选项视窗。命令列:rundll32.exeshell32.dll,Control_RunDLLmain. ,,1功能:显示“控制面板-键盘属性-语言”选项视窗。命令列:rundll32.exeshell32.dll,Control_RunDLLmain. 功能:显示Windows“印表机”档案夹。命令列:rundll32.exeshell32.dll,Control_RunDLLmain. 功能:显示Windows“字体”档案夹。命令列:rundll32.exeshell32.dll,Control_RunDLLmain. 功能:显示“控制面板-输入法属性-输入法”选项视窗。命令列:rundll32.exeshell32.dll,Control_RunDLLmodem.cpl,,add功能:执行“添加新调制解调器”向导。命令列:rundll32.exeshell32.dll,Control_RunDLLmmsys.cpl,,0功能:显示“控制面板-多媒体属性-音频”属性页。命令列:rundll32.exeshell32.dll,Control_RunDLLmmsys.cpl,,1功能:显示“控制面板-多媒体属性-视频”属性页。命令列:rundll32.exeshell32.dll,Control_RunDLLmmsys.cpl,,2功能:显示“控制面板-多媒体属性-MIDI”属性页。命令列:rundll32.exeshell32.dll,Control_RunDLLmmsys.cpl,,3功能:显示“控制面板-多媒体属性-CD音乐”属性页。命令列:rundll32.exeshell32.dll,Control_RunDLLmmsys.cpl,,4功能:显示“控制面板-多媒体属性-设备”属性页。命令列:rundll32.exeshell32.dll,Control_RunDLLmmsys. 功能:显示“控制面板-声音”选项视窗。命令列:rundll32.exeshell32.dll,Control_RunDLLnetcpl.cpl功能:显示“控制面板-网路”选项视窗。命令列:rundll32.exeshell32.dll,Control_RunDLLodbccp32.cpl功能:显示ODBC32资料管理选项视窗。命令列:rundll32.exeshell32.dll,OpenAs_RunDLL{drive:\path\filename}功能:显示指定档案(drive:\path\filename)的“打开方式”对话框。命令列:rundll32.exeshell32.dll,Control_RunDLLpassword.cpl功能:显示“控制面板-密码”选项视窗。命令列:rundll32.exeshell32.dll,Control_RunDLLpowercfg.cpl功能:显示“控制面板-电源管理属性”选项视窗。命令列:rundll32.exeshell32.dll,SHHelpShortcuts_RunDLLPrintersFolder功能:显示Windows“印表机”档案夹。(同rundll32.exeshell32.dll,Control_RunDLLmain. )命令列:rundll32.exeshell32.dll,Control_RunDLLintl.cpl,,0功能:显示“控制面板-区域设置属性-区域设置”选项视窗。命令列:rundll32.exeshell32.dll,Control_RunDLLintl.cpl,,1功能:显示“控制面板-区域设置属性-数字”选项视窗。命令列:rundll32.exeshell32.dll,Control_RunDLLintl.cpl,,2功能:显示“控制面板-区域设置属性-货币”选项视窗。命令列:rundll32.exeshell32.dll,Control_RunDLLintl.cpl,,3功能:显示“控制面板-区域设置属性-时间”选项视窗。命令列:rundll32.exeshell32.dll,Control_RunDLLintl.cpl,,4功能:显示“控制面板-区域设置属性-日期”选项视窗。命令列:rundll32.exedesk.cpl,InstallScreenSaver[萤屏保护档案名]功能:将指定的萤屏保护档案设置为Windows的屏保,并显示萤屏保护属性视窗。命令列:rundll32.exeshell32.dll,Control_RunDLLsysdm.cpl,,0功能:显示“控制面板-系统属性-传统”属性视窗。命令列:rundll32.exeshell32.dll,Control_RunDLLsysdm.cpl,,1功能:显示“控制面板-系统属性-设备管理器”属性视窗。命令列:rundll32.exeshell32.dll,Control_RunDLLsysdm.cpl,,2功能:显示“控制面板-系统属性-硬体配置档案”属性视窗。命令列:rundll32.exeshell32.dll,Control_RunDLLsysdm.cpl,,3功能:显示“控制面板-系统属性-性能”属性视窗。命令列:rundll32.exeuser.exe,restartwindows功能:强行关闭所有程式并重启机器。命令列:rundll32.exeuser.exe,exitwindows功能:强行关闭所有程式并关机。命令列:rundll32.exeshell32.dll,Control_RunDLLtelephon.cpl功能:显示“拨号属性”选项视窗命令列:rundll32.exeshell32.dll,Control_RunDLLthemes.cpl功能:显示“桌面主旨”选项面板当然,不止是VisualBasic,象Delphi.VisualC++等其他程式设计语言也可以通过呼叫外部命令的方法来使用Rundll的这些功能,具体方法这里就不再详细叙述了。灵活的使用Rundll,一定会使你的程式设计轻轻松松,达到事半功倍的效果!</t>
  </si>
  <si>
    <t xml:space="preserve">树世界中如何赚钱？ </t>
  </si>
  <si>
    <t>1． 战斗玩家可以在城外通过物理攻击或者魔法攻击，击倒怪物。将鼠标移到怪物尸体上，光标将会变成小刀状，这时候单击鼠标左键就会对怪物进行解体，以获取战利品。2． 采集游戏中提供了伐采、采掘、农作业和植物采摘四种采集原材料的采集技能，通过这些采集技能，可以得到生产制作物品装备的原材料。注意：必须装备相应的采集道具才能进行采集。3． 生产玩家利用采集后的原材料，或者从商店中购买原材料，可以生产制作出各种精美物品。</t>
  </si>
  <si>
    <t xml:space="preserve">什么是角执行器是一种电动阀门，但是它的行程是带角度 </t>
  </si>
  <si>
    <t>普通电磁阀---就是有电打开，无电关闭（常闭型）。或者是有电关闭，无电打开（常开型）。这有开和关两种状态。具有角执行器的电动阀门----他可以在全开到全闭之间有多点得开度。这个阀门是旋转开启的，所以使用角度开启的装置---角执行器来执行角度的开启和闭合。谢谢你的提问！</t>
  </si>
  <si>
    <t xml:space="preserve">上海美白祛斑的天然方法_激光祛斑方法？ </t>
  </si>
  <si>
    <t>激光祛斑的针对性很强，祛斑效果明显，副作用很小，只是容易留下痕迹，需要注意术后长期的保养和防晒。激光祛斑的原理是激光仪产生一束高强度的光束，不同类型的激光可以产生不同颜色的光线。激光的禸眼色是治疗的关键，不同颜色的激光被不同颜色的皮肤吸收，并利用激光能量令染料颗粒崩解汽化，封闭血管，再由身体吸收染料颗粒将其排除体外，色素随之消退。建议：1、不吃会增加皮肤黑色素的食物，比如酱油等，在做菜的时候添加要适量，过多的酱油会增加皮肤中黑色素含量 ，增加雀斑的生长几率。 2、不要用劣质 和过期的化妆品，这样对皮肤会造成很大的损伤。 激光祛斑一般做2～3次就能达到理想效果，因为它是通过一定波长的激光被含色素的斑块吸收后，造成斑块的崩解而发挥作用的，崩解后的碎块会慢慢被身体吸收。治疗后表皮会有一些细小的渗血点，逐渐愈合产生痂皮，约3～5天结痂会自然脱落。而且，基本上所有的激光治疗都不会留下疤痕。由于某一波长的激光只被相应颜色的色素吸收。只有病变的细胞才吸收特定的激光，而正常的皮肤组织不受损伤，所以不会留下疤痕。先进的激光技术还可以控制激光所到达的皮肤深度，可调节的脉冲能够使皮肤的损伤减低到最小程度。一般在几天内皮肤可以恢复正常，不影响人们的正常生活。</t>
  </si>
  <si>
    <t xml:space="preserve">谁知道女用催情药效果？有水见过或体验过女用催情要的效果呢？是什么 </t>
  </si>
  <si>
    <t>你想干什么呀？我体验过，头晕晕的，浑身难受有点像发烧时的感觉，不知道怎么办才好。直到被插入才找到解决的办法，就是想发泄</t>
  </si>
  <si>
    <t xml:space="preserve">我还没有开过炮，阴径短小是什么问题呢？我又不想给人家知道怎么办呢? </t>
  </si>
  <si>
    <t>小弟弟的大小是由遗传因素造成的。任何因素也改变不了，小弟弟的大小丝毫不会影响性生活的质量敬请放心。</t>
  </si>
  <si>
    <t xml:space="preserve">我生完小孩二个月后,手指关结到晚上疼得厉害,不知是怎么回事 </t>
  </si>
  <si>
    <t>这说明你没有及时补钙。以前的说法是这和坐月子的时候沾了凉水有关，实际上这是不正确的。孕晚期和产后，你每天需要1200毫克钙，所以要每天喝两袋奶，再加一片钙尔奇D600。还要提醒你一点：你补钙并不会影响母乳里的钙量，所以宝宝如果缺钙的话要另补。</t>
  </si>
  <si>
    <t xml:space="preserve">在英国教堂里结婚的程序或者过程？仪式要多长时间，神父都说什么，都 </t>
  </si>
  <si>
    <t xml:space="preserve">英国：在传统的英国式婚礼上，新娘会手持象征好运的马蹄莲。若新人住在邻近教堂处，则要与观礼嘉宾步行进入教堂，并于途中撒满橙色的花。英国人的婚礼多在正午举行，随后安排午餐聚会，称作新婚餐。而英式的结婚蛋糕由大量水果制成，并在蛋糕面上饰以碎扁桃仁，顶层有“诞生之瓶”之意，会保留至第一个婴儿出生。 </t>
  </si>
  <si>
    <t xml:space="preserve">道具黄金巨龙什么属性？几个技能栏？档位？谁提供下属性是全7属性么 </t>
  </si>
  <si>
    <t>黄金巨龙新手HELP大作战，持有5只魔法黄金龙去法兰（243,83）处找奖品兑换员交换　　　种族：龙系技能：10属性：风10卡片：无法封印相关：新手HELP大作战任务BP能力LV1自带特殊技能：飓风吐息体力：★★★☆　 34档力量：★★★★　 39档防御：★★★★　 39档敏捷：★★★　　 28档魔力：★☆　　　 15档目前在淘宝网上有人卖，3月13日的时候报价是1000RMB左右一只！</t>
  </si>
  <si>
    <t xml:space="preserve">健康经常吐痰是病吗? </t>
  </si>
  <si>
    <t>请让我来回答你的问题。产生痰是人体呼吸道排污的结果。正常情况下，进入呼吸道的颗粒物、病毒、细菌等会被黏液黏住。这是黏液在保护我们自己。同时，气管中的小纤毛就像麦浪一样做纤毛运动，慢慢将这些脏东西推出来。更多的时候，黏液被人在不知不觉中吞咽下去了；当气管里的黏液多了，人就会咳嗽吐痰。 当黏膜免疫功能失调时，会导致黏液的功能下降，这时，黏膜就会分泌更多的黏液来参与“保护运动”。于是，人就感觉到了痰多。在影响黏膜免疫功能的因素中，有许多和生活习惯有关。比如抽烟、熬夜、生活环境不注意通风等。普通人消痰，只要改掉不良习惯，注意提高上呼吸道的免疫力就可以了。“早晨盐水漱口、冷水洗脸，晚上热水泡脚”是很好的办法：盐水漱口可以清洁口腔；冷水洗脸可以锻炼面部对外界气温变化的适应能力；热水泡脚则促进黏膜下小血管扩张，保证血液充分的物质交换。注意多喝水、保持室内空气湿度等也是好方法。 顺祝万事如意！</t>
  </si>
  <si>
    <t xml:space="preserve">闸阀、蝶阀、止回阀、球阀的作用和特点 </t>
  </si>
  <si>
    <t xml:space="preserve">    闸阀的使用范围最为广泛，允许阀门双侧受压，起到管道系统分开的作用。结构特点是使用上下升降的闸板，截断或限制管道的流量。常见的有单闸板、双闸板、平行式、楔式等结构。    蝶阀的特点是启闭速度较快，结构简单，造价低廉，但是严密性和承压能力不好。    球阀的特点和闸阀相似，但是，受体积和开闭阻力的限制，很难做到大口径。球阀的密封通常采用柔性材料，也难以使用在高温高压管道中。比较而言，球阀的密封比蝶阀要好一些。    止回阀的特点是限制介质的流动方向，使介质单向流动。常用的有旋启式和升降式两种。</t>
  </si>
  <si>
    <t xml:space="preserve">密码资料忘了,怎么找回密码注册帐号的时候瞎填的,现在摄取密码被改 </t>
  </si>
  <si>
    <t xml:space="preserve">如果您记得注册资料，您可以通过电子传真来修改资料或者密码，如果您的注册资料忘记了，您可以通过传真来修改您的注册资料，请您发一下传真传真内容如下： 第一：您所在的服务器 第二：您的帐号 第三：您的角色名称 第四：您的找回理由 第五：您的身份证号 第六：详细资料（如果您不记得当时注册的详细资料，请您在声明里注明同意对此帐号封停七天） 第七：您的联系电话 第八：您的身份证复印件 第九：您的真实姓名 第十: 写一份对此帐号使用权的申请 （声明这个帐号是您的，以后出现任何问题由您负责） 第十一：请您写明您的那些注册资料要改成什么样子 第十二：请把您的身份证复印件和相关需求填写好 忘了证件号 拨打客服电话 点1号键是“希望” 点2号键是“问道” 就可以进入人工服务了.......... 参考文献：传真010－58858877－6001 你可以去这个网站去取回密码，社区忘了只有这种办法最简单~！   只要记得下面几样注册时的资料就可以了~！ </t>
  </si>
  <si>
    <t xml:space="preserve">羽绒服与棉衣哪个更好?羽绒服与棉衣比起来哪个更好呢? </t>
  </si>
  <si>
    <t>要说保暖,当然是羽绒的比较好,而且比棉衣轻,不过洗起来太麻烦了,而且越洗保暖效果越打折,而且常常会有羽毛从衣服里钻出来,如果刺到皮肤就会觉得很不舒服,再加上羽绒比棉衣要臃肿很多,看起来会很显胖.当然,羽绒要比棉衣贵哟~</t>
  </si>
  <si>
    <t xml:space="preserve">hellp!赎回基金时3点前和3点后有何区别? </t>
  </si>
  <si>
    <t>3点前按今日的净值算，3点后是明天的净值了</t>
  </si>
  <si>
    <t xml:space="preserve">宝宝4个月老翻身，有时翻不过去还哭怎么办？男宝4个月。最近吃完奶 </t>
  </si>
  <si>
    <t xml:space="preserve">可帮助他一下。婴儿能在仰卧，不知不觉地俯卧过来。俯卧位翻身到仰卧位，可把孩子最喜欢的玩具放在他身旁，当他想把身体旁边的玩具拿到手时，就会翻过身来。开始时婴儿翻过身后一只手臂常常压在身体下面，可给一定的帮助，慢慢地训练婴儿自己将手放好，灵巧的翻身。帮助宝宝向左右两个方向翻。 </t>
  </si>
  <si>
    <t xml:space="preserve">怎样搜集福袋?跑跑卡丁车任务 </t>
  </si>
  <si>
    <t>玩道具赛撞道具一定几率拿到！</t>
  </si>
  <si>
    <t xml:space="preserve">山东工艺美术学院艺究竟怎样？我想知道在实际生活当中群众们的印象， </t>
  </si>
  <si>
    <t>刚才给你粘贴的 呵呵 sorry啊~  改名这事把 没听说呢  我也有同学在那 学校不错 新校区也不错 就在我们学校边上 还在建设中 宿舍条件也是数一数二的 能上网 就是 学校有些设施上还有不尽如人意的地方 如没有澡塘啊 洗澡还得去山师那 不过 这一切都会好奇来的啊 新校区在长清大学科技苑  坐20路和长途车一个小时就能到达 虽说交通便利 但还是远离城市啊~~</t>
  </si>
  <si>
    <t xml:space="preserve">宝宝需要查微量元素吗?宝宝7个月了,有哪些表现需要去查微量元素吗 </t>
  </si>
  <si>
    <t>比如说:夜惊、出汗多、爱哭闹、舔衣服、头发稀黄等等吧,就可以带宝宝去测微量元素了.现在的检查方法很简单的,有测头发值的,也有测血值的.</t>
  </si>
  <si>
    <t xml:space="preserve">突然没有奶了我家宝宝刚两个月多一点，以前的奶水可以免强够吃，可是 </t>
  </si>
  <si>
    <t>鲫鱼汤、猪脚汤、木瓜都下奶，千万别吃肝类和麦芽。</t>
  </si>
  <si>
    <t xml:space="preserve">现在的女孩子喜欢什么样子的小东西？先说明不是珠宝钻石之类的奢侈品 </t>
  </si>
  <si>
    <t>只要是自己喜欢的人送的~~女孩都会喜欢~  要用心去揣摩她们的心思~`努力啊~~</t>
  </si>
  <si>
    <t xml:space="preserve">龙艳花你在那阿！能原谅我吗？不要在不理我好吗？龙艳花：你也太狠心 </t>
  </si>
  <si>
    <t>如果你对她的爱如你说的那样，那你为何不去找她呢，在现实中，她更能看到你对她的真心。也许，你在网上的这一切，她不能看到。爱她，就不人放开她。紧紧的握住</t>
  </si>
  <si>
    <t xml:space="preserve">放不了的爱......我和男友是在网上认识的，网聊时我们非常默契 </t>
  </si>
  <si>
    <t>既然不合适了，那就放开吧，毕竟任何一句话都敌不过一句不合适呀~~~~不过虽然是这样，我还是想奉劝你一句，不是每个人，这一辈字都能找到一爱自己的人，不要等到失去以后才会想要珍惜。我曾经在爱与被爱之间，选择了去爱一个人，于是我放弃了一个爱我的人，到现在，虽然谈不上后悔，但却发现，原来爱一个人，好难！被爱是幸福的。好好想想，你想要的是什么，那就去追求什么吧~~~~~~~~</t>
  </si>
  <si>
    <t xml:space="preserve">仓鼠和巴西龟喜欢吃什么？冬眠吗？ </t>
  </si>
  <si>
    <t>冬眠 仓鼠 谷类龟 吃 鱼 虾 瘦肉 泥鳅 动物内脏 昆虫</t>
  </si>
  <si>
    <t xml:space="preserve">433的前锋选择想组一套433阵容，目前三前锋从左到右依次是阿奎 </t>
  </si>
  <si>
    <t>伊布和比利亚的组合不错。比利亚很BT，作为小个子球员已经很牛B了（后悔当初解了他.....）</t>
  </si>
  <si>
    <t xml:space="preserve">怎么样区别是真乞丐还是骗钱 </t>
  </si>
  <si>
    <t xml:space="preserve">这个问题问得很好,是个普遍存在的社会问题.特别是现在乞讨欺骗者越来越高明,伪装成各种形式乞讨者,怎样辨别还是需要敏锐的眼光呢.第一印象就可以了解到乞讨者身体状况、年龄大小，大多数乞讨者都是残疾人，看他的残疾程度，有没有工作能力等。对于可怜的小孩子乞讨者一般是受人唆使的，一天乞讨的钱不到限定数目，或者会受教唆人折磨。从某种意义上说，这是行政方面管辖的事了。个人认为，面对小孩子乞讨不应该给予施舍，让教唆人无法得到利益，从而放弃这种行为。反之，给予施舍，那么教唆人有利可途，将会更多的孩子受教唆。主要归纳一点：是否有工作能力，是否为伪装残疾人。   人人都献了一份爱心，世界会更美好！          </t>
  </si>
  <si>
    <t xml:space="preserve">刚开始学钢琴每天需要自行练习多长时间?每星期上一般上几节课? </t>
  </si>
  <si>
    <t>刚开始学钢琴每天练琴时间只能因人饮食因事而异，因人方面，4、5岁的小孩子每天只能练40分钟——1小时，随着年龄的增加而增加时间，到最长的练琴时间也不要超过4小时；成人业余学习每天1小时左右也差不多了。因事方面，如果是业余爱好，培养综合素质，每天1——2小时足矣，如果是培养走专业道路，每天至少2小时，关键时候4——6小时。上课时间：平时每周一节课，考试、比赛等之前最好能加点课。</t>
  </si>
  <si>
    <t xml:space="preserve">怎么装netframework在哪里下载netframewok2 </t>
  </si>
  <si>
    <t>微软的东西当然是到微软的官方网站上去下了,也就是microsoft download,到那里一搜.net framewok就全出来啦,关于安装嘛,直接安装就是了,一般没问题的,当然你看看网站上或附带的说明就更不容易出问题了.</t>
  </si>
  <si>
    <t xml:space="preserve">N70现在最便宜多少钱啊?行货! </t>
  </si>
  <si>
    <t xml:space="preserve">诺基N702699元。北京锐通资讯科技有限公司 2530 2007-01-12 北京星球通达商贸有限公司  2880 2007-01-12 诚实青年手机网2978 2007-01-12 速卖网 2699 2007-01-12 北京盛旗通科技有限公司 2980 2007-01-12 </t>
  </si>
  <si>
    <t xml:space="preserve">头发头发干干的，不直哦，很讨厌我是个学生，可是正直这个时代偶的头 </t>
  </si>
  <si>
    <t>我在一本书上看到，用蜂蜜和一般的护发素搅匀，在洗过头发之后均匀的涂于头发之上，等候2分钟，再洗去就可以了，我有试过，很有用的。</t>
  </si>
  <si>
    <t xml:space="preserve">在上海崇明岛唯一家上市公司是哪家？听说美国迪斯尼要在崇明建游乐园 </t>
  </si>
  <si>
    <t>世博会后，投资金额增加到400亿元的迪斯尼乐园要在崇明开工建设。受此消息刺激，有业务和地产在崇明岛的亚通股份（600692）今天开盘就涨停！为9.02元。注册地址为上海崇明县八一路1号。</t>
  </si>
  <si>
    <t xml:space="preserve">35级后几级还长自身魔法？张几点/?xiexie </t>
  </si>
  <si>
    <t>40级时加一点魔法，到46都没加了，不知46以后还有加没，这位仁兄说42级加一点魔法，真是胡扯，叫哪个法师42级时自身加一点魔法给我看啊。不懂不要乱说</t>
  </si>
  <si>
    <t xml:space="preserve">中国历史上第一部电影叫什么名字? </t>
  </si>
  <si>
    <t>●1895年12月28日，卢米埃尔兄弟在巴黎一家咖啡馆里放映了世界上的第一场。 ●1896年8月2日晚，上海徐园的一次游艺活动上，中国人第一次看到了电影。 ●1905年春夏之交，中国有了自己的第一部电影——半小时的默片《定军山》。距离电影的发明，不过10年时间。搬个小板凳，坐在露天设置的一张大白幕前，每晚期待着，《马路天使》、《一江春水向东流》、《夜半歌声》、《渡江侦察记》……小小孩总会被幕布上突然直奔而来的大老虎吓得哇哇大哭，甚至悄悄跑到白幕后，寻找幕布上走动的人影…… 渐渐地，豪华电影院取代了露天大幕布，小板凳也换成了按人体设计的舒服的沙发椅，没变的是，人们继续在银幕上，寻找着光与影的刺激，感受和体验着人间的悲欢离合，从《小花》到《庐山恋》，从《霸王别姬》到《我的父亲母亲》，从《红高粱》到《2046》…… 从1905年到2005年，中国电影即将走过100个年头。回顾中国电影百年历史，我们会吃惊地发现，这是一场怎样规模浩大的光与影的盛宴。在中国电影百年诞辰之际，金陵晚报从今日起推出“中国电影百年专题”。《定军山》启程中国电影中国电影，实际上并没有一个十分确切的诞生日期。百年之说源自1905年拍摄《定军山》，但已很难确证它是在哪一天拍摄的，或者是哪一天放映的。不过，了解内情的人都会由衷地庆幸：《定军山》给了中国电影一个还算体面的开始。金陵晚报的《中国电影百年》专题，也就从《定军山》开始。 ◆慈禧也想拍电影 曾经在国家文化部电影局任职、并长期从事中国电影研究的曹明昨天告诉记者，中国的第一部电影差一点诞生在慈禧太后的手上。 原来，1904年，也就是《定军山》拍摄一年前，慈禧太后七十寿辰之际，英国驻北京公使曾进献放映机一架、影片数套庆贺。在宫廷放映时，慈禧甚是高兴，于是心血来潮，命令连夜赶制影片贺寿，甚至还想成立电影局，用来录制清朝所谓歌舞升平的盛况。 哪知，英国公使敬献的放映机质量一般，放映技术也不怎么样，就在慈禧看得高兴时，放映机突然中途发生爆炸。吓得慈禧认为这是一个不吉利的兆头，于是当即下达了一个不准再在宫里放映电影的命令，就这样放了中国电影一条生路。 ◆《定军山》万人空巷 曹明说，中国电影的开始注定要与寿辰有关，这便是——1905年，适逢京剧老生表演艺术家谭鑫培六十寿辰，北京丰泰照相馆老板任庆泰拍摄了中国第一部电影《定军山》为其贺寿。著名京剧演员谭鑫培在镜头前表演了自己最拿手的几个片断。片子随后被拿到前门大观楼熙攘的人群中放映，万人空巷。 这一年，离狄克逊发明电影放映机过了16年，离卢米埃尔兄弟在巴黎放映《火车到站》过了10年。 《定军山》只留下一张剧照 有人说，任庆泰当年选择京剧作为中国第一部电影的素材，是无意间触摸了“明星制”的大门，因为在当时京剧可谓全国头号娱乐项目，京剧名角也就成了当之无愧的明星。 为了了解中国第一部电影的诞生经过，昨日记者辗转找到了谭鑫培的曾孙、著名京剧表演艺术家谭元寿老先生。他向记者回忆了父辈们曾经对他描述的情景。 中国第一部电影《定军山》当年的拍摄地——丰泰照相馆，如今已不复存在，而变成了“宣武实验幼儿园”。谭元寿告诉记者，庆泰年轻时曾在日本学过照相技术，1892年在琉璃厂的土地祠里开设了丰泰照相馆。这是当时北京仅有的一家照相馆，生意很兴隆。 1905年秋天，为给京剧谭派艺术创始人谭鑫培祝贺六十寿辰，任庆泰主持拍摄了电影《定军山》。“当时东交民巷有家德国商人开的祁罗孚洋行，专卖照相器材。任庆泰就从那里买来了法国制作的手摇摄影机和十四卷胶片。” 《定军山》是在丰泰照相馆的露天广场拍摄的。他们在房子的玻璃窗前挂上了白色布幔作幕布，谭鑫培老先生就在这里扮起了老将黄忠，“演的是一场诱斩夏侯渊的片断。影片前后拍摄了三天，然后在位于大栅栏的大观楼影戏园首映。现在大观楼电影院还在那里呢。”“只可惜，当时是无声电影，只能看到动作，而且那个年代也不会注重什么胶片保护，这个电影已经看不到了，连我都没看着。” 现在只保存了一张当年的剧照，照片中的谭鑫培全身披挂，一手持着象鼻大刀，一手捋着长髯，好一副威风凛凛的老黄忠形象。“这出戏讲述的是老将黄忠70岁高龄仍不服老，披挂上阵诱斩夏侯渊。而曾祖60岁主演《定军山》，寓意着他老当益壮，艺术生命常青。”</t>
  </si>
  <si>
    <t xml:space="preserve">两地分居会有好结果吗？ </t>
  </si>
  <si>
    <t>我和我男朋友也是很远，一个月也只能见一次面，但我们也是很相爱呀！他会经常在网上留言和发短信关心、鼓励我！现代人都需要有自己的空间，一分开全心投入好好处理自己的工作，为下次见面做准备，时间也会过的很快啊！要对自己和对方有信心！距离的障碍不会阻止你们相爱的，最怕的是心里有距离！当你对这份爱心存怀疑的时候，你们需要多沟通才能解决问题哦！</t>
  </si>
  <si>
    <t xml:space="preserve">在天津哪里可以免费治疗肺结核？听说肺结核是可以免费检查和治疗的， </t>
  </si>
  <si>
    <t>疾病防疫站！</t>
  </si>
  <si>
    <t xml:space="preserve">喝啤酒时为什么不能吃海鲜? </t>
  </si>
  <si>
    <t xml:space="preserve">海鲜不宜下啤酒。食用海鲜时饮用大量啤酒会产生过多的尿酸从而引发痛风。尿酸过多便会沉积在关节和软组织中，进而引起关节和组织发。着就跟吃榴莲不能喝酒一样，会产生有害物质！如何吃海鲜更安全1.海鲜生吃先冷冻、浇点淡盐水。牡蛎及一些水生贝类常存在一种“致伤弧菌”细菌。对肠道免疫功能差的人来说，生吃海鲜具有潜在的致命危害。美国研究人员发现，将牡蛎等先放在冰上，再浇上一些淡盐水，能有效杀死这种细菌，这样生吃起来就更安全。 　　2.海鲜不宜下啤酒。食用海鲜时饮用大量啤酒会产生过多的尿酸从而引发痛风。尿酸过多便会沉积在关节和软组织中，进而引起关节和组织发。 　　3.关节炎患者少吃海鲜。因海参、海鱼、海带、海菜等含有较多的尿酸，被人体吸收后可在关节中形成尿酸结晶，使关节炎症状加重。 　　4.海鲜忌与某些水果同食。鱼虾含有丰富蛋白质和钙等营养物质，如果与含有较多鞣酸的水果同吃，会降低蛋白质的营养价值，而且容易使海味中的钙质与鞣酸结合，形成一种新的不易消化的物质。含有鞣酸较多的水果有柿子、葡萄、石榴、山楂、青果等。 　　5.虾类忌与维生素C同食。美国家发现，食用虾类等水生甲壳类动物同时服用大量的维生素C能够致人死，因为一种通常被认为对人体无害的砷类在维生素C的作用下能够转化为有毒的砷。 </t>
  </si>
  <si>
    <t xml:space="preserve">离异男士如何确保经济适用房给子女我是个离异男士，有一套经济适用房 </t>
  </si>
  <si>
    <t>你再婚前将房子的继承权写成我孩子是可以的，立遗嘱并公证就行。现在是政策变化期间，赠予可能还有些难度吧！</t>
  </si>
  <si>
    <t xml:space="preserve">我的元素用雷电姿势16级怎么带雷电手镯命中会是0我的元素一直练的 </t>
  </si>
  <si>
    <t>对，雷电的技能攻击是随机产生的，范围在0-600多，也许一下秒怪，也许没有伤害。雷的攻击高，配合道具，打BB感觉还是可以的，但是个人认为还是冰的不错，能出减缓和冰冻。双修估计是必须的了。</t>
  </si>
  <si>
    <t xml:space="preserve">微星G31主板如何光驱自启动~换了主板想从做系统~进了BOSS发 </t>
  </si>
  <si>
    <t>设置光驱启动（Award BIOS）：启动按DEL键(笔记本F2)，进入主板BIOS界面。选择“Advanced  BIOS  Features”（高级BIOS功能设定）在“Advanced  BIOS  Features”页面，选择“Boot Seguence”（引导次序）按回车键，进入“Boot Seguence”界面，有“1st /2nd/3rd Boot Device”（第1第2第3启动设备）选项，此项可让你设置BIOS要载入操作系统的启动设备的次序，选择“1 st  Boot   Device”用  page Down或pageup键将其设置为“CDROM”，按ESC键退回到BIOS的主菜单，选择“SAVE &amp; EXIT SETUP”保存并退出BIOS设置环境，放入系统启动光盘，重新启动电脑，就可以实现光盘引导系统了。AMI BIOS 启动电脑，按Del进入AMI BIOS设置程序主界面，在上方菜单中用→←方向键选中“Boot”，回车，在打开的界面中用方向键↑↓选中“ Boot Device Priority”,回车，选“1st Boot Device”，回车，进options界面，用PgUp或PgDn键，将“1st Boot Device”设置成 “CD/DVD：3S-PH……”（光驱启动），按Esc，按F10，再按Y，回车，保存退出。笔记本BIOS设置 默认是光驱启动，如果改动过的可以再改回来。启动电脑，按F2（F1、F10、F12）进入AMI BIOS设置程序主界面，在上方菜单中找到“Boot”选中，回车，在打开的界面中将CD-ROM Drive(光驱启动)用键盘+和-键，设置到最上端，按F10保存退出。</t>
  </si>
  <si>
    <t xml:space="preserve">换胎请问专家，我两厢飞度准备换米其林185/60R14的胎，①油 </t>
  </si>
  <si>
    <t>答: 这是一个不错的选择.理论上,换胎之后,油耗会减少,里程表、速度表变化不大,操控性会提高.</t>
  </si>
  <si>
    <t xml:space="preserve">谁能帮我出出主意?我是一个生活在舟山的四川小女孩,我学的是室内设 </t>
  </si>
  <si>
    <t>还是建议你先驱比较成熟的市场修炼1～2年,理由有三：1、这样你可以更好地把握行业发展趋势和优秀的设计，这样你回到家乡后，你的设计就会与众不同的新颖，这个优势足以弥补设计经验的不足。2、可以学到优秀的管理经验和市场开发经验。这是一个企业能否生存发展的关键。这一点是必须学的。3、可以了解行业竞争的手段，发现企业运营中的漏洞（往往旁观者的角度更容易发现问题），这样你才能应付将来的残酷竞争。家装市场的重复使用的周期很长，主要是看新市场的开发能力，所以一两年的时间不算什么。用1～2年的时间储备力量，打好基础，然后才重拳出击，必然一炮打响。祝你成功！2004.12.15</t>
  </si>
  <si>
    <t xml:space="preserve">请教钱老师请问钱老师300250是否双底形态已破坏能等它跌下来再 </t>
  </si>
  <si>
    <t>300250：正如你说的那样——大双底跌破了。如果周五不能反弹（反弹可能性不大）回来，减仓是必要的。现在不能补仓，也看不到何时能够企稳。但是等大盘破了2000点再说。目前赚钱事小，不亏是大。目前，反弹的股票不少，也有涨停的，但是这只股票通常都发现不了，等看到了拉升，基本离涨停已经不远。追不追？俺以为不能追，一日游的走势往往专门套追高的。而连续下跌的股票能不能抄底？俺以为不能抄，因为绝大多数都不是底。抄底进去一样被套。高低都不能买，如果不是短线高手，持币不操作就是最好的操作。这只股票将来大盘走好的时候，还是有些潜力的。</t>
  </si>
  <si>
    <t xml:space="preserve">怎么样让图片和字体集合在一起？用什么软件？怎么样让图片和字体集合 </t>
  </si>
  <si>
    <t>photoshop,Corledraw,甚至Windows的画图都有这个功能</t>
  </si>
  <si>
    <t xml:space="preserve">我想写日记在什么地方写别人看不到 </t>
  </si>
  <si>
    <t>您好：对于到访您的博客的网友是无法设置“障碍”的，别人可以浏览查阅您的博文日志。无法现在新浪博客还没有提供这一功能（自由选择博客公开或不公开），并且原来有的隐藏代码现在也无法使用了，代码添加后无任何效果。“博客”是公开的网络日志，无法设定某一人或某些人禁止查阅。当然每个人都有自己的隐私，如果不愿意让别人看到您的博文，只有将文章保存在草稿箱内不发表， 或发表后删除文章，也会暂时存放到“回收站”，只要您不自己删除，同样也会保留。如果您有此需求，建议您点击博客下面的“新浪BLOG意见反馈留言板”或拨打客服电话：95105670 提示音后按2键*2键（按当地市话标准计费），提出你的意见建议，工作人员收到您的提议留言后，会记录下来，您提出的意见、建议也许就是今后我们的博客功能更改的地方，相信新浪博客会越变越好！祝愉快！工作顺利！</t>
  </si>
  <si>
    <t xml:space="preserve">一个不算问题的问题我觉得风火之旅把画面渲染是好的！但是应该在把画 </t>
  </si>
  <si>
    <t>我觉现在都是高科技时代了,而且生活也好了对什么东西的要求也高了玩游戏当然也要高质量的画面,我本人认为魔兽世界的画面我就不喜欢</t>
  </si>
  <si>
    <t>请教</t>
  </si>
  <si>
    <t>养这东西就一个字【贵】</t>
  </si>
  <si>
    <t xml:space="preserve">无充值记录大号也照删吗？求解电信4区、5区10月20日17：00 </t>
  </si>
  <si>
    <t>不会D，放心吧，得满足以上3个条件的号才回删的。想当年我也和LZ一样的想法，那时候我的号是没充值记录的，为了不被删号我还想跑去买个点卡冲了再说。。。。。</t>
  </si>
  <si>
    <t xml:space="preserve">夫妻之间该有秘密吗？ </t>
  </si>
  <si>
    <t>夫妻间，我首先是指那种彼此相知相爱的夫妻间，一般不会有秘密，顶多有隐私。如果一方不愿意说，对方也会尊重他，不刨根问底。但如果对方一定要知道，也应该可以光明正大交待。两个相知相爱的人，没有什么不能理解、包容和原谅的事，也不会做对不起对方的事。但也有并不因为爱情而结婚的夫妻，只因为经济、政治等物质原因，走到一起。这种夫妻，谈不上什么感情和信任。平常只是你监督我，我防着你，我猜忌你，你怀疑我，生怕他们本来根基就不牢靠、动机就不纯的婚姻就此破产。这样的婚姻中，别说秘密这种暧昧的东西了，什么肮脏的东西没有呢？我想完美的、真正相爱的夫妻中不该有秘密。</t>
  </si>
  <si>
    <t xml:space="preserve">想学跆拳道～～如果想学跆拳道需要什么身体素质和条件吗，我的身体比 </t>
  </si>
  <si>
    <t xml:space="preserve">一,学跆拳道的基本要求是什么？-  &gt; 游戏 &gt; 魔兽世界解决时间：2008-6-13 08:44基本要求: 要灵活.用脚的毕竟靠的是灵活+威力.脚威力本来就大,所以注重灵活.怎么样才灵活呢?身体素质一样要好.每天3组俯卧撑1组30个,3组仰卧起坐,1组40个.韧带要好.好的韧带才能踢好动作,多练鹤立.也就是单脚站立,另外一个脚收起来.每天最少30分钟,刚开始不行,建议分组来.每组5分钟.做7组.(因为你分开,所以要多一组.) 截拳道的精髓在于快,狠,准.我感觉这是在放屁!李小龙厉害在于他的爆发力,而不在于招式.有他的素质就算用柔道也一样厉害.快,狠,准这就是在忽悠人,绝大多数武术都是这个要求.只要我速度够快,我什么都不学,我一拳打过去,你还没反应就中了.你就算学绝世武功有怎么样? 跆拳道被一些粗浅的人看不起,是因为练习的人急功,没练好基础(鹤立),练脚的多练下鹤立就好了. 第一是尊重你的对手和老师.二,学跆拳道需要怎样的身高条件呢? - 百度知道 &gt; 奥运/体育 &gt; 搏击项目 解决时间：2007-2-25 21:15没有要求身高,但是一定要瘦,因为比赛都是按级别来打的,通常分42kg ,46kg,50kg,54kg,58kg,62kg,65kg,70kg,75kg等,所以你个子不高,可以打小级别的,但是要是体重太大,个子也不高,那就最好不要练跆拳道,跆拳道主要是靠脚来攻击对方的,不能用手,只是在2个人靠在一起的时候可以用直拳把对方打开,而且只能打胸部,如果穿着护具,是没有一点杀伤力的,个子低了就容易让对方踢到头部,不占优势,而且还不让攻击腰部以下,你的个子要是比对方低很多,你每次攻击,腿都要踢的很高,那样会很累. </t>
  </si>
  <si>
    <t xml:space="preserve">北京哪个搬家公司提供包装箱？要搬家了，家里的杂物甚多，最好能有些 </t>
  </si>
  <si>
    <t>具我所知,搬家公司一般不提供包装箱,你要找包装箱可以到到你家附近的各家超市,他们那里有你要找的包装箱,可能要花点银子,还算比较算.或者和收废品的师傅讲一下,让他帮忙留几个,给他点钱</t>
  </si>
  <si>
    <t xml:space="preserve">请问用苏打水冲洗,浓度高了会不会有什么问题?会不会杀死精子?谢谢? </t>
  </si>
  <si>
    <t>不要太浓，精子的适应环境是有一定要求的，祝你好孕！</t>
  </si>
  <si>
    <t>中国彩票黑!黑!黑</t>
  </si>
  <si>
    <t>应该是真的 我以前一个号码一期买了20注</t>
  </si>
  <si>
    <t xml:space="preserve">我想考2012年教师资格证报考条件怎样，报考时间是什么时候？怎样 </t>
  </si>
  <si>
    <t>一，首先是你的报名条件 申请幼儿园、小学、初级中学、高级中学及中职教师资格的人员须参加中小学和幼儿园教师资格考试.2011年及以前已入学的全日制普通院校师范类专业学生,可持毕业证书直接认定相应的教师资格.2. 具备《湖北省中小学和幼儿园教师资格考试改革试点工作实施方案》(鄂教师[2011]18号)规定的相应学历条件.报考幼儿园教师资格,应当具备幼儿师范学校毕业及以上学历;报考小学教师资格,应当具备大学专科毕业及以上学历;报考初级中学、初级职业学校、专业课教师资格,高级中学、中等专业学校、技工学校、职业高中文化课教师资格,应当具备大学本科毕业及以上学历;报考中等专业学校,技工学校和职业高中学生实习指导教师资格的,应当具备大学专科毕业及以上学历,同时还应具备相当于助理工程师以上专业技术资格或者中级以上工人技术等级.在校生仅限毕业年级生报考,报考时应提供学校出具的在籍学习证明.3. 根据教育部教师资格申请考试改革试点的要求,凡取得湖北省申请教师资格教育学和心理学考试单科或双科合格证,有效期截止到2013年上半年,过期不再办理免考手续.对啦，你是湖北武汉的吧，如果是我也建议你直接去它的总部（武汉市光谷国际广场A座23楼），我就去过，环境还不错的撒。二，这是它的报名时间2012年下半年中小学和幼儿园教师资格考试笔试报名时间:10月8日至15日;现场确认及缴费时间:10月16日至19日;笔试考试时间:11月11日.面试报名时间:12月10日至14日;现场确认及缴费时间:12月15日至18日;面试考试时间:2013年1月5日至6三，你要报班的话我可以推荐一个撒：   这个详细信息你都可以查的的，可以根据自己的情况来撒。</t>
  </si>
  <si>
    <t xml:space="preserve">这算不出门知天下事？您说，上网算不算不出门知天下事？ </t>
  </si>
  <si>
    <t>过去是秀才不出门，能知天下事。现在在连俺这种扫盲班出身的都能不出屋就知天下事了，康熙皇帝也得羡慕俺。当然算!吃喝拉撒天文地理国事家事天下事......啥都有,看不过来耶!算 网上 经常 写一些 奇闻异事是别的媒体 不敢办到的多上网还是有益处的.......</t>
  </si>
  <si>
    <t xml:space="preserve">天津临时客站在那里火车站 </t>
  </si>
  <si>
    <t xml:space="preserve">天津站搬迁至新建的天津临时客站，位于中环线河东区一侧的东兴立交桥附近。 为配合天津站改造重点工程，市客管部门将延伸、调整多条公交线路走向，确保中心城区各个区域都有通往临时客站的公交车。据了解，市客管部门将设置6000平方米规模的临时公交站，并对天津站周边40多条线路走向进行详实调查后，根据未来的客流需要，公交部门将延伸5条线路至临时客站。为保证乘客零距离进入临时客站，还将新辟1条月牙河公交站至临时客站的环形专线，并调整两条线途经临时客站。加上以往通往这里的7条线，临时客站启用后，每天将有15条线路以5、6分钟的车次间隔，确保市民顺畅乘车来往临时客站。原有的7条线路：30路、42路、47路、48路、666路、862路、912路均通往临时客站。 </t>
  </si>
  <si>
    <t xml:space="preserve">关于基金转换确认时间的问题?1.股基转换成货基,几天确认?2.确 </t>
  </si>
  <si>
    <t>所有基金转换操作，如果是当天三点前操作，第二天确认，第三天即可再次操作。周四转货基，周五确认，下周一可再操作。</t>
  </si>
  <si>
    <t xml:space="preserve">桌面的图标点不开，怎么办？桌面上的图标大都点不开，除了我的电脑、 </t>
  </si>
  <si>
    <t xml:space="preserve">估计是中毒了，查杀病毒看看。运行一下我给你的附件看看，不行的话重启电脑连续按F8键,在出现的菜单中选择"最后一次正确配置"回车\回车试试. </t>
  </si>
  <si>
    <t xml:space="preserve">前囟门怎么不跳?我宝宝从生后囟门就基本看不到跳动,现在两个多月了 </t>
  </si>
  <si>
    <t>我的宝宝50天，也这样，一生下来就是摸得出来，但看不出来跳，体检时医生说是正常的，不是闭合，也没说原因。</t>
  </si>
  <si>
    <t xml:space="preserve">是哪的电话？ </t>
  </si>
  <si>
    <t>天津的</t>
  </si>
  <si>
    <t xml:space="preserve">考研政治要用哪些辅导书？都说真题很重要，但是用任三序的话，里面就 </t>
  </si>
  <si>
    <t>我也在用他的书，我今天也在想这个问题。就是今看上研一的我的一个学长，就买了任的书，也没有上他的班，结果他在去年的考试中得了87分的高分，他反复看了三四遍。我想这个应该可以给你一些启发，同时也给我了！！！！</t>
  </si>
  <si>
    <t xml:space="preserve">《刀剑封魔录外传：上古传说》七本刀剑天书的位置 </t>
  </si>
  <si>
    <t>请注意： 刀剑封魔录：上古传说 游戏应该可以收集到7本天书 分别是：1.M天书2.Y天书3.S天书4.T天书5.E天书6.R天书7.Y天书组合即 mystery(神秘)得到后放入聚宝盆炼成神药吃下去后可以拥有无限怒气 即可以无限使用大绝招哦！对于以上天书的取法 新浪游戏 有相关介绍！你可以去看看！</t>
  </si>
  <si>
    <t xml:space="preserve">我在网上看到有统帅U联盟主题社区，不知道是个什么东东？据说是家电? </t>
  </si>
  <si>
    <t>统帅U联盟是海尔集团旗下的统帅品牌所创建的家电信息分享平台，“U”是UNITE的缩写，U代表着你我，代表着联合，代表着共赢！统帅U联盟致力于打造一支可以进行家电产品网络推广的联盟队伍，这支联盟队伍将为消费者提供家电领域最具亲和力、最实在、最靠谱的家电产品导购信息。您免费注册就可以加入这支联盟队伍，成为“U团长”，如果成功向您的朋友推荐购买了U联盟定期活动中的优惠家电产品，您就会获得商品单价5%的佣金返利。</t>
  </si>
  <si>
    <t xml:space="preserve">怎么从望京去欢乐谷我家住南湖东园到欢乐谷怎么做车比较顺 </t>
  </si>
  <si>
    <t>657路换乘31或者677换乘31路657 677 南湖东园在同一个站台都在中福百货斜对面那里建议从南湖东园乘坐677路到朝阳公园下车下车原地等候31路即可理由如下首先657路走四环客流量大被称之为民工车 其次677路有空调 目前来说多数质量效果很好657只有个别车辆有空调再次持卡全程只需677 31 各0.4元若是657 倒31 全程花费是657路0.6元 31路是0.4元677换乘31缺点就是这么走要绕点远</t>
  </si>
  <si>
    <t xml:space="preserve">我该不该回头我和男友刚相恋2个月时,他说他爸不同意我和他一起(因 </t>
  </si>
  <si>
    <t>他很为难，夹在你和父母之间！既然他选择了你，说明他很爱你！珍惜吧！多替他想想！</t>
  </si>
  <si>
    <t xml:space="preserve">日本,什么是"株式会社"? </t>
  </si>
  <si>
    <t xml:space="preserve">日本企业称为“株式会社”，含义即企业如一个大家庭，为了避免家庭内部产生对抗，每一个人都有责任维持家庭内部的和谐、团结。日本现在有很多学者写了“和拢经营革命”、“和拢经营哲学”等书。“和”即和谐，“拢”即靠拢，就是说：一个工厂、企业的内部，要凝聚在一起，大家紧密地连结成一体。整个公司好比一部机器，每一个人便是其中的一颗螺丝钉，缺少任何一个，机器便要发生故障。在作出重大决策时，要经多层次的研究，以及全体成员共同讨论，然后才集中，尽量避免上下、左右之间的对抗而消耗自己的力量。参考资料： </t>
  </si>
  <si>
    <t xml:space="preserve">重庆咖啡用品店请问重庆那里有咖啡用品店？就是可以买到豆子和咖啡粉 </t>
  </si>
  <si>
    <t>器具在基本是商场里都有，主要是看你想买哪种了，哪个价位的了咖啡豆可以在超市买，我在沃尔玛，家乐福以及新世纪都看见过，而且也还可以在网上买撒。</t>
  </si>
  <si>
    <t>已知|x</t>
  </si>
  <si>
    <t xml:space="preserve">|x-a|&lt;ε/2m,a-ε/2m&lt;x&lt;a+ε/2may-εy/2m&lt;xy&lt;ay+εy/2m0&lt;y&lt;may-ε/2&lt;xy&lt;ay+ε/2(1)0&lt;|y-b|&lt;ε/2|a|,y-ε/2|a|&lt;b|&lt;y+ε/2|a|(*)当a&gt;0时，ay-ε/2&lt;ab&lt;ay+ε/2-ay-ε/2&lt;-ab&lt;-ay+ε/2(2)(1)+(2)得-ε&lt;xy-ab&lt;ε即|xy-ab|&lt;ε(*)式中，当a&lt;0时，-a&gt;0,-ay-ε/2&lt;-ab&lt;-ay+ε/2(3)(1)+(3)得-ε&lt;xy-ab&lt;ε即|xy-ab|&lt;ε综上所述|xy-ab|&lt;ε成立 </t>
  </si>
  <si>
    <t xml:space="preserve">怎么进不了服务器啊其他正常　只是在选择服务器是按确定没用在一二章 </t>
  </si>
  <si>
    <t>1、二章只能进38，39，40服务器。2、运行程序，然后点“Full Check”，重新全面检查所有文件。一般这样做就OK了。3、实在不行，重装客户端试试。4、再不行，重装操作系统。</t>
  </si>
  <si>
    <t xml:space="preserve">两个人的饭菜真不好弄,想吃点好的吧,辛苦半天,吃不了多少,不弄吧? </t>
  </si>
  <si>
    <t>我喜欢煲汤，煲个大汤（菌菇排骨或者鸡汤之类的），回家弄个蔬菜，就能吃饭了，又快又营养。汤就算一天吃不完，第二天还可以吃，越煲越好吃的。</t>
  </si>
  <si>
    <t xml:space="preserve">龟尾什么用 </t>
  </si>
  <si>
    <t>卖钱，很值钱的没有别的用途不知道是否可以换马戏团奖券</t>
  </si>
  <si>
    <t xml:space="preserve">怠速状态下，如果我轻微制动，是不是可以得到比怠速更缓慢的车速？怠? </t>
  </si>
  <si>
    <t>如果制动过份当然会息火！怠速状态下你可以用离合来控制车速。我的理解楼主指的“怠速”应该是“车子挂一挡但是不给油”是吧！如果是的话那就不要只踩刹车不踩离合，因为很容易息火。</t>
  </si>
  <si>
    <t xml:space="preserve">手机银行讲师培训师刘杰克老师的课程怎么样?上课气氛如何？ </t>
  </si>
  <si>
    <t>我之前听过刘杰克老师的课程，觉得挺不错的，对我的帮助很大，刘杰克是以理论体系与实战案例解析相结合的方式进行授课，以大量实战案例支持理论体系，既有理论高度，又有实战深度；内容严谨充实又不乏轻松幽默；同时加入学员案例演练，增强课程的互动性。挺不错。你可以看看。</t>
  </si>
  <si>
    <t xml:space="preserve">徐志摩 </t>
  </si>
  <si>
    <t xml:space="preserve">徐志摩简介        徐志摩  （1897～1931）现代诗人、家。名章?Γ拭虾⒃浦泻椎取Ｕ憬Ｄ恕? 1915年毕业于杭州一中、  先后就读于上海沪江大学、  天津北洋大学和北京大学。  1918年赴美国学习银行学。  1921年赴英国留学，  入伦敦剑桥大学当特别生，  研究政治经济学。  在剑桥两年深受西方教育  的熏陶及欧美浪漫主义和  唯美派诗人的影响。  1921年开始创作新诗。  1922年返国后在报刊上发表大量诗文。  1923年，参与发起成立新月社。  加入文学研究会。1924年与胡适  、陈西滢等创办《现代评论》  周刊，任北京大学教授。印度大诗人  泰戈尔访华时任翻译。1925年赴欧洲、  游历苏、德、意、法等国。1926年在北京主编  《晨报》副刊《诗镌》，与闻一多、  朱湘等人开展新诗格律化运动，  影响到新诗艺术的发展。同年移居上海，  任光华大学、大夏大学和南京中央大学教授。  1927年参加创办新月书店。次年《新月》  月刊创刊后任主编。并出国游历英、美、日  、印诸国。1930年任中华文化基金委员会委员，  被选为英国诗社社员。同年冬到北京大学与北京女子大学任教。  1931年初，与陈梦家、方玮德创办《诗刊》季刊，  被推选为笔会中国分会理事。同年11月19日，  由南京乘飞机到北平，因遇雾在济南附近触山，  机坠身亡。著有诗集《志摩的诗》，《翡冷翠的一夜》  、《猛虎集》、《云游》，散文集《落叶》、  《巴黎的鳞爪》、《自剖》、《秋》，小说散文集  《轮盘》，戏剧《卞昆冈》（与陆小曼合写）  ，日记《爱眉小札》、《志摩日记》，译著《  曼殊斐尔小说集》等。他的作品已编为《徐志摩文集》  出版。徐诗字句清新，韵律谐和，比喻新奇，想象丰富，  意境优美，神思飘逸，富于变化，并追求艺术形式的整饬、  华美，具有鲜明的艺术个性，为新月派的代表诗人。他的散文也自成一格  ，取得了不亚于诗歌的成就，其中《自剖》、《想飞》、  《我所知道的康桥》、《翡冷翠山居闲话》等都是传世的 </t>
  </si>
  <si>
    <t xml:space="preserve">电脑辐射一般来自哪里机箱还是显示器 </t>
  </si>
  <si>
    <t>只要有电经过的地方，就有电磁辐射。整个机器辐射最大的地方。。。（如果你有用机箱，并且机箱盖子不打开的习惯的话)那么，就是键盘。。。一般来说，大家都认为显示器的辐射比较大。。但是通过tco认证的显示器，基本上都可以把辐射降低到最低。。某些品牌的显示器在显像管后面都有一个闪闪发亮的电磁屏蔽照，可以在原厂sony，eizo等高端品牌上看到。（欣喜地发现在三星的低端显示器上也发现了）机箱，如果你用得比较好的机箱，如通过emi认证的机箱，电磁辐射也是会降到很低的，具体可以找些资料来看，google 上面大把为什么说键盘的辐射比较大呢。。。。键盘的通体是塑料的，上面几乎没有电磁屏蔽的地方。。。而且，我们接触的最频繁。。。。</t>
  </si>
  <si>
    <t xml:space="preserve">beyond什么时候开演唱会 </t>
  </si>
  <si>
    <t>5月27日再北京！！！！告别演唱会！！！！！！！！！！！</t>
  </si>
  <si>
    <t xml:space="preserve">我党在战时临时成立的中华苏维埃共和国发行的钞票有哪些面值，谁有图? </t>
  </si>
  <si>
    <t>太多了，当时不仅中央苏维埃政府，包括其他的边区也发行过钱币，种类繁多！当时主要发行的有两种---纸币和银圆，银圆当时一共发行了17种，包括瑞金时期，陕甘宁边区时期（由于银圆是硬通货，所以也和国统区的民国银圆混用）；至于纸币，很难统计，因为几乎每个边区都发行过，而且纸币是代金券是信用货币，发行的数量都是根据根据地的财政实力而定，当时中央并没有能力统一财政，所以这方面的数据还需要整理，但47-49年发行的第一套人民币倒是有记录，这些图片可以上百度去浏览！</t>
  </si>
  <si>
    <t xml:space="preserve">如何查询手机卡激活码是否正确 </t>
  </si>
  <si>
    <t>手机卡激活时间？是指的手机卡在网多长时间什么时候激活的这张卡，还是指你现在还没有激活，查询一下激活的最晚时间？详细一点比较好回答，嘿嘿 一般情况就是找客服了，移动10086联通10010</t>
  </si>
  <si>
    <t xml:space="preserve">我想问下，公司的一些会展的设计有哪些标准要求吗？最好是对这方面有? </t>
  </si>
  <si>
    <t>其实会展的设计并不是非常“死板的”，相反是非常“灵活的”，也就是说贵公司的一些企业文化，企业索要展示的内容是有很大的关联的。我这顺便向您推荐下上海德展展览公司，他们做公司会展这块经验是很丰富的。</t>
  </si>
  <si>
    <t xml:space="preserve">国际运输保险有一份FOB合同，货物在装船后，卖方向买方发出装船通 </t>
  </si>
  <si>
    <t>偶尔经过这里,看到这位朋友的提问,作为一名从业人员,简要解答,粗糙之处,敬请指正!1、在上述情况下，保险公司是有权利拒绝赔偿的。2、原因在于这份合同是FOB合同，在FOB条件下，卖方对标的具有可保利益，但与保险公司之间不存在有效的合同关系，因而无权提出索赔。而买方虽与保险公司签订合同，购买保险，但此种情况下，买方未取得货物所有权，故对标的不具有可保利益，因此也无权向保险人索赔。3、在FOB、CFR条件下，对“仓至仓”条款理解，实际应为“船至仓”。</t>
  </si>
  <si>
    <t xml:space="preserve">大跃进年代的邮票收藏价值大吗?请专家评说，我收藏多年的大跃进年代 </t>
  </si>
  <si>
    <t xml:space="preserve">上面一套是1958年发行的纪55《全国工业交通展览会》，旧票一套在20元左右，但是你的第一枚有损伤，估计价格在15元左右。下面一套是1959年发行的纪58《一九五八年钢铁生产大跃进》邮票，旧票一套价格在25元左右。 </t>
  </si>
  <si>
    <t xml:space="preserve">孕妇梦到自己开店是什么意思？ </t>
  </si>
  <si>
    <t>是因为平时不工作太无聊了 好好休息哦 祝宝宝健康请给我一个好评哦 谢谢</t>
  </si>
  <si>
    <t xml:space="preserve">VS2010.NET中扩展管理器有什么作用？ </t>
  </si>
  <si>
    <t>最新.net可以通过扩展管理器，可以直接在线搜索安装扩展，DSL都是以扩展的方式安装。</t>
  </si>
  <si>
    <t xml:space="preserve">介绍几个定型的嗜喱水牌子,价格一般在30元以下 </t>
  </si>
  <si>
    <t>隆力奇的嗜喱水我感觉很好,因为我也老用 这些.比起其他的它要好用一些,.</t>
  </si>
  <si>
    <t xml:space="preserve">谁知道变挡和外挂在哪下？你们外挂跟变挡都是在哪弄的，别太贪心给哥 </t>
  </si>
  <si>
    <t xml:space="preserve"> 　　汇龙软件　外挂软件多多呢！</t>
  </si>
  <si>
    <t xml:space="preserve">人为了什么才活着？我知道同样的问题已经不知有多少了，我也知道这样 </t>
  </si>
  <si>
    <t xml:space="preserve">活着就是要探索为什么要活着,直到知道了我们为什么要活着^^^(活着的意义)所谓意义，应该是客观的，自然的。我要说的是人类，而并非某一个人，那么所谓的奉献论就是谈不通的，对于博大而永恒的宇宙来说，人类连个垃圾都算不上，人类只是为了自己而活，我们说保护环境也只是保护适合自己生存的环境。的发达以及进化论的突破，使人类越来越清楚自己的位置 -自然的产物。你来到这个世界上不是你自己决定的，甚至你离开这个世界时也不是。人类是渺小的，充其量不过是宇宙新陈代谢过程中微不足道的一环。芝麻大的意义和饭粒大的意义有区别吗？这不是悲观，事实本来如此。但是反过来想，世界的其他组成部分也同样平凡，而且人还是万物之灵，说你“猪狗不如”你一定不爱听，这也是足以令人类自豪的事情了。物竞天择，适者生存，至少在地球上，人类是呼风唤雨的霸主。 单独的一个人，宏观来看更没什么意义。我们是自然而然的存在，尽管没意义，但生存是我们的权利，至少还没人有权利剥夺我们的这个权力。如果说有意义，应该是指相对的意义，是创造意义而不是寻找意义。小的范围来说我们报答了父母，养育了子女，愉悦了他人；大的范围，我们可能帮助过一些人，为社会做出贡献，为人类发展做出贡献，从而载入史册。这也是社会的主流意识。不过我想强调的是人本来并没有任何义务，你可以选择什么都不做，如果你能够生存下去的话。我们之所以，希望做得出色一点，无非是为了活得更好，活得更精彩。而这就是我们的目的。 人为什么活着？人活着为什么？生命到底有没有意义、价值、目的？ 外国的加缪、弗兰克、陀斯妥也夫斯基，中国的周国平、李银河，历代还有谁正面回应过这《十万个为什么》中没有的，第一个为什么？ 是为了活着而活着？是为了找到爱与幸福？是为了发展完善全面自身？是为了往上爬，追求更真更善更美？是为了穷尽自然社会一切领域，归纳出大统一理论？是为了研透众生万物的奥秘，浩瀚宇宙的起源终结？是为了人类不可逆的进化和加速度的文明？是为了千秋万代后，最终的大同（孔子）、天堂（基督）、理想国（柏拉图）、乌托邦（托马斯·莫尔）、美丽新世界（阿道斯·赫胥黎）、共产主义社会（卡尔·马克思）？ 如果这一切都到达了，达到了，那接下去人又为什么活着？如果找到人活着的意义，那接下去宇宙又为什么存在？宇宙有边无界还是有界无边？宇宙会永恒膨涨成一片真空，还是临界坍缩成一粒奇点？ 宇宙外还有宇宙吗？用地球尺度，人是一颗尘埃，用宇宙尺度，地球是一颗尘埃。若“天外有天”，宇宙外还有宇宙，那么我们存在的宇宙是否也是一颗尘埃，而我们将是尘埃的尘埃的尘埃…… “跟我一起老去/最好的还在后头/生命的最终/为了它才造成最初”，千古憧憬的A·阿西莫夫啊，娜娜出走了，最终之后呢？ “生年不满百，常怀千岁忧”，是否人类的智慧先天注定答不出这些元问题？是否得留待宇宙间更高级生物？然而宇宙间更高级生物有吗？是三维、四维、三点五维？他们若知道，他们自己又为什么活着？ 是否我们全部的努力，都只能双曲线似无限接近，却不能真正接触？就象夸父追日，既悲壮又可笑，他前进多少它后退多少。甚至更惨——夸父前面毕竟燃着个金色的句号，我们却在捕风、在扑空、在寻求一个梦幻泡影般的问号。 面对希腊神庙上刻着的“人啊，认识你自己”，在根本意义上，人类是否注定无知，不知其然，不知其所以然？ 如果死亡是另一种存在，另一种物质状态，另一种生命形式，是否只有死去后才会找到活着的意义？如果只有活着才能找到活着的意义，是否即使活得磨难，耻辱、毫无尊严，付出如何惨重的代价都值？如果这样，那一切后找到的意义是否还有意义吗？是否得不偿失？ “苦海无边”（佛陀），“寿者多辱”（庄周），越成长越污染越丑陋。是活得象一个人，清白、尊严、自由、不能就自杀是岸；还是为了找到活着的意义，什么都可忍、可苟且、好死不如赖活？成王败寇，是否真正的英雄应该选择跪着生，而不是站着死？目的与过程哪个更重要？ 如果这是一枚永旋不倒的硬币，是否我们只能哈姆雷特式，陷入两难悖论？活不是，死不是，日子于是妥协过，“人生几何时，怀忧终年月”。直至临尽时，黯然念起那句自谶——早知今日灰灰去，深悔当年白白来。 解不出这终极的Why，我相信五千年地球文明长如万古黑夜，四十六亿年地球史等于一张白卷。所有伟人、圣贤、天才、思想家；所有科学、宗教、艺术、文化，世间种种皆失败得够呛！ 忘不了暮年萨特的自省：“生活给了我很多，同时也让我明白，这一切并没多少意思”。他以毫不感恩的口吻，淡淡否定那传奇、轰动、影响好几代的一生。“他人是地狱”，找不到活着的意义，人间就是地狱。找不到活着的意义，真善美的天堂不过粉饰出无数浅薄的乐观者，就象假丑恶的世道越来越逼人成深刻的悲观者。找不到活着的意义，生活即使常有些小快乐、小满足、小兴趣，终究难味真正的大幸福。找不到活着的意义，日子无论怎阳光，内心终究虚不掉空虚感，灭不了幻灭感。 萨德说，善其实是恶，恶才是善。绝望的心，有没权什么事都可做（象超现实主义者一样随意杀人，象无政府主义者一样到处暴乱），什么事都可不做（象释家一样四大皆空，象道家一样无为不争）？ 夜深梦醒，仰望星穹，念天地之悠悠，在如今这个显生宙新生代第四纪全新世上， 有几人活着就是要猜出这个千古之谜？ </t>
  </si>
  <si>
    <t xml:space="preserve">到底有没有有人得到过龙之神剑啊?我现在做了18天长歌任务了~~先 </t>
  </si>
  <si>
    <t>接着再打些天就可以了,龙神之剑,不过没什么用处,只是好看而已.好像是150的任务打10天吧?还是15天,记不清了.</t>
  </si>
  <si>
    <t xml:space="preserve">锡耶钠输球只怕要杀不少单。现在盘口30球。无1 </t>
  </si>
  <si>
    <t>晕，我买的就是1</t>
  </si>
  <si>
    <t xml:space="preserve">谁听说过放大瞳孔的隐行眼镜啊~就是那种带上后黑眼珠看的感觉很黑而? </t>
  </si>
  <si>
    <t>这是美容片，也叫眼球增大片，是一种带有黑环的隐形眼镜。戴上后眼睛会觉得又大又亮，现在很热销。有很多品牌，一般为韩国进口的，价格在150元左右，为年抛的，也有半年抛的，价格在100元以下，你去眼镜店问一下就知道了，店里都有，有的还有样片的。</t>
  </si>
  <si>
    <t xml:space="preserve">《王者世界》师徒系统是怎么回事？什么要求？ </t>
  </si>
  <si>
    <t xml:space="preserve">师傅等级要达到30级。徒弟等级低于30级。当徒弟等级达到30级以后师傅可以获得20万游戏币，并且会得到一定数量的师徒点数，师徒点数可以兑换一些珍贵的材料和增值道具。 </t>
  </si>
  <si>
    <t xml:space="preserve">601588北辰实业明天如何操作？浅套，3.4成本大侠帮忙 </t>
  </si>
  <si>
    <t>601588北辰实业。反弹受阻。收空头十字线。会先整理后上冲。逢低补仓。</t>
  </si>
  <si>
    <t xml:space="preserve">如何校正胎位？孕29周+3天产检，医生说宝宝胎位不好，小脑袋还在 </t>
  </si>
  <si>
    <t>不用胸部非要贴在床上吧,我试了试也累死啦,</t>
  </si>
  <si>
    <t xml:space="preserve">大夫您好，近日发现自己睾丸上有一颗痘痘，在皮肤上，一个多月了都，? </t>
  </si>
  <si>
    <t>您好，我这边刚下夜班，看了下您的照片很不清楚，只能大体判断出颜色，大小，很简单的分析下病史1此前局部没有明确的疾病或者外伤，这是个原发皮损。2一个月没有消退，同时像粉刺，这种一般排除掉短时间过敏等症状3有点像粉刺4颜色接近皮色，微黄白色。----------------------------根据您给我的资料我列几个可能性，也问您几个简单问题我们好更明确下。当然来张清楚的照片最好。1比较大的可能性，阴囊的毛囊炎，这个人群发病率不低，并且和痤疮（粉刺）很相似。一般是皮色或者微红，触感可能有点痒痛，摸上去和局部皮肤是一体的。临床治疗应用复方硫酸锌配合2%氯霉素酒精效果就可以。2其次皮下的微小肿物，特点是在皮下的硬质的小结节，摸上去感觉和皮肤有点点分离，基本不疼不痒，这种一般是小的纤维瘤或者脂肪瘤，治疗方法是切除或者不管它。3假设此前有疥疮的话，可能残留疥疮结节，特点是异常搔痒，您没有这方面病史的话，基本可以不考虑。一般需要扶疾宁封闭4比较特殊一种，鲍温样丘疹病，这个的表现是皮损完全高于阴囊皮肤，肉眼看上去不是一体的，皮损就是个增生部位。可以做冷冻-------------------------------------我问几个问题您补充下1此前有没有类似病史2摸一下，有没有小的硬结感，有的话捏住皮损，轻揉皮损上部的皮肤，能不能和硬结分开3观察下皮损尖端有没有小的毛囊口或者类似小角刺的东西4最好再拍张清楚的照片，这张实在太不清楚。5自我感觉是什么？痒痛没感觉？轻捏什么感觉？痒痛？</t>
  </si>
  <si>
    <t xml:space="preserve">经血少医生您好，我现在月经好少啊，基本上两天左右就没有了，好长时 </t>
  </si>
  <si>
    <t>建议做个阴道B超，来月经第2-3天测性激素常规，根据结果再决定是否用药</t>
  </si>
  <si>
    <t xml:space="preserve">孕2个月B超显示没有胚芽没有胎心胎儿没有发育是怎么回事？王医生， </t>
  </si>
  <si>
    <t xml:space="preserve">夫妻双方做全面的检查，排除染色体异常、凝血功能异常、自身免疫的问题等。根据不同病因，采取不同的预防措施。下次妊娠时尽早查雌激素、孕酮、HCG，给予黄体酮注射保胎治疗。 </t>
  </si>
  <si>
    <t xml:space="preserve">三星i5好吗?有专家.或用过的朋友吗?效果怎样?或者,同等配置的 </t>
  </si>
  <si>
    <t>很不错的，不过买受机要看个人的需要，不是每一款好的手机就适合每个人的，如果你是个注重内在的话，而且价格又适合你的档次的话，我感觉在我的心目中手机三星没有说的，一个字“好~~~~~~~~~”，不过就怕你买到了水货的话就？？</t>
  </si>
  <si>
    <t xml:space="preserve">电脑配置求高手帮我配置一台电脑主机，电脑主要用于学艺术设计用的， </t>
  </si>
  <si>
    <t>中关村在线模拟攒机价格-参数都有</t>
  </si>
  <si>
    <t xml:space="preserve">建设信用卡额度怎么申请 </t>
  </si>
  <si>
    <t>建行信用卡申请额度的方法：　　一、 拨打建设银行信用卡电话申请。建设银行信用卡持卡人如果长期调高信用额度，需要在持卡6个月后，拨打建设银行信用卡24小时客户服务热线4008200588申请办理信用卡额度调整。　　建设银行会根据中银信用卡持卡人过去六个月的的用卡历史、还款记录等情况，在一周以内告知客户审核结果，如果在提交申请的时候，持卡人能提供一些资产证明材料，这样可以获得更高的信用额度。　　二、 申请临时调高信用额度。若持卡人现有的信用额度不够时，可事先向建设银行申请临时调高信用额度，建设银行将根据您的信用状况和用卡情况为您做出调整。如您需要临时调高信用额度，请致电24小时服务热线，并按要求提供有关材料。　　临时信用额度有效期最长为3个月，到期后您的信用额度将自动恢复为原来的额度。附属卡持卡人的信用额度由主卡持卡人设定，如需要调整附属卡临时信用额度，须由主卡持卡人提出申请。（竭力为您解答，希望给予【好评】，非常感谢~~）</t>
  </si>
  <si>
    <t>两点A（</t>
  </si>
  <si>
    <t>设M(x,y)，则斜率k(AM)=(x+2)/y,k(BM)=(x-2)/y依题意k(AM)k(BM)=1/3---&gt;(x^2-4)/y^2=1/3---&gt;3(x^2-4)=y^2---&gt;3x^2-y^2=12(y&lt;&gt;0)这就是点M的轨迹方程</t>
  </si>
  <si>
    <t xml:space="preserve">BEYOND的歌曲那些不好 </t>
  </si>
  <si>
    <t xml:space="preserve">我最不喜欢大地,什么的  </t>
  </si>
  <si>
    <t xml:space="preserve">系统提示“找不到‘vids:IV32’解压缩程序”怎么办？我的系 </t>
  </si>
  <si>
    <t>要安装解压软件才行.</t>
  </si>
  <si>
    <t xml:space="preserve">脑筋急转弯什么东西人们都不喜欢吃 </t>
  </si>
  <si>
    <t>亏啊，所有人当然都不喜欢吃亏啦：）</t>
  </si>
  <si>
    <t xml:space="preserve">性交后小便有血怎么回事之前有轻度的宫颈糜烂，轻微的阴道炎，前天与 </t>
  </si>
  <si>
    <t xml:space="preserve">性与阴道出血 性交后阴道出血夫妇双方都会紧张，不知所措；性交后的阴道出血常有以下几种情况： 初次性交后出血：新婚之夜，初次性交后绝大多数新娘都会有少量阴道出血，这是处女膜被撕裂引起的，一般无需特殊处理，出血很快自止；但如果出血很多，甚至如泉涌，应立即到医院妇科就诊，千万不可大意，否则出血过多导致生命危险。 妊娠期出血： ① 在停经45天左右性交后，女方突然感到下腹疼痛，伴有便意，同时阴道有少量暗红色出血，应引起警惕。因为宫外孕的病人中有相当一部分是在房事后发病的。 ② 在妊娠晚期性交后伴有腹痛的阴道出血，量可多可少或有血块，可能是前置胎盘。这种出血危及母子生命，必须火速送医院。 ③ 性交后阴道流出暗红色血液，无血块，伴腹痛、腹胀，子宫变硬胎儿躁动，提示胎盘早期剥离，必须立即送医院，力争在6小时内终止妊娠。 产褥期出血：此期分娩时切开的会阴伤口，还未长牢或阴道伤口存在肉芽组织，性交过程中伤口裂开或擦破阴道嫩的肉芽组织引起出血。 疾病性阴道出血： ① 宫颈息肉：是由慢性炎症刺激引起宫颈管黏膜局部增生逐渐向外突出形成的，呈鲜红色，质软脆弱，血质丰富，性交时很容易被撩破引起少量鲜红色出血。 ② 癌症：中老年人性交后如出现少量阴道出血，色鲜红，无疼痛，加之近期白带增多，有腥臭味，常是子宫颈癌的早期症状，应提高警惕，必须做妇科检查，排除癌变。 ③ 性病：性交后出现少量鲜红色阴道出血，近期有外阴痒，外阴或阴道壁可见小的疣状赘生物；男子阴茎头包皮上有同样赘生物时可考虑尖锐湿疣，男女双方应尽快去医院检查确诊治疗。 　　性交后阴道出血首先要排除女方生殖道的问题，常见的阴道息肉、宫颈息肉、宫颈糜烂、子宫肌瘤等，因阴茎的磨擦冲击，致使息肉或溃烂部位破溃出血；如果经常发生房事后出血，还要警惕宫颈癌、子宫内膜癌等；月经中期性交，可能因黄体破裂而出现少量阴道出血；宫外孕的妇女房事后可能发生宫外孕破裂，其中一些人也会发生出血；更年期妇女因卵巢功能衰退，常表现为无排卵性的子宫出血，有时恰好就好生在性交之后；还有的妇女在房事中阴蒂受到粗重的刺激，也可能破溃出血。 　　此外，尿路结石或结核、膀胱息肉及癌肿的患者在房事后发生尿路出血而误认为阴道出血的情况也并不罕见。卵巢被称作肿瘤的临时仓库，全身其他部位的肿瘤，特别是消化道的胃癌、肝癌、肠癌，呼吸道的肺癌等都极易 发生卵巢转移。性生活时，卵巢癌肿受到刺激发生破溃，血液也可从阴道流出来。 　　由引可见，性交后阴道发生出血的原因是很复杂的，所以请务必去妇科认真检查。如果未发生问题，则要想到男方有泌尿生殖疾病的可能，如精囊炎、尿路结石或结核等。区别方法是下次房事时戴避孕套，房事后检查套内的精液，如果有血，则男方应进一步诊治。 </t>
  </si>
  <si>
    <t xml:space="preserve">也不知道是不是平时饮食有问题，现在医生说我有了贫血最好补补，请问? </t>
  </si>
  <si>
    <t>补血可以吃的食物很多哦：1.当归猪肝煎：当归15克，枸杞15克，猪肝60克，煮汤调味服食。2.黑豆圆肉大枣汤：黑豆50克，圆肉20克，大枣50克，水煎煮熟服。3.木耳枣肉汤：黑木耳10克，大枣15枚，瘦猪肉60克，共煮汤食用。每日2次。4. 阿胶红枣木耳粥阿胶15克，红枣10枚，黑木耳10克，糯米100g。[做法]：将阿胶捣碎备用。黑木耳温水泡发，洗净。大枣去核。将黑木耳、大枣与糯米煮粥将熟时，加入阿胶，搅化即可。每日早、晚餐温热服食。[功效] 黑木耳益气补血，每1百克黑木耳里含铁98毫克，是各种食物中含铁量最高的。.阿胶能促进骨髓造血功能，明显提高红细胞和血红蛋白含量；红枣养血补气。此粥益气补血，适用于血虚头晕及缺铁性贫血等症。时间多的朋友的话可以做些上面的食方来补噢不过，就是比较麻烦，很多人也不喜欢吃这些东西啊 。不过不吃这些东西都几好啊 补血的方法很多滴。个人觉得比较便捷的方法要属【雪 彦 茶】咯。我最认同的一点是因为他们的是都是从中药草本的配方，配方中的当归、枸杞啊都是补气血的，还有它很方便，代泡装，随身携带只要有开水就可以喝，平时喝白开水也是喝，喝茶也是喝，何况润之尔康鳕岩?饣故枪δ苄缘骼砥梢匝牟瑁礁隽瞥蹋移堆奈侍饩偷骼砗昧恕！！? 你去网上搜一下啊，上面有官网啊，还是复制给你吧免得麻烦 3w^^.runzerkon.^^com/ xueyan  刚刚看了官网上能够购买，购买率还是很高的，自己去看看吧</t>
  </si>
  <si>
    <t xml:space="preserve">请教清泉老师请问老师:000762是31元买的,后市应该如何操作 </t>
  </si>
  <si>
    <t>000762 盘中反弹需要控制仓位.</t>
  </si>
  <si>
    <t xml:space="preserve">老师对学生有偏见怎么办？老师对我很有偏见，你在他的课上，你举手回 </t>
  </si>
  <si>
    <t>找个时间和老师开诚布公的谈一谈吧，不知道老师是因为什么事对你有偏见，不一定能扭转老师对你的感观，但往往谈话是了解的第一步</t>
  </si>
  <si>
    <t xml:space="preserve">什么是B超呀? </t>
  </si>
  <si>
    <t>b型超声是一门新兴的学科，近年来发展很快，它已成为现代临床医学中不可缺少的诊断方法。    超声诊断起源于40年代。50年代初期，a型超声诊断法应用于临床，不久b型、m型和d型超声相继问世，70年代，b型快速成像技术兴起，80年代初，脉冲及彩色d型超声研制成功。而今彩色显像的成功，使心脏、动静脉、淋巴管、胆道等声像图更加逼真，一目了然。    近年来，介入性超声逐渐普及，体腔探头和术中探头的应用，扩大了诊断范围，也提高了诊断和治疗水平。例如，食管探头、胃及十二指肠探头、腹腔探头、阴道探头、宫腔探头以及直肠、尿道探头等等。 b超对受检者无痛苦、无损伤、无放射性，且可重复使用，深受医生和病人的欢迎。    在临床应用方面，b超可以清晰地显示各脏器及周围器官的各种断面像，由于图像富于实体感，接近于解剖的真实结构，所以应用超声可以早期明确诊断。例如：诊断非金属异物时，在玻璃体混浊的情况下，可显示视网膜及球后病变。对心脏的先天性心脏病、风湿性心脏病、粘液病的非浸入探测有特异性，可代替大部分心导管检查。它亦可用于小血管的通断、血流方向、速度的测定可广泛应用。早期发现肝占位性病变的检出已达到1厘米水平。还可清楚地显示胆囊总胆管、肝管、肝外胆管、胰腺、肾上腺、前列腺等等。b超检查能检出有否占位性病变，尤其对积液与囊肿的物理定性和数量、体积等相当准确。对各种管腔内结石的检出率高出传统的检查法。对产科更解决了过去许多难以检出的疑难问题。如既能对胎盘定位、羊水测量，又能对单胎多胎、胎儿发育情况及有否畸形和葡萄胎等作出早期诊断。    但是，b超也有其目前难以克服的局限性。首先是它的穿透力弱，对骨骼、空气等很难达到深部，所以对含气性器官，如肺，胃肠等难以探测，对成人颅脑的诊断也较x线、ct逊色。目前的仪器，对1厘米左右的肿瘤组织不易检出，故超声检查阴性；并不排除1厘米左右的肿瘤病灶的存在。其次，由于反射法中发生多次重复反射以及旁辨干扰出现假反射现象，因此有时易造成误诊。</t>
  </si>
  <si>
    <t xml:space="preserve">发布帐号问题?⒈我根据步骤下来有需要我填写:提示问题问题答案.⒉ </t>
  </si>
  <si>
    <t xml:space="preserve">尊敬的客户:     您好！5173客户服务050很高兴为您服务！    非常抱歉，如果您所发布的帐号出售信息资料有误或您的帐号有绑定，都是不可以发布上架的，请您核对下您的账号资料，还有账号是否有绑定，确定正确和无任何绑定后在发布出售信息，如果您的发布信息不够完整，我们将撤消您的发布，发布出售信息要填写您的原始注册资料才可以审核成功的，您可以联系官方查询下。    如果有些信息在注册时没有填写，可以在发布出售信息时填写“无”。      如需帮助或投诉，请与我们客服中心联系，客服中心服务热线：0579-83225173 。真诚感谢您一如既往地对我们工作的大力支持与帮助!!!                                    </t>
  </si>
  <si>
    <t xml:space="preserve">动感城市是做什么的 </t>
  </si>
  <si>
    <t>　　动感城市是国内首个融合位置服务（LBS）和社会化网络（SNS），为城市提供普遍服务的移动互联网创新应用平台，由北京清科时代科技有限公司负责研发，并在全国各地政府支持下，按城市开展部署和运营。 　　在动感城市上，人人皆可利用手机上网实时获取位置信息和服务，包括城市公共服务、生活服务、优惠活动及经济活动信息；创建、发布、查询和分享信息；对有用信息发起认证；添加市场营销活动；进行纠错、收藏、转发、签到、点评和分享；与商家和好友进行精彩互动…… 　　颠覆传统，开创未来。动感城市以创新用户行为模式和价值需求为基石，为用户重新想象、重新定义、重新构建了一个全新的网络应用，将为城市生活带来更加灵动的体验。</t>
  </si>
  <si>
    <t xml:space="preserve">如何调戏刚认识的女孩比较得体又不会让对方生气？ </t>
  </si>
  <si>
    <t>要是互相喜欢，那么调戏就很好玩啦~</t>
  </si>
  <si>
    <t xml:space="preserve">破烂的袋子共同的心声这个就是模糊的宝藏图吧那么是风流三卷吧到底还 </t>
  </si>
  <si>
    <t>先是钓鱼时得到一张模糊的藏宝图,然后去沈墨儒那里,变成了一张清晰的,有效一个小时,上面有风流三卷的坐标,你立刻跑到了那里,却只发现一箱子..怎么打也打不开...图也不能使用.. 其实这个任务只是为新开的一个奇遇任务独步风流做个提示,告诉你坐标在哪.好在你触发了独步风流任务后可以找到风流三卷在哪, 那么独步风流是怎么触发的呢..看RP了,钓鱼时会钓上来神秘卷轴,就可以触发独步风流任务了. 其实这个一个小时的图也没什么用,它的任务就是告诉你坐标,接到独步风流任务后,只要知道地点就可以的,并不需要那张图,所以个人觉得,那个图有效期5分钟就足够了哈哈 ...所以说这个是没什么用的。。</t>
  </si>
  <si>
    <t xml:space="preserve">舌头发麻是怎么回事情？最近天气热，从空调屋里出来不适应，有些感冒 </t>
  </si>
  <si>
    <t>舌尖发麻多与血流缓慢、血黏度增高，微循环改变、局部供血不足或脑供血不足有关，可检查血脂、血糖、血压是否增高和血黏度是否增高。舌尖发麻还有可能是缺血性脑血管病的征兆，如果发生缺血性脑血管病，除舌尖发麻外，还会有舌痛、舌局部肿胀、活动不灵和伴随全身症状和肢体半侧麻木、语言不利、四肢活动无力、血压升高、头晕、头痛等。另外，应用某些药物如庆大霉素、链霉素也会引起舌尖和嘴唇发麻。因此，如果有血脂、血糖、或血压增高、血黏度增高，都要积极治疗。平时注意多饮水，在医生指导下服用小计量阿司匹林、丹参、维脑路通、银杏叶片等药，并注意补充维生素B1、B6、C等，有降低血黏度、改善微循环作用，可消除发麻现象。另外，注意不要应用如链霉素、庆大霉素等会引起舌尖和嘴唇发麻的药物。建议去医院做检查，确诊一下到底是什么病，也好对症下药。</t>
  </si>
  <si>
    <t xml:space="preserve">太乱了!16元小单还活着!图清晰!大家看看有希望不?今天买的大单 </t>
  </si>
  <si>
    <t xml:space="preserve">大师级的单子  好运  </t>
  </si>
  <si>
    <t xml:space="preserve">中国的新鞋码鞋号是怎样对应厘米的‘41码等于多少厘米 </t>
  </si>
  <si>
    <t>41+10=51   51/2=25.5(厘米)既旧鞋号加十再除以二等于新鞋号新鞋号乘二再减十等于旧鞋号</t>
  </si>
  <si>
    <t xml:space="preserve">U盘中的WORD文档为何变成空白?存入U盘中的WORD文档,当再 </t>
  </si>
  <si>
    <t>word工作时会自动产生一个临时文件，完后又自动删除。如果你还没有在硬盘中添加其它文件，可以用工具软件（如RecoverNT）寻找所有当天被删除的文件（在回收站中找不到）并恢复（文件名很乱，不必管），然后用搜索某关键词的办法找到文件，改名为word文档或直接从里面将文字复制出来。 不过时间已经过了几天，恐怕是来不及了！</t>
  </si>
  <si>
    <t xml:space="preserve">中世纪教育的特点 </t>
  </si>
  <si>
    <t>大学开始形成；神学内容为主；贵族文学艺术发达。</t>
  </si>
  <si>
    <t xml:space="preserve">请教yuanwendy:新手，我现在还不是很会换算汇价，有没有甚? </t>
  </si>
  <si>
    <t xml:space="preserve">我是外汇分类的管理员,我建议你最好在选择分类是时用:                  一般问题 &gt; 商业经济 &gt; 外汇                  这样就会有更多,更专业的朋友回答你的问题!!                  </t>
  </si>
  <si>
    <t xml:space="preserve">牙齿又开始痛了？折磨、谁有治牙痛的偏方 </t>
  </si>
  <si>
    <t>你好，我是东莞拜尔口腔的，牙痛有很多原因引起的，一般牙痛情况是属于牙髓炎，需要检查后做根管治疗的，建议你先到院做个检查看一下你的什么原因引起的牙痛</t>
  </si>
  <si>
    <t xml:space="preserve">全国高校，哪里的书法专业最好呢？希望大家能帮帮我！谢谢！ </t>
  </si>
  <si>
    <t>中央美院和天津美院分列一二.</t>
  </si>
  <si>
    <t xml:space="preserve">怎么区分自己买箱子中的是不是永久槽 </t>
  </si>
  <si>
    <t>没办法区分，你只能等到打开的那天，才会真像大白！呵呵，其实，打开了才会有惊喜！那种感觉真的爽！前几天我就打开了2个，等了3天才打开！其中中了个永久的！</t>
  </si>
  <si>
    <t xml:space="preserve">在哺乳期,妈咪可以喝饮料吗? </t>
  </si>
  <si>
    <t>当然可以喝饮料，不喝饮料怎么活呀？而且哺乳妈妈要多喝液体的．注意别太多喝含咖啡因的饮料就行，少喝问题不大．多喝水果蔬菜汁，牛奶要多喝．平时吃饭多喝汤，这样妈妈奶多，不上火，宝宝也好．</t>
  </si>
  <si>
    <t xml:space="preserve">齐达内为什么叫齐祖，舍辅琴科为什么叫舍瓦？ </t>
  </si>
  <si>
    <t xml:space="preserve">法语中有一个词是Zouary（前三个字母确定，后面不太记得了），意思是穿鲜艳衣服的阿拉伯军队。齐达内有阿尔及利亚血统，是阿拉伯人，而且他的名字（Zinedine）的意思"美丽的"，所以他的教练就把Zouary这个词和他的姓(Zidane)连起来，就是Zizou了。   </t>
  </si>
  <si>
    <t xml:space="preserve">宝宝白天睡不好我宝宝三个月了,白天她总是睡半个小时就醒了,接着抱 </t>
  </si>
  <si>
    <t>我家宝贝3个多月了，前一段时间也这样，不过晚上睡得好。每天白天就是我抱着睡，睡一会就醒，稍微一哄就又睡了，抱的我都快累坏了。后来每天下午2点左右我就躺床上哄他睡，他一有动静我就把奶头塞进他嘴里，吃两口他就又睡了。这样慢慢的他一次睡得就长了。到现在每天下午能睡2，3个小时。呵呵，大部分我哄他的时候也把自己也哄睡着了。这样自己也能休息2个小时左右。现在小孩基本上早上8点左右醒来。玩2个小时就又瞌睡了。抱着睡1个多小时，再玩1多个小时，抱着再睡1个小时。下午2.3点一直睡到5，6点，晚上9点左右睡到早上了（中间躺着吃2-3次奶），就这样的规律。应该符合3个月小孩的规律。这位妈妈可以尝试一下下午陪着睡，这样也能休息一下。</t>
  </si>
  <si>
    <t xml:space="preserve">互动性网站设计公司上海有没有做互动性平台网站设计的公司，我在网上 </t>
  </si>
  <si>
    <t xml:space="preserve">互动性网站设计只是一个说法而已，一般的网站设计公司都是可以做的！上海上知营销策划从创立至今，我们已经成功服务众多客户，满足其不同的网站设计需求，我们不仅能从战略的角度为企业制定长远的发展规划；更能从市场和企业的实际需求出发，创造出实效且具个性化的网站设计方案，我们随时欢迎你的咨询。 </t>
  </si>
  <si>
    <t xml:space="preserve">我想戒烟了什么办法好呢？ </t>
  </si>
  <si>
    <t xml:space="preserve">如何戒烟：1.戒烟从现在开始，完全戒烟或逐渐减少吸烟次数的方法，通常3-4个月就可以成功。 2.丢掉所有的香烟、打火机、火柴和烟灰缸。 3.避免参与往常习惯吸烟的场所或活动。 4.餐后喝水、吃水果或散步，摆脱饭后一支烟的想法。 5.烟瘾来时，要立即做深呼吸活动，或咀嚼无糖分的口香糖，避免用零食代替香烟，否则会引起血糖升高，身体过胖。 6.坚决拒绝香烟的引诱，经常提醒自己，再吸一支烟足以令戒烟的计划前功尽弃。 如何度过戒烟最难熬的前5天，提供以下七项戒烟方法： （l）两餐之间喝6－8杯水，促使尼古丁排出体外。 （2）每天洗温水浴，忍不住烟瘾时可立即淋裕 （3）在戒烟的5日当中要充分休息，要有规律。 （4）饭后到户外散步，做深呼吸15—30分钟。 （5）不可喝刺激性饮料，改喝牛奶、新鲜果汁和谷类饮料。 （6）要尽量避免吃家禽类食物、油炸食物、糖果和甜点。 （7）可吃多种维生素B群，能安定神经除掉尼古丁 医师指出，过了最初五天可按照下列方法保持戒烟“战果”： （1）饭后刷牙或漱口，穿干净没烟味的衣服。 （2）用钢笔或铅笔取代手持香烟的习惯动作。 （3）将大部分时间花在图书馆或其它不准抽烟的地方。 （4）避免到酒吧和参加宴会，避免与烟瘾很重的人在一起。 （5）将不抽烟省下的钱给自己买一项礼物。 （6）准备在2—3周戒除想抽烟的习惯。 </t>
  </si>
  <si>
    <t xml:space="preserve">数学四月份有30天，如果四月份有五个星期六和星期日。那么4月1日 </t>
  </si>
  <si>
    <t>是星期六四个完整的星期，再加上星期六和星期日的话，放到四个完整星期后面，显然是不行的，因为星期日（四个完整星期最后一天是星期日）后面有星期一到星期五共五天；于是，就只能把星期六和星期日放到这个四个星期的前面，四个星期的第一天是星期一，显然这个星期一的前面就只能接星期日，同时也得出，这个星期日前面的一天是星期六，且只能是星期六。</t>
  </si>
  <si>
    <t xml:space="preserve">头孢丙烯分散片+莲花清瘟颗粒一起吃可以治疗感冒吗？今早六点多喉咙 </t>
  </si>
  <si>
    <t>莲花清瘟颗粒是中成药，主要成分为清热、抗病毒及消炎作用，头孢丙烯分散片是抗生素，用于消炎。你有明显咽痛症状，考虑感冒合并咽部炎症，可以用两药治疗，如感冒症状明显，可以加白加黑或复方氨酚烷胺等感冒药改善症状。</t>
  </si>
  <si>
    <t xml:space="preserve">文件系统？请问什么是文件系统吗？什么样的文件系统才能实现磁盘的配 </t>
  </si>
  <si>
    <t>比如说FAT,FAT32,NTFS等是文件系统。要NTFS可以实现配额。</t>
  </si>
  <si>
    <t xml:space="preserve">闸北哪里有学美甲的，价格便宜点的？ </t>
  </si>
  <si>
    <t>上海佳悦美甲学校，挺好的，也不贵。可以去看看</t>
  </si>
  <si>
    <t xml:space="preserve">公司法人变更手续如何办理？请帮忙了，各位 </t>
  </si>
  <si>
    <t>如果他是公司的原始股东，只要开一个股东会，经过股东表决同意，将股东会的决议原件，连同向工商局提出的法人变更申请书，一起交到原公司的登记机构就可以办理了。假如他不是原始股东，就应当先向工商局提出变更股东的申请完成后，才能按照以上的步骤办理法人变更手续。</t>
  </si>
  <si>
    <t xml:space="preserve">SQLServer2005中把查询结果生成表的命令是什么 </t>
  </si>
  <si>
    <t>select [列值],[列值] into [新的表名] from [查询的表名]</t>
  </si>
  <si>
    <t xml:space="preserve">如何删除"百度一下"搜索工具不知何时在搜索栏中增加了一个"百度一 </t>
  </si>
  <si>
    <t>你用360安阳卫士  或者是 瑞星卡卡上网助手 就可以解决了希望你玩的开心</t>
  </si>
  <si>
    <t xml:space="preserve">请看一张军事图片，你说酷不酷？ </t>
  </si>
  <si>
    <t>枪杆子里面出政权.和平是用生命和鲜血换来的.</t>
  </si>
  <si>
    <t xml:space="preserve">杀几支基过年？手里的两支基已有50%的收益，杀了过年怎样？ </t>
  </si>
  <si>
    <t>可以先杀一只,把挣到的钱拿到手再说. 大盘再涨或跌都不怕!</t>
  </si>
  <si>
    <t xml:space="preserve">兰州治疗脑梗后遗症的医院哪个效果好啊 </t>
  </si>
  <si>
    <t>建议：兰州治疗脑梗后遗症，甘肃圣德瑞康医院效果好，脑梗塞后遗症，脑梗塞后遗症的康复脑梗塞后遗症是由于脑缺血而导致的不可逆转的病理性改变的 结果。 脑梗塞后遗症是发病率高、死亡率高、致残率高、复发率高，急性期过后，因脑出血、脑 缺血形成的软化灶(或血栓)压迫颅内神经、导致瘫痪或偏瘫。临床常见半身不遂、口眼歪斜、言 语不清、口角流涎、肢体浮肿、麻木、疼痛、怕冷、卧床不起、失语、痴呆、饮水上呛、吞咽困难 、大小便失禁等症状。这种病一旦暴染，久治不愈，给社会、家庭带来长久的痛苦与困扰。 康复 方面，可行针灸，做做理疗。更主要的是，必须要在有人保护下进行康复训练，每天坚持手和足的 运动训练。如左手练习握拳、伸指、屈指……训练左手捡黄豆、抓扑克牌、端茶杯、拧毛巾、扣衣 扣等，练习双足长时间站立。能站稳以后，再练单腿站立，平地行走;平地能行走后，可加练上下 楼梯。训练要循序渐进，运动量可逐渐加大，但每次不宜过疲劳，如有胸闷、头痛等则应暂停</t>
  </si>
  <si>
    <t xml:space="preserve">两会行情，请进！每年的两会行情就要到来，会不会成为下一个奥运行情 </t>
  </si>
  <si>
    <t>当市场预期一致时就非常危险了，前面有所谓的奥运行情、年末行情，年初还要狂跌行情等，所以目前大家想要有两会行情解套什么的就不要指望了，目前休息最好，如果真有行情也不会一两天就结束了，等行情来了再说吧</t>
  </si>
  <si>
    <t xml:space="preserve">上海导致尖锐湿疣性病有什么病因？ </t>
  </si>
  <si>
    <t>　　不洁性生活。不洁夫妻生活是主要的感染尖锐湿疣的病因。男性尖锐湿疣的病因几乎都是由性接触引起。尖锐湿疣患者是主要传染源，传播快、感染率高，通常在感染后3周左右发病。　　自身免疫力低下。指非性接触传染形成的尖锐湿疣的病因，接触尖锐湿疣患者的渗出物或被污染的用具，如沾有渗出物的毛巾、脚布脚盆、衣被，甚至于厕所的马桶圈等，均可成为尖锐湿疣的病因。　　外伤感染。乳头瘤病毒可经皮肤或粘膜上的小小破裂伤口侵入体内，经过潜伏数日，病菌繁殖到足够的数目便开始发病，成为尖锐湿疣的病因。因此，要谨慎对待破裂的伤口。专家建议要及时到正规权威的专科医院进行诊治，时下通过新技术是可以取得显著的治疗效果的。自身免疫力低下。指非性接触传染形成的尖锐湿疣的病因，接触尖锐湿疣患者的渗出物或被污染的用具，如沾有渗出物的毛巾、脚布脚盆、衣被，甚至于厕所的马桶圈等，均可成为尖锐湿疣的病因。不洁性生活。不洁夫妻生活是主要的感染尖锐湿疣的病因。男性尖锐湿疣的病因几乎都是由性接触引起。尖锐湿疣患者是主要传染源，传播快、感染率高，通常在感染后3周左右发病。</t>
  </si>
  <si>
    <t xml:space="preserve">多往冰箱里塞东西是否费电？[ </t>
  </si>
  <si>
    <t>当然会费电了~通俗点讲吧！你把东西塞进去的时候东西本身温度就没冰箱里的制冷温度低！你东西一放进去后~冰箱就要不断的制冷，来把东西的温度降低~还有冰箱如果要放很多东西的话建议还是一次放完！省电的办法只有一个就是少开冰箱门！东西多的话最好一次放完！</t>
  </si>
  <si>
    <t xml:space="preserve">男人女人男人幸苦还是女人辛苦 </t>
  </si>
  <si>
    <t>俗话说，权利和责任对等。在男人女人问题上，辛苦和幸福也是对等的。有了付出，才有回报；有了辛苦，才会有幸福。从这个角度看待你所说的问题，你就会发现生活是充满阳光的喽。你想想对吧？祝你幸福快乐！</t>
  </si>
  <si>
    <t xml:space="preserve">谁能把狗的图片和名称都尽量的多发一些啊，让我了解狗的种类 </t>
  </si>
  <si>
    <t xml:space="preserve">这里只能发一张图片啊，没办法多发的，还是多给你介绍一下品种吧：犬的种类按照用途来区分，共分为六类：1、工作犬 这种犬包括传统的护卫犬和工作犬，如罗特韦尔犬。主要用于工作，大多数情况下英勇无畏，是天生的护卫犬，大多数都很高兴为其主人工作。 2、非犬 大多数的宠物犬都出自该种类。现在这种犬唯一的目的就是终生陪伴其主人。例如：大麦町犬，法国斗牛犬，松狮犬。 3、畜牧犬 这种犬一开始就是用于保护羊群和牛群，许多犬还在被农夫和牧人使用，但该犬也很适于作宠物犬。例如：柯利牧羊犬，威尔士短脚犬，德国牧羊犬。 4、枪猎犬 枪猎犬用于侦察，惊吓，拾取猎物等。这种犬通常性格温顺，大多数身兼两职，既作猎犬有可以作家庭宠物犬。例如：向导犬，金毛拾物犬。 5、猎犬 一些犬靠辨别味道的能力，一些则依赖尖锐的眼光狩猎。猎犬先天素质好，喜走动。大多数猎犬成群饲养，其窝筑于室外。例如：法国短腿猎犬，大猎犬，比格尔猎犬。  6、玩赏犬 虽然传统上认为这种犬只是膝上犬，但其中的大多数犬还是能离开主人自己行走。其中多数还是很好的护卫犬，非常聪明，可爱，但有占有欲，勇敢地近乎愚蠢。例如：博美犬，吉娃娃犬另外按照P.C.I犬种分类方式又分为下面几类：1、畜牧用犬类“Sheepdogs and Cattledogs”( 除了瑞士的牧牛犬类 ）2、平犬类“Pinscher”，3、史纳沙类“Schnauzer”，瑞士的山地犬类及牧牛犬类 4、爹利类（更类）“Terriers” 5、腊肠犬类“Dachshunds” 6、狐狸犬类“Spitz”7、嗅觉型猎犬类“Scenthounds”及其繁殖出来的后裔 8、指标犬类“Pointing Dogs”9、寻回犬类“Retrievers”及水猎犬类“Water Dogs”10、伴侣犬类“Companions”11、玩具犬类“Toy Dogs”12、视觉型猎犬类还有按照体型分类又可以分为：1、大型/巨型犬：杜宾犬、德国牧羊犬、洛威拿犬、圣伯纳犬、阿富汗猎犬、大丹犬、獒犬、金毛猎犬、拳师犬等。2、中型犬：可卡犬、巴吉度、沙皮、大麦町犬、法国斗牛犬、米格鲁、松狮犬等。3、小型犬：喜乐第牧羊犬、腊肠犬、雪纳瑞、北京犬、西高地白更 、查理王小猎犬、迷你贵宾犬等。4、小型/微型犬：吉娃娃犬、博美犬、约克夏更犬等。还有一种是按照血统或产地来定义的，这样就多了，目前世界上具有纯正血统的名犬大约有400种,其中有100种以上的名犬为人们所喜欢并被共识。我国也曾培育十多种名犬,如北京犬、巴哥犬(斧头犬)、松狮犬、西藏犭黄、拉萨犬、西施犬(中国狮子犬)、中国冠毛犬、西藏猎犬、沙皮狗等等；我们来说一下目前比较受欢迎的犬种：（按照英文字母排列）    A：阿富汗猎犬.阿拉斯加雪橇犬    B:北美洲牧羊犬·布拉格瑟瑞克犬·博洛尼亚犬·北京犬·斑点狗·比熊犬    C:查尔斯国王?    D:斗牛拳师犬·丹麦/瑞典农场犬     E：俄罗斯狼犬    F:法国斗牛犬    G:国王骑士?·古老英国斗牛犬·贵妇犬    H:哈瓦那犬·哈巴狗(巴哥犬)    J:吉娃娃犬    K:凯里奥犬·库克颇犬    L:劳臣犬·拉布拉多德利犬·拉萨狮子狗·卢卡斯犭更犬    M:马耳他犬·美洲斗牛犬    R:日本秋田犬    S:狮子犬/约克犬    T:泰国脊背犬·图莱亚尔绒毛犬    X:西藏?(huang)·西施犬·夏伊洛牧羊犬·西藏犭更犬·喜玛拉雅牧羊犬    Z:中国冠毛犬                        畜牧与守卫犬(共87种犬)    A:獒·澳大利亚凯尔皮·澳大利亚牧牛犬·澳大利亚牧羊犬·阿彭策尔山犬·埃什斯特拉山犬·阿根廷獒·安纳托利亚牧羊·阿克巴士犬·爱迪犬·阿拉帕哈兰斗牛·阿登牧牛犬    B:边境牧羊犬·伯恩山犬·布里牧犬·毕右瑟任犬·伯格马斯科犬·巴西獒·波尔多葡萄红犬·比利牛斯牧羊犬·比利牛斯獒·波兰低地牧羊犬    C:粗毛柯利犬·长胡须柯利犬    D:德国牧羊犬·大白熊犬·大型瑞士山犬·斗牛犬·大丹犬    E:俄罗斯牧羊犬    F:佛兰德牧羊犬    G:格罗南代牧羊·古老英国牧羊犬·高加索牧羊犬·国王牧羊犬    H:荷兰牧羊犬·霍夫瓦尔特犬    J:巨型施娜则犬·加那利犬·加泰罗尼亚牧羊·捷克狼犬·加利克瑟犬    K:克蒙多犬·卡狄威尔士柯基·克罗地亚牧羊犬·克蒙多犬·卡迪博犬·卡德卑斯太尔犬·考迪菲勒得迈谷    L:拉克诺斯·兰开夏跟脚犬·罗特韦勒犬·莱昂贝格犬·兰西尔犬    M:玛伦牧羊犬·牧迪犬·玛雷玛牧羊犬    N:拿波里獒犬·牛獒·纽芬兰犬    P:普密犬·平滑毛柯利犬·葡萄牙牧牛犬·葡萄牙守卫犬·葡萄牙牧羊犬·皮卡迪牧羊犬    Q:拳师犬    R:瑞典瓦汉德犬    S:施娜则犬·斯洛伐克库瓦克·撒阿路斯狼猎犬·圣伯纳犬·沙皮犬    T:特武伦犬·塔特拉山牧羊犬·土佐犬    W:威尔士柯基犬    X:西班牙獒·喜乐帝牧犬·匈牙利库维斯犬·西藏凯里阿瑟犬·西藏獒·新西兰汉特威犬·希腊牧羊犬    Y:英特布彻山犬·伊斯特里恩牧羊·伊利里亚牧羊犬    Z:中亚牧羊犬    犭更犬(读音：geng)    A:艾里犭更犬·爱尔兰犭更犬·爱尔兰蓝犭更·澳大利亚绒毛犭更·澳大利亚犭更犬·奥地利平斯澈犬·阿芬平斯澈犬    B:边境犭更犬·波士顿斗牛犬·布鲁塞尔卷毛犬·贝灵顿犭更犬·巴西犭更犬·捕鼠犭更犬    D:德国狩猎犭更犬·丹迪尔丁曼犭更·德国平斯澈犬·斗牛犭更犬·短腿猎犬    E:俄罗斯黑犭更犬    G:高地白犭更犬    H:荷兰斯牟雄德犬    J:捷克犭更犬·杰克拉塞尔犭更犬    K:凯恩犭更犬·克罗姆费兰德犬    L:莱克兰德犭更犬·腊肠犬    M:曼彻斯特犭更犬·美洲斗牛犭更犬·美洲玩具犭更·美洲无毛犭更犬·美洲斯塔福德夏犭更·迷你雪纳瑞犬    N:诺福克犭更犬·诺里奇犭更犬    P:普露马犭更犬·平斯澈袖珍犬·帕森拉塞尔犭更犬·平滑毛猎狐犭更犬·帕特大勒犭更犬    R:日本犭更犬·软毛淡黄色犭更犬    S:苏格兰犭更犬·斯凯犭更犬·斯塔福斗牛犭更    W:威尔士犭更犬    X:西里汉犭更犬·峡谷型依马尔犬·小型斗牛犭更犬    Y:硬毛猎狐犬·英国玩具犭更犬·约克夏犭更犬    枪猎犬(共75种犬)    A:爱尔兰水?·爱尔兰红白猎犬·阿里埃日向导犬    B:标准贵妇犬·布里塔尼犬·比利牛斯向导犬·波旁内向导猎犬    C:长卷毛猎犬·长毛垂耳西班牙犬    D:德国?·灯芯绒贵妇犬·大明斯特兰德犬·德国向导猎犬·德国魏玛犬    F:法国?    G:戈登长毛猎犬·古老丹麦向导犬    H:荷兰鹧鸪犬    J:卷毛觅拾犬·金毛巡回犬·加斯科尼向导犬    K:克冷勃?·库依克豪德杰犬    L:蓝色皮卡迪?·拉布拉多巡回犬·拉戈托罗马阁挪露    M:美国长毛?    P:皮卡迪?·葡萄牙水犬·平滑毛觅拾犬·葡萄牙向导猎犬·普德尔指示犬    Q:切萨皮克觅拾犬    S:苏赛克斯?·斯塔比嚎犬·塞斯凯福瑟克犬·圣日耳曼向导猎犬·斯洛文斯凯犬    W:韦特豪犬·威尔士激飞猎犬    X:西班牙水犬·匈牙利普里犬·匈牙利维斯拉犬·新斯科舍觅拾犬·小明斯特兰德犬·西班牙向导猎犬    Y:野?·英国向导猎犬·英国斯普林杰?·英国长毛?·英国长毛猎犬·硬毛卷毛向导犬·意大利布拉科犬·意大利斯皮奥尼    嗅觉猎犬(共74种犬)    A:阿图瓦犬·阿里埃日犬     B:比格猎犬·巴吉度猎犬·布列塔尼长卷毛·布列塔尼矮腿猎犬·布劳特猎犬·布鲁泰克浣熊犬·波兰猎犬·波斯尼亚粗毛犬·巴尔干猎犬·伯尔尼劳佛犬·巴伐利亚山地犬·比利犬·波斯莱尼犬     C:川斯威尼亚猎犬     D:大英法三色犬·大英法黑白色犬·大加斯科尼蓝犬·大型旺代卷毛犬·大长卷毛矮腿犬·达尼克犬·达克斯布若卡犬·度宾犬    F:法国黑白色犬·法国三色犬·芬兰猎犬    H:海吉尼猎犬·霍欧丹尼斯道瓦·汉密尔顿斯道瓦·黑褐色浣熊猎犬·红骨浣熊猎犬·黑森林猎犬·汉诺威猎犬    J:加斯科尼蓝矮犬    K:卡他豪拉豹犬·卡他豪拉豹犬·克里小猎犬    L:猎兔犬·卢斯纳劳佛犬·罗德西亚背犬    M:美洲猎狐犬·美洲长毛垂耳犬    N:尼韦内长卷毛犬·诺曼底阿图瓦犬·南斯拉夫山地犬·南斯拉夫三色犬·汝拉布鲁诺猎犬·奈德劳佛犬    P:普瓦图犬·颇赛克猎犬    S:圣东基犬·水獭猎犬·斯玛兰斯道瓦犬·斯差勒斯道瓦犬·树丛浣熊猎犬·赛布斯奥长耳犬·斯塔利亚粗毛山地·斯维则劳佛犬·山地犬    W:旺代长卷毛猎犬    X:小加斯科尼蓝犬·小加斯科尼卷毛·小长卷毛矮腿犬·小猎兔犬·希腊猎犬·寻血猎    Y:英法小猎犬·意大利塞古奥犬·伊斯特里恩猎犬·英国浣熊猎犬·伊斯特里恩粗毛·于贝尔猎犬·英国猎狐犬    Z:赘沃犬    绒毛犬(共40种犬)    A:阿富汗猎犬·阿沙瓦犬·艾努犬·阿拉斯加克利凯    B:北欧绒毛犬·波美拉尼亚犬·冰岛牧羊犬    D:德国绒毛狼犬·东西伯利亚莱卡    E:俄罗斯欧洲莱卡    F:菲利犬·芬兰绒毛犬·芬兰拉普赫德犬    G:格陵兰犬    J:金多犬·基斯猎犬·加拿大爱斯基摩    K:卡累利阿熊犬·卡爱犬    L:伦德猎犬·拉品坡考亚犬    M:马拉摩特雪橇犬·美国爱斯基摩犬    N:挪威猎鹿犬·挪威黑猎鹿犬·挪威布哈德犬    O:欧亚犬    P:佩比伦犬    Q:奇努克犬    R:瑞典拉普赫德犬·瑞典猎鹿犬·日本秋田犬·日本绒毛犬    S:萨莫耶德犬·四国猎犬·塞巴英努犬    X:斡派瑙犬·西伯利亚基摩犬·西西伯利亚莱卡·希伯格犬    Z:中国松狮犬    狩望猎犬(共16种犬)    C:查特波斯凯犬     E:俄罗斯狼犬     L:灵犭是(ti)犬·猎鹿犬·勒车犬     M:美洲猎鹿犬     R:瑞木颇灵犭是犬     S:萨卢基犬·斯卢夫猎犬     W:威比特犬     X:西班牙灵犭是犬·匈牙利灵犭是犬     Y:意大利灵犭是犬    古老犬(共18种犬)                    A:澳洲野犬·艾比赞猎犬·艾特拉科尼克犬     B:巴辛吉犬·标准墨西哥无毛     D:大型印加无毛犬     F:法老王猎犬     J:加南犬·加那利猎犬     K:卡罗来纳犬     M:秘鲁印加兰花犬·墨西哥无毛玩赏犬     P:葡萄牙波登可犬     X:新几内亚歌唱犬·小型印加无毛犬·小型墨西哥无毛·小型葡萄牙可犬     Z:中型印加无毛犬 </t>
  </si>
  <si>
    <t xml:space="preserve">私人小公司老板一人即是法人，平时老板拿来报销的那些车票，餐费自己? </t>
  </si>
  <si>
    <t>按照规定，经手人、领导批示不能为一个人。但是，实际工作中，一人经手、批示的情况也是有的。如果做到规范管理，经受人也可以让单位其他人员代签字，即：XXX代。2009-12-23 11:02 补充问题过桥费，过路费，加油费，车票、住宿费、出差餐费、打的费、停车费、等都可以全额税前抵扣，请客户吃饭的招待餐费只有不超过营业收入的百分之六十才可以税前抵扣，我的理解正确吗？除了我所列的还有哪些费用是可以报销的。（1）过桥费，过路费，加油费，车票、住宿费、出差餐费、打的费、停车费等都可以全额税前抵扣。（2）客户吃饭的业务招待费扣除标准：企业发生的与生产经营活动有关的业务招待费支出，按照发生额的60%扣除，但最高不得超过当年销售(营业)收入的5‰。</t>
  </si>
  <si>
    <t xml:space="preserve">心血管支架介入治疗后怎样服药心血管支架介入后服用“波立维、氟伐他 </t>
  </si>
  <si>
    <t>波立维推荐是8月到一年，理想是一年而他汀、阿司匹林是需要终生服药的，因为这是降脂和抗血小板的治疗。</t>
  </si>
  <si>
    <t xml:space="preserve">求个能显示HP的魔兽争霸插件一直显示HP的不需按Alt </t>
  </si>
  <si>
    <t>楼上的，谁说没有！我有插件，免安装，绿色的从路边捡个小石头，压在ALT上对不起，不开玩笑了，给你找到了</t>
  </si>
  <si>
    <t xml:space="preserve">云南大学有几个校区啊。最漂亮的是什么校区 </t>
  </si>
  <si>
    <t>云南大学有以下几个校区： 云南大学本部：昆明市翠湖北路2号 云南大学洋浦校区：昆明市经济技术开发区内 云南大学北校区：昆明市教场北路 云南大学海埂校区：昆明市滇池国家级旅游度假区内 云南大学丽江校区：丽江市古城区鄙人认为云大本部和洋浦校区最美,本部的情人坡,大树上的小松鼠,银杏道......洋浦校区的洋浦提词......</t>
  </si>
  <si>
    <t xml:space="preserve">电脑问题打开某些软件会出现一个对话框（见附件）随后就会假死现象怎 </t>
  </si>
  <si>
    <t xml:space="preserve">EXPLORER.EXE出错的几种情况 1. 冲突，譬如输入法，清华紫光输入法3.0版本有的时候会出现explorer.exe出错，取消清华紫光输入法，用其他输入法输入会没有问题。可以判断为输入法问题。卸载清华紫光输入法，即可解决。 清华紫光输入法4.0版本未发现类似问题。2. explorer.exe程序本身的原因 可运行sfc/scannow扫描系统文件。检查explorer.exe的文件大小，正常情况下应该显示为237k或者238k，如果大小不一致，Explorer.exe程序本身损坏，可以从别的机器上拷贝一个explorer.exe文件到本机，调用任务管理器，接入explorer.exe进程，然后新建任务拷贝新的文件到系统盘WINNT(2000)或WINDOWS(XP)目录下。3. 可能为病毒原因（wc98pp.dll） 网络协议处理器 - 电子书编译工具Web Compiler相关。 wc98pp.dll文件本身并没有影响，很多计算机上都有此文件，但是当explorer.exe出错的时候，删除此文件可以解决问题，然后从注册表中搜索相关键值删除。 usign.dll，有人提到这个文件与wc98pp.dll两个文件类似，删除这两个文件可以清除IE中不断跳出小广告。在公司的计算机中未发现此文件。 4. 其他原因 计算机运行某个程序等待时间过长，比如读取数据，尤其是光盘或者外界设备的数据的时候，也会出现explorer.exe出错，提示与上面的情况相同。 5.系统资源不足。如果机器配置低的话建议不要同时开启太多应用程序。另外可适当加大虚拟内存，特别是经常玩大型游戏。这种情况下升级机器是最根本的解决办法呵呵。6.系统内核错误。此类情况我暂时无法解决，重新安装系统。 </t>
  </si>
  <si>
    <t xml:space="preserve">个位网友教教我请问怎样辨别水货和行货 </t>
  </si>
  <si>
    <t>如何辨别水货 ●手机IMEI码。IMEI(InternationalMobileEquipmentIdentity)是国际移动设备身份码的缩写，它是由15位数字组成的“电子串号”，与每台手机一一对应，而且是全世界惟一的。核对手机IMEI码，应先输入*#06#，如果手机显示的IMEI码与行货手机的一致说明是行货手机，如果不一致，或者变成了一串乱码，或指令不被执行，则证明该手机是改装机或者翻新机。在国内合法销售的行货手机IMEI号，可登录中国移动通信产业网 进行查询。 ●手机LOGO。如三星，供给中国的机型手机表面都有Anycall的字样，而且会有奥运五色环的标志，没有以上标志或用手可以刮掉标志的均不是行货手机。 ●手机电池。行货机电池标签为全中文印刷，而欧版水货机电池标签为英文印刷。 手机行货水货有哪些区别？ 什么是“水货”呢？水货并不是假货。还有很多网友不清楚什么是水货(欧版原装)手机，按默认定义，水货手机是指由国外、港澳台地区没有经过正常海关渠道进入内地市场的手机。水货还有一种叫法，为欧版原装，所谓水货(欧版原装)手机其实就是本应销往其它国家或地区的机器，在偷逃了关税后进入国内市场进行销售的手机。简单点说，水货手机就是没有通过正常渠道报关和交纳税项的手机。所以水货手机的质量和行货是一样的，两者硬件没有任何区别，原厂家生产的原装正品只是销售地区和软件不同而已，而且有些型号因为销往国家的不同，品质甚至比国内的行货还要好，加之销售价上巨大的差额，很多人都喜欢选择水货(欧版原装)手机。 市场上流通的水货手机大致可分为四类： 第一类就是B行（水货里的行货），这种行货机是通过走私流入内地的。B行手机的质量和行货两者之间的质量一样，也在电信有入网登记，但是没有在官方客服登记资料，一般都是厂家内部流出来的小量货源。跟正行对比，差别就是售后服务。B行手机的保修就是你在哪里购买的，就到该销售点去维修。 第二类是港行，顾名思义就是香港地区的行货手机，由于一些原因，香港的手机很多都比内地的便宜，有不法奸商看到了这一点，通过特殊渠道把一些香港的手机拿到内地来销售，但在内地是没有保修的，港行也划归为水货的一种。 第三类是英文改版机，也就是正宗的水货（水改机），这类机原本销往欧美等国，经走私流入内地，通过升级手机软件，令其支持简体中文，由于关税的原因，改版手机的价格往往比正行手机低很多。 第四类是翻新机。这种手机逃税还在其次，关键是质量毫无保证，其对购买者杀伤力最大。 第一类大陆B行在市面上流通的数量不多，所以水货行业通常分为A货、B货和C货三个档次。A货是指香港走私过来的行货，没有保修和售后服务；B货是将销售到欧美的手机经走私运到国内销售的“水货”；而C货手机就是通常说的“翻新机”和“拼装机”。注意:B货不是B行,切勿混淆. A货（通常称做港行）与B货(通常为欧版)微小的区别在于键盘，欧版机的键盘上没有印刷中文笔划，笔划都是后来加上去的，不过目前国内水货手机几乎形成了产业一条链，在原装键盘的基础上加笔画的技术已经非常成熟,几乎看不出区别。至于欧版机的软件，幕后的盘货商不惜重金通过各种渠道获得三星手机亚太版的中文字库，并组织破解小组对软件进行解析，然后写入水货手机中；破解小组发展到后来，以积累的经验和软件技术，自行开发了许多不同的版本，而相关的开发工具也日渐成熟起来，以致有些尚未在国内上市的机型，水货都能抢先一步登陆；从最初版本的很多bug，到目前的非常完美，水货随着新机的发布不断的升级，慢慢修炼成了今日可与行货抗衡的一股势力。也就是说，在销售给内地消费者前都已经设成与大陆行货同样的中文版了，不会存在任何本地化的使用问题。 有人担心买到翻新机，那么如何检验所购手机是否是翻新机呢？ 1、 外壳。 新机外壳接合紧凑，缝隙处平整光滑，无毛刺。 翻新机器一般采用仿原装外壳， 缝隙处不平整，有毛刺， 手机外壳上下两部分容易出现闭合不紧、留有很大缝隙的现象。鉴别时可以用小手指指甲尝试着插进手机上下盖的接缝。如果能插进去，就是翻新机。而对外壳表面像新机一样磨砂，且有小颗粒的手机，更是万万不可购买。这种机子外壳的漆是 JS喷上去的，时间一长，漆就会脱落（机壳上的灰尘小颗粒，是喷漆时没有真空环境作业造成的）； 2、新机翻开盖有一股淡淡的檀香味，若是翻新机， JS一般要对机身进行一番美容，外表尽管光滑但不够干燥，翻开盖或卸下电池后有橡皮味，塑料味，或化学剂的气味 ； 3、 键盘和数据线接口。由于充电器插头、数据线长期插拔的缘故，翻新机充电接口会出现难以消除的黑色划痕。而键盘翻新机多采用旧机器上的键盘或者是仿照键盘。这种键盘的共性是手感比较柔软，没有新机键盘的韧性； 4、 充电测试。充电的时间最好长一些，一般在 10分钟以上。因为有许多翻新机充电时间稍长就会断电。这也是判断翻新机一个很有效的办法； 5、 SIM卡芯片触点与电池触点。这两个触点JS一般是没法更换的。如果是翻新机，那么SIM卡芯片触点上就一定会留下清晰的摩擦痕迹，看起来发亮，这是摩擦过多所致。如果是新机未用过的芯片，则触点表层应是磨砂的； 6、 固定螺丝。主要看螺丝和刀口接口部分有没有明显的划痕， 内屏下方的两个胶垫有无挑痕。 7、通话 质量。自带 SIM卡试机，打电话给你的朋友，最好是固定电话，问问对方通话质量如何，通话声音是否清晰，有无杂音、电流声，音量大小有无骤然下降的现象； 8、 价钱。由于翻新机的零配件多为早期产品，质量也差，所以价格也低。要是遇到价格低得离谱而商家却称之为水货的手机，基本可以断定为翻新机希望对你有用！</t>
  </si>
  <si>
    <t xml:space="preserve">漂流贝贝高级炼金术怎么不能用漂流贝贝3.13.2都是点运行脚本高 </t>
  </si>
  <si>
    <t>那是因为飘流贝贝没有高级炼金的脚本...想要的话去百度搜吧，里面有解释</t>
  </si>
  <si>
    <t xml:space="preserve">太阳能电池电路板的原理 </t>
  </si>
  <si>
    <t>首先给你讲一个原理：光电效应（爱因斯坦因此得过诺贝尔） ：对于一块金属板  当太阳光的频率足够大时  金属原子周围的电子因此得到足够大的能量 脱离了原子核的束缚而激发出金属板。当许许多多的电子都这样的激发出来后就形成了电子流 ，也就是电流 . 这是太阳能电池最基本的原理.其次太阳能电池还要考虑到电能的储存问题以及如何为用电设施提供一个平稳的电流（不能在阳光充足时就提供的电量大，阴天就提供的电能少）一般太阳能电池都有一个储存电能的中心用来收集电能并且平稳的向外界提供电能。由于材料.效果以及种种原因现在的太阳能电池常常采用硅来充当金属板.并且我补充一点 现今的太阳能电池存在的一个缺点就是它将太阳能转化为电能的转化率太低下~~</t>
  </si>
  <si>
    <t xml:space="preserve">装修用什么牌子的木地板好什么材质的好??? </t>
  </si>
  <si>
    <t>柳德米拉你好木地板在家居中能够历久弥新，自然有它不可取代的特色。首先，木材质本身就有一种自然的气息，能够给予人温暖亲切的感受。其次，木地板在视觉上是硬朗的，但使用中会发现木地板的内在特性是柔和的，所以很多练功房都使用木地板，因为木材与人体的冲击、抗力都比其他材料柔和。第三，从使用的角度上说，木地板分量轻，又很有韧性。众所周知，大多数的木材都能浮在水上，这个特性就让木地板在运输、铺设时都相比其他地材方便，而且木地板的抗压力也很优异。同时，木材本身会“呼吸”———可以吸湿和蒸发，因而可维护环境湿度在人体感觉舒适的范围内。第四，优质的木地板使用年限也很长，记者在广州的一些老式洋房中见到那些铺设的木地板，经过那么多年后，一打腊便光亮如新实木地板中大自然和安信当属其中之佼佼者，而安信则以价廉又胜了一筹。而且正因为牌子大，所以，花色品种也多，挑选起来也更有余地。复合地板中：圣象、欧典、金鹰艾格、欧润、欧陆家等，都是不错的牌子，而每一款又有80—400不同的价位可供选择。你自己看在转转看看。</t>
  </si>
  <si>
    <t xml:space="preserve">所有女人到达高潮的时候阴蒂都会突起吗?我和女朋友ML的时候他总是 </t>
  </si>
  <si>
    <t>不一定，有的女人阴蒂很肥大，性高潮时容易突起，而有的女人，本身就小，且藏在阴唇中间，不易发现或根本不突起．</t>
  </si>
  <si>
    <t xml:space="preserve">给老师的一点建议今天参加了咱们双语班的家长会，感受颇深，越发感到 </t>
  </si>
  <si>
    <t>翌聪爸爸您好!对于您提得问题我们已经在准备了,不久之后就会在博客中展出,同时也会召开一期家长正音课堂.之所以没有现在将英语的口语在博客上进行展示是因为:幼儿的英语学习之初阶段主要以听力为主,我们希望在最初的语言刺激中给宝宝标准,地道的发音(外教的语言渲染,以及与外教校音后的中教老师的持续浸泡).宝宝们在幼儿园熟悉了老师的正规语音输入后,再由家长在家里持续培养,说不定宝宝们还能够帮部分爸爸妈妈纠正错误发音呢!不知这样的回答能否解答您的疑惑.欢迎继续提问:)</t>
  </si>
  <si>
    <t xml:space="preserve">我有一个证券帐户但不知......？不知如何将钱存进去，是不是存 </t>
  </si>
  <si>
    <t>什么时候开户的？？？？？有了证券帐户，还有没有一张资金卡？？资金卡就是你在证券公司的资金帐户。如果你是下半年后开户的，多半是采用银证转帐的方式，所以你是否到过银行办理了银证转帐的登记？？如果上面的你都办理了，那你就打银行的专用服务电话进入你在银行的帐户，选择银证转帐，将钱转入你所在的证券公司的资金卡。我知道的银行电话：工行95588；招行95555；农行95599；建行95533。第一次操作肯定会觉得生手，多练习几次就觉得容易了，全部按语音操作的。取钱就有点麻烦，记住卖出股票所得的钱能在当天买其它的股票，但是要取出来就需要过一天（指正常的交易时间内，周六、周日不能从证券公司转钱出来，人家的服务器没开）。取钱的步骤和存钱进证券公司一样，只是选“证券转银行”、“银行转证券”这里不同，当然相应的密码也会不一样，转钱入证券，输入银行卡的取款密码；转钱回银行，输入证券资金卡的密码。</t>
  </si>
  <si>
    <t xml:space="preserve">饱和盐溶液标定相对湿度标定的方法我曾经收集过饱和盐溶液标定相对湿 </t>
  </si>
  <si>
    <t>我想了个标定相对湿度的方法：你可以将配制好的盐溶液放于干燥器中，再放入一只湿度计，等稳定后读数即可。</t>
  </si>
  <si>
    <t xml:space="preserve">5230上移动梦网为什么打不开免流量下音乐的网页？5230可以上 </t>
  </si>
  <si>
    <t>很可能没点到  要点到位</t>
  </si>
  <si>
    <t xml:space="preserve">真三国无双4：特别版与武将传有何不同？同时，请介绍此游戏的可玩之 </t>
  </si>
  <si>
    <t>三国无双特别版是集合了：三国无双4与三国无双4猛将传的一款游戏。也就是说，它是一个结合了2个版本的优点，祛除了缺点的版本。它最大的可玩性在于战场的变化比真三国无双4或者猛将传更夸张，有时候你走错一步战局就可能改变。至于帝国，似乎是没什么直接的联系。</t>
  </si>
  <si>
    <t xml:space="preserve">"领袖"一词的由来? </t>
  </si>
  <si>
    <t>这是我2005-11-30 01:02:49回答狠点儿先生“领袖一词的来历”问题的答案。不知何故，他没采纳本答案。然而，本答案却赢得了不少朋友的青睐，此后《爱问.文学》中凡有相似的问题出现，一些人就轻而易举地把该答案“拷”而答之，并屡屡被采纳。现把原答案转抄如下，希望你满意：“领袖”的本义是衣领和衣袖。领，衣领。《荀子.劝学》：“若挈裘领，诎五指而顿之。”袖，袖子。《韩非子.五蠹》：“长袖善舞，多钱善贾。”用以借指为人表率的人，语出《晋书.魏舒传》：“魏舒堂堂，人之领袖也。”意思是说，魏舒仪表庄严大方，有志气，有气魄，假如人为“衣服”，他则是“领子”和“袖子”，以此赞赏魏舒为人之表率。后专用于国家、政党、群众组织的领导人。本来还可以展开来谈，为了保持答案的原貌，也就罢了。重复利用同一答案不是我的习惯，但现实情况促使我这么做，也有利于你对问题的解决。</t>
  </si>
  <si>
    <t xml:space="preserve">干煸蝉蛹怎么做？我要那种外酥里嫩的 </t>
  </si>
  <si>
    <t>先将蝉蛹用温水泡3-5分钟，捞起每个一切两半放入：姜汁.酱油.料酒.醋.盐少许，淹7-10分钟，加入干粉拌均。开大火将锅和油烧热，将蝉蛹倒入油中炸一下倒入漏勺，辣椒.大蒜和葱爆香，将蝉蛹倒入锅内翻炒即可。</t>
  </si>
  <si>
    <t xml:space="preserve">石磨问价~石磨属性如下83级104血60W+WX2T2M+点1T </t>
  </si>
  <si>
    <t>74的比较值钱估计可以卖5000W左右吧</t>
  </si>
  <si>
    <t xml:space="preserve">公司法最近一次修改在什么时间 </t>
  </si>
  <si>
    <t xml:space="preserve">    公司法最近一次的修改时间是在2004年8月28日，生效日期是在2004年8月28日 　　《全国人民代表大会常务委员会关于修改〈中华人民共和国公司法〉的决定》已由中华人民共和国第十届全国人民代表大会常务委员会第十一次会议于２００４年８月２８日通过，现予公布，自公布之日起施行。 　　全国人民代表大会常务委员会关于修改《中华人民共和国公司法》的决定 （２００４年８月２８日第十届全国人民代表大会常务委员会第十一次会议通过） 　　第十届全国人民代表大会常务委员会第十一次会议决定对《中华人民共和国公司法》作如下修改： 　　删去第一百三十一条第二款。 　　本决定自公布之日起施行。 　　《中华人民共和国公司法》根据本决定作修改后，重新公布。</t>
  </si>
  <si>
    <t xml:space="preserve">关于身份证的问题？我的新办身份证出来了，上面证件号码的最后一位数 </t>
  </si>
  <si>
    <t>我国自1999年实施公民身份号码制度以来，许多公民身份号码末位为“X”的公民，由于不明白“X”的含义，要求给予更换，产生了不必要的误会。目前我国公民身份证号码由18位数字组成：前6位为地址码，第7至14位为出生日期码，第15至17位为顺序码，第18位为校验码。检验码分别是“0、1、2、……10”共11个数字，当检验码为“10”时，为了保证公民身份证号码18位，所以用“X”表示。虽然校验码为“X”不能更换，但若需全用数字表示，只需将18位公民身份号码转换成15位居民身份证号码，去掉第7至8位和最后1位3个数码。</t>
  </si>
  <si>
    <t xml:space="preserve">古魔法书有啥用?兽人头盔卖多少钱?62级纯冰雷魔法师怎样练?我是 </t>
  </si>
  <si>
    <t>下海底打吧＾＾可能有点慢建议出个火墙和练个圣灵，这样可以去积分塔打纯冰雷的很多地方去不了古魔法书好象是巫婆掉的，没大的作用</t>
  </si>
  <si>
    <t xml:space="preserve">征集对联！谢谢大家！新春到了！给大家拜个早年！我所在的公司想有一 </t>
  </si>
  <si>
    <t>上联:回顾旧岁 腐植肥料 高效环保誉满四海下联:展望新年 绿色金子 诚恳招商富达九州横批:利国富民</t>
  </si>
  <si>
    <t xml:space="preserve">读完这个句子我彻底晕了，求高手帮忙翻译一下Butwearemuc </t>
  </si>
  <si>
    <t>可是我们却很少意识到工作带来的无形的、更关键的心理健康,它决定了我们的生活是充实还是空虚。楼主补充了提问,也补充一下回答:此句包含了两个定语从句,从句套从句。“towhichworkprovidesthemoreintangible,butmorecrucial,psychologicalwell-beingthatcanmakethedifferencebetweenafullandanemptylife.”整个是extent的从句;而这从句中又有一个修饰well-being的从句:“thatcanmakethedifferencebetweenafullandanemptylife.”解释几个词组:consciousof:意识到 广度,宽度,长度,大小,范围,程度tosomeextent在某种程度上,(多少)有一点tothatextent,在那种程度上,考虑到那些此段话就是直译的。</t>
  </si>
  <si>
    <t xml:space="preserve">我想买一款家用型的打印机，是喷墨比较好，还是激打好呢，预算在千元? </t>
  </si>
  <si>
    <t>按照你的预算和需求，我觉得兄弟J265W挺合适，复印、打印、传真、扫描，功能齐备，打印效果还不错，分体式墨盒省墨，经济，支持无线网络，价格也非常有优势，适合家用。</t>
  </si>
  <si>
    <t xml:space="preserve">WAP是什么意思 </t>
  </si>
  <si>
    <t xml:space="preserve">WAP是向移动终端提供互联网内容和先进增值服务的全球统一的开放式协议标准，是简化了的无线Internet协议。简单点说就是网站向手机提供内容的一种协议。WAP（Wireless Application Protocol 无线应用通讯协议） WAP是由爱立信(Ericsson)、诺基亚(Nokia)、摩托罗拉(Motorola)等通信业巨头在1997年成立的无线应用协议论坛(WAP Forum)中所制定的。可以把网络上的信息传送到移动电话或其它无线通讯终端上。它使用一种类似于HTML的标记式语言WML(Wireless Markup Language不是无线标记语言)，相当于国际互联网上的HTML（超文件标记语言）并可通过WAP Gateway直接访问一般的网页。通过WAP，用户可以随时随地利用无线通讯终端来获取互联网上的即时信息或公司网站的资料，真正实现无线上网。它是移动通信与互联网结合的第一阶段性产物 </t>
  </si>
  <si>
    <t xml:space="preserve">我用$30000美金来炒汇,但初学,就被澳套住了,不知老人和其他? </t>
  </si>
  <si>
    <t>如果是做实盘外汇买卖倒是没有多大风险，但做外汇一定要有个思想准备。因为外汇买卖具有这样几个特点，1.交易时间长，2.至少要有一定的外汇相关基本知识，最好是比较熟悉；3.对于技术分析应该同样较为熟悉，并能熟练运用；4.要有较好的心理素质；5.要想挣钱还必须积累一定的交易经验（经验往往是要付出代价的）；6.最后还要有一定天赋和运气。所以，我认为外汇交易本身不是有钱就都可以参与的，从世界范围来看，国外虽然外汇交易非常普及，但欧美国家更多的还是交给专业机构代为管理操作，我想，随着我国金融体制的逐步健全，国内专业高水平资金管理公司会越来越为投资者所接受的。</t>
  </si>
  <si>
    <t xml:space="preserve">关于宠物的问题宠物的召唤时间是什么回事?说是多少分钟,是一天召唤 </t>
  </si>
  <si>
    <t>宠物召唤时间就是宠物一天可以出来多长时间。到时间后会消失。不是总共那么多时间。宠物买了就不会消失。</t>
  </si>
  <si>
    <t xml:space="preserve">男友的父母反对，该怎么办！我们一开始，男友的父母因为我是外地的， </t>
  </si>
  <si>
    <t>这样的父母我以前也见过不少，我个人觉得这是他们的封建思想左右的结果，外国的孩子18岁父母就可以直接不管他们了，从这里中外的区别也就显而易见了。   对于你现在的这个状况，我觉得，如果你要是还想和这个男友在一起生活的话，你需要让你的他站在你的这一边，也就是说他要在你和他的父母之间做一个选择才行，虽然很残酷。他如果站在了你的这一边，那么情况就好办多了，接下来就要看你们两个人的了，要好好生活，努力工作，让你们的生活过的好一点，因为中国的父母想要看到的就是自己的孩子未来会生活的好，回过的顺畅。时间会消磨准婆媳之间的隔阂的。相信前途是光明的。   如果要是你男友放弃了你这个辛辛苦苦为他付出这么多的好未来媳妇，那么是他自己不配你。这样的男人不要也罢。其实真正的男友应该和你一起来面对这个问题的。   希望我的回答能对你起到一些帮助。</t>
  </si>
  <si>
    <t xml:space="preserve">在阿里巴巴发布消息要怎么做呢？ </t>
  </si>
  <si>
    <t>阿里巴巴的帮助里有啊。</t>
  </si>
  <si>
    <t xml:space="preserve">闽南大酒店离厦门机场有多远？ </t>
  </si>
  <si>
    <t>不太远.厦门岛本来就不大.机场又在市内.有公交车(27路车有路过闽南大厦);打的也方便.要估算时间的话.我想不会超过半小时的.</t>
  </si>
  <si>
    <t xml:space="preserve">下午打鬼子咯。。。亮单千叶3，横滨飞翼1，FC冈山30，熊本0， </t>
  </si>
  <si>
    <t>朽木SC 30 单选可驳3</t>
  </si>
  <si>
    <t xml:space="preserve">电脑经常死机我的电脑死机后我还原系统就不死机了！第二天上的话就会 </t>
  </si>
  <si>
    <t xml:space="preserve">经常死机的原因总说来有下面4种原因： 1 有可能有病毒引起的 2 与操作系统不稳定有关 3 电脑死机是在什么时候最容易死机的？ 4 大多数与以下几个方面有关： 1、CPU超频。 CPU超频使用的是畲笕钡憔褪橇頒PU的温度过热而导致其性能的不稳定。 这种情况在炎热的夏季来临后会变得更加明显。由于CPU在RAM存取数据的速度本来就快于RAM与硬盘交 换数据的速度，超频使这种矛盾更加突出。解决办法：回归自然，使CPU工作在规定的正常频率，同时使用“降温”软件，并采取加 大或是清扫CPU风扇等措施。 2、硬盘剩余空间太少或碎片太多。硬盘如果经常删除文件会 使文件碎片增多，有些人从购机后用了几年也没有作过一次硬盘 碎片整理工作，这时系统运行速度会随之变慢。 前面已经谈到， 硬盘上能作虚拟内存的必须是自由空间，而且空间连续长度必须 是512K的整数倍。 如果现在你的硬盘还只有几百MB，出现“异常错误”与此很可能有关。解决办法：用Windows9X本身自带的硬盘 碎片整理程序对硬盘作一次的整理 （这种办法需要的时间较长，你也可以使用外挂的程序，如Norton的Speed Disk等）。 3、启动时加挂的程序过多。这会使系统资源消耗殆尽，使个别程序需要的数据在内存或虚拟内存中找不到， 也会出现异常错误。 解决办法：不要同时启动过多的程序，如果已经发生“异常 错误”，只需重新启动系统就正常了。 4、系统冲突。经常遇到的是由于声卡或显示卡的设置冲突， 引起异常错误。 此外，其他设备的中断、DMA或端口出现冲突的 话，也可能导致少数驱动程序产生异常，甚至无法正常启动 Windows9X。解决办法：以“安全模式”启动，在“控制面板-系 统-设备管理”中进行适当调整，一般可以解决。 5、版本冲突。多数应用程序都要调用特定版本的动态链接库 DLL或者OLE组件，如果在安装某个软件时，旧版本的DLL覆盖了新 版本的DLL，或者删除应用程序时， 误删了有用的DLL文件，就可能使上述调用失败，从而引起“异常错误”。 这种情况最简单的 方法就是重装Windows。当然如果你对系统比较了解的话，你可在 Windows9X的系统文件中把出错的DLL文件恢复即可。 6、注册表错误。 注册表是Windows9X的“命根子”，其中保存有Windows9X以及应用程序的重要数据，即使是哪个细小地方出 了问题，都很可能引发“致命异常错误”的发生。 如果你在出错之前已经对注册表文件进行了备份， 那你只需用备份文件覆盖即 可。如果没有备份，你可得重装系统了。 7、程序设计问题。部分程序在编制时内存分配不合理，完成 后又未经过严格测试，在特殊的运行条件下就会因找不到内存分 配地址而频频出错。 还有一种情况是，盗版软件因解密过程中破坏、丢失了部分源代码，也常常导致“异常错误”的发生。因此， 还是用正版软件的好。 8、软硬件不兼容。经常遇到的是，BIOS或驱动程序太旧，以 致不能很好支持硬件，导致“异常错误”的发生。 如果你的主板 支持BIOS升级，尽量升级到最新版本， 同样，尽量找到与你设备 配套的最新的设备驱动程序，也可以尽量减少错误的发生。 9、硬件老化或存在故障。很多人都有一部以上的电脑，而且为了物尽用，会经常把旧的硬盘和新的硬盘放在同一电脑中使用。但你可知道，那些旧硬盘转速很慢，有些仅为3600转/分钟左右，如果用高频CPU运作，就等于快马拉破车，出现“异常错误”的可 能性自然较大。 解决办法也很简单，你只需把旧硬盘从你的电脑 上拆下来就可以了。如果以上几种的情况都不能解决，最好删除原有的系统并重装，当然你应该作好相应备份。 </t>
  </si>
  <si>
    <t xml:space="preserve">英雄联盟赵信的出装顺序 </t>
  </si>
  <si>
    <t>出鞋子，灯笼，黑切，红叉，无尽，饮血剑，后期灯笼换三项</t>
  </si>
  <si>
    <t xml:space="preserve">“时不至不可强生,事不究不可强成"怎么理解?摘自《中国哲学史》 </t>
  </si>
  <si>
    <t>顺应天时  顺应潮流 不可违背规律办事这是范蠡进谏勾践的一段话 直接的解释如下：时令不到，不能勉强让人生长；功夫不够，也不能勉强成事</t>
  </si>
  <si>
    <t xml:space="preserve">急！关于打印试卷不显示答案的问题制作了一张电子试卷，答案部分用下 </t>
  </si>
  <si>
    <t>设置文字为白色、下划线为黑色，再使用格式刷即可。详见附件的示例。学者在线guoyq@ 2008年6月12日</t>
  </si>
  <si>
    <t xml:space="preserve">怎样治疗咳嗽???几年前的一次咳嗽使我落下了病根,,现在每到冬天 </t>
  </si>
  <si>
    <t xml:space="preserve">[风寒] ：风寒侵袭，肺气失于宣降所致，多见于冬春两季。寒咳表现：痰多色稀白，呈泡沫状，喉间有痰声，易咳出，且头痛，鼻塞，流清涕，或伴有怕冷、畏寒，无汗，舌淡红，苔薄白，脉浮紧。寒咳最大的不同就是肺中有痰，耳朵贴靠病人胸壁，令病人用力呼吸，可听到气管内似水笛哮鸣声音，病人常会有胸闷，有时需要深呼吸来补充一下氧气。严重者会有气喘的现象。这时应吃一些温热、化痰止咳的食品。一、寒咳治疗：当以发散风寒，宣肺止咳为治。重要的是能促进排出气管内之痰，和减少气管内的分泌，可选用三拗汤加减，药取麻黄、甘草各3克，杏仁、荆芥、前胡、桔梗、苏子、法夏、陈皮、桂枝、百部、白前各5克，水煎服，每日1剂。中成药可选用杏苏止咳糖浆、小青龙口服液等。 二、寒咳护理：1、夜间尽量不要开冷气睡，如开冷气应在摄氏25度左右，最好穿上袜子。 2、不穿敞领口的上衣睡。注意保护领至肩关节部位。 3、少在家里赤脚行动，应穿上拖鞋。三、寒咳食疗：1.生姜+红糖+大蒜 患了风寒感冒，喝温热的生姜红糖水能起到很好的治疗作用，如果同时还伴有咳嗽，可在生姜红糖水里再加2～3瓣大蒜一起煮，要用小火煮10分钟，把蒜头的辣味煮掉，这样才好肯喝。 2.蒸大蒜水 取大蒜2～3瓣，拍碎，放入碗中，加入半碗水，放入一粒冰糖，把碗加盖放入锅中去蒸，大火烧开后改用小火蒸15分钟即可。当碗里的蒜水温热时喂给孩子喝，大蒜可以不吃。一般一天2～3次，一次小半碗。大蒜性温，入脾胃、肺经，治疗寒性咳嗽、肾虚咳嗽效果非常好，而且方便简单，也愿意喝。 3.烤橘子 将橘子直接放在小火上烤，并不断翻动，烤到橘皮发黑，并从橘子里冒出热气即可。待橘子稍凉一会，剥去橘皮，吃温热的橘瓣。如果是大橘子，一次吃2～3瓣就可以了，如果是小贡桔，一次可以吃一只。最好配合大蒜水一起吃，一天2～3次。橘子性温，有化痰止咳的作用。吃了烤橘子后痰液的量会明显减少，镇咳作用非常明显，而且孩子都愿意吃。 4.麻油姜末炒鸡蛋 将一小勺麻油放入炒锅内，油热后放入姜末，稍在油中过一下，随即打入1个鸡蛋炒匀。风寒咳嗽及体虚咳嗽时，每晚在临睡前趁热吃一次，坚持吃上几天，就能收到明显效果。5.梨+花椒+冰糖 梨一个，洗净，横断切开挖去中间核后，放入20颗花椒，2粒冰糖，再把梨对拼好放入碗中，上锅蒸半小时左右即可，一只梨可分两次吃完。蒸花椒冰糖梨对治疗风寒咳嗽效果非常明显，但有的不喜欢花椒的味道，可自己选择。 6、生姜粥生姜3片，大米30克。将生姜洗净，切碎，同大米煮为稀粥服食。每日1～2剂，连续3～5天。可暖脾胃，散风寒，利肺气。以上是治疗风寒咳嗽的食疗方，在运用这些方法治病的同时，还应注意以下性寒凉的食物不能吃：绿豆、螃蟹、蚌肉、田螺、蜗牛、柿子、柚子、香蕉、猕猴桃、甘蔗、西瓜、甜瓜、苦瓜、荸荠、慈姑、海带、紫菜、生萝卜、茄子、芦蒿、藕、冬瓜、丝瓜、地瓜等。 </t>
  </si>
  <si>
    <t xml:space="preserve">谁喜欢看恐怖片啊？帮我推荐几个呗！求推荐～～～（贞子好,贞子妙,? </t>
  </si>
  <si>
    <t>《孤岛惊魂》、《鬼仔》、《德州电锯杀人狂》、《鬼玩人》</t>
  </si>
  <si>
    <t xml:space="preserve">中国的文工团和军乐团的人数有多少?他们的区别再哪,战时和平时的任? </t>
  </si>
  <si>
    <t xml:space="preserve">具体的人数无法统计，因为他们不是统一的组织。例如文工团包括中国煤矿文工团，中国铁路文工团，中国武警文工团等，相互之间没有统属关系，而且人员差不多每天都在变化，所以根本没有具体的数据。文工团比较普遍，不一定非要是军队才有。军乐团是军队的专有。任务主要就是演出，战时提高部队的士气。文工团不是中国特有，苏联系军队都有，国民党军队也有，因为他们在1924-27年也受过苏联训练。英美系军队没有，只有业余军乐队。欧洲大陆军队有军乐团。 </t>
  </si>
  <si>
    <t xml:space="preserve">伊利丹怎么和6区服务器合一块了?刚刚登陆2/6区看看2区能不能玩 </t>
  </si>
  <si>
    <t>2 6区认证服务器合并，也就是说2区这次维护完之后，你上去在服务器列表中会看到2区40个服务器以及6区40个服务器一共80个服务器。</t>
  </si>
  <si>
    <t xml:space="preserve">请问这样正不正常啊？我每次和我男朋友做完后，都会分泌出好多乳白色 </t>
  </si>
  <si>
    <t>这很正常啊，别担心 ！！别人都为自己没有白色的液体而担忧呢，你倒身在福中不知福！有水说明你很敏感，说明你的身体状况良好！！</t>
  </si>
  <si>
    <t xml:space="preserve">成熟男人爱一个人的表现会不会不是很主动的?比较的木纳的? </t>
  </si>
  <si>
    <t>可以不很主动，但一定要体贴而且细心，注意对方的一点一滴（天凉了加衣服，生病了按时吃药等）并让她知道，相信属于你的爱的春天会很快到来的！</t>
  </si>
  <si>
    <t xml:space="preserve">会不会是宫外孕??11月6号来的例假,到这个月29号一直没来,2 </t>
  </si>
  <si>
    <t>去抽血看一下HCG的值，如果比较低的话有可能是宫外孕</t>
  </si>
  <si>
    <t xml:space="preserve">男人收到女孩送的礼物的表现？两种情形，一是他本身就喜欢或对该女孩 </t>
  </si>
  <si>
    <t>要是喜欢这个女孩，那个男生会很惊喜，有种受宠若惊的不知所措；要是不喜欢这个女孩，表现应该比较古怪，感觉很不自然，然后比较客气或者对礼物有些推辞</t>
  </si>
  <si>
    <t xml:space="preserve">酒店里面招聘的DJ究竟都是干什么的?为什么工资都比较高?主要它们 </t>
  </si>
  <si>
    <t>DJ指在酒吧里负责音控的调音师，DJ员主要负责播放酒店、KTV、酒吧的音像、歌曲及灯光的专业人员，也负责歌舞厅的音响设备的日常维护、维修工作。想从事该工作，必须要有一定的音响、灯光等专业知识。最好具有相关培训合格证，或者职业资格证书。个人有意从事相关工作，建议首先参加相关职业培训，通过一段时间实习积累经验。祝你成功！</t>
  </si>
  <si>
    <t xml:space="preserve">怀孕人梦见别人狠狠地踢我肚子,这是什么预兆?求解 </t>
  </si>
  <si>
    <t>梦见收到别人攻击，预示你周围有小人出现，建议近期不要接触太多的人。点击好评，祝福你平安快乐！</t>
  </si>
  <si>
    <t xml:space="preserve">合成宝宝问题怎么才可以合成一个0级的宝宝？？？ </t>
  </si>
  <si>
    <t>一、目的性：1、  技能的遗传和变异：是合成召唤兽的最大的目的，打书只是少部分人民币玩家及专业玩家奢侈的手段，而合成召唤兽是所有玩家可以作到的。2、  资质、成长的遗传和变异：作为合成召唤兽，多数可用和正在使用的以65级以下为多，而作为低端召唤兽在成长和资质方面有不可改变的限制（没有人会给天兵吃元宵），而合成可以改变这种限制。二、前提条件：两个不同的召唤兽能过炼妖合成为一个召唤兽（原材料≥30级）。A    +   B    =   A或B野生 +  野生   = 野生（A或B）野生 +  BB    = 野生（A或B）BB  +  BB    =BB   （A或B）通过上面三个公式有了两种情况：1、野生 +  野生   = 野生（A或B）野生 +  BB    = 野生（A或B）  合成召唤等级大约为（A+B）/2，少数情况会出现下面三种：1）  A或B的0级野生BB：少了自行分配的50点技能2）  0级大海龟3）  0级泡泡2、BB  +  BB    =BB   （A或B）加过技能点的会按照合成材料的加点方式进行补偿分配，没有加过技能点的，技能点保留。三、合成方法：1、  五行相生首选第一：水生木、木生火、火生土、土生金、金生水。   例如：A：水属性；B：木属性。合成时计划要合成B：A（高级B）+B（低级B）=B，把A放在前面，B放在后面，那样合成后A的技能、资质和成长会对B进行相应的替换和增加。这里有个要点要注意：A和B宠物在角色身上的位置，保证A在B上面，可通过宠物房间存放和取出进行调整。2、  保持宠物满体力，人物满人气、满血，BB满血、满忠诚度。当然第二点可以不考虑在内，因为这样作的目的主要是通过调整角色和宠物的最佳状态追求一个最大的幸运值，而这种运气问题正是我们无法预见的，只能通过一种大方向的总体调整来达到。四、心态：  合成BB是个多投资、收益小的方法，我不推荐玩家去作，因为合成出来的BB极大部分需要放生，极小一部分可用于跑镖和打宝图，至于爆成长、爆资质、爆技能的极品合成兽，一个区都是数量有限的。当然合成BB比买几十本技能书来打极品宠还是省钱的，最主要可以作为长期工作来作，每天合1个到3个，用时间和数量来补质量。五、收益：1、  自用：对于合出来的极品全成兽可以自己用，技能爆多的还可以拿来显摆。2、  卖钱：相对于成本来说，一个爆技能的合成BB卖到10-30万，甚至于上百万还是可以赚钱的。六、可行性方案：我只针对合成出65级以下的的召唤兽，对于高端召唤兽合成没有任何意义，而一个带有善恶的45级牛或马绝对比从小针对性练一个天兵省钱和省时间。5级猎术，专门用来到女娲神殿抓律法，带有善恶的就留下，通过商会选择合适的牛或马进行合成，只要出现善恶牛或马，好用的就用，不好用的就卖出20W以下市场前景还是广阔的。律法+牛（马）=牛（马）律法+天兵=天兵老妖+牛（马）=牛（马）星灵+蝴蝶=蝴蝶星灵+战神=战神</t>
  </si>
  <si>
    <t xml:space="preserve">小汽车雨刮器正常工作一会又不正常是什么原因？ </t>
  </si>
  <si>
    <t>是不是前风挡有雨感查看是否有线头虚接的地方，没有的话就看看雨刮间歇继电器</t>
  </si>
  <si>
    <t xml:space="preserve">2007年下半年到现在房产为什么下降呢？ </t>
  </si>
  <si>
    <t>长期来讲，应该不会降的，只要是涨上去了的，按道理应该说是不会降下来的，就是说不可能再回到原来最初的5000左右水平的。因为是向前发展的，物价什么都是在逐步提高的，因为伴随经济增长是有通货膨胀的，你看十年前的物价和现在是一个样的吗，很简单的例子，现在的钱的购买力可能也就是十几年前的十分之一吧，所以总的趋势是涨的，况且中国对房产的需求在目前至以后很长一段时间是一个硬性的需求，肯定还是要涨的前面的跌只是因为之前两年涨的过快，有太多热钱把这个市场炒得过分高了，而且近期国家经济过热，采取一些紧缩政策给经济降温，很大部分也是针对房地产市场的，地产商企业也面临资金链趋紧，他们也要回笼资金避免资金链断裂的危险市场绝对的饱和很难讲，应该是说相对于人们目前的购买力来讲相对饱和吧，毕竟房价现在处于一个相对高位。由于前面炒得太厉害，风险太大，加上宏观调控和地产商资金趋紧，出现了目前的回调，估计回调还会持续，也就是说回调还有空间，以后还会涨，但估计出现前两年那样的疯涨的可能也不太大，毕竟房价已经处在高位了，而且后面国家对房地产的调控也会更谨慎</t>
  </si>
  <si>
    <t xml:space="preserve">关于苹果mp3的三两事我买了个“苹果小夹子”，但我发现它不能随机 </t>
  </si>
  <si>
    <t xml:space="preserve">没用过苹果的，但是我见过市场上的MP3都是在播放歌曲的时候，按一下MODE 建 第一个就是 循环模式 设置  上面有普通模式 单曲循环 目录播放 目录循环 全部循环 随机循环  浏览模式  移动光标停在你想要的模式上 再按一下MODE键 设置就成功了      PS：现在的MP3怎么会没有 随机播放 模式？可能苹果的设置方法不一样，但是MP3上面就那几个键 楼主慢慢试着，希望你早点找到方法！分给我吧？？？！！！！！  </t>
  </si>
  <si>
    <t xml:space="preserve">UT频道建立了是固定的吗？ </t>
  </si>
  <si>
    <t>有固定的有临时的！！如果你是SA以上的管理员，你就可以建立固定的频道。</t>
  </si>
  <si>
    <t xml:space="preserve">皮肤一直很暗沉，有没有哪些护肤品是可以祛除暗沉的？皮肤一直不怎么 </t>
  </si>
  <si>
    <t>建议楼主平时要多注意肌肤的清洁问题。之前我常熬夜，皮肤也很暗沉。自从选购了清妃的冰海矿物醒肤洁面乳后，肌肤问题大大改善了。而且泡沫也超细腻超温和的哦~洗完之后，皮肤感觉清爽净透，很舒服~搭配冰海矿物醒肤乳液，效果更佳哦~不知道你满意不？</t>
  </si>
  <si>
    <t xml:space="preserve">键盘都可以干什么？？ </t>
  </si>
  <si>
    <t>操作的快捷键大全 单独按Windows：显示或隐藏 “开始”功能表 Windows+BREAK：显示“系统属性” 对话框 Windows+D：显示桌面 Windows+M：最小化所有窗口 Windows+Shift+M：还原最小化的窗口 Windows+E：开启“资源管理器” Windows+F：查找文件或文件夹 Windows+CTRL+ F：查找电脑 Windows+F1：显示 Windows “帮助” Windows+R：开启“运行” 对话框 Windows+U：开启 “公用程序管理器” Windows+L：切换使用者（Windows XP新功能） Ctrl快捷键 Ctrl+S 保存 Ctrl+W 关闭程序 Ctrl+N 新建 Ctrl+O 打开 Ctrl+Z 撤销 Ctrl+F 查找 Ctrl+X 剪切 Ctrl+C 复制 Ctrl+V 粘贴 Ctrl+A 全选 Ctrl+[ 缩小文字 Ctrl+] 放大文字 Ctrl+B 粗体 Ctrl+I 斜体 Ctrl+U 下划线 Ctrl+Shift 输入法切换 Ctrl+空格 中英文切换 Ctrl+回车 QQ号中发送信息 Ctrl+Home 光标快速移到文件头 Ctrl+End 光标快速移到文件尾 Ctrl+Esc 显示开始菜单 Ctrl+Shift+&lt; 快速缩小文字 Ctrl+Shift+&gt; 快速放大文字 Ctrl+F5 在IE中强行刷新 Ctrl+拖动文件 复制文件 Ctrl+Backspace 启动&amp;#92;关闭输入法 拖动文件时按住Ctrl+Shift 创建快捷方式 ★★★★★★★★★★★★★★★★★★★★★★★★★★★★★★ Alt快捷键 Alt+F4 关闭当前程序 Alt+空格+C 关闭窗口 Alt+空格+N 最小化当前窗口 Alt+空格+R 恢复最小化窗口 Alt+空格+X 最大化当前窗口 Alt+空格+M 移动窗口 Alt+空格+S 改变窗口大小 Alt+Tab 两个程序交换 Alt+255 QQ号中输入无名人 Alt+F 打开文件菜单 Alt+V 打开视图菜单 Alt+E 打开编辑菜单 Alt+I 打开插入菜单 Alt+O 打开格式菜单 Alt+T 打开工具菜单 Alt+A 打开表格菜单 Alt+W 打开窗口菜单 Alt+H 打开帮助菜单 Alt+回车 查看文件属性 Alt+双击文件 查看文件属性 Alt+X 关闭C语言 ★★★★★★★★★★★★★★★★★★★★★★★★★★★★★★ Shift快捷键 Shift+空格 半&amp;#92;全角切换 Shift+右击 右菜单打开方式 Shift+F10 选中文件的右菜单 Shift+多级文件 全部关闭 Shift+Del 直接删除文件 Shift+＾ 处在中文标点符号半角在智能ABC中省曰号 Shift+&amp;#92; 处在中文标点符号半角在智能ABC中顿号 ★★★★★★★★★★★★★★★★★★★★★★★★★★★★★★★★★★ ★★★★★★ 快捷键 常规键盘快捷键 Ctrl + C 复制。 Ctrl + X 剪切。 Ctrl + V 粘贴。 Ctrl + Z 撤消。 DELETE 删除。 Shift + Delete 永久删除所选项，而不将它放到“回收站”中。 拖动某一项时按 CTRL 复制所选项。 拖动某一项时按 CTRL + SHIFT 创建所选项目的快捷键。 F2 重新命名所选项目。 CTRL + 向右键 将插入点移动到下一个单词的起始处。 CTRL + 向左键 将插入点移动到前一个单词的起始处。 CTRL + 向下键 将插入点移动到下一段落的起始处。 CTRL + 向上键 将插入点移动到前一段落的起始处。 CTRL + SHIFT + 任何箭头键 突出显示一块文本。 SHIFT + 任何箭头键 在窗口或桌面上选择多项，或者选中文档中的文本。 Ctrl + A 选中全部内容。 F3 搜索文件或文件夹。 Alt + Enter 查看所选项目的属性。 Alt + F4 关闭当前项目或者退出当前程序。 ALT + Enter 显示所选对象的属性。 Alt + 空格键 为当前窗口打开快捷菜单。 Ctrl + F4 在允许同时打开多个文档的程序中关闭当前文档。 Alt + Tab 在打开的项目之间切换。 Alt + Esc 以项目打开的顺序循环切换。 F6 在窗口或桌面上循环切换屏幕元素。 F4 显示“我的电脑”和“Windows 资源管理器”中的“地址”栏列表。 Shift + F10 显示所选项的快捷菜单。 Alt + 空格键 显示当前窗口的“系统”菜单。 Ctrl + Esc 显示“开始”菜单。 ALT + 菜单名中带下划线的字母 显示相应的菜单。 在打开的菜单上显示的命令名称中带有下划线的字母 执行相应的命令。 F10 激活当前程序中的菜单条。 右箭头键 打开右边的下一菜单或者打开子菜单。 左箭头键 打开左边的下一菜单或者关闭子菜单。 F5 刷新当前窗口。 BackSpace 在“我的电脑”或“Windows 资源管理器”中查看上一层文件夹。 Esc 取消当前任务。 将光盘插入到 CD-ROM 驱动器时按 SHIFT 键 阻止光盘自动播放。 ★★★★★★★★★★★★★★★★★★★★★★★★★★★★★★★★★★ ★★★★★★ 对话框快捷键 Ctrl + Tab 在选项卡之间向前移动。 Ctrl + Shift +Tab 在选项卡之间向后移动。 Tab 在选项之间向前移动。 Shift + Tab 在选项之间向后移动。 ALT + 带下划线的字母 执行相应的命令或选中相应的选项。 Enter 执行活选项动或按钮所对应的命令。 空格键 如果活选项动是复选框，则选中或清除该复选框。 箭头键 活选项动是一组选项按钮时，请选中某个按钮。 F1 显示帮助。 F4 显示当前列表中的项目。 BackSpace 如果在“另存为”或“打开”对话框中选中了某个文件夹，则打开 上一级文件夹。 ★★★★★★★★★★★★★★★★★★★★★★★★★★★★★★★★★★ ★★★★★★ 自然键盘快捷键 在“Microsoft 自然键盘”或包含 Windows 徽标键() 和“应用程序”键() 的 其他兼容键盘中，您可以使用以下快捷键。 请按 目的 显示或隐藏“开始”菜单。 win+ BREAK 显示“系统属性”对话框。 + D 显示桌面。 + M 最小化所有窗口。 + Shift + M 还原最小化的窗口。 + E 打开“我的电脑”。 + F 搜索文件或文件夹。 CTRL+ + F 搜索计算机。 + F1 显示 Windows 帮助。 + L 如果连接到网络域，则锁定您的计算机，或者如果没有连接到网络域，则 切换用户。 + R 打开“运行”对话框。 显示所选项的快捷菜单。 + U 打开“工具管理器”。 ★★★★★★★★★★★★★★★★★★★★★★★★★★★★★★★★★★ ★★★★★★ 辅助键盘快捷键 请按 目的 右侧 SHIFT 键八秒钟 切换“筛选键”的开和关。 左边的 ALT + 左边的 SHIFT + PRINT SCREEN 切换“高对比度”的开和关。 左边的 ALT + 左边的 SHIFT + NUM LOCK 切换“鼠标键”的开和关。 Shift 键五次 切换“粘滞键”的开和关。 Num Lock 键五秒钟 切换“切换键”的开和关。 + U 打开“工具管理器”。 ★★★★★★★★★★★★★★★★★★★★★★★★★★★★★★★★★★ ★★★★★★ “Windows 资源管理器”键盘快捷键 请按 目的 END 显示当前窗口的底端。 主页 显示当前窗口的顶端。 NUM LOCK + 数字键盘的星号 (*) 显示所选文件夹的所有子文件夹。 NUM LOCK + 数字键盘的加号 (+) 显示所选文件夹的内容。 NUM LOCK + 数字键盘的减号 (-) 折叠所选的文件夹。 左箭头键 当前所选项 处于展开状态时折叠该项，或选定其父文件夹。 右箭头键 当前所选项处于折叠状态时展开该项，或选定第一个子文件夹答案补充熟练使用这些  你的鼠标就可以扔了</t>
  </si>
  <si>
    <t xml:space="preserve">我要离婚我和老公十天半月吵一架,自从儿子出生到现在没有过性生活， </t>
  </si>
  <si>
    <t xml:space="preserve">        维 持 婚 姻 幸 福 美 满 的 七 项 原 则   1, 切 莫 喋 喋 不 休. 男 人 离 家 的 主 要 原 因 之 一, 便 是 妻 子 经 常 喋 喋 不 休 而 又 吵 又 闹.2, 别 尝 试  改 变 对 方. 假  如 你 希 望 家 庭 幸 福 和 快 乐, 那 就 请 您 切 记” 别 尝 试 改 造 你 的 伴 侣.”3, 不 要  盲 目 批 评,50% 的 婚 姻 之 所 以 会 失 败, 原 因 在 于 有 太 多 无 用 的, 令 人 伤 心 的 批 评.4, 给 予 对 方 由 衷 的 赞 美.5, 随 时 注 意 细 微 之 处. 有 人 曾 说:” 夫 妻 常 常 为 小 事 发 生 争 执, 如 果 妻 子 能 每 天 在 丈 夫 出 门 上 班 时 挥 手 说 声” 再 见”, 那 就 可 以 避  免 许 多 婚 姻 暗 礁.”6, 保 持 体 贴. 温 文 多 礼 的 态 度.7, 阅 读 有 关 性 方 面 的 好 . 性 在 人  类 中 伴 演 着 相 当 重 要 的 角 色, 夫 妻 之 间 的 裂 痕, 大 多 数 是 由” 性” 问 题 引 起 的.                                   &lt;&lt; 凤 凰 时 尚&gt;&gt;</t>
  </si>
  <si>
    <t xml:space="preserve">孩子害羞怎么办我女儿快三岁了,在家什么话都说就是见人不说话,我怎 </t>
  </si>
  <si>
    <t>你不能老一而再，再而三地强制你孩子对人爱说话，这样她只会越来越反感，甚至更不爱说话，应该带她多出去，遇到熟人教她打招呼，多出去接触人际关系，或许会改变，这也许只是她小的一种症状，长大就不会了…</t>
  </si>
  <si>
    <t xml:space="preserve">什么药物可以治疗夜咳嗽最有较果的 </t>
  </si>
  <si>
    <t>复方甘草片最有效果，效果最好。（希望可以帮到你，如若对回答满意，请给个好评，嘻嘻，码字辛苦，谢谢你的采纳，好人一生平安。）</t>
  </si>
  <si>
    <t xml:space="preserve">04年的奥德赛多少钱04年1月上牌的奥德赛，银灰色，无大事故，无 </t>
  </si>
  <si>
    <t>北京收购价8万左右。</t>
  </si>
  <si>
    <t xml:space="preserve">眼球的血丝怎么回事，每天睡觉都做梦，而且还近视 </t>
  </si>
  <si>
    <t>请让我来回答你的问题。实际上，人睡着后并不表示大脑会完全休息，反而更加活跃。入睡后首先会进入浅睡期，这时候就会做梦。然后进入深睡期。浅睡期及深睡期会形成一种循环现象。第一个循环时间较短，第二个循环时间较长。到第三个循环的深睡期，则或会有梦游或说梦话的现象。 中医以为经常说梦话是一种病态。多半心火过旺、肝火过热及精神紧张。表现的身体状况是有口气、喉干舌燥，清热后情况便会好转。 引起说梦话的原因很多,有可能是压力过大、精神紧张诱发的。 因此经常说梦话的人一定要加强锻炼,同时更要注意休息,调节工作、生活所带来的压力。其实每天人都会作很多梦，这是很正常的，只是有许多人在睡醒之后就把自己做过的梦忘了。做梦是人脑的正常活动，有的科学家的某些发明还是在梦里创造的呢！不过，随着年龄的增大,一般就会说的越来越少.  祝你万事如意！</t>
  </si>
  <si>
    <t xml:space="preserve">美联储是什么？ </t>
  </si>
  <si>
    <t>美联储是美国联邦储备委员会的简称，其职能实际上就是“美国中央银行”。美联储成立于1913年，由全美12个地区的联邦储备银行组成。它负责制定美国的货币政策，包括规定存款准备率、批准贴现率、对12家联邦银行和其他会员银行及持股公司进行管理与监督。其作用在于：控制通货与信贷，运用公开市场业务、银行借款贴现率和金融机构法定准备金比率三大杠杆来调节美国经济。　　美联储在货币金融政策上有独立的决定权，直接向国会负责。因此，该委员会主席的作用几乎超越美国总统。比如美联储现任主席格林斯潘，别说其金融政策对美国经济起重要作用，就是他说句话都可能引起股市动荡。　　调整利率是美联储宏观调控美国经济的主要手段。如果经济过热，它就提高利率，收缩银根，使经济速度放慢，减少通货膨胀压力。如果经济不景气，它就降低利率，放松银根，促使经济增长。其关键是根据经济形势对利率提高和降低进行调控，并要恰到好处。货币杠杆是美联储多年来对经济实施调控的最有效武器。美联储调整利率不仅对美国经济举足轻重，对世界经济也有重要影响。　　首先是美国经济与世界经济息息相关。有人说，美国经济打喷嚏，世界经济就要感冒。如果美联储提高利率，减缓美国经济增长速度，世界经济也会跟着受到影响。因为提高利率，收紧银根，美国人就可能少花钱或少投资，美国人购买力减少，就会直接影响到世界各国对美国的出口，作为“经济增长发动机”的国际会减缓，世界经济增长就会受影响。相反，如果美国降低利率，刺激投资，鼓励大家花钱，不仅会刺激经济增长，同时进口商品也会多，世界其他国家对美国的出口增加，世界经济就好。其次，美联储调整利率也可能会对美国币值带来影响。此外，受美联储调整利率的影响，其他国家也可能会相应对本国利率进行调整，影响到本国经济。</t>
  </si>
  <si>
    <t xml:space="preserve">请问，房管局所属事业单位有哪些？去房管局所属事业单位工作是很好的? </t>
  </si>
  <si>
    <t>现在事业单位都不错就看你是不是正式编制</t>
  </si>
  <si>
    <t xml:space="preserve">pro/E4.0安装问题 </t>
  </si>
  <si>
    <t xml:space="preserve">清理下系统，可能的话也要可重装系统。可以用虚拟光驱打开3个盘符的，可以按顺序运行。不用的也可以的啊，把文件解压在硬盘里也一样的，解压后应该就是三个大的文件夹，运行安装后再引导找到先后的文件夹就行了。最好把文件拷到硬盘里解压再安装就行了。可以看下这个PROE3.0的安装视频。对你很有用的。 当然，看 </t>
  </si>
  <si>
    <t xml:space="preserve">为什么我家网2进不去,其他3个区很快就进去,郁闷!~我家网2很长 </t>
  </si>
  <si>
    <t>还真没遇到过你这样的问题呢,也不象是网络设置的原因啊!那就是天成服务器的原因了!玩家的外力是无法解决了,只能耐心等待了!实在不行就重新下载游戏吧!祝早日解决问题!</t>
  </si>
  <si>
    <t xml:space="preserve">无声手枪射击时为什么没声？ </t>
  </si>
  <si>
    <t xml:space="preserve">    无声手枪的准确称谓应该是微声手枪。由于这种手枪采取了消音装置，在室内射击时，室外听不见声音，反之也是一样，故俗称无声手枪。 　　无声手枪的奥秘在它的枪管上，枪管外面装有一个附加的消声套筒。各种无声手枪的消声套筒结构并不相同，但消音作用是一样的。最常见的是在消声套筒前半部装有卷紧的消音丝网。当子弹射出后，枪口喷出的高压气体不直接在空气中膨胀，而是进入消音丝网，大部分能量被消音丝网吸收消耗，所剩气体喷出套筒时，压力和速度都很低，发出的声音就很微弱了。有的是将消声筒前端用橡皮密封，子弹从枪口射出，穿过橡皮，橡皮很快收缩，阻止气体外溢，从而起到消声作用。还有的在消声筒出口装上类似照相机快门一样的机械装置，靠火药气体自动开启，子弹射出后迅速关闭，剩余气体不能随之流出，这样也可以使子弹不发出大的声响。 　　消声套筒除了前端有的消音装置外，套在枪管上的后半部还开有一些微型排气孔，可导出枪膛内的一部分气体，以减少枪口处的气体压力。再加上无声手枪使用速燃火药，燃烧速度快、过程短，于是在射击时基本上听不到声音</t>
  </si>
  <si>
    <t xml:space="preserve">宝宝现在已过7个月,混合喂养,母乳不足，能否断母乳，全吃配方奶宝 </t>
  </si>
  <si>
    <t>可以的，而且现在已经可以适当添加辅食。</t>
  </si>
  <si>
    <t xml:space="preserve">焦作现在汽油每升多少钱 </t>
  </si>
  <si>
    <t>90号，7.21元/升。93号，7.7元/升。97号，8.19元/升。0号，7.6元/升</t>
  </si>
  <si>
    <t xml:space="preserve">现在有人在QQ上说.我妹妹的一个朋友.(不是亲妹)介绍我们认识. </t>
  </si>
  <si>
    <t>有真也有假呀！这是要靠自己去辨认的．而且这是接触久了才能看清楚一个人的心呀！</t>
  </si>
  <si>
    <t xml:space="preserve">问骑士个问题热情圣契热情圣契装备后绑定唯一圣物圣契需要等级60装 </t>
  </si>
  <si>
    <t>等你到60了就不用十字军圣印了，因为60以后的副本基本不需要你去打怪，我一开始也留着，后来想想60就洗神圣了，就把它卖了，卖了50G</t>
  </si>
  <si>
    <t xml:space="preserve">安贞附近哪里有网吧 </t>
  </si>
  <si>
    <t xml:space="preserve">安华里小区那里有个京客隆，顺着京客隆往南一直走5分钟左右，有个叫网图的网吧，二楼三楼是网吧。甘水桥附近有个佳佳苑，可以打听一下  </t>
  </si>
  <si>
    <t xml:space="preserve">一个男人没有能力让妻子生活过得好些，可却整天瞧不起妻子觉得她收入? </t>
  </si>
  <si>
    <t>我老公说我倒不是因为我不工作，是怕我在家里呆着心里长了草，天天没事找事，可是我找了工作后吧，他又找借口说这个工作不好，不去。也不知道怎么着好了，他就希望我天天能跟着他做事，呵呵～</t>
  </si>
  <si>
    <t xml:space="preserve">封闭式基金到期如何结算?投资封闭式基金到期收回时如何结算,是按面 </t>
  </si>
  <si>
    <t xml:space="preserve">    回答第一问:    可以这样理解，封闭基金的到期日，就是她的强制最后开放日，因此，当日的净值就是她的结算价格（清算时的手续费较低，可忽略）。        回答第二问:    按照证券投资基金的契约规定，封闭基金的分配条件有三，都满足时，就必须每年分配至少一次，且分配的额度要超过其收益部分的90%。    条件一是其收益是已经兑现了的收益；        条件二是其净值(不是市值)要超过面值，也就是要超过1.00元；    条件三是要弥补上一年度的亏损。    举例说明：    某基金本年度末，净值为1.15元,已兑现的收益为0.10元/每份基金单位,扣除上年度亏损0.04元,则本年度需分配的收益为(0.1-0.04)×90%=0.054元/每份基金单位。    若有分配，一般的分配日期是在基金年报公布后较短时间内实施，一般是在第二年的四月十日左右。</t>
  </si>
  <si>
    <t xml:space="preserve">求个挖萝卜龙眼的好路线如题我是LM猎人和MS </t>
  </si>
  <si>
    <t xml:space="preserve">看这个图 </t>
  </si>
  <si>
    <t xml:space="preserve">眼睛有黄褐色的物质，能治疗吗 </t>
  </si>
  <si>
    <t>首先要判断脸上的色斑到底是什么病引起的,有几种可能：1,雀斑,一般是自幼就有,但晒后颜色加深;2,黄褐斑,也就是俗称的蝴蝶斑.它的形成原因许多,多数与内分泌有关,尤其是雌激素的水平,月经不调,妊娠,吃避孕药或肝功能不好以及慢性肾病都容易出现本病.此外日晒和精神因素也会加重本病.无论哪种情况治疗首先应该防晒,因为日晒可以加重色斑的颜色.如果是雀斑可以用红宝石激光去除已有的雀斑,一般是不会有瘢痕的,但部分人会有浅的痕迹遗留,所以要仔细向医生咨询后决定.如果确诊是黄褐斑,激光就没有效果了,而需要内外结合治疗,心情要愉快,否则会干扰内分泌,加重病情.正规的祛斑产品对于比较淡的雀斑和黄褐斑都有效果.建议你去医院整形美容科就诊,也可以用激光来祛斑,医生据你的情况为你采取合理有效的治疗措施.</t>
  </si>
  <si>
    <t xml:space="preserve">元旦晚会中能组织大家举行哪些游戏呢？ </t>
  </si>
  <si>
    <t xml:space="preserve">你好！ 我和你一样期待着2006年元旦晚会的来临！预祝 节日快乐 ！ 新年晚会活动策划方案： 1、成语连珠,就是先说个成语每个组或每个人用最后一个字接成语......接不上的看着处罚就可以了,挺有意思。 2、来个BINGO游戏吧．一张纸．100个问题10×10．首先回答完一行或一列的有奖．问题为对班级成员特点的描述．请描述对象签名方为答对一道． 3、让你们班的同学用家乡话说一段对白，越经典的越好哦 比如：大话西游里的那个曾经有一段。。。。。。 4、在会场中间拉很多绳子,然后选一些人让他们不能碰绳子穿过去，然后这些人的眼睛蒙住眼睛，在把绳子去掉，然后就看这些人的精彩表演吧，不过只能用一次，大家晓得了就没意思了 5、跳舞吧，俺前两天刚跟外教学了个“宫廷转圈舞”（偶自己命名的）很适合大家一起跳的，不会蹦迪的都能学会的。 6、写纸条送祝福（各自以匿名方式写在纸条上交主持人，然后叫大家轮流抽取，并大声地念出祝福内容。） 7、事先准备一些纸片，上面写好各种职业，或者体育运动。然后让每个人分别抽一个，不要让别人知道。然后分别表演，不能说话，让别人猜猜看是什么职业。 8、分成2组，同样准备一些小纸片，上面写一些电影名字，最好是动作片，或是有特色的，然后分组抽签表演，让对方猜。MATRIX, SPIDER MAN, SUPER MAN都很有意思的 9、抢椅子啊,分两组,每组6--8个人,椅子比人数少一把,然后大家围着椅子转,听到坐下就抢位子,每轮淘汰一人,依次1/8决赛...决赛,剩下最后一人获胜,有奖品,输的人得表演节目,或参加下一个游戏. 10、可以选两排人,三个一组,其中两个蒙上眼睛,用筷子喂对方食物,剩下能看的那人指挥。 嗡嗡~~ 11、首先准备问题若干,报纸一张. 规则:一男一女同站一张报纸上,开始回答问题 答错问题,报纸折半继续， 答对问题,问下一道。男女在回答问题时,身体不能接触报纸以外的事物。 总共20道问题,问完时,男女还能符合上一条规则时,游戏结束发奖品。 12、善解人意 分成2组,每组3~5个人,排成两纵列 人与人之间不能说话,只能靠动作表达意思 13、铁人三项 连续完成吃汉堡+喝啤酒+吹爆气球 最后还要闭眼旋转15圈， 速度最快者有奖。 14、小九九游戏，挺好玩的！ 比如，站上一圈人，从其中一个开始说，4 9，下一个赶紧答36，她再接着说6 8，下一个回答48，以此类推... 谁说错了，就输了就受罚：） 15、踩气球。一组出2－3个人，每只脚上都绑有气球，让他们一起出来互相踩，看到一定时间后哪个组的队员脚上剩的气球多。 16、真心话大冒险。 嗬嗬，感觉不错的游戏。 17、十人一组， 男女间隔， 两组人用嘴将扑克牌传递， 先传完的胜利。 18、有电脑有投影仪的话， 搞个经典影视配音也不错。 19、报纸时装表演！抢椅子！食神比赛！ 20、逢x，x的倍数，带有x的数字不能说，要以蹲一下来表示。 例如：x＝3 那么几个人排好队，一个一个说： 1，2，（蹲一下），4，5，（蹲一下），7……11，（蹲一下），（蹲一下），14…… 21、 以前我猜里面玩的，“九九乘法表”。 22、买奥利奥,然后打中间的奶油刮下去,涂上牙膏! 让人吃掉,事先不能让他知道,看他什么反应,哈哈哈! 23、每个人分两个烤地瓜,4个人一起比赛,看谁先吃完!! 24、发两张纸。每人写下今天最开心的事情和最不开心的事情。 然后念出来。。。 不用写名字的。 念出来一样很好玩的说！ 25、三句半！ ~传统精粹，效果奇佳。 4人合作第4人半句（其实就画龙点睛一个词） 应结合本单位情况编词。 26、先用纸写好词语，可以分很多类的，然后一个人面对着形容什么意思，但不能带那个词。另一个背对着猜。 27、一个桌子两头，分别竖直拜上3个碗，碗里分别装1/3的面粉，分别在靠桌边的两个碗里各放一个乒乓球，然后两边各站一个人，看谁先把乒乓球吹到第三个碗里谁就算赢。 这个游戏很能调节气氛，也很整人。。。。 28、男的当伤员，女的当护士，用卷筒纸（每人一卷）包扎，从头到脚，做木乃伊状，谁包扎的最好、最严得奖！青蛙大战。 </t>
  </si>
  <si>
    <t xml:space="preserve">cs机器人不会买枪怎么办？？最近机器人似乎不会买枪了，，新手高士 </t>
  </si>
  <si>
    <t>锁定机器人用刀了吧？游戏中直接输入+8n后面的数字分别代表各类抢种</t>
  </si>
  <si>
    <t xml:space="preserve">重油干什么用的？这回朝鲜得了不少重油，它有什么用？ </t>
  </si>
  <si>
    <t xml:space="preserve">   “重油”是非常规石油的统称，包括重质油、高粘油、油砂、天然沥青和油母页岩等。它不是一个品种油。在不同的地方有不同定义。     燃油中说的重油又称燃料油，是一种比较“粗”的柴油。主要在大功率的柴油机上用的。呈暗黑色液体，主要是以原油加工过程中的常压油，减压渣油、裂化渣油、裂化柴油和催化柴油等为原料调合而成。    炼油业中说的重油是指沥青等石油“渣滓”。用于铺路、屋顶防漏等</t>
  </si>
  <si>
    <t xml:space="preserve">目前测绘工程的前景如何？现在我是一个学习测绘工程的学生，我想了解 </t>
  </si>
  <si>
    <t>　　日前，国家测绘局金祥文局长在接受中央电视台“东方之子”栏目采访时谈到：“因为测绘工作现在已经进入信息时代，21世纪更是一个信息化的社会，地理信息和空间定位信息是基础信息，人们所关心的，经常接触到的信息，大概80％都跟地理信息有关。测绘就是要把人类的生存活动空间描述出来，描述在数据库里，展现在地图上”。　　这说明，测绘产业与当今信息紧紧相连，有着密切的关系，我院要抓住这个机遇，加快我们的科技含量，更好地为信息社会服务。　　测绘工作已完成了由手工模拟向数字化生产系统的转变，已成为城市信息港建设的一个重要的基础部分，将面对全社会，及时提供基础地理信息服务，具有重大的社会意义，责任重大。　　测绘工程主要到国民经济各部门从事国家基础测绘建设、陆海空运载工具导航与管理、城市和工程建设、矿产资源勘查与开发、国土资源调查与管理等测量工程、地图与地理信息系统的设计、实施和研究，环境保护与灾害预防及地球动力学等领域从事研究、管理、教学等方面的工作。所以，此专业前景十分广阔！</t>
  </si>
  <si>
    <t xml:space="preserve">水电解质紊乱有什么不适表现？ </t>
  </si>
  <si>
    <t>水、电解质代谢紊乱可使全身各器管系统特别是心血管系统、神经系统的生理功能和机体的物质代谢发生相应的障碍，严重时常可导致死亡.最常见的有水、钠、钾、镁的代谢紊乱.</t>
  </si>
  <si>
    <t xml:space="preserve">西南财经大学可以函授考试吗？ </t>
  </si>
  <si>
    <t>当然可以啦亲，放心好了</t>
  </si>
  <si>
    <t xml:space="preserve">请问在郑州有学韩语的学校吗？位置在什么地方？ </t>
  </si>
  <si>
    <t xml:space="preserve">最新实用培训班招生信息       为满足我省越来越多的希望赴韩国留学的同学和赴韩工作的劳务人员学习韩语的迫切愿望，并为那些渴望进入国内韩资企业、寻求更大个人发展机遇的青年才俊迅速提高韩语语言能力，在总结了近两年韩语培训成功经验的基础上，我们精心设计、特别推出了新一期实用韩语培训课程。    新一期的实用韩语培训课程具备以下特点：一、 师资力量雄厚，中外教联合授课；二、 教学内容丰富，注重听说能力和实际应用能力的培养；三、 教学、生活管理规范，学生食宿均在大学校园内；四、  学习期间将安排参加多所韩国国立大学和优秀私立大学的面试，专业选择面广，保证签证率。五、 教学质量一流，收费标准全国最低！ 课程设计    分初级、中级和高级三个教学阶段。初级阶段主要学习基础韩语、韩语听力；中级阶段主要学习韩语口语、韩语语法；高级班主要学习韩语精读、韩语写作。    学生可根据自己的情况选报部分或全部课程。课程安排    初级班2个月共180标准学时；中级班2个月共180学时，高级班4个月共360学时。课程对象    初级班和中级班主要针对零语言基础者；    高级班主要面向有一定韩语基础、希望提高韩语应用能力者。课程优势    特聘国内资深韩语专家和韩国外教联合授课，语音纯正，讲解到位。使你既能学到标准的汉城“普通话”，又能正确、快速掌握韩语语法。为进入韩国大学学习奠定良好基础。学费标准    单月收费￥1000元；一次性交2个月学费，可优惠￥200元；一次性交4个月学费，可优惠￥500元；凡在报名时与我公司签约办理留学者，可优惠减免一个月的学费。（学费不含教材费）退费规定    退费需提交书面申请，开学1周内，可全额退费；其余时间退学，按已完成的课时收费，余款退还。中间报名插班的学生按实际申请的课程时间收费。住宿费的退费按大学相关规定办理。学历要求    高中毕业或高二以上在校生、本科/专科在校或毕业生、同等学历者。招生范围    全国招生（港澳台除外）。住宿安排及费用    外地学生可安排在大学学生宿舍，和在校大学生享受同等待遇，行李被褥自带，在学校食堂就餐。每月住宿费为￥100.00元。报名时间及开学日期    即日起开始报名，9月19日开学。报名地点    河南省郑州市经三路66号金成国际广场A座18层。也可电话或网上报名。免收报名费。报名电话     0371-65861639（张老师）、65861691（王老师）、65961692（马老师）  </t>
  </si>
  <si>
    <t xml:space="preserve">安装门天龙大师您好!再请教一个问题，我想安装星星套装门，但是我听 </t>
  </si>
  <si>
    <t>谢谢你的信任。星星套装门尺寸是固定的，这是按照室内门的规范尺寸而制作的。即要求装修时，留出室内门洞为800*2000mm。如果你的门洞略超过这个尺寸2-3公分，是没有问题的。只是不能小于它。所以，你可以 让你的工人量一下，如果小于它，可以让工人敲一敲而扩大一点。不平整都没有关系。因为，它的门套会遮掩住。并且通过打膨胀填缝剂而使缝隙填实的。你说的这个款式是比重庆贵一点，但可能是地区的差价吧。不过，你也可以试着再砍砍价。希望我的回答能够对你有所帮助。</t>
  </si>
  <si>
    <t xml:space="preserve">大家的第一次sy是怎么来的?我的很偶然啊,自己很害怕.都没敢射出? </t>
  </si>
  <si>
    <t>忘了,记得刚洗过澡,在床上无聊,然后就...</t>
  </si>
  <si>
    <t xml:space="preserve">我以六七年资深任九彩民的身份，来告诫大家！一个月前，我终于放弃任 </t>
  </si>
  <si>
    <t>说得有道理八年前买足彩14场次难度大老不中亏本大.现在换成买任九中了六次火锅奖有赚亏本净赚不了多少.14场和9场谁知道有冷无冷很难预测防到大冷.玩足彩真是邪门了09年104期英超出了大冷5个1.曼联0没防住双选的31.10年06期意甲同样还出了5个1还是没防住大冷.错得太离谱.一年前再三的很想放弃不玩14场和任选9场足彩.说了有同感有赔不赚风险太大.玩足彩单选的和双选都让人很难拿不稳太悬了.还是玩半场胜平负.进球彩少投注当成玩乐吧.</t>
  </si>
  <si>
    <t xml:space="preserve">费用内控。问题？？THS。关于招待费报销，总经理出去吃饭，司机经 </t>
  </si>
  <si>
    <t>只要有经手人和领导签字就直接入账，业务招待费现在是只能在税前列支60%，查的时候就说是总经理办理业务的，一般税务不会再追究的</t>
  </si>
  <si>
    <t xml:space="preserve">精神是加什么的啊??我知道耐力+血~~智力+蓝~~那么精神+什么 </t>
  </si>
  <si>
    <t>血和魔的回复速度</t>
  </si>
  <si>
    <t xml:space="preserve">关于货币基金请问货币基金是不是保底的？是否货币基金可以随时的申购 </t>
  </si>
  <si>
    <t>货币基金的净值一直是1元，保持不变。其每日都有收益，每日都公布万份日收益。然后每月固定一天把收益转到持有人帐户，也就是分红。持有人的收益体现为增加了份额。一般高于一年期税后利率。  货币基金在交易时间可以随时的申购和赎回，如部分赎回，按你要求份额赎回，其收益仍在帐户中，如果你全部赎回，即使没到结算日也会把应得收益给你结清的，有些类似活期存款，每日有利息，季度计息，清户时全结算。</t>
  </si>
  <si>
    <t xml:space="preserve">分析谢谢大家我现在在北京工作两年了，因为工作太单调，我上月辞掉了 </t>
  </si>
  <si>
    <t>我是这样想的：一、单调的工作你辞掉了。错。以后可不能干这事儿。凡事，你得一分为二的看问题。有利的地方，就有不利的因素；无利的地方也有有利的因素，就看你主观上如何对待它。拿你认为“工作单调”的情况来说，虽然工作单调，但干熟了之后，特别容易上手。你可以腾出一部分精力学习一下你所感兴趣的知识，即所说的自学（因为你已经工作了，很少会重新背上书包到学校攻读）。这样做的好处是:一能有个饭碗保住你自立（当然，若是家里能养你，有的是钱，另当别论）。二是也免去你重新为寻找饭钱糊口来得方便。因为你对本项工作不感兴趣，要另投他门，这也叫“骑马找马”。也不用管别人说你“这山看着那山高”，咱就是干咱喜欢的工作，那才有兴趣、有奔头、有干劲，才能干出点名堂。岂不一举两得？二、你家的亲属在外地有生意，看是个方便的条件，但是人家的生意有苦衷，难以言表。“春江水暖鸭先知”，现在买卖都不好做，你要是去了不也是多一张闲嘴吃饭？可谓是“打牙往肚子里咽，有苦难述”，所以人家不是特别愿意你去，理解万岁吧。三、若是我，怎么办？我会像第一条那样去做，一边干好工作（首先要干好，不然，老板炒你的鱿鱼）一边学自己感兴趣的本领，有道是：“身在曹营心在汉。”比如我自己，当年在工厂当铣工，总是对写写画画感兴趣，没事就帮着车间画黑板报，出出快报快讯什么的。工厂里有个什么活动，像书画比赛、厂庆、展览会等等，我都去参加。一是愿意干这件事儿，二是也在实践中不断修炼能力。当然，要把自己的工作首先干好，我当时是车间里的劳动模范呢。不然，本质工作没干好，车间领导对你有意见，工厂要是让我去帮忙，车间不愿意放人的，那时你也是死活没有招儿。岂不误了大事儿？我在工厂里干得好，要调我上去，一纸调令下来，车间不放也不行了。后来我被借调到市委帮忙，照样把工厂的活（写厂史志）拿家来干，深夜加班，不能耽误。再后来又借调到省委帮忙，咱照样把工作干好，让各级领导满意。所到之处，都是这么个干法，哪个地方都愿意调我去工作，最后工作落脚处是省委宣传部。这些都是得力于当年抽空自学文史哲的结果。就像鲁迅说的那样：利用别人的饭后茶余时间，忙里偷闲。一切机遇是给那些有准备的人。我的以上事实也真实可考。仅供楼主参照。</t>
  </si>
  <si>
    <t xml:space="preserve">关于泰坦镖枪泰坦可以做合成公式？变成精华武器？增强伤害多大？还有 </t>
  </si>
  <si>
    <t>有形、无形升级公式是一样的。都是17#+21#+完美绿宝石+优越暗金武器=精华暗金武器无形比有形的伤害大概多35%，极品的无形投掷伤害为106-293。变成精华武器后，伤害比原来大概多50%。极品无形的精华版的投掷伤害是181-347。</t>
  </si>
  <si>
    <t xml:space="preserve">咔嚓一声巨响，101稳胆“闪亮登场”狼队必胜狼堡必胜国米不败 </t>
  </si>
  <si>
    <t>沃尔夫应该避开，下周中的冠军杯才是最重要的，要拿下曼联才能出线，相信狼堡看中的是冠军杯上有所作为。</t>
  </si>
  <si>
    <t xml:space="preserve">我想走进你心里，成为你的唯一用英语翻译一下 </t>
  </si>
  <si>
    <t>I want to be in your heart, to be the one with you only</t>
  </si>
  <si>
    <t xml:space="preserve">这个地狱战神值多少钱???GZ1425,FZ1428,TZ410 </t>
  </si>
  <si>
    <t>不是特别好，不过也可以拉，最主要的是TZ太低拉啊，不过技能还可以啊，建议卖120W左右</t>
  </si>
  <si>
    <t xml:space="preserve">在打开窗口中选好文件,怎样将文件路径放到指定的Text文本框中我 </t>
  </si>
  <si>
    <t>假定你的通用对话框控件的名字是 cdlOpen ，文本框控件的名字是 txtFileName , Button按钮的名字是 cmdOpen . 程序如下：Private Sub cmdOpen_Click()cdlOpen.ShowOpentxtFileName.Text = cdlOpen.FilenameEnd Sub这样就可以把你选中文件的路径写入到文本框了。</t>
  </si>
  <si>
    <t xml:space="preserve">有没有类似《死神来了》之类的电影？ </t>
  </si>
  <si>
    <t>《连锁反应》．．．．挺不错的．．．．记得给我积分喔．．谢谢</t>
  </si>
  <si>
    <t xml:space="preserve">牙齿不好看牙齿黄或者黑用什么方法可以使牙齿变白呢.还有去医院洗牙 </t>
  </si>
  <si>
    <t xml:space="preserve">■ 简单方法 →用柠檬汁洁白牙齿← …方法如下： 每晚在刷牙后，用纱布沾些柠檬汁，摩擦牙齿，牙齿就会变得洁白光亮。 柠檬的洗净力强，又有洁白作用，且含有维他命C，能强固齿根。 ■ 小技巧 你可以试着使用【牙粉】 牙粉很有效，就早起、睡前各刷一次。 约五至十天就有成效出现了。很有效。 不过如果你本身牙的颜色就属于偏黄的话 可能就要到各牙医诊所请求帮助。 ■ 这三种方法也不错 1 :冷光： 照的时候简直要酸到脑子里去了，回家后还要继续酸软个三天！但有很明显的美白效果。 2 :美白牙齿笔： 它的前端有刷头，睡觉前刷在每一颗牙齿上，隔天早上起床再刷洗掉，也有不错的美白效果。一般牙科都有卖这种美白笔，它和我刚刚说的美白牙齿剂都是「Brite Smile」这个牌子。 3 :百龄牌的洁克美白牙粉： 效果也不错！ ■ 目前牙医师能做的牙齿美白工作大约有下列几项： ●1.超音波洗牙： 健保给付的洗牙,主要是针对清除牙齿结石部份。因为牙结石更容易造成牙菌班的堆积,造成牙龈炎、牙周病。所以去除牙结石是医疗行为。当然在治疗的同时,齿颈部,邻接面的结石去除掉了,牙齿也会有美白的表现。 厚层的染色,借着超音波洗牙,也可以去除大部份；但是在牙齿有凹洞,有沟槽,或是邻接面的地方,染色是不易清除的。 ●2.肠杯加上糊剂打磨： 这是传统的牙齿美白方式.糊剂用的是 prophylaxis paste 。它可以去除掉牙齿光滑面上的染色。使牙齿恢复原来的本色。但是对于在凹洞、沟槽,邻接面的染色,它还是没有办法清除掉。 ●3.牙齿喷砂处理： 由水、空气、颗粒所组成的牙科喷砂处理机, Air-powder system ,可以将牙齿表面上,所有的染色清除干净。包括牙齿表面上的凹洞处、沟槽处,和邻接面处。它使用的颗粒是 Sodium Bicarbonate 。 以上方法,主要是去除附加在牙齿表面上的,牙菌斑、牙结石,和染色,而恢复牙齿原来的颜色,而达到清洁美白的效果。如果是牙齿本身质地的改变颜色,恐怕就要藉助过氧化气类药物,才能达到美白牙齿的效果。 ●4.活性牙齿漂白： 借着个人牙齿漂白牙托,放入 10% 的碳酸盐过氧化氢,将它牢牢的套在牙齿上。随着药物作用时间的增长,牙齿的颜色会渐渐的变淡、变白。它的好处是：患者自行在家里做。患者可以自行决定要漂白牙齿的颗数。要漂白的次数,每次漂白的时间。和全部疗程结束,停止的时间。它的缺点是：疗程较长,约 2 周的时间,才能达到一般患者想要的美白效果。另外,药物本身对牙齿,对软组织多少都有伤害。最好还是在牙医师指导下来做,比较好。 ●5.电浆牙齿美白： 它一样是利用过氧化物药剂,涂布在牙齿表面上,组电浆机器照射、去活化,催化药物的氧化还原反应,而达到牙齿美白的效果。它每次的疗程约 1 小时,必需在牙科诊所里做,全部疗程 3 ~ 5 次,才会达到一般患者想要的美白成果。它通常?做上、下排前面的牙齿,颊侧面尔。申中线算起,上、下、左、右,每边 4颗, 16 颗牙齿的类侧面。 ●6.雷射牙齿美白： 它是利用较高浓度的漂白剂(H2O2 过化氢),搭配适当的雷射剂量,催化特殊触媒,强化过氧化氢的漂白作用,将齿内有机色素,由碳环结构,漂白至亲水性无色素结构,而达到安全美白的疗效。在 21 世纪, 一切讲求速度,效率的您,恐怕它就是您最好的选择。它一次就 OK 。一次疗程约 3 小时。同样的它必须在牙医诊所里做。它?做上,下排前面的 16 颗牙齿,?有颊侧面。 虽然使用过氧化氢药物,处理美白牙齿。多多少少对牙齿本身和牙齿周围的软组织有伤害,但是都在可控制的范围内,不必过虑。牙齿和软组织的不适,大约过 3 ~ 6 天就可恢复正常。 ★★为象牙质的缘故，东方人牙齿原本就有点黄，只要不是太严重，并不一定要『美白』。 市面上许多美白产品是运用氧化剂氧化齿质，短时间内牙齿会变白，但一段时间后颜色通常会『黄回去』，所以想美白应先请医师评估适不适合做，费用也需医师看过才能估计。 PS:个人建议先试试一般的方法 , 若行不通而又想美白的话才考虑手术的方法,才不会花冤枉钱。 </t>
  </si>
  <si>
    <t xml:space="preserve">·请问，90年代初籍忠亮的画作有收藏价值 </t>
  </si>
  <si>
    <t>有收藏价值（真迹）。籍忠亮先生，被誉为“广东当代十大最具影响力书画家”之一；广东公正拍卖有限公司2007-12-16拍卖会上有他的3幅人物画成交，均为四尺整宣（计8平尺），成交价为30000-32000元。约合单价为3800-4000元/平尺。</t>
  </si>
  <si>
    <t xml:space="preserve">CD的保存方法.最好的.我只是把CD里面的歌曲放到电脑里.完了就 </t>
  </si>
  <si>
    <t>　　阳光是CDR碟片的大敌，有“CD-R见光死”一说，因此首先应防止阳光直射；　　二是盘片上不要贴标签。当光盘在光盘机中高速旋转时，会产生重心不稳的情况，对于光盘机的读取会产生一定程度的影响；　　三是防止刮伤。刻录片的两面都怕刮，上层的资料面要是刮了，伤及资料储存用的染料层，资料就全完了；　　四是应防水防潮。长期放在潮湿阴暗的环境中，烧录面会生出一层霉菌，运气好的话，擦一下就擦掉了，运气不好的话，资料面可能就毁了。　　尽管现在各类盘片都声称可以保存数据一百年以上，但实际上CD-R从诞生到现在也不过十来年的历史，保存数据的年限还缺乏实践的检验，只是一种理论上的预测(也正因为这点，目前对重要档案数据的保存还大多使用磁带)。</t>
  </si>
  <si>
    <t xml:space="preserve">拿房产证时要交什么税啊我买了新房子，就要拿房子了，听说拿房产证时 </t>
  </si>
  <si>
    <t>caijiangh:你好！（一）买商品房需要交的税：1、契税，购房总价的3-5%（不同的省市自治区税率不同），普通商品住宅减半，即1.5-2.5%。2、印花税，购房总价的0.05%（二）基金：1、房屋维修基金，购房总价的2-3%，大多数地方是2%2、副食品价格调节基金,2元/平方米，有些地方不用（三）规费1、交易费 ，购房总价的0.5% 买卖双方各交0.25%，（住宅3元/平方米，由开发商交，购房者不用交）2、《房屋所有权证》工本费 ， 各地不一样，但是都不超过100元3、《土地使用权证》工本费， 各地不一样，但是都不超过100元（四）如果按揭，还要发生以下费用1、评估费，购房总价的0.2-0．5%2、保险费 ，购房总价乘以贷款年限乘以0.1%乘以50%3、公证费，贷款额乘以0.03%4、抵押登记费，100元</t>
  </si>
  <si>
    <t xml:space="preserve">有木有什么好看的玄幻小说，主角是女的，越多越好放假无聊啊，想看小 </t>
  </si>
  <si>
    <t>女强玄幻的经典文有：1、《傲风》by风行烈（女强+穿越+玄幻+腹黑+女扮男装）2、《云狂》by风行烈（女强+穿越+腹黑+女扮男装）3、《邪瞳》by 北棠（女强+穿越+玄幻+女扮男装）4、《控天》by日辰睡莲（女强+穿越+玄幻+女扮男装）5、《狂帝》by随清风（女强+穿越+玄幻+女扮男装）6、《凤麟》by沐血夜 （玄幻+穿越+女强）8、《绝色帝师红颜》by优雪（女强+穿越+玄幻+女扮男装）9、《倾城修罗》by淑蓝（女强+穿越+玄幻+女扮男装）11、《天纵妖娆》by李尽欢（女强+穿越+玄幻）12、《醉狂》by风恋音（女强+穿越+玄幻）13、《十世转生》by南方玫瑰（女强+穿越+玄幻）14、《凤麟》by沐血夜（女强+穿越+玄幻）15、《弹指灭天》by东方流火（女强+穿越+玄幻）16、《绝色锋芒》17、《翻手男覆手女》18、《驭妖》19、《缚魔》20、《风云初落》21、《七煞女帝 》22、《雾隐天璇》23、《苏菲的异界》【女主天下】【醉狂】 【绝世之风云天下】【邪瞳】【黑暗王者之妖临天下】 【异世修灵皇】】【圣星魔武学院】 【另类女神】【异界变身之后】【脱线魔法小厨娘】 【异界变身大冒险】】【北之星冠】 【异世魅影） 【异世游历】 【异界闹翻天】【一缕幽魂闯异世】【九岁小妖后】【龙龙龙】以下是其中的一些简介：《云狂》by风行烈（女强+穿越时空+胎穿）【女主强大，扮猪吃老虎，韬光养晦，文文很大气。本书乃大女子主义者决不虐女主，女主几乎无敌，出尽风头，书中明争暗斗，YY无限。强推！】柳云狂，当世九大世家之一的柳家独子。         翩翩公子，俊美不凡，风流天下，招蜂引蝶，是为楚京第一纨绔子弟也         可是谁知道，此等不求上进的纨绔少年，实际却是个令人惊叹的超级天才，琴棋书画诗词歌赋无一不通，更是天下间屈指可数的武道高手         谁又知道，这一笑惊天下，纵横世间，翻手为云，覆手为雨惊才艳艳的人物，竟然会是…她？         世间风华尽在手，风云天下第一人！         一袭白衣，墨发飞扬         回眸一笑，问，天下男子，谁能抵挡？         ===========         云狂：我一向明白，我从来都不是什么好人，我卑鄙无耻，阴险狡诈，手段狠辣有时候甚至伤天害理。可是，我想告诉你们，在我心里，有一个地方，装着我在意的人，他们是一些真心对我好，为我着想，为我付出的人。只要他们还全心为着我一天，我对他们便永不放弃永不抛弃，哪怕是和全天下作对！《傲风》by风行烈（女强玄幻穿越）女主腹黑强大，冷酷狂妄，男装行天下                 ◆                                                         秦傲风，威震大陆诸国的庞大世家，秦氏家族的三代直系血脉，与大哥天才傲天一样闻名遐迩，却是秦城著名的“废物七少爷”。                                                          新生的她，女扮男装，身世如迷，因天赋奇差，被视为家族的废物，新生之后，她走上了强者之路，在大陆之上混得如鱼得水。                                                   直到一日帝国都城，家主的矛头指向她珍视的小叔叔，一向默默无为的“少年”挺身而出，一鸣惊人，大放异彩，一举跃为绝世天才。                                                                                从此天下无数男女，为之疯狂…  《邪瞳》by北棠 （女强玄幻穿越）女主腹黑系，同样是女强，火彤…               前生血族邪瞳，转生成为火家痴儿。               前世，已不堪回首。               今生，生杀予夺，翻云覆雨，且看她手段如何。               尔虞我诈，风起云涌，五行纷争，七国战乱。               纷乱天下，压五行，平七国，纵横九界。               一啸万兽奔腾，一舞九龙长吟。               且看她邪瞳治世，轮回九界。                              【逆我者烛影风残，顺我者百寿年安；仇我者情断义绝，恩我者三杯鼎盛；】                              火彤？               路人甲：“据说是火家的白痴。”               路人乙：“听说她一夜剿灭旭日全家，逼疯毒害她兄长之人。”               路人丙：“啊？你是说现任的五行盟主，那个把一群废柴培养成超级部队的火彤？”               路人丁：“是那个七国之君皆臣服，甘愿称其为尊的火彤？”               路人X：“…”               《天魔》by无意宝宝 （女强玄幻穿越）【额...不知道怎么说，反正这篇文文我也挺喜欢的。】　女主强大睿智加腹黑，笑看天下。               　　这个世界，还有什么是真的呢？                                                                                            　　他瞬间杀戮万人，只为一个哑女。                                                      　　                                                      　　他伫立苍穹之间，笑看人世浮华。                                                      　　                                                 　　谁人懂他心？谁人能伴他左右？                                                      　　                                          　　挥袖离去，原本以为什么也不会带走，却不知，原来有那么多的心遗落在了他的身上。                                                                             　　后来，才知，原来，他不是他，而是她！所有人眼中的他不过是个美的让人无法直视，美的让人窒息的女子！                                                   　　                                             　　   叶云，叶氏家族的家主。冷静睿智，美丽不可方物的她因为意外穿越到了异界。穿越成了个粉雕玉琢的漂亮女娃，刚穿来就遇到绑架，救了同被绑架的男孩，却不料是太子。太子许诺的赏赐居然是要纳她为太子妃。而她现在的身份是丞相的孙女——长孙萌盈。就在圣旨达到之前，叶云被长孙家的核心人物女扮男装送走与青山修行。                                       　　   该来的总会来，该走的总会走。                                                   　　                                               　　在青山，叶云开启了人生新的篇章。唯有强者才能保护好自己所珍惜的一切。叶云永远明白这个道理。                                                  　　　                                             　　   有人说她卑鄙无耻，有人说她残酷无情，有人说她暴虐嗜血，而有的人说她温柔善良，到底哪一面才是真实的她？                                              　　　                                                 　　   五千年的等待，五千年的寂寞，她最终迎来的是什么？                            　　                            　　   洛心魂：原来，我轮回五千年的理由是你。                          　　                        　　   月轮：我等待了你五千年，我知道，你一定会来。                         　　                           　　   段逸风：到底什么时候，你的眼里才会有我的存在？                                　　   东方谨：你早就是我的人，你脖子上戴的玉佩就是证明。天涯海角我也要追到你。《狂帝》by随风轻（女强+穿越时空+胎穿）女主强大、腹黑、冷血、无情，（但还是为了自己所在乎的人做所有的事）。却依然挡不住旺盛过度的桃花运，痴男怨女一箩筐，躲都躲不掉。本书和《云狂》很像，不是情节，他们都是从小女扮男装，韬光养晦，扮猪吃老虎她，前世为亲情付出生命，今生，为了亲情，宁放弃罗裙，以男装行天下。                            莫倾狂，龙麟国最为得宠的三皇子，丰神俊朗，懒散不羁，潇洒风流，京都上下闻之色变的最浑最煞的纨绔子弟，七国皇室子弟均恨得咬牙切齿的‘魔头’，文不成，武不就，最大的本事便是闯祸和整人，最大的爱好就是欣赏调戏美人，男女不限。                            世人皆暗道，生儿若如三皇子，上吊总比气死强。                            天下乱，销烟起！                             她衣袍一挥，端的是狂妄无比，从一个神憎鬼厌的‘灾难皇子’化身为威赫整个凤天大陆的天极门创始人——圣尊，睥睨天下，叱咤九重，谈笑中，成就千古皇图霸业。                            她执剑一指，狂傲一笑，金戈铁马，醉卧沙场，运筹帷幄之中，笑揽江山美男。                            她狂，她傲，因为她有这个资本。                            且看，来自异世的她在这七国并立的乱世中，是如何俘获无数位帅哥美女的心，大放异彩，建立不世奇功，写下最为传奇的一笔。《驭妖》by枫飘雪 （女主玄幻穿越）女主无赖强大       她最喜欢交易，却被扔入一个最不公平的世界，爱与被爱永不公平。                  　　初相见，他已被囚千年，妖力只剩一成。她无赖狡黠，虏获了他的身。她成了他的主、他的天，他输在她的无赖之下。                  　　踏入乱世，她以凡人之躯势夺至宝，险些命丧会场。他冷眼旁观，笑看人类贪婪。         　　“吃了吧，伤应该能好一些。”云淡风轻，唇边依旧是她一贯痞痞的笑容。         　　她似乎远比他想的要复杂，复杂到牵起了他所有的情绪。                    　　那一日，神殿之前她孤傲狂绝，洗去一身痞气，似天外谪仙。半身热血，殷红圣土，凝视着她的亲人眼中悲恸。         　　他心中堡垒瞬间崩塌，挡在她的面前，势要将她保！亘古妖力为伊人凝聚，反天、反地、反神明！         　　自此后，看着她－－         　　傲然一笑前尘梦断，妖刀在握直指神明。一声长啸声震九天，天下负她她覆天下！         　　无赖罪女化身惊天奇才，踏上强者之路。         　　他陪之、护之、宠之……但是，这么多乱七八糟的家伙是哪里冒出来的？还一个个对她频献殷勤，她竟然不懂的拒绝照单全收？         　　这个无赖女人他早已定下，想跟他抢，找死！       《绝色帝师红颜》by优雪 （女强玄幻穿越）女主强大，女扮男装混迹黑道的她，被人称为胜利女神。   为人冷傲，淡漠是她的保护色，其实她一直希望有一个人可以和她逐鹿天下，并肩看天地浩大。   一朝穿越，她竟然成为了云染大陆最为出色的学院帝师，与一群将来要成为帝王的男人打成了一片，但是却没有一个人知道她竟红妆，只因她冷酷傲气，自有一股帝王的威严。  这是一片奇幻的大陆，有着不可思的异能和凶兽。  她一步一步走向世界的顶端成为众人心中的神。  众多的王者是她的门生，因为她是不折不扣的帝师！   他是九五至尊，帝王之像，霸气横生，器宇轩昂，生来就是坐拥万里江山如画，三千后宫粉黛，只是他的眼中却只容得下那个教他帝王之术的人，纵然冒天下之大不韪，袖手天下，他只愿意换她倾心一笑。   他是第一战神，狂傲奔放，豪情万千，是顶天立地的好男儿。统帅三军，驰骋沙场，所向披靡未尝一拜的他却独独输给了她，从此一颗热血雄心只为她而跳动。   他是一代医仙，地位超然，天下之大，没有他不能去的地方，天高地阔任他游，却甘愿为了她放弃向往已久的游历。   他是一介魔王，残忍嗜血，血债累累，面对整个江湖的敌视都不曾皱过一次眉头，魔功盖世的他根本不惧怕任何事物。唯独她，是他一生的劫。   他…   妖娆异世，她是一抹孤魂，游遍天下也只为找到一个能够与她共度一生的人，她只想要一份执子之手，与子偕老的爱情，为何如此困难？   领略奇幻异世风采，尽在绝色帝师红颜！  《倾城修罗》by淑蓝 （女强穿越玄幻）这是一个魔法与仙术并存的世界，这是一个充满了传说的世界。 　　　人说当朝的六皇子很受帝王的宠爱，人说六皇子相貌平凡，人说六皇子平庸之极，又有人说六皇子貌若仙童，也有人说六皇子绝世奇才，还有人说…… 　　传说很多，却没有人知道他们口中的六皇子是她而不是他！ 　　皇甫清墨（姬浩）一个总在杀人时微笑的顶级女杀手。 　　皇甫清音——皇甫清墨的大皇兄，温润如玉，俊美如斯 　　皇甫流云——皇甫清墨的父亲，冷酷无情霸气天成 　　夜无双——皇甫清墨的侍卫，对皇甫清墨忠心耿耿 　　… 　　故事开始在姬浩穿越后 　　“我是你的父皇，来，皇儿叫声父皇来听听。” 　　皇甫清墨（姬浩）沉默的吃着面前的点心，无视之 　　“你就是六皇弟吗？我是你大皇兄，以后我来照顾你好吗。” 　　皇甫清墨把玩着手中的被附上吸音能力的守护石，无视之… 　　“…” 　　皇甫清墨将手中的一把灵剑递给夜无双，微笑，“以后你叫夜无双，为我而活。” 　　男配增加中… 　　　 　【缚魔】一条灵源之链，一位无法看清容颜的男子，促使枫染云进入一个神奇大陆——古垣大陆。大陆修魔、修仙，是一个完全陌生的世界。           她身体赢弱，本无法修习魔功，却在一处山洞得到神秘男子洗髓精骨，从此成为炼武奇才。沿着奇才的路，她竟揭开了一个隐藏亿年的惊天秘密！ 是非成败中谁主宰谁？谁负了谁？何为天？何为地？谁是神？谁是魔？     纳兰清潇：“炼药谷”谷主，是古垣大陆少有的全能师。他身份神秘，却是与“天池珏山”尊主齐列天下第一的人。她四岁就被他收留，他疼她如珠如宝。         神秘诡异的山洞男子：为她洗髓精骨，多次神秘现身相救，与灵源之链有着千丝万缕的关系，却不知一切的开始，都只是沿着注定的轨迹在宿命中纠缠。           凤镜夜：妖娆冷酷的之王、“环山洞府”的少府主。一次意外相遇，他被她救了，从此他便与她玩起追逐游戏，势要让她做魔域之后。           墨琰：血族王，掌管盛产晶矿、炼器闻名的岛屿“海韵”。本欲食她鲜血，谁知被她鲜血反噬，从此替她买命，为奴为仆。   萧炎：天池珏山大长老的弟子，天池国太子，一次偶遇，让他对她始终不能忘怀。   沙漠狐：本是天方月之狐族的族长，来魔域历炼学习，因缘际会下竟成了她的魔兽，终身为她买命。   幻灭千里：魔域皇族，隐世门派南山掌门。因她是表哥凤镜夜爱的女人，从未对她动过心思，谁知却在一次次斗嘴中，暗生情愫，一生都在爱与不爱中纠结。【烈焰战神】内容简介：  边远小镇上的落魄贵族，她身为直系血脉，却沦落成为连低级奴仆都不如    雷霹重生，天赋觉醒神秘身世，扑塑迷离一夕之间，她摇身一变，成为天边那耀眼的一颗明星从此，她走出了这无名小镇，踏上了辽阔无比的魔、武大陆从此，命运开启了一段属于她的惊艳传奇！绝色男子，妖异女子，无不为之而痴恋疯狂……明闪：光辉帝国的亲王殿下，墨发，白衣，纤尘不染。当有一天，一身狼狈，不修边幅的烈焰出现在他面前，他嫌恶地皱起了眉：“想进来吃饭？先去洗洗干净！”当风云变幻后——“烈焰，我是你的舅舅，但我也是你的人，你身体的一部分，我死了，你还活着，你死了，我活不了……”——明闪小波墩：弗兰帝国的小王子，六岁的小屁孩初见烈焰，稚嫩童真地眸目大亮：“美女，我喜欢你，你跟我交往吧！”“那时还是孩童的我不知道什么叫爱情，但是，初见烈焰美女的时候，第一眼，我便喜欢她，那种喜欢，让我想要将自己融入她的血液骨髓，与她永不分离。没有她，我会死。当宿命最终走到尽时，我才知道，原来这一切冥冥中自有安排。”——波墩•弗兰 【七煞女帝】现代顶级特工风无意，科学院秘密制造的基因改造人，她拥有最绝色的容颜，最冷静的头脑，最完美的体魄，最高明的手段，然而，她也无欲无念，冷心冷情，就像是一台二十年维持不断运转的高级电脑。她是七煞孤星，人间冰器。       明明只是一次普通的盗取文物任务，却莫名其妙地掉到了这个诡异的奇幻世界。    千年流传的预言，神魔分界的盟约，当曾经被放逐的异族归来，当鲜血与战火染红人心，平静的大陆从此因为一个女子的降临而风云变幻。淡漠的占星师、可爱的狐狸精、傲娇的恶魔，孤傲的精灵王…最终谁才是她的选择？      萧子墨：我会跟随你，守护你，你是我选择的主子。    风无意：我不需要你的追随，你的位置，应该是在我身边！       皇九黎：风无意，当本座将这个世界掌控在手时，你休想再次逃开！    风无意：我等着，等着看你乖乖滚回魔界。       云澈：无意无意无意~你说过你是我的！    风无意：我不是任何人的，而你，才是属于我的…宠物！       夜千瑾：……（瞪）   风无意：…………（比放冷气么，你差得远！） 【蔷薇天下】作者:慕澜高贵的血统在她身上传承，    最优秀的智脑在她身边降临。    当先进的科技着陆异世凡尘，    当一个弱小的孤女拥有了匪夷所思的力量，    查米拉，    这块古老而神秘的大陆上......【雾隐天璇】作者:梦落 星旋星落，风起云涌。一切皆在法则之中，一切却又脱离掌控。天地万物，谁为其一？大同？大乱？是梦，亦或是幻？传说族谱      始祖：神秘莫测，具体身份不明，因插手神魔大战，被封印于雾隐岛，后行踪不明。唯一可以肯定的是，她是个女的。      御：温文尔雅，学究天人，拥有一双看透世事的眼睛，对月敛影响极大。本质属性为地。现居于储物手镯蓝光之中，掌管天字阁。      影：冷酷，沉默寡言，尤善剑法和炼器，是月敛剑道的启蒙老师，以他自己独特的方式关心着月敛。本质属性为火（谁说火属性就一定要脾气暴躁来着？）。现居于蓝光之中，掌管黄字阁。寒女：性格有些急躁，脾气有些不好，却擅长医术，司救人之职，教导月敛医道。本质属性为水（又一个传统思想的颠覆者！）。现居于蓝光之中，掌管地字阁。轩：做事从不按理出牌，孩子气极重，是个魔法天才，与月敛相处最为融洽，却经常惹怒御。（没办法，谁让他老是要挑战御的忍耐极限？）本质属性为风。现居于蓝光之中，掌管玄字阁。扬：俊美无比（废话，传说一族全是俊男美女），拥有强大的力量（又是一句废话）。不知何因，启动生命的封印，与雾隐岛一起消失于尘世之中，也是一个神秘的人物。      月敛：本书女主角，原本拥有强大的力量，后被封印，与一般小孩无异（除了她的容貌）。本质属性为水（现在使用的是火之力）。目前正在璇玑大陆历炼。 绝色锋芒当冷漠腹黑的她穿越到一个花痴草包的贵族大小姐身上后会发生什么？   花痴草包的大小姐因为追美男二皇子殿下不遂，跌落下马昏迷不醒。再度睁眼，冷冽逼人。   不久后，锋芒展露，慑人心魄。   在这个魔法为尊，斗气傲天的世界里，何去何从？   且看绝色的她如何魔武双修，震撼天下，开辟出一条逆天之路。 【大小姐驾到】带着游戏里的极品装备宠物，一朝穿越，她成为陆家最不成器的大小姐。           被族人轻视，被喜爱的情人抛弃，被家里偏室暗害，她被剥夺了继承家位的权利，更被分配到边境小郡!           但此时她早不是当初那个无能的大小姐，神器神兽在手，天下有何惧也？           她囤积兵力，聚集财富，更广交天下英豪！           她上得山下得海，更折服了大批魔兽圣兽！           当她以强劲的气势横扫整个大陆，谁又识得她是当初那个可笑的陆家大小姐？           他，秦国王子，腹黑小正太，扮猪吃老虎，在一轮轮碰撞交锋中，又如何沦陷身心？       他，恶魔之子，杀伐天下，无心无情无欲，一场争夺，几番打斗，为何他那冰封的世界便开始透出灿烂的光芒来？           他，奴隶场上救下的美男子，明明武艺高超，却如何沦落成最低等的奴隶，面对她的救赎，为何心乱如麻？           还有他！           还有他.  【天纵妖娆】    内容简介： 她是杀手界的传奇，她是令男人趋之若鹜的毒药，她是一个没有心的女人。一次意外让她的灵魂穿越到了一个强者为尊的世界——神魔大陆。也许是神的恩赐，让她这一世得享亲情；也许是神的玩笑，让她这一世遭受灭门之祸。既然，她是被神遗弃的生命，那么化身为魔又如何？天地不仁，那么毁了这天地又何妨？且看一个女子如何纵横异世，仗剑天下，翻云覆雨，惑乱红尘…【亡灵圣魔导】魔法世界里最强的圣光法师和最强的亡灵法师不慎来到地球，在准备回去时，却被一个地球女孩打扰了法术，结果两个超级法师留在地球，地球女孩却去了魔法世界，在两大法师的指点下，开始了异界之旅…… 【冰皇】：这个世界奉行强者为尊的法则这是一个有着魔法师与召唤师的世界。魔兽纵横的十三大陆，危机险恶。                                    故事主人公—雷冰儿，                   本为炎天大陆王室公主，                   机缘巧合之下，破解加注在自己身上的一切，                   无奈造化弄人，因果关系早已注定，                   她，最终能否战胜命运之神？                                 她打破世间潜规则，                   冰火重生，涅盘洗礼。                  一鸣惊人，一举跃为绝世天才！【风云初落】一场阴谋，将这个武学世家的绝世天才陷于绝地，怀着巨大的愤恨与不甘，转世异界。             白衣如雪，气质慵懒，举手间风云变幻，回眸间天地沧桑；             一念起，万水千山；一念灭，沧海桑田。             既然转世来到了异界，总得要留下些什么，权力？爱情？还是纠葛不清的痴缠？             …             “为达目的不择手段，你不曾听过吗？”他魅惑的嘴角微微上挑，充满讥讽。             “原来是这样。”她冷冷一笑，手中的金笛漂亮的打着旋，随即凑到唇角，呜咽声起，乱了夜色迷离。             …             “不择手段似乎我更在行。”她笑着，有着无人可及的霸道和嚣张。             …             繁华落尽，谁是指点江山的那一个？             风云起，恩怨落，谁陪我看花开花落？             天地换，情仇磨。谁来解世事纠葛？             不过一曲异世流离的歌…天衣有风的 【龙龙龙】文案:    穿越！穿越！穿越！　　异界就异界吧！为什么她变成一只龙？　　作为大陆上最后一只龙，易龙龙理所当然成为了龙骑士们的争夺对象。　　可是他们争夺她的目的却是要骑在她身上？！　　她可是连初恋都没有过的少女哎！　　帅哥了不起啊？帅哥就可以这样糟蹋纯情美少女……龙啊？！！</t>
  </si>
  <si>
    <t xml:space="preserve">怀孕多久B超可以看得到孕囊？请问，怀孕多久可以B超看得到孕囊？我 </t>
  </si>
  <si>
    <t>自己吓唬自己。还没到月经该来的时候，怎么就知道自己怀孕了？有点腹痛，怎么就认为是宫外孕？是不是怀孕，要等着看月经是否来。如果怀孕了，月经就不来了。如果是宫外孕，出现宫外孕流产才会疼，而那一定要到四十几天以后才可能出现。我看你恐怕是心理上有问题了。建议：耐心等几天，今天是28日，还没到来月经的日子，如果过几天仍未来，到五月七至十日再去做尿检查早孕。如果尿检阳性，再检查B超，看看子宫内是否有胎囊；如果有，才能确诊怀孕。如果尿检阳性而宫内未见胎囊，还有两种可能，一是宫外孕，二是葡萄胎（分为良性和恶性两种）。因此，做事要一步一步来，不要问题还没来先用幻想的问题把自己吓死！</t>
  </si>
  <si>
    <t xml:space="preserve">他说如果女孩适合和他组成家庭，他才会去交往，有的女孩虽然可爱，但? </t>
  </si>
  <si>
    <t xml:space="preserve">    你们俩的交往时间太短了一些,因为相互之间还不了解;所以,他说的话是含糊模凌两可的了;我来分析一下:    一是他的经验比你要丰富;他已经有了起码三年的恋爱史了,也是有失败的记录;    二是他对你是喜欢的,但还没的到爱的程度,因为怕你的拒绝,又会使他难看了;    三是他'一朝被蛇咬.十年怕井绳"了,按他的心里是想马上与你结婚的呀!可是你是不会答应的,所以,他说的是:你有时间,他是等不及了的意思呀;    四是他无意之中说的前女友势利,其实也是他的心里话,他怕你也提出这个问题来,使他难看,我估计,他是比较精明的男人;    我的分析也只是就事论事的瞎论,最后还是要你自已来好好想想决定,这可是关系到你一辈子的事呀!可要郑重!!!    现在,他的意思是很明确的,只要你同意,他是想和你结婚的(他不是说与女孩子交往是为了结婚),你呢,我总觉得不能性急;还是慢慢地了解他为好;    姑娘:我已是过来人了,你知道我们谈了几年?七年!在这七年中,我们是真正享受了年青人的爱河之喜悦呢!瑞我们才有了孩子;这才进入了又是一种新的幸福那!这是天伦之乐;是对爱的结晶的喜爱 !    我希望你也能得到你的真正幸福!!</t>
  </si>
  <si>
    <t xml:space="preserve">她无悔意,又为什么要来找我?三年前,她背叛了我,跟另一个男的走了 </t>
  </si>
  <si>
    <t>我只能说你笨了，除此之外我不知道还能说点什么，或许这不能怪你吧（请不要介意我这样说你哈）她来找你这就说明她有悔意了，并不是你提问中所说的，她没有悔意。只是她不好意思开口请求你的愿解，只是不停的在你上线的时候上线，只好以不同的身份来试你的想法，给她自己增加勇气。女孩子都是善变而且心口不一的，有女朋友的人都知道。她加你后，知道你不会再愿谅她了，她再也开不了口请求你的原谅，所以为了面子，只好再次和你吵架了。我觉得你也没有必要为这么一件事情烦忧，不管她为何来找你，只要你是决定的不原谅她了，那就不要管她加你的动机的，大家都生活在同一片蓝天下，做不了恋人做朋友还是可以的嘛，就算是看见了伤心，那就永久的DEL。最好的办法是换个号了没有谁能主宰自己的感情，我觉得还是跟着感觉走好！！！！希望你早日回来阳光下来！！！</t>
  </si>
  <si>
    <t xml:space="preserve">绿烟技能问题~~我的绿烟到30级了请问学什么4级技能啊高手说下谢 </t>
  </si>
  <si>
    <t>去杰诺瓦镇学一个单陨魔法就可以了,现在才30级,等级提升很快,所以不用学很多魔法,1~2个就够了,物理技能4级还不能学,宠物的物理技能和人不一样的,宠1级技能相当于人1级,宠2级技能相当于人3级要20级以上,宠3级技能相当于人5级要40级以上,宠4级技能相当于人7级要60级以上,宠5级技能相当于人9级要80级以上,要学4级技能到等60级,所以其他的技能还暂时不能学</t>
  </si>
  <si>
    <t xml:space="preserve">如果，作品完成了，都没有回复是不是不算是签约。 </t>
  </si>
  <si>
    <t>是的。作品完成后，没有任何回应便代表签约不成功。</t>
  </si>
  <si>
    <t xml:space="preserve">阴道射精外流会怀孕吗排卵期做完爱，老公把精液射到阴道里，我随后就? </t>
  </si>
  <si>
    <t>您好，同房没有采取避孕措施或者是避孕失败都是有可能会导致意外怀孕的，体外射精是比较容易失败的避孕方式，因为即使是体外射精，在性交过程当中部分精液也有随部分前列腺液遗漏到体内的可能，所以您这种情况是不排除有怀孕的可能的！</t>
  </si>
  <si>
    <t xml:space="preserve">求问虹口足球场那边有什么好吃的？人均便宜一点可以当工作餐吃得有吗? </t>
  </si>
  <si>
    <t>虹口足球场那边很多吃的哟，龙之梦不就在那边吗，楼下的呈隆记、大和生煎，还有5楼的深井大叔港式烧腊都性价比很高。如果是男生怕楼下的吃不饱的话，可以去深井大叔家吃烧腊饭啊，有肉又有饭，而且还有打折的好像。</t>
  </si>
  <si>
    <t xml:space="preserve">伙伴们.你们回去伤害一个喜欢你的人吗?这个人你不讨厌!他说他喜欢 </t>
  </si>
  <si>
    <t>这种事情直接说明了不是害他是为他好~你可以婉转的说，你这么说我很高兴，你也喜欢他，不过只是一般朋友的那种喜欢，希望他能明白</t>
  </si>
  <si>
    <t xml:space="preserve">关于密码保护问题？我的人物已经20级了，如何申请密码保护卡？ </t>
  </si>
  <si>
    <t>密保是 充值卡上免费送的功能 ，你买了充值卡就有了。上面有卡号和密保数列。和 充值卡号是分开的。可以分开使用。（即你可以用充值卡把金额充到一个帐号。可以把密保卡绑定另一个帐号。随你喜欢。。）</t>
  </si>
  <si>
    <t xml:space="preserve">我想问问那里有可以钓虾的？？？ </t>
  </si>
  <si>
    <t>我看你显示美国，难得你是找美国的钓虾场？我知道是深圳的，提供你参考。台湾园艺钓虾场。 地址:广东省深圳市福田区红荔西路花卉世界71号。 电话:0755-83361805 0755-28860288 。希望来深圳玩，也可以钓虾，呵呵。（若我的回答对您有帮助，记得点击下方【有用】哦！谢谢就不用点击啦！）</t>
  </si>
  <si>
    <t xml:space="preserve">交易问题天龙八部的游戏可以帮过户吗 </t>
  </si>
  <si>
    <t xml:space="preserve">尊敬的客户: 您好！5173担保客服真诚为您服务！ &lt;天龙八部&gt;此款游戏暂时还没有开通过户服务.真诚感谢您一如既往地对我们工作的大力支持与帮助！  </t>
  </si>
  <si>
    <t xml:space="preserve">在汽车点烟器处放置的mp3是不是就叫做车载mp3?另外这种播放器 </t>
  </si>
  <si>
    <t>车载MP3应该就是汽车自带的，点烟器的那个是后加的，点烟器mp3只能在点烟器上用。就是个MP3借着点烟器的电力播放MP3，并且能够发射无线频率信号。一般都是没被占用的电台立体声频率，并且范围比较小。一般频率可调。调好了播放上就可以在自己的车子电台上搜到了。（对应频率）现在这东西很便宜。几十元就买一个2G的。买一个玩玩就知道了。</t>
  </si>
  <si>
    <t xml:space="preserve">WORD2003每次一打开都有一个任务窗口工具栏怎么取消还是好大 </t>
  </si>
  <si>
    <t>在菜单栏里找工具----选项----视图----显示(启动任务栏窗格)，把前面的勾去掉，就ok了。</t>
  </si>
  <si>
    <t xml:space="preserve">当兵为什么不允许纹身呢？ </t>
  </si>
  <si>
    <t>纹身 自古就是一种身份标记.过去某些帮会,流氓组织,黑帮组织等,以之作为互相识别的 凭证.如果你是纳税人,你会花钱雇用一个流氓来看家护院吗?也许某人会说他纹身是好玩,不是流氓.但是有个约定俗成的概念在大家心中.你一个一个去解释么?再说了,中国有个俗话"身体发肤,受之父母,不可轻易毁伤 "懂了么</t>
  </si>
  <si>
    <t xml:space="preserve">在一起重要的是什么距离真的是问题吗？ </t>
  </si>
  <si>
    <t>以我的看法来说，距离是个问题，也许很多情侣在浓情的时候会肯定的认为距离不是个问题，但是为什么现实中还是有那么的情侣因为距离问题而分手呢，这并不是没有原因的。其实因为距离问题分手的原因有很多，最常见的就是变心，但是这并不是罪不可赎的，因为感觉这种东西是很难说的，谁都有变心的可能，你试想一下，当两人的生活分开后，你们的生活圈子就会发生改变，你们的交集就会越来越少，逐渐的你们的交谈与分享就会越来越少。有很多事情往往是在刚发生的时候有倾诉的欲望，过后就会懒得说，然后在长期不能与人及时分享、倾诉自己的事情时，对方就会不自觉寻找能陪自己一起感受生活的人，也许刚开始对方会 觉得自己只是在交个朋友，并不是背叛恋人，但是在日久生情后，连对方自己也没有抵抗能力，即使他/她不想背叛，但是感情的事情是很难说的，人都是自私的，他们会选择对自己好的事情，即使当时与恋人有过山盟海誓，但是他们仍是会为自己的行为找千万个理由。第二导致分手的原因其实是在第一的基础上的，生活没有交集，能交流与分享的事情就会变少，到最后可能无话可说，即使不是变心也会因为感觉的流失而由其中一方提出分手，所以并不能怪谁，只能说距离真的十个问题。其实换个角度想想，自己与现在的恋人不能长久，说明自己的真命天子/女在某个地方等着自己，然就是要向前看，要好好的过，不要对谁抱有怨愤。</t>
  </si>
  <si>
    <t xml:space="preserve">手机一边充电一边打电话，辐射会特别强吗？手机旧了，经常充着电，这 </t>
  </si>
  <si>
    <t>充电与辐射没有大的关联，辐射不会有大的增加。</t>
  </si>
  <si>
    <t xml:space="preserve">我有一台250W的扩大机，4只25W8欧的高音喇叭，我该怎么样配? </t>
  </si>
  <si>
    <t>　　根据你提供的条件，必需用线间变压器进行连接。具体接法是：取四只等于或大于25W的线间变压器，每一只变压器带一只喇叭。这样做的好处是，当有一只喇叭损坏时，不影响其它的喇叭工作。　　现在计算线间变压器的接入方法。首先先计算喇叭的工作电压，25W8欧的喇叭的工作电压为25乘以8等于200，再开方，约为16V。二是计算线间变压器的变压比。扩音机输出120发V，喇叭需要16V，其变压比约为120除以16等于8。根据线间变压器所能承受的电压必需大于扩音机的输出电压的原则，线间变压器的初级绕组接成240V，接到扩音机120V输出端子上，线间变压器的次级0－30V接喇叭即可。　　另外，市场上卖的高间喇叭，一般都是25W16欧的，25W8欧的很少见，不知你是不是看错了？如果是16欧的，喇叭的工作电压应为25乘以16等于400，再开方，等于20V。这时线间变压器的变压比可改为6比1。线间变压器的初级可调整为120V，次级0－20接喇叭即可。</t>
  </si>
  <si>
    <t xml:space="preserve">英文猜单词游戏,高分 </t>
  </si>
  <si>
    <t>Shabbat n.(犹太教)安息日(亦作Shabbos,Shabbas)shallot  n.葱sherbet  n. &lt;英&gt;冰冻果子露shutout  关厂, 关店, 停业, 被关在外面的人, 使对方无法得分的比赛cenote n.沼穴,洞状陷穴(尤指墨西哥尤加坦半岛的灰岩坑)censer n.香炉censor n.检查员vt.检查, 审查census n.人口普查cental n.百磅, (英国计算谷类重量的单位)center n.中心, 中央, 中心点, 中锋adj. 中央的, 位于正中的vt.集中, 使聚集在一点, 定中心, 居中vi.居中, 有中心, 被置于中心centre n.中心, 中央, 中心区v.集中centum n.百</t>
  </si>
  <si>
    <t xml:space="preserve">正在考虑买入中国平安601318。给点建议正在考虑买入中国平安6 </t>
  </si>
  <si>
    <t>买进就是了</t>
  </si>
  <si>
    <t xml:space="preserve">我的笔记本连接网上老是出现什么安全警告，什么微软公司的？我应该装? </t>
  </si>
  <si>
    <t xml:space="preserve">你的系统没有安装Flash ，Flash网页是看不到的，建议你按照它的指示下载安装，就ok了，因为你每次都拒绝安装，所以每次都提示你，如果安装后要你从新启动，你就从新启动好了。祝你成功！ </t>
  </si>
  <si>
    <t xml:space="preserve">松花粉都有什么作用？可以长期吃吗？有没有副作用？ </t>
  </si>
  <si>
    <t>松花粉的作用松花粉中含有人体所需的 200 多种营养元素。其中 22 种 氨 基 酸、 15 种维生素 、 30 多种矿物质、 100 多种酶，以及核酸、不饱和脂肪酸、卵磷脂、类黄铜、单糖、多糖等。 松花粉的营养成分不仅种类全面，且含量也非常高。其中蛋白质总含量是牛肉鸡蛋的 7 到 10 倍；铁比菠菜高出 20 倍； V a 原型胡萝卜素比胡萝卜多 20 到 30 倍。 松花粉中营养成份含量比例搭配合理。例如 8 种必需氨基酸，有的人体需要多，有的需要少，世界卫生组织和粮农组织对它们的需求含量都做出了规定。而松花粉中的含量与它们的规定是基本一致。人类的高科技终于可以接近大自然了。 矿物质对人体的作用 钾：调节心脏、肌肉机能。缺乏时引起肌肉无力症、肌肉麻痹、肠闭塞、引起知觉迟钝、反射神经低落、发育不良、慢性疾劳、高血压。 镁：制造骨、牙齿，对小孩、孕妇有好处，并使酶活化，抑制神经兴奋，缺乏时引起血管扩张、充血、心悸。 钙：制造骨、牙齿，保持性血液，对小孩、孕妇最重要。 铜：抗动脉硬化，降低胆固醇和防辐射，有抗癌、抗辐射作用，壮阳，对阳萎有一定作用。 铁：制造血液的血色素所不可缺，制造肌肉的肌红蛋白。 硒：具有很强的抗癌作用。 磷：制造骨、牙齿，对小孩、孕妇极重要。 锰：能参加体内物质代谢，能以氧化促进剂的作用 提高蛋白质在人体内的吸收，缺锰则骨质的破坏细胞的活性大大增强，出现骨孔增加，骨组织疏松变脆。 维生素对人体的作用 维生素 Bl ： 对神经系统有调节作用 防止便秘，防止皮肤粗糙。 维生素 B2 ； 促进成长，活化细胞，美化眼睛皮肤，治疗月经不调；缺乏时引起口角炎或手足斑点。 维生 B3 ：对皮肤神经系统、呼吸系统、消化系统、血液疾患，有效防止老化。 维生素 B5 ： 对皮肤疾患、消化器疾患、神经、肌肉疾患有疗效。 维生素 B6 ： 促进成长、抗贫血、解毒，治疗孕妇早孕反应。若缺乏时引起皮肤粗糙、神经过敏失眠、贫血、麻疹皮肤感染。 维生素 C ：对坏血病、牙龈炎、出血等有疗效，美化皮肤必需，能清除自由基。 叶酸：止血作用，对贫血有效。 维生素 E ：促进毛发生长，对抗不孕作用，治疗神经与肌肉等疾病，抗自由基。 p —胡萝卜素： 对眼睛健康、生长发育、青春痘、皱纹、子宫、前列腺有很大 帮助。抑制癌细胞生长繁殖。 胡萝卜素：抗自由基，减少细胞过氧化，防止辐射致癌。 生物素 VH ：有利于儿童发育 尤其是婴儿。 人类生病的原因有二：一是细菌和病毒的感染。可以靠常吃松花粉来增加身体健康，靠自身的免疫力抵抗和预防；二是身体所需的二百余种营养成份少一部分所引起的疾病，吃松花粉可迅速大量地补充身体缺少的营养，对这类疾病当然有很好的效果。 消化及吸收不好 常吃松花粉，可以吸收足够的维生素 B1 ，刺激消化酶的产生，增加食欲。对于顽固性便秘及泻痢，松花粉中合有足够的维生素 B6 、矿物质镁、蛋氨酸等成份，能扼止因紧张造成胃肠痉孪所引发的便秘，防止因胆碱分泌不足造成的结硬大便便秘；松花粉中亦含有抗生素及生长物质，可控制大肠菌、沙门氏菌等，可用来治疗便秘和泻痢的毛病。 胃肠疾病 包括胃痛、胃和十二指肠溃疡、穿孔等。吃松花粉都可以吸收足够活性氨基酸及活性酶，以修补胃肠损伤的部分，达到治本的目的，效果十分神奇。 前列腺炎 为老年男性的通病，对身体影响很大。瑞典、德国、丹麦和日本都有无数的报告证明花粉可以治好前列腺，成功率高达 80% ，同时病人会感觉性能力增强。主要因为花粉里最可靠的最丰富的矿物质锌的供应来源。芝加哥 COKK COUNTRY 的医生 Dr ． INing Buen 和 Dr Alred Eamm 对这一点有详细的报告。日本长崎大学泌尿科的齐藤博士 1967 年论证：花粉是治疗前列腺炎的最好物品。 抗衰老 药理实验证明，松花粉中合有大量抗氧化物质，如维生素 E 、胡萝卜素及微量元素硒，可以抑制体内脂质和蛋白质过氧化反应，具有延缓衰老的作用；松花粉进 入人体后，可使 SOD 的活性增强，量级提高，增强清除自由基的能力，同时能清除沉积在皮肤表面和脑、心、肝器官组织中的老年斑，可抑制组织细胞老化，抑制人体衰老，提高人体免疫能力。 感冒 感冒无药医，只有靠体力来恢复，吃松花粉能增加体力，加强对感冒的抵抗和治愈力。 肝癌 多吃化花粉可促进肝细胞之活性，胆碱分泌正常，营养均衡吸收，心脏机能正常，防止肝病发生，并能促进肝脏解毒功能。 肾脏病 最常见的是肾的过滤不良，皆因于肾小球破裂，主要是缺押所致，同时会转化成高血压及其他循环方面的疾病。松花粉可供应足量钾及氨基酸和酶，一方面扼止肾小球继续破裂，又可修补损坏的组织，防止癌细胞发育。 维也那大学妇科 Dr.Peter hemuss 、美国斯坦福研究所学会 willam ahipmau 和 Leonard Cole 、美国国家防疫协会，加拿大 Winnipcg 国立医院及其他无数的医疗研究单位都有报告，常吃花粉可以抑制癌细胞的发育。 过敏症 过敏症是一种无害物质在身体中引起的不良反应，症状有鼻塞、流鼻涕、眼睛红肿、喷嚏、咳嗽、搔痒等；过敏原有霉、灰尘、羽毛、昆虫的刺、化学物质、甚 至花粉。但长期服食松花粉，能吸收过敏抗原在身体中建立免疫系统，清除过敏体质。美国 Okahoma 的医学博土 Dr.William Peterson 有很多这方面的指导。松花粉对过敏性鼻炎、过敏性哮喘、红鼻子头”等过敏症效果良好。 糖尿病 吃松花粉能吸收足量的维生素 B6 ，借以控制色氨酸不使转化成黄尿氨酸，对糖尿病有绝对的预防作用；对已患者能提供足够的矿物质钾，促使脂肪和蛋白质正常代谢，可防止因酮体产生的中毒危险，保障糖尿病患者的生命安全；松花粉更有足够的活性氨基酸和活性酶等，可修补破损的胰脏组织，促进胰岛素分泌，减轻糖尿病症状。 关节炎 包括风湿性关节炎和骨关节炎的患者。都从花粉中摄取足够的蛋白质、钙、维生素和其他微量元素来预防和治疗关节炎，美国加州沙漠热泉地方的医生 Dr.Bingham 对此有很详细的报告。 贫血 多吃松花粉补充铁质、铜质、蛋白质，促进造血机能和红血球的增加，可增加约 20% 的红血球，能有效地治愈贫血。 肥胖 吃松花粉吸收足够营养，造成饱腹感，同时松花粉中含有大量的卵磷脂可燃烧过剩的脂肪，达到减肥的目的。 白发 松花粉中矿物质硫和泛酸可以使白发变成黑发，起到秀发作用。 青春痘 松花粉供应大量的维生素、矿物质锌和镁，对青春痘和其它的皮肤疾病，如头皮屑、化妆过敏等都有很好的功效。维生素 A 可滋养毛孔，维生素 B6 可以改善皮肤品质，维生素 B2 可以促进饱和脂肪酸的代谢，使皮肤不再油腻，减少青春痘的发生。 皮肤斑点如黑斑、雀斑、皮肤炎等都是因为皮肤细胞不健康，新陈代谢和排毒的功能受阻之故，松花粉可促进新陈代谢机能，恢复健康，消除皮肤上的斑点。 妇女病 经期不准、痛经、崩血和更年期障碍，松花粉都有不可思议的效果，主要是松花粉能提供足够的营养，促进内分泌的正常，子宫的收缩正常，进而治疗许多妇女病。 心脏病、高血压、血管硬化 松花粉中合有多量维生素 B6 可控制因蛋氨酸转化所引起的血管硬化，松花粉中含有大量的 RUTIN 可以增加血管弹性、增强毛细血管，降低血压。 过度疲劳症 对悲观神经质、不眠症、头痛、健忘、精神不能集中都有舒解作用。松花粉可调节平衡身体的机能，能安定情绪，不易发怒 精神愉快。 生长迟缓、智能不足 松花粉中有“生长因子”。可促进儿童生长，松花粉中含有大量麸氨酸，能促进大脑皮层的发育生成，能增加智商。 此外，松花粉尚具有使女人肌肤娇嫩，使老人延年益寿之功，对清除口臭、气喘病、痔疮、宿醉都有治疗之实例；对扁平疣、皮屑过多、“圈癣”、脚气病、放化疗和术后恢复都表现出明显的效果。 1、剂量问题：对于健康人及亚健康状态的人吃保健量3粒，2-3次／日,对于症状明显的亚健康状态的人剂量可适量加大，4-6粒／次，2-3次／日,待症状消失后再改保健量。 2、对于有病的人服用时，剂量因人而异，因病而异，边观察边做适当调整，如糖尿病、前列腺肥大的人，剂量可稍偏大，对于体弱的老年人或刚手术过后的人要从小剂量开始，逐渐适应。 3、注意原有的治疗方案暂不要改变，待松花粉的效果明确后再做适当调整，高血压减药前要注意天气的变化，要先减量后减次数。 4、无任何食物、药物禁忌。 5、历代医学文献中未见有过敏的记载，但个体之间会有一定差异，为了慎重起见，开始食用阶段，每日1－3粒试用，无过敏症状后，再逐渐加量。 6、无毒副作用，可坚持长期服用，有个别人在初服头一二天可能出现调理反应，如起疹、局部疼痛等，说明在起作用，先把体内毒素排出，不必担心，可继续服用。 7、服用时水不要太热，以免破坏活性物质，水温不要超过40度。 8、在阴凉干燥处存放，包装一旦打开，请按时吃完，精制破壁松花粉开盖后，1－2周内尽快吃完，以免营养成分被氧化。 9、松花粉足药食两用保健品，起作用时间因人因病有所不同，如便秘一周左右，胃肠疾病4-6周，痤疮二个月左右，前列腺肥大三个月左右，当然也有个体差异。 10、对于有慢性病的同志需长期服用者，要建立效果登记卡，要追踪观察，了解服用情况及服后效果反应，对于效果不明显的要帮助寻找原因，如最近的心情、饮食情况、天气变化、有无新的病症等，然后再调整服用剂量。要全方位的保健，才能提高疗效。 11、空腹食用效果较好；注意多喝水。做到“未渴先饮、渴不狂饮、热不冷饮、早晨空腹饮”。 l2、根据平素积累的经验，遇有下列疾病可用以下综合办法以提高疗效。 ①对于高血压、高血脂、冠心病及脑血栓等心脑血管疾病的病人，在服用松花粉的同时，告诉一个食疗偏方：黑木耳10g，瘦肉一两，姜3片，大枣5颗，6碗水，文火煲汤，可以放点盐及味精，煎至二碗水，每天或隔日一次。 国珍松花粉3-4粒／次，3次／日，效果不错。有的人服用后30—45天，血脂正常，有的堵塞的冠状动脉或脑血栓化了，有的缩小了。如台湾有一个老板，服用45天后，做冠状动脉造影，发现三支血管都通了，不用做搭桥手术了，医生感到惊讶，引起轰动。 ②对于糖尿病病人，松花粉量要偏大一些，早期9粒／R，中期12粒／日，3次／日，除了控制饮食外，加强运动、减肥、多吃南瓜、山药效果好。 ③对于癌症病人，术前服用松花粉可以增加营养及抵抗力，使肿瘤缩小，便于手术。手术后服用可以大大减少放疗、化疗的副作用，如恶心、食欲不振、头发脱落，尤其是白细胞减少。 松花粉有(造血)升血的作用，可协助化疗计划的完成。对于消化道癌症加喝绿茶疗效更好。解决细胞内营养加上良好的心态是最好的抗癌方法。 ④对于雀斑、痤疮、肝病等在服用松花粉的同时加服维生素C疗效好。 ⑤对于不同的病症可对应选择松花粉的系列产品。如对于睡眠不好的或更年期综合症的可服用松花梦宁，睡前半小时服用效果很好； 儿童可用松花钙奶，有助于生长发育及智力增长：对于腰痛的可选用松花酒，舒筋活札，效果不错，但要注意有肝病及出血倾向的不用；松花酒伴侣(松花粉+葛花)解酒很好，饭前饭后效果都好。 对于便秘及有糖尿病的患者可用松花利通，早晚各服一包，对于改善肠道的内环境特好，也使糖尿病餐后血糖升的慢，减肥减食：对于血脂高的病人，尤其是低密度脂蛋白高的人用竹康宁较好，可以降低低密度脂蛋白，升高高密度脂蛋白，延缓动脉硬化，每日4粒，早晚各服2粒。对于工作忙，过度劳累或手术后气血两虚的病人服用松花参宝较好，可以抗疲劳，大补元气。</t>
  </si>
  <si>
    <t xml:space="preserve">关于未转男人法未满我是一新区的玩家我那区的男人太多了所以不想练男 </t>
  </si>
  <si>
    <t>把法练满不过是为了转生后抗的高些,1世人你练满能得到10%的混冰睡抗性。你法未满转了那你的混冰睡抗性就不会到10点，也许只有6、7点（和你转时法的熟练度成正比）。如果你不是职业的玩家或者大话的忠实FANS,或者如果没钱了就不用练了,就这样转吧.不会很垃圾,抗性差个两三点感觉不到的！可以通过捐抗性或者打个好点的石头就弥补过来了！</t>
  </si>
  <si>
    <t xml:space="preserve">一首歌的名字!知道的有重赏! </t>
  </si>
  <si>
    <t xml:space="preserve">歌词作曲:刘岳  作曲:舒畅哥哥喜欢R &amp; B   我学爷爷唱大戏妈妈喜欢连续剧    我看卡通和电影爸爸喜欢喝生啤   我要营养果汁维C 听说你喜欢小飞鱼   Bingo Baby就是你 请给我雷电风雨     让我来遥控明天的天气请给我红橙黄绿     让我登上彩虹做游戏请给我南北东西     我来决定该往哪前行请给我甲乙丙丁    让我比比谁能得第一 金鹰卡通 欢乐家庭    精彩无限快乐无比你许一个小小愿望     我们帮你一一实现 每个家里都有台TV    里面的频道是几百几超级女声还是哼哼哈嘿      big big world都塞了进去是要看金鹰卡通     还是看等等等TV一切由你    世界由你     别忘了学习  Study </t>
  </si>
  <si>
    <t xml:space="preserve">中药柞木枝还叫什么名 </t>
  </si>
  <si>
    <t>白橡木 栎木  亲！如合用请给好评 如不合用也是费心回答的请手下留情，现在好评实在伤不起了。谢谢</t>
  </si>
  <si>
    <t xml:space="preserve">63级弓转功驯好还是魔驯（有再生药）好？杂谈一下驯兽技能、宠和加? </t>
  </si>
  <si>
    <t>血攻驯适合做任务 练级，加点偏重于大血 中攻 中敏。血要多，做任务不能倒下，攻击不能影响合击力量，敏和差不多就行。技能方面，因为主要做任务用，抗性，洁净，2戒，气绝都推荐，其他随意。宠物方面，螳螂，僵尸真的都是不错的选择。螳螂技能少些，但攻击高。僵尸技能栏够，但敏少些。选什么自己看。其实功驯最好的宠物配合就是和人物差不多能力的宠物，大血中攻中敏，不容易死也方便合击。这类驯兽很省钱，不用买15个技能栏也一样玩。没有要烧的技能。练级用因果就足够。这些都是优点。不足的地方也有，比如功驯的pk和东门。因为魔少，攻击方式不如魔驯多，还有敏捷没有足够高等等，功驯的打架不如魔驯。（依然很强，看人的操作），另外不如魔驯只是打架方面。升级 做任务都要强于魔驯。魔驯分两种 巫咒魔驯和魔法攻击型魔驯。 前面那种加点 满敏 50魔 其他血或者满血 50魔 其他敏。这是巫咒驯。魔法攻击型的加点以带装备和首饰能发动4级魔法 183精神为标准。可以满敏，也可以满血。 给个101级魔法攻击驯的加点 115 满敏 100魔。带装备可发动4级魔法。巫咒型 以打架为主 单p和东门。配合道具服的15个技能栏。技能非常全面。战术也很多样，另外修正很高。人主要以牵制为主。推荐技能 骑宠 抗性 恢复 巫术 单石 属性反转 毒击。这类驯兽15个技能栏勉强够，打架优势很大。但升级会非常难。没有攻击力。另外巫咒驯的装备也有要求，以打架为主，8a小刀必须。各种首饰越多越好。还有各种类型的宠物，各种族。敏的，魔的，攻的。总之，这种驯兽打架很强。但需要的太多，升级也难。要练这种，提前想好了。魔法攻击型驯，这类驯兽其实没有想的那么强，没有精神帽子之前，精神都很低，打怪物的伤害都很不理想，而且还是翻倍用魔。升级虽然好于巫咒驯，但也不太好。技能方面，此类驯兽也比较适合打架，少学一种抗性和一种巫术，来学两个魔法。这类驯兽打架比巫咒驯多了一种魔法攻击方式，让对手更难应付。但同时血也少了很多。生存不如巫咒驯。不要被魔驯能用魔法的幌子诱惑，其实驯兽用魔法真的没太大威力。不知道你想练驯兽师为什么，做任务就血攻驯，为了100级以后东门，打架就巫咒驯。只是为了单开娱乐，可以选择魔驯。但第2，3种驯兽升级会被歧视，自己想好。我不推荐练魔驯，因为太累。也非常的花钱。对装备的要求远高于血攻驯。另外，如果只有10个技能栏，那就别练魔驯了。对于驯兽的宠物，3类。1类是能力很强的，比如螳螂，水龙，僵尸。2类是技能栏多，攻魔都能用的，比如黑鸟，蝙蝠等等。3类是新开有修正的宠物，比如改螳螂，改SLM。大概就是这样。至于烧调教，你这个技能去夜之蒂娜还有经验。那里不错。或者就砍村。Over！</t>
  </si>
  <si>
    <t xml:space="preserve">请问新浪邮箱的积分如何兑换礼品,如何可以查到积分 </t>
  </si>
  <si>
    <t>新浪邮箱的积分兑换礼品是很久以前的事了，现在没有了。想要看的话可以在爱问积分明细有“ 兑换新浪积分 ”会显示您现在帐户上拥有的爱问积分和新浪积分，现在能换礼品的只有爱问积分了。如果以前参加过积分竟答的话可以将竟答积分换成爱猜积分，将来爱猜积分也是可以兑换礼品的</t>
  </si>
  <si>
    <t xml:space="preserve">这人是骗子吗？吕布123·常山，他先说问我要不要卡，价格是90卡 </t>
  </si>
  <si>
    <t>楼主肯定悲剧。。。女孩子就会贪小便宜又大方先给钱（勿喷），不认识的那样交易是不对的 又没有担保人。。。要么去5173交易 不是更好  我交易装备都是找了爱问里大大们，然后通过他们介绍的人，先给武器先给卡钱都没问题，不要相信外面摆摊的乱叫。。。 你要是电4的话，找李哥 兴复哥  萝莉弟 多没问题~~~O(∩_∩)O哈哈~</t>
  </si>
  <si>
    <t xml:space="preserve">关于邮箱为什么我的免费邮箱打不开？ </t>
  </si>
  <si>
    <t xml:space="preserve">以下网址里有说明，请查看。 如有更多问题， 请咨询新浪客服中心。全国统一客服热线：     咨询邮箱：webcn@ </t>
  </si>
  <si>
    <t xml:space="preserve">郁闷啊！本想着，国庆期间好好答答题过过军瘾呢！可是，问题不是中国 </t>
  </si>
  <si>
    <t>说我们军事板块的都是激进分子'偏激分子,是不公平和不客观的,反观口出此言者对军事版块的同好们的无理攻击,却倒充满偏激和低素质的义味.心目中爱问只是个人流集散的平台,其实大家都是过客而已,出过国门又怎地?  背负多点不凡的阅历就更应以一包容的心去体会人与人之间的差别,而不是动不动就言词尖酸的下个片面结沦,将个人的抬舉建立在他人的肩膀上......瓦西里兄: 你就原谅他吧! 至於将军事从社会版块独立出来,似乎有点曲高和寡,只怕不及现在这般热闹,再者能与大范围,不同版块的人仕交流应也有利于本栏目的视野和扩阔思想空间.维持现况似乎更有利,虽然偶然也可能跑过什麽"神人""智者"给我们来个全体举旗致敬的犀利回答.  小心! 小心!</t>
  </si>
  <si>
    <t xml:space="preserve">橡胶水的毒性有多高呢经常使用橡胶水擦胶板会引起中毒吗， </t>
  </si>
  <si>
    <t>水又名天那水,主要成分是二甲苯,挥发性极强易燃易爆有毒,是危险品,主要是因为有较浓的香蕉气味,所以叫香蕉水.主要是用来稀释油漆用的。苯中毒急救处理 苯是一种优良的溶媒，具芳香性，工业上使用的范围非常广泛，但却含有毒性，所以使用不当或不小心时，常会对使用者造成中毒或伤害，具麻醉性、在常温下易挥发，会使人在不知不觉下中毒。 急性苯中毒发生于暴露在高量苯蒸气之后，其自觉和他觉症状包括： 欣快感。 兴奋、多汗、心悸。 兴奋之后，继之以昏昏欲睡、疲倦、头晕、恶心、和头痛、精神萎靡、记忆减退。 呼吸刺激和肺水肿。 肠胃刺激，有呕吐和腹绞痛、食欲不振。 皮肤起红斑、水泡和点状出血。 失眠。炫晕。 神经过敏。 手足感觉异常，如麻木、刺痛、刺感。 步态蹒跚。 语无伦次。 脸潮红。若持续暴露则可因呼吸麻痹而致神智丧失和死亡。【治疗】 急性中毒 在工作场所时，立刻将患者移离现场，运至空气清新处，除去污染之衣服，清除患者皮肤污染，并保持温暖。 呼吸困难时，进行人工呼吸，并给予氧气。 给予呼吸兴奋剂。 禁止使用肾上腺素及麻黄素。 给予静脉葡萄糖加维他命C合并注射。 可给予葡萄糖醛酸贫血者，迅速输血治疗。 口服苯类中毒者，用百分之三活性炭混悬液洗胃，口服硫酸镁泻剂.</t>
  </si>
  <si>
    <t xml:space="preserve">如何选购优质的绿幽灵水晶???听说绿幽灵石招财鬼佬··那要该如何 </t>
  </si>
  <si>
    <t xml:space="preserve">    绿幽灵水晶是包含绿色火山泥灰等内涵物的异象水晶，在通透的白水晶里，浮现如云雾、水草、漩涡甚至金字塔等天然异象，据说绿幽灵水晶可以帮人可以创造事业财富，尤以绿幽灵金字塔水晶更是财富水晶的极品。     因为绿幽灵水晶属于异象水晶，因此判断绿幽灵水晶的成色不能象判断别的水晶那样要求越清澈，杂质越少越好。而是要综合判断含有内涵物的部分和不含内涵物的部分。     不含内涵物的部分，也就是白水晶的部分，当然是越清澈，瑕疵（冰裂、云雾、棉装瑕疵）越少越好。这部分对绿幽灵成色的和价值的影响约占50％左右，所以千万不可轻视</t>
  </si>
  <si>
    <t xml:space="preserve">谈谈暖冬的危害？ </t>
  </si>
  <si>
    <t xml:space="preserve">冬暖有利有弊。有利的是减少了热力供暖部门的用煤量，节约了能源，利于室外施工作业，也有利于大棚种植生产。不利的是气温高早晚冷，雾天频繁出现，高速公路事故多，影响航班起降。另外，空气中的细菌得到滋生和繁殖，威胁人们的身体健康，感冒患者会相对增多；同时暖冬提高了土壤中害虫卵和病菌的成活率，可能诱发明年病虫害的发生。 </t>
  </si>
  <si>
    <t>欧冠杯02:45[丹麦超3]洛斯查兰特(中)</t>
  </si>
  <si>
    <t>好，请确认！</t>
  </si>
  <si>
    <t xml:space="preserve">微型辅助能源核心问题这个东西究竟是提升电容回充速率的还是直接提高 </t>
  </si>
  <si>
    <t>微型辅助能源核心—i  帮助主要的动力中心提供更多的动力。这东西是增加能量格栅的`~一个直接增加10点能量格栅~10点能量格对大船来说没什么用~但是对护卫舰来说就非常多了~所以说这东西是专门为护卫准备的~以弥补护卫能量格栅不足问题的装备</t>
  </si>
  <si>
    <t xml:space="preserve">市面上的数码相机都有哪些品牌？有哪些是欧洲火美国的品牌？ </t>
  </si>
  <si>
    <t>索尼,尼康,理光,佳能,富士,宾得,松下,奥林巴斯,三洋,卡西欧这都是日本的,美国的柯过,韩国的三星,国产的就是拍得丽,爱国者,联想,明基,TCL了.</t>
  </si>
  <si>
    <t xml:space="preserve">请问节能灯每千瓦小时耗电多少度？ </t>
  </si>
  <si>
    <t>每千瓦时耗电0.05度左右，节能灯。如果您觉得正确或者采纳的话，麻烦给我好评哦，谢谢。</t>
  </si>
  <si>
    <t xml:space="preserve">谁能详细的告诉我，我该怎么做？今天，我由于疏忽大意，造成了一个不 </t>
  </si>
  <si>
    <t>你的内存卡槽可能有灰尘，你用刷子清理一下，然后插上同型号的内存条再试试，应该没什么大问题，我的电脑也出现过这样的问题。</t>
  </si>
  <si>
    <t xml:space="preserve">co2与so2相关问题．希望准确．并说明原因．谢谢．１．如何鉴别? </t>
  </si>
  <si>
    <t>第一个问题(不考虑方便与否):CO2和SO2的性质区别:1.SO2有刺激性气味(可扇闻区别)2.两者的相对质量不同(取两个同样瓶子分别集满两种气体称重量)*3.SO2有还原性(用强氧化剂,如上面几位:K2Cr2O7,NaClO(H+),N02)4.SO2易液化(-10C),(降温,可分离SO2)5.SO2易溶于水(1:40),CO2(1:1),(试管集气,倒立水槽液面上升法,或者象上面几位所说用酸式盐)6.SO2的氧化性强于CO2,(用H2S等)7.品红*将SO2氧化成SO3(如SO2通入NaOH,再通氧气;或加催化剂氧化SO2)后,还可利用SO3,(SO4)2-的性质(溶水放热,Ba2+沉淀,磺化反应成强酸)</t>
  </si>
  <si>
    <t xml:space="preserve">米其林的总裁是谁？ </t>
  </si>
  <si>
    <t xml:space="preserve">爱德华·米其林他1963年生于法国中部城市克莱蒙菲朗。1999年，当年仅36岁的爱德华从父亲手中接下米其林的帅印时，他已成为法国CAC40(40种股票平均价格指数)俱乐部里年龄最小的成员，并跻身欧洲最年轻的富翁之列。 </t>
  </si>
  <si>
    <t xml:space="preserve">学院的任务,就是拿到极效蓝配方的一些疑惑?请进我知道怎么拿配方, </t>
  </si>
  <si>
    <t>一楼回答错误~~ 你拿到鬼灵精华后就可以看到NPC也可以在NPC那买配方，只不过配方是拾取绑定的不能交易也不能卖给别人，除了极蓝好象还有精华转换的配方，不需要其他条件即使你学的不是练金也可以买到配方~~~~</t>
  </si>
  <si>
    <t xml:space="preserve">买了条粉色的半身长裙，上身搭配什么比较好呢？？ </t>
  </si>
  <si>
    <t>去美丽说看看如何搭配囖浅绿色的 短袖上衣上身可以配浅绿色的小清新！雪纺露肩上衣白色T塞进去穿很小清新，或者雪纺衫，穿小西装都可以配白色T恤最好看了。淡粉色蕾丝吊带</t>
  </si>
  <si>
    <t xml:space="preserve">关于电脑的问题进来看看1.英特尔&amp;reg;酷睿&amp;#8482;2双 </t>
  </si>
  <si>
    <t>您好：1.英特尔®酷睿™2双核处理器T7100 和T7300有什么太大差别吗？哪个更实用点   T7100和T7300的区别，对于普通用户在日常使用中是几乎感觉不出来的，但T7300要比T7100贵上好些钱，所以不必追求T7300那么高的配置，T7100绝对够用了2.Windows Vista系统用内存1个G和2个G的效果相差大吗？  1个G的够吗？ 1G和2G的内存效果会比较大，如果是安装Vista想效果好些的话，建议还是用2G的内存3.路由器的问题，买了台本本，本来有台台式的，想用路由器，不过没见过路由器，是不是将网线接在路由器上，再由路由器通出2根线来接在2台电脑上，是不是这样的？是的。如果是家庭用ADSL，先将路由器接到ADSL上，然后从路由器拖出两根线接电脑。如果您使用的是无线路由，加上笔记本有无线网卡，还可以使笔记本无线上网。当然，这些都需要一些设置，具体设置您可以在网上搜索，有很详细的介绍</t>
  </si>
  <si>
    <t xml:space="preserve">心脏主动脉血管瘤 </t>
  </si>
  <si>
    <t>心脏血管瘤一般是指主动脉瘤,其主要原因为梅毒性主动脉炎,主动脉硬化,主动脉夹层等.一般胸部外伤不易引起动脉瘤,如真的伤及主动脉并形成了动脉瘤,应及早入院治疗,因为那是非常危险的,应尽快手术治疗. 答案补充只能听医生怎么说了，只有医生还能了解病情</t>
  </si>
  <si>
    <t xml:space="preserve">大家可否知道金融公司的风险性?最近经常有投资公司打电话拉我投资外 </t>
  </si>
  <si>
    <t xml:space="preserve">   这种公司不可信,该公司的目的在于骗取你的会费.   投资外汇和黄金一般只宜短线操作,从长远来讲投资外汇和黄金一般都要贬值.   因为无论外汇或者黄金的增殖部分远远低于通货膨胀带来的贬值.外汇连续多年汇率变化不大,但货币的购买力逐年下降;黄金虽然涨价,但涨幅远远低于通货膨胀率.   唯一能够保值增殖的投资就是股权,选择好的投资项目和恰当的投资时机所带来得收益远远高于任何形式的投资. </t>
  </si>
  <si>
    <t xml:space="preserve">学魔法的问题，选火、风、大地???有个任务，让我选学魔法，火、风? </t>
  </si>
  <si>
    <t>不要放学火好一点我也是</t>
  </si>
  <si>
    <t xml:space="preserve">什么样的动物最贪? </t>
  </si>
  <si>
    <t>世上最贪的动物，莫过于万恶的人类，他既高贵，又可怕，他诅咒狐狸的狡猾，又恐惧狮虎的威猛。他食遍世间除不毒杀自己的各种生灵和植物，享受着自己可能享受的一切，他欲海无边，私邃难平，他耗尽大地万物，最终毁灭自己。你说这样的动物，最贪非他莫属。</t>
  </si>
  <si>
    <t xml:space="preserve">诛仙下载有毒？为什么我听别人说诛仙有毒？我下载玩了没多少时间就真 </t>
  </si>
  <si>
    <t>不敢否定，因为之前被黑的事还是根据`~~</t>
  </si>
  <si>
    <t xml:space="preserve">激活码成了大家的热门话提!我也想要一个激活码~给一个嘛 </t>
  </si>
  <si>
    <t xml:space="preserve">《诛仙》内测帐号大量发放，大家去以下1t1t网站内免费领取：  </t>
  </si>
  <si>
    <t xml:space="preserve">仙剑四通关剧情完成100％特典追加天上天见请问仙剑四通过后，除了 </t>
  </si>
  <si>
    <t>是这个东西吧。叫做无上天机。这个只能提取图片出来看看。另外，游戏的各项统计数据，剧情，宝箱，物品，怪物，战斗等等都在 t文件中，光保存游戏的存档是没有用的。</t>
  </si>
  <si>
    <t xml:space="preserve">现在毒蛇山谷打蛇还暴油吗?有个小号,想让他挂几挂到毒蛇山谷打祝福 </t>
  </si>
  <si>
    <t>爆应该是爆的，现在基本上没人去打蛇爆油了。但几率的话可能就象是在天关或打教主出开天、玄天、镇天的几率一样了！就象你打1W次天关和教主可能爆出一把来，那你可能要打上100W条蛇才能爆瓶油出来！呵呵</t>
  </si>
  <si>
    <t xml:space="preserve">怎么追求虚荣心很强，又很理性的女孩子？对一个感情虚荣心很强的人， </t>
  </si>
  <si>
    <t xml:space="preserve">  满足她的虚荣心，有用行动追求一定可以成功。</t>
  </si>
  <si>
    <t xml:space="preserve">同一个新浪微博账号能同时在两处登陆么，网页版的？ </t>
  </si>
  <si>
    <t>可以同时在两个电脑网页登陆微博</t>
  </si>
  <si>
    <t xml:space="preserve">成语大全尾在前面的成语 </t>
  </si>
  <si>
    <t xml:space="preserve">尾大不掉  尾大难掉  尾生抱柱   尾生之信 </t>
  </si>
  <si>
    <t xml:space="preserve">几世纪的欧洲是带礼帽的 </t>
  </si>
  <si>
    <t xml:space="preserve">19世纪70年代后，用于一般场合的西式毡帽不拘一格，称便礼帽，其中女士 礼帽有斐多拉帽、布列塔尼帽、骑士帽等。由裘皮、软尼、丝绒等仿制的礼貌，俗称布礼帽。用草缏、竹篾等编结而成的俗称草礼帽，属草帽类。这些礼帽产品 一般用于非正式社交场合。礼帽做为特殊的帽子服饰，是一种传统的西式毡帽，源于欧洲，流行于欧 美，距今已有300余年的历史，是世界服饰文化的重要组成部分，配戴礼帽在欧 美等国不仅是体现身份、地位的象征，也是重要场合必备的时尚礼仪。在19世纪 和20世纪中叶，礼帽服饰达到了鼎盛时期，其作为一种传统文化，一直延续至今。礼帽史可追溯到1676年，英国托马斯·鲍 勒尔制帽厂是历史上最早的礼帽生产厂家，1850 年英国人詹姆斯和桥制，在伦敦为w·鲍勒尔设计 开发了以硬毛毡制成的黑色圆顶硬礼帽，并由托马 斯·鲍勒尔制帽厂生产，故称鲍勒尔帽，被男士用于正式社交场合。后传入美国作为常用礼仪帽，称德比帽。 </t>
  </si>
  <si>
    <t xml:space="preserve">有没有预产期是11月初的JMM啊？聊聊你们现在情况是怎样啊？我现? </t>
  </si>
  <si>
    <t>我是11月2日的预产期,现在每天饭后吃一颗钙尔琪D,23周后内裤上有咖啡色的DD,去B超检查,说是边缘性前置胎盘,要多休息呢.现在宝宝好象动的比以前要大力好多,还不是原来一动一动的,好象全身都在翻滚呢,动静很大的 ,晚上更多些.还有3个月,期待中....</t>
  </si>
  <si>
    <t xml:space="preserve">如果让你放下一样东西你最想放下的是什么？慎重些放下就拿不回了 </t>
  </si>
  <si>
    <t>如果让你放下一样东西 你最想放下的是什么？我最想让您放下您那支捂着嘴的手~把您知道的都说出来! 我就放您姨妈(一马)~  把钱放下, 您可以走了~~~</t>
  </si>
  <si>
    <t xml:space="preserve">防骑2T6套装效果骑士T6防御装2件套效果：提高精神协调获得的魔 </t>
  </si>
  <si>
    <t xml:space="preserve">因为如果是10%+10%就太强悍了，那样防骑就可以疯狂拉仇恨而不用担心蓝的问题，这是那俩地精所不愿意看到了。魔兽中的百分数全部都是相加计算的，这是我见过的唯一一个乘法计算的，可见那两个地精多么仇视骑士。 </t>
  </si>
  <si>
    <t xml:space="preserve">自己怎么做腊肉 </t>
  </si>
  <si>
    <t>1、 买的后腿肉，（就是猪屁股肉——我们这里叫腿精肉又叫坐蹲肉）每块一斤左右就好，（也有长块的，两三斤的）。买回后，把炒菜锅洗干净，干烧至快红的样子，用手捏着肉块，把肉皮在热锅里烙，不断的移动，使肉皮烙得金黄的以后，就可以把它放在水里浸泡几分钟，用刀子刮洗掉皮上的黑黄赃物，清洗干净后待用。2、 用盐、花椒（多少都行）、大料（又叫三奈的，用量多少都行的）白糖（少许）混合一起，涂抹在一块一块的肉上，肉的表面一定要抹透的，能沾多少就多少。3、 涂抹好后，就把肉块放在盆里，一块压一块的。三五天后，翻它们一次，上下轮换。以此类推，两个星期左右，就可以把每一块的一端刺一个口，用绳子系起来，在热水里浸一下，洗去上面的盐水，就可以挂在衣架上，或者穿在竹竿上晾晒了。4、 腊肉晾晒的时间要长些的，至少要半个月至二十天，越久越香越好吃的。5、 煮腊肉吃的时候，煮好切成片以后，最好装在盘子里，再蒸几分钟才吃会更好吃的。方法二（这个方法就只是不用盐而用酱油）1、 买猪的后腿肉，（就是猪屁股肉——我们这里叫腿精肉又叫坐蹲肉）每块一斤左右就好，（也有长块的，两三斤的）。买回后，把炒菜锅洗干净，干烧至快红的样子，用手捏着肉块，把肉皮在热锅里烙，不断的移动，使肉皮烙得金黄的以后，就可以把它放在水里浸泡几分钟，用刀子刮洗掉皮上的黑黄赃物，清洗干净后待用。（每一种方法的这一步骤相同）2、 用酱油、白糖（少量）花椒、大料（三奈）混合后，把肉块一块一块放在里面泡着。过三五天翻转一次，上下轮换，以此类推。两个星期左右，就可以把每一块的一端刺一个口，用绳子系起来，在热水里浸一下，洗去上面的盐水，就可以挂在衣架上，或者穿在竹竿上晾晒了。3、 腊肉晾晒的时间要长些的，至少要半个月至二十天，越久越香越好吃的。4、 煮腊肉吃的时候，煮好切成片以后，最好装在盘子里，再蒸几分钟才吃会更好吃的。方法三（这种方法做的其实叫酱肉了）1、 买猪的后腿肉，（就是猪屁股肉——我们这里叫腿精肉又叫坐蹲肉）每块一斤左右就好，（也有长块的，两三斤的）。买回后，把炒菜锅洗干净，干烧至快红的样子，用手捏着肉块，把肉皮在热锅里烙，不断的移动，使肉皮烙得金黄的以后，就可以把它放在水里浸泡几分钟，用刀子刮洗掉皮上的黑黄赃物，清洗干净后待用。2、 用盐、花椒（多少都行）、大料（又叫三奈的）白糖（少许）混合一起，涂抹在一块一块的肉上，肉的表面一定要抹透的，能沾多少就多少。3、 涂抹好后，就把肉块放在盆里，一块压一块的。三五天后，翻它们一次，上下轮换。以此类推，两个星期左右，就可以把每一块的一端刺一个口，用绳子系起来，在热水里浸一下，洗去上面的盐水，就可以挂在衣架上，或者穿在竹竿上晾晒了。4、 晾晒时用麦酱（我们这里是用麦子——最好是麦子、豌豆、玉米、任选一样都行的，泡涨了，蒸熟以后，放在筛子类的竹器里沤成霉，沤透了就将其晒干了，拿去机器粉碎成粉末，然后用盐水搅拌成糊状即成了。当然也要放花椒粉，大料粉之类的香料，装在罐子里，口字上蒙上布，放在太阳下任其晒，晒得越久越香越好。可以直接佐餐，也可以做酱肉啊！）去涂抹。干了一层又涂抹一层，至少五六次吧。5、 晒干后，要吃的时候，用热水洗去酱肉上面的麦酱，然后，切成小片，在肉片的下面可以放一点垫碗的咸菜之类的东西，然后蒸熟了吃。</t>
  </si>
  <si>
    <t xml:space="preserve">这种情况,如何规划,如何选择啊!!天文,地理,国际事情和文化,动 </t>
  </si>
  <si>
    <t>很好，你既然涉猎这么广泛，我觉得你应该从事互联网的相关工作，譬如产品策划、产品设计、交互设计等等，互联网是朝阳行业，各块都在高速发展，譬如电子商务、电子地图、3D地图、立体景观技术等等，每一块都可以满足你的要求，至于在学科的选择上，电子商务、信息化管理。或者自己去进修一些动漫培训班方面的，也非常不错。有一本书，《谋断互联网职场》，可以让你了解得更多各个职业的入门情况。祝您生活快乐！</t>
  </si>
  <si>
    <t xml:space="preserve">易方达成长策略净值还会不会再跌了？请问认购易方达成长策略按净值价 </t>
  </si>
  <si>
    <t>基金申购是按照当前净值价格的，而不是累计净值。大盘还在下跌，基金的净值目前是不会与大盘反向表现的，也会随大盘调整，等大盘基本稳定之后，基金净值才可能重拾升势。大盘止跌应为期不远了，本周之内是有希望的，毕竟天下没有跌不完的股市。</t>
  </si>
  <si>
    <t xml:space="preserve">我已经不是在校学生了，请问我能参加英语等级考试吗 </t>
  </si>
  <si>
    <t>要是你想考的话，就快点，机会不是很多了明年就要取消社会考生的资格了,要是再不考的话,就没有机会了的.</t>
  </si>
  <si>
    <t xml:space="preserve">如何添加辅食刚刚4个月的婴儿每天添加几次辅食？如果吃米粉吃几次好 </t>
  </si>
  <si>
    <t>四个月开始可以给宝宝加米粉和蛋黄了,米粉可以先从一勺加起,一点一点逐步加量,不要着急,蛋黄可以从1/3加起,注意观察大便,如正常,吃过几天后可以加到1/2,再观察几天,慢慢加到一个.同时还要给宝宝加一些蔬菜水和果水,帮助宝宝消化.如果以上辅食添加都很正常的话,还可以给宝宝吃一些亨氏的果泥,鱼泥,以适应宝宝的营养需要,可以每天吃1/3瓶,三天吃完,一定也要注意观察宝宝的大便,如正常,随着宝宝的长大,逐步增加食量.</t>
  </si>
  <si>
    <t xml:space="preserve">内存问题谁能给个可以查询现在市面上内存价格的网址啊？在线给分 </t>
  </si>
  <si>
    <t xml:space="preserve"> 中关村报价</t>
  </si>
  <si>
    <t xml:space="preserve">这是哪一个歌唱组合？那天我偶然听到几首很好听的歌曲，是一个歌唱组 </t>
  </si>
  <si>
    <t>我猜可能是《流淌的歌声》系列专辑——梦之旅演唱组合的作品。“一搜”那个搜索引擎可以搜到基本上这个系列全数的歌曲。</t>
  </si>
  <si>
    <t xml:space="preserve">你们那么多CT哪儿来的啊?????我穷啊......`````` </t>
  </si>
  <si>
    <t xml:space="preserve">是啊  都是RMB买的多的  不过我一般都是跑的  跑目的会得很多的 特别是黄金时间的时候  跑好的话每次都会有3000这样得到的  还有的就是去锦标刷宝了 刷到好东西的话你都发了的 呵呵  前提是你得装探测器 嘿嘿  钱就是这样得的拉 </t>
  </si>
  <si>
    <t xml:space="preserve">铝制茅草会不会腐烂 </t>
  </si>
  <si>
    <t>铝制仿真茅草:铝制仿真茅草是采用优质纯铝制作,是目前替代真茅草的一种产品,一种装饰性屋顶材料.它色泽清新脱俗,高雅自然,装饰出的效果蓬松飘逸,而且还具备防火,防腐,防虫,寿命长等优点.目前此产品采用氟碳喷涂技术,采用这种最新的技术,工艺,使它的寿命达到了数十年</t>
  </si>
  <si>
    <t xml:space="preserve">你说一个人或一个团体或一场比赛，是否也有运气的成份。我发现有多次 </t>
  </si>
  <si>
    <t>是呀,机会加运气额!!</t>
  </si>
  <si>
    <t xml:space="preserve">男性精液检查都是什么啊？男性精液检查？ </t>
  </si>
  <si>
    <t>B超检查：可以确认是否有无棈鎍静脉曲张。精液常规检查：检查内容包括色、量、液化时间、酸碱度、精子计数、活动力、存活率及形态等。有助于了解男性生育力，是不育症的必查项目，这项是精液检查必须要检查的项目。睾丸活检：直接检查睾丸曲細精管的生精功能及間質細胞的发育情况，局部激素的合成与代谢可经免疫组化染色反映出来。男性不育有很大的原因都是因为睾丸出现问题，通过睾丸活检可以有效的看出，精液的质量。内分泌检查：通过激发试验可以了解下丘脑-垂体-睾丸轴的功能，测定睾酮水平可以直接反映間質細胞的功能，如有必要可测定甲状腺激素、肾上腺皮质激素或泌乳素。X线检查：采用输精管、附睾造影，输精管、精囊造影或尿道造影等，高泌乳素血症者摄蝶鞍X线断层片(正、侧位)以确定有无垂体腺瘤。</t>
  </si>
  <si>
    <t xml:space="preserve">墨西哥最后和谁比赛啊，如题，胜算有多少， </t>
  </si>
  <si>
    <t>特立尼达主场对墨西哥。</t>
  </si>
  <si>
    <t xml:space="preserve">一个似乎可怕的问题？迷人小蛮腰，抽肋骨得之不知道这句话有几人听过 </t>
  </si>
  <si>
    <t>通过截断第12肋骨以达到纤腰效果，美国还是有真实病例的，好像黛米莫尔就施行过。但从医学而言，肋骨搭建的人体框架还是有其实用价值的，它作为一道重要的天然屏障，保护了心肺肝脾胰等重要脏器免受重大意外伤害。再者，象这种非治疗性断骨手术在国内还是要通过一系列审批手续的，应该慎重。爱美是人的天性，尤其是女人，从古代的“楚王爱细腰，宫中多饿死”即可略见一斑，理解。我想，要塑造“小蛮腰”的完美效果，恐怕还是得“全身减脂＋局部塑形”才能真正达到凸凹有致，风姿卓越。持之以恒的“科学的饮食＋有氧运动＋器械锻炼”是有必要的。</t>
  </si>
  <si>
    <t xml:space="preserve">新浪为什么不能读书？我是新浪的VIP读者，以前总是在新浪网读书。 </t>
  </si>
  <si>
    <t>你好，请咨询客服95105670</t>
  </si>
  <si>
    <t xml:space="preserve">空气净化器有副作用吗？老人用的空气净化器，会不会产生副作用？ </t>
  </si>
  <si>
    <t xml:space="preserve">有的空气净化器有臭氧功能，要在产品说明书的指导下进行操作。迪美空气净化器是非常人性化的，开启臭氧可设定时功能。产 品 功 能 ·第一层---HEPA滤网：颗粒物净化效率≥99.9%, 最小净化颗粒达0.0001mm。 ·第二层---活性碳滤网：甲醛去除率≥96.2%、笨去除率≥72.5%、一般有机气体、气味去除率≥98%。 ·第三层---纤维滤网：进一步去除异味， 提高空气清新度。 ·第四层---光触媒滤网：抑制病毒活性，高效杀灭病菌。 ·第五层---UV紫外光：自然菌杀灭率≥97.6%。 ·第六层---离子群：每秒产生800万个负离子形成离子群，为您的家居创建一个相当于15000m2清新自然的生态环境。 ·第七层---臭氧：每小时产生50mg臭氧，高效去除有机气体气味，同时更新空气中的含氧量。 创 新 技 术 ·离子群技术：全球首家采用多头碳纤技术，保证了持续高浓度产生负离子，形成离子群。 ·UV紫外灯：采用254nm杀菌波长，紫外线穿透率≥90%，使用寿命达3000小时。 ·HEPA滤网: 采用最新一代玻璃纤维滤材，加上天然抑菌素儿茶素精华，可有效抑制滤网捕集到的过敏原和病菌的活动。 ·光触媒滤网：采用二氧化钛纳米材料, 其超强的氧化功能可破坏滤网捕集到细菌的细胞膜, 凝固病毒蛋白质,抑制病毒活性。 ·活性碳滤网: 采用多孔性核桃壳并通过现代生物碳化合成技术研制而成, 本机器活性碳总吸附面积达750000m2。 ·纤维滤网：采用国外最新碳纤维束合成滤网，进一步加强物质的吸附。 人 性 科 技 ·空气质量自动检测: 内置异味传感器和微尘传感器，自动检测空气中的各项污染源, 并根据检 测到的环境空气质量状况自动控制机器的运行状态。 ·空气净化度指示灯: 机器在运行过程中, 空气净化指示灯由 红→黄→蓝 , 一目了然地指示当时 环境下空气质量的状况。 ·自动报警: 设置了HEPA滤网、纤维滤网、活性碳滤网更换警示灯，UV紫外灯更换警示灯。 ·机载电脑：微电脑自动控制，可根据需要设定“手动、自动、定时、空气质量自动检测模式。 ·智能化PG电机，领先的超低静音技术应用， 为净化器动力系统的技术升级掀开了全新的一页。 </t>
  </si>
  <si>
    <t xml:space="preserve">法宝高手请进我是个炼法宝，炼器，炼BB的大白痴。不用说，一看就知 </t>
  </si>
  <si>
    <t>你的法宝只适合挂机用用，所以除了攻击外，其他属性都不用血炼。现在你的法宝已经转到攻击向性了，去收几个1及的75仙品来血炼，大概能提升3--4次，26及的105法宝，每次能涨11-14攻。75仙品血炼不涨了，就改用1及的75神品血练，等75神也不涨时，你的法宝到30及也就700+攻击了。当然你也可以直接用75神，先用仙再用神只不过是省一点点成本而已。向性的八卦石是指你要提升哪条属性就用个这条属性的八卦石来转下向性。比如你攻击700+了，你现在要把血也练高来，那你就用个向性是血的八卦石和一个天宝逆龙鳞把主法宝的向性从攻击变成血，然后用75神血练，那么主法宝提升的就是血。转到真气，提升的就是真气。记住，向性八卦只能用来转向性，转好向性后血练时，副法宝得是75神才能顺利提升属性</t>
  </si>
  <si>
    <t xml:space="preserve">申根协议是什么 </t>
  </si>
  <si>
    <t>１９８５年６月１４日，法国、德国、荷兰、比利时、卢森堡５国在卢森堡小镇申根签署了相互开放边境协定，因签字地点在申根，故称为申根协定 (Schengen Accord)。　　申根协定的主要内容包括在协定签字国之间不再对公民进行边境检查；外国人一旦获准进入“申根领土”内，即可在协定签字国领土上自由通行；设立警察合作与司法互助制度，建立申根系统，建立有关各类非法活动分子情况的共用档案库。　　１９９０年６月，申根协定的成员国由５个发展为９个，即加入了西班牙、葡萄牙、意大利和希腊四国。同月，９个成员国签署了由１００多项条款组成的的申根公约，对９国领土内部开放后警察、海关及司法方面的合作作出了具体规定。因英国从《申根协定》提出之日起就表示，大不列颠的国门决不敞开，因此面对英国的反对、人员自由流通一时不能在整个欧洲联盟实现的情况，法、德、比、荷、卢等国绕开欧盟理事会和欧洲议会，于１９９０年６月签署了关于“协调移民和避难政策”、“加强警务和司法合作”、“建立共同信息档案中心”等一系列具体条约。１９９１年６月，法国参议院成立申根协定监督委员会，分别对荷、意、西、德、比５国就实施申根协定的准备工作进行了调查，发现这些国家在法律、规章制度和警察协调方面的准备尚不充分，此外还发现申根公约中有许多考虑不周的地方。因此，委员会认为１９９２年实施申根协定还为时过早（原计划１９９２年夏季实施），建议实施日期往后托延。１９９４年１２月２２日，《申根协定》执委会在波恩召开会议，把１９９５年３月２６日定为《申根协定》“不可逆转的最后生效日期”。１９９５年３月２６日，《申根协定》正式生效。２００５年６月５日，在全民公决中，瑞士民众以５４．６％的简单多数批准瑞士加入《申根协定》。此后再经过两年准备期，瑞士将正式成为申根国家。届时，《申根协定》的成员国将达到１６个。 　　 申根协定记事 --------------------------------------------------------------------------------   申根协定记事：　　１９９５年３月２６日，德、法、西、葡、荷、比、卢７国正式实施《申根协定》，相互取消了对人员和商品过境的检查。　　１９９６年１０月２２日，《申根协定》执行委员会在卢森堡举行会议，１０个协定签字国的有关部长讨论了北欧５国申请参加《申根协定》的问题。申请参加《申根协定》的丹麦、瑞典、芬兰、挪威和冰岛五国的有关部长以观察员的身份出席了会议。会议首先讨论了挪威和冰岛两个非欧盟成员国要求参加《申根协定》问题。鉴于这两个国家的特殊情况，会议就其参加《申根协定》问题达成一项政治协定。此外，会议还草拟了丹麦、瑞典和芬兰加入《申根协定》的议定书和协定。　　１９９６年１２月１９日，《申根协定》部长级会议在卢森堡举行，瑞典、芬兰、丹麦、挪威和冰岛五国在会上正式签署了加入《申根协定》的协议。芬兰和丹麦作为欧盟成员国，在协议签署后即成为《申根协定》的正式成员，不是欧盟成员国的挪威和冰岛将按照一项特殊协议作为“联系成员国”加入《申根协定》。至此，欧盟国家中只剩英国和爱尔兰身居该协定之外。　　从１９９８年４月１日凌晨起，意大利与奥地利之间以及意大利同法国、奥地利同德国之间的边界已全面开放，标志着奥意两国已经开始全面实施《申根协定》，参加协定的各国间自此终于实现了全面的边界开放。１９９８年４月１６日，瑞典议会通过关于瑞典加入《申根协定》的议案，瑞典正式成为该协定的成员国。２００１年３月１日，《申根协定》在瑞典生效。　　至１９９８年４月，欧盟１５国也分别签署了《申根协定》，但协定只在德国、法国、荷兰、比利时、卢森堡、意大利、奥地利、葡萄牙和西班牙９国生效。　　１９９９年４月２６日，挪威议会批准了政府于１９９８年就加入申根协定与欧盟达成的协议。此举意味着挪威与欧盟国家之间将相互开放边界，实现人员的自由流动。在北欧五国中，挪威和冰岛不是欧盟成员，它们是申根协定的联系国。　　２００１年３月２５日零时，《申根协定》开始在北欧五国（瑞典、芬兰、丹麦、挪威和冰岛）生效。北欧五国公民从此可以在该协定签字国范围内通行而不必受边境海关的检查。　　２００５年６月５日，在全民公决中，瑞士民众以５４．６％的简单多数批准瑞士加入《申根协定》。此后再经过两年准备期，瑞士将正式成为申根国家。届时，《申根协定》的成员国将达到１６个。</t>
  </si>
  <si>
    <t xml:space="preserve">朋友说我对男朋友太自私朋友说：“他身上只有5块钱也可以拿4块钱给 </t>
  </si>
  <si>
    <t>啊,呸!我淬你一口满脸桃花开!真是太可恶了!谁跟你这样的女人在一块算是倒了八辈子血霉!</t>
  </si>
  <si>
    <t>下列词组如何翻译？proof</t>
  </si>
  <si>
    <t>1.是"概念证实"的意思2.请记住,不是去"交"presentation,而是让你去"做"presentation实际上,让学生做presentation,就是让学生上台去演讲(或代表自己,或代表你的小组),陈述你自己的论文的同时,对你论文的观点作出解释,或者是现场的演示(教师预先布置的课题,等等)---我的presentation总是得分不是很高,因为我一看人多说话不利索----让你见笑!!</t>
  </si>
  <si>
    <t xml:space="preserve">买拉东西我怎么拿到啊?????????假如我购买游戏币~~~~~ </t>
  </si>
  <si>
    <t xml:space="preserve">尊敬的客户:    您好！5173回复客服03号很高兴为您服务！    买家下好订单支付成功以后与客服在QQ上联系，客服会让交易员上游戏与您完成交易。    感谢您对5173的支持！！愿您一年365天快快乐乐，平平安安!愿您度过温馨浪漫的每一天！                                            </t>
  </si>
  <si>
    <t xml:space="preserve">装备强化改造过的装备能用普通的圣水强吗，相2强化成功率高吗？ </t>
  </si>
  <si>
    <t>改过的装备可以用普通圣水晶去强化.但是有可能变成相1.(变成相1的几率还很大.)强化主要还是看运气.本人总是喜欢碰运气,喜欢挑战GM的几率.结果就是强化110枪的相1强化了10多次都没成功.而且都是用的超级圣水晶(因为强化黑水太难找了.不舍得他消失.)赔大了...</t>
  </si>
  <si>
    <t xml:space="preserve">皮肤干燥过敏怎么办请问我的皮肤很干燥，而且很过敏，怎么办？我觉得 </t>
  </si>
  <si>
    <t>您的皮肤目前情况可能是皮肤过敏后引起的皮肤干燥。建议您洗澡不要太勤，洗澡时使用含有油性成分的沐浴露，对皮肤有一定保护作用。平时可在全身皮肤上擦用少量润肤霜。同时口服维生素A、D、E，以及金适尔康等，对皮肤的代谢有帮助，会促使皮肤的恢复。以上意见仅供参考。</t>
  </si>
  <si>
    <t xml:space="preserve">喂养问题我家宝宝今天48天。月子期间奶水不错，吃这边流那边。可进 </t>
  </si>
  <si>
    <t>孩子四个月之前，最好坚持纯母乳喂养（你是有些奶水不足,可多喝点下奶的汤：如鲫鱼汤等）。满四个月之后，无论母乳是否充足，一定要及时添加配方奶。因为此时母乳的营养已经满足不了孩子的生长发育了。至于奶粉，适合孩子的就是最好的。我的宝宝喝的是雅培。祝宝宝健康快乐！</t>
  </si>
  <si>
    <t xml:space="preserve">上火了该怎么办?? </t>
  </si>
  <si>
    <t xml:space="preserve">你好！我个人认为中医的上火，也就是西医的炎症的表现。因为你看“火”上有“火”，不就是个“炎”了吗？上火是由于各种原因如情绪激动、焦虑、劳累、刺激饮食等引起机体免疫力低下发生的一些不适症状，可以表现在各个器官组织如眼、耳、鼻、喉、皮肤、泌尿系统、生殖系统等等。上火了就要避免不良的生活习惯，保持良好的心情。多喝点白开水。严重一点吃点消炎药。对症治疗。高热或症状严重就要及时到医院检查治疗了。 </t>
  </si>
  <si>
    <t xml:space="preserve">做人好累啊，活得好累啊~~我不知道为什么会这样，在别人眼中很平常 </t>
  </si>
  <si>
    <t>这说明你对每一件事都很认真，很在乎。你的感情细腻，可有时用情会太深，对事会太认真。还有，也许你是一个敏感的人，很容易受打击（只是个人猜测而已）。你心理并没有多大问题，只是你这样活着，确实很累。希望你多把自己的感情和想法跟他人交流，也许你会是一个非常了不起的人，不要等着别人来挖掘你，你应该释放自己的喜怒哀乐，希望你从前的累或现在的累，也许将来的累可以换来幸福！</t>
  </si>
  <si>
    <t xml:space="preserve">为什么这游戏玩的那么郁闷在公开内测的刚开始偶情绪高涨的重装了自己 </t>
  </si>
  <si>
    <t>"请问为什么杀怪那么难老点的没反应 为什么吃药用技能按下去没反应 "问题跟我一样,还有些问题我也就没列出来了!原本我跟我朋友一起玩的,但他现在已经不玩了!现在我也不玩了,问题太多太多!~实话我受不了了!</t>
  </si>
  <si>
    <t xml:space="preserve">军师伸级地点！71级军师，在哪里伸级经验高？即经验高又可以打到兵 </t>
  </si>
  <si>
    <t xml:space="preserve">68-71到天门峰朝阳洞和秃龙洞，的确是不错的地方挂机，但是高点就分不到那么多经验了所以建议71-73到平原西；        74-77到祁山；        77-79到桂林；        80-83到朔方和云中；  就这么多    </t>
  </si>
  <si>
    <t xml:space="preserve">博客升级后如何在首页自己设置音乐模块我不想用新浪提供的音乐播放器 </t>
  </si>
  <si>
    <t xml:space="preserve">新版博客怎样添加背景音乐。    1、登录新浪博客首页后，点“模块”    2、点“创建文本模块”    3、填好面板标题，如“播放器”    4、勾选文本框下方的“显示源代码”此时面板介绍中出现:       DIV&gt;把它们删掉后，把自己选择的音乐代码粘贴上去。         粘贴上后去掉源代码的钩，稍等片刻，就应该看到清晰的播放器，然后“保存”，显示成功。    返回首页点“模块”，勾选自己添加的“播放器”，“确定”，刷新首页“播放器”出现在页面上，用鼠标的右键将之移动到合适的位置上，完成安装。     今后如果要换代码，只需点播放器旁边的“管理”，勾选“源代码”，把原来代码删去，粘贴上新的代码，“保存”就OK。   登陆： 有更多可靠的播放器代码供你选择参考， 登陆：   （新版博客知识问答）可以让你了解更多。 </t>
  </si>
  <si>
    <t xml:space="preserve">新浪积分换成爱问积分能换礼品吗？ </t>
  </si>
  <si>
    <t>这是不可以的，只能用知识人的得分来换取礼品</t>
  </si>
  <si>
    <t xml:space="preserve">没有基础想学室内设计怎么办？　　我很喜欢室内设计，但是我没有基础 </t>
  </si>
  <si>
    <t>1。您要学习的基础内容有，污染学，工程力学，光学，人体工程学，色彩配置表，基础土建工程学，植物学等 这里的内容就已经太多了 A装修中的污染对于业主来说只是指气味，但是您要学习如声音污染，色彩污染，光线污染等内容。 B工程力学您要知道房屋的主力点、支撑部位，这些内容将决定如何可以改变一面承重墙的使用，而不影响结构，抗震等。 C不同的光线，和光线的角度，照射宽度，光量都会决定室内的效果。 D人体工程学里要了解人的基本行走空间，坐立空间等各种符合人体的尺寸。 E色彩的配置说实话我学的最不好，各种色彩的使用地区，适用人群都是很关健的。 F基础工程土建要了解房屋的建议结构，预埋件的使用等 G植物学原来我认为是最没有用的，可是后来发现一个问题，一些高档住宅很多的人会订做家具，就是打家具，您要了解什么样的木材是可以用于家具的，什么是不可以的。 2，学习装修的基本工序，小型机械的使用，各种施工工艺。 这一点不要只放在嘴上，有时候会很受工人看不起的，虽然当面不说，可是工人知道您只会动嘴皮子，就不什么好事，所以最好的办法是自己直接参与一次装修，亲手做一些内容，不怕坏，只要您会，就知道工人做的是什么了，再给业主讲合理性也会好很多。 3，学习制图 现在很多的学校教出的设计根本就不会，比如两点视图，三点视图，结构图，马克笔制效果图。您会用的工具有，比例尺，丁字尺，硫酸纸，绘画笔，圆规等，这些工具可不便宜呢。不过如果您的目标只是一个绘图员那么就没有必要了。 4。学习装修预算，材料 这些内容是直接关系到您与业主之间的口头报价是否正确。 5。电脑绘图 如CAD，3DMAX，加上个photoshop，CAD大多是电脑里已经有的图了，3DMAX也是建好的模了。而2006年的设计师论坛里解释 了设计师的概念，一些可以称之为设计师的人现在使用的基本都是手绘、SketchUp、Artlantis、piranesi ，更有利害的可以用windows的图画程序在十五分种的时间画一个室内效果图。 6，不知道是不是有学校会去教这些内容了，就是一些所谓的玄学，有人称之为风建迷信，呵呵呵 不过有些还是有道理的，所以您也应该去学一些，防止在装修的时候出现这种问题，举个最简单的例子吧，对于家装来说，可以做月亮门的哑口，但不能有门，因为只有在十三陵的地下皇宫中才会有人使用。 现在的美院学的不错，如果您喜欢有毅力什么地方都可以学到不错的</t>
  </si>
  <si>
    <t xml:space="preserve">对说在外省挨开罚单，可以在南宁交罚款吗？该如何办理？ </t>
  </si>
  <si>
    <t>即你车牌照是哪就在哪交罚款，主要是为方便车主。</t>
  </si>
  <si>
    <t xml:space="preserve">怎样当好一名语文课代表？我是一名语文课代表，想更好的为同学们服务 </t>
  </si>
  <si>
    <t xml:space="preserve">同行，我也是一名语文课代表。我认为想要做好课代表其实很简单。只要做好以下几点就可以 了:             1.自己要为老师做好自己的工作，在班上做好表率，要起一个带头作用。   2.上课认真听讲，多鼓励同学们回答老师提出的问题。   3.要从自身做起，首先要提高自己的学习成绩，才能带动同学们，让他们对学习产生浓厚的兴趣。   4.利用自己的课余时间，用自己所得的知识去辅导那些学习成绩差的同学。   既然我们都是语文课代表，相信我的体会和感想一定能帮助你的，加油吧。            </t>
  </si>
  <si>
    <t xml:space="preserve">我家电脑玩跑跑卡丁车为什么总是掉线?玩跑跑卡丁车经常与服务器断开 </t>
  </si>
  <si>
    <t>到官方网站设置服务器 北方 网通 南方 电信</t>
  </si>
  <si>
    <t xml:space="preserve">电脑开机时提示要按"F1"才能开机,为什么? </t>
  </si>
  <si>
    <t>提示要按"F1"才能开机开机不检测软驱。 重启，按Del进BIOS，找到ADVANCED BIOS SETUP ，按回车在打开的界面中，将“Boot Up Floppy Seek”，设置为“Disabled”，按ESC键，F10键 ，Y键，回车储存并退出设置。 另外也可以.....设备管理器停用软盘 如果主板钮扣电池电没有换粒4元 设备管理器方法...... 右键我的电脑.属性.硬件.设备管理器.软盘驱动器.常规.在最下面.....停用.确认</t>
  </si>
  <si>
    <t xml:space="preserve">请问北京哪里有卖木制小酒吧的 </t>
  </si>
  <si>
    <t>ksdbex你好在十里河泰昌灯具城，万家灯火我都见过。泰昌的是一个小木屋，（怎么进去不清楚）门口有一个拿烟斗的小老头，很有意思的。万家灯火有几款，样子一般你自己可以去看看。祝你早日找到欣喜之物~~</t>
  </si>
  <si>
    <t xml:space="preserve">求助~~~！！求助~~~！！我最近可能是玩ps2玩多了玩一会头就 </t>
  </si>
  <si>
    <t>我的建议是身体要是有不舒服的症状的时,一定要赶快停止玩游戏,休息一下如果还不行的话就要到医院去看看了,我觉得玩游戏是一种娱乐不要玩起来没完没了,要适可而止,不要为了玩游戏而伤害了身体.</t>
  </si>
  <si>
    <t xml:space="preserve">我在体育课上在没老师在场情况下，被同学撞了，而且受伤很严重，那学? </t>
  </si>
  <si>
    <t>属于意外事故。造成你受伤的同学，应当承担主要治疗、赔偿责任。上体育课，老师应当在场，学校管理方面也有问题，应当承担次要责任。  学校的说法不负责任。既然是上课，为何老师不在场？那还能叫“上课”？</t>
  </si>
  <si>
    <t xml:space="preserve">今天大盘会不会又产生向上跳空高开几个点的新缺口 </t>
  </si>
  <si>
    <t>开盘时股指才会产生跳空缺口,昨收盘1805点,今日首开1807点,貌似有2个点的"缺口",但在盘中下探到1800点后完全封闭了,所以就没能留下"缺口"了啦!</t>
  </si>
  <si>
    <t xml:space="preserve">仡佬族拼音怎么念? </t>
  </si>
  <si>
    <t>【词语】：仡佬族【注音】：gē lǎo zú 【释义】：1.中国少数民族之一。唐宋史书中写作"葛僚"﹑"仡僚"﹑"佶僚"﹑"革老"﹑"仡佬"等，统称为"僚"。散居在贵州﹑广西﹑云南等地。约二万六千人(一九七八年)。语言属汉藏语系，通用汉语和当地人数较多的少数民族语言。主要从事农业。补充说明：“仡”是多音字，另外一个读音是yì，意思是：（1）强壮勇敢；（2）高大。</t>
  </si>
  <si>
    <t xml:space="preserve">股票深套（下跌20%—30%，4.5万变3万），是否需要割肉？ </t>
  </si>
  <si>
    <t xml:space="preserve">你要把你的股票号拿出来给大家看看，各个股票都有不一样的说法！要不大家也帮不了你！ </t>
  </si>
  <si>
    <t xml:space="preserve">首批　涉足爱问足球版块　作弊刷分　黑名单以下是首批在爱问足球版块 </t>
  </si>
  <si>
    <t>清者自清，浊者自浊 。最重要的是 爱问 给大家提供了一个交流得空间，是互相解答疑问的地方。大家投入了精力 ，获得知识。  又不是考试的了高分可以炫耀一下。大家淡泊些，对这些人敬而远之。他们愿意掩耳盗铃，玩这种自得其乐的游戏，就由得他们去吧。</t>
  </si>
  <si>
    <t xml:space="preserve">推荐部价格在一千元上下的手机?推荐部一千元左右的手机?要求:A, </t>
  </si>
  <si>
    <t>建意用Nokia的3230吧！像素有130万！还有详细的参数可以在网上找得到！</t>
  </si>
  <si>
    <t xml:space="preserve">何谓高斯消元法？ </t>
  </si>
  <si>
    <t>高斯消元法的基本概念是顺序消元，即利用基本列变换求得线性方程组的解。</t>
  </si>
  <si>
    <t xml:space="preserve">大跌已迫在眉睫周五（8月26日）沪综指在5日均线之上收出小阴十字? </t>
  </si>
  <si>
    <t>谢谢你.我最近发现你的帖子还是非常有价值的,并且往往说的很准确</t>
  </si>
  <si>
    <t xml:space="preserve">请问脑癌是什么症状 </t>
  </si>
  <si>
    <t>你好 以下是脑癌的症状============================================================1、颅内压增高；2、、局限性病灶症状；3、进行性病程。　　（一）颅内压增高症状约占90%以上脑瘤患者中出现，其表现为：　　1、头痛、恶心、呕吐、头痛多位于前额及颞部，为持续性头痛阵发性加剧，常在早上头痛更重，间歇期可以正常。　　2、视乳头水肿及视力减退。　　3、精神及意识障碍及其他症状：头晕、复视、一过性黑朦、猝倒、意识模糊、精神不安或淡漠，可发生癫痫，甚至昏迷。　　4、生命体征变化：中度与重度急性颅内压增高时，常引起呼吸、脉搏、减慢，血压升高。　　（二）局部症状与体征：主要取决于肿瘤生长的部位，因此可以根据患者特有的症状和体征作出肿瘤的定位诊断。　　（1）大脑半球肿瘤的临床症状：　　1、精神症状：多表现为反应迟钝，懒散，近记忆力减退，甚至丧失，严重时丧失自知力及判断力，亦可表现为脾气暴躁，易激动或欣快。　　2、癫痫发作：包括全身大发作和局限性发作，以额叶最为多见，依次为颞叶、顶叶，枕叶最少见，有的病例抽搐前有先兆，如颞叶肿瘤，癫痫发作前常有幻想，眩晕等先兆，顶叶肿瘤发作前可有肢体麻木等异常感觉。　　3、锥体束损害症状：表现为肿瘤对侧半身或单一肢体力弱或瘫痪病理征阳性。　　4、感觉障碍：表现为肿瘤对侧肢体的位置觉，两点分辨觉，图形觉、质料觉、实体觉的障碍。　　5、失语：分为运动性和感觉性失语。　　6、视野改变：表现为视野缺损，偏盲。　　（2）蝶鞍区肿瘤的临床表现：　　1、视觉障碍：肿瘤向鞍上发展压迫视交叉引起视力减退及视野缺损，常常是蝶鞍肿瘤患者前来就诊的主要原因，眼底检查可发现原发性视神经萎缩。　　2、内分泌功能紊乱：如性腺功能低下，男性表现为阳萎、性欲减退。女性表现为月经期延长或闭经，生长激素分泌过盛在发育成熟前可导致巨人症，发肓成熟后表现为肢端肥大症。　　（3）松果体区肿瘤临床症状：　　1、四叠体受压迫症状：集中表现在两个方面，即：视障碍，瞳孔对光反应和调节反应障碍，耳鸣、耳聋；持物不稳，步态蹒跚，眼球水平震颤，肢体不全麻痹，两侧锥体束征；尿崩症，嗜睡，肥胖，全身发育停顿，男性可见性早熟。　　（4）颅后窝肿瘤的临床症状：　　1、小脑半球症状：主要表现为患侧肢体共济失调，还可出现患侧肌张力减弱或无张力，膝腱反射迟钝，眼球水平震颤，有时也可出现垂直或旋转性震颤。　　2、小脑蚓部症状：主要表现为躯干性和下肢远端的共济失调，行走时两足分离过远，步态蹒跚，或左右摇晃如醉汉。　　3、脑干症状：特征的临床表现为出现交叉性麻痹，如中脑病变多，表现为病变侧动眼神经麻痹，桥脑病变，可表现为病变侧眼球外展及面肌麻痹，同侧面部感觉障碍以及听觉障碍，延髓病变可出现同侧舌肌麻痹、咽喉麻痹、舌后1/3味觉消失等。　　（4）小脑桥脑角症状：常表现为耳鸣，听力下降，眩晕，颜面麻木，面肌抽搐，面肌麻痹以及声音嘶哑，食水呛咳，病侧共济失调及水平震眼。　　（三）进行性病程，肿瘤早期可不出现压迫症状，随着瘤体的增大，临床常表现不同程度的压迫症状，根据肿瘤生长部位及恶性程度的高低，肿瘤增长的速度快慢不同，症状进展的程度亦有快有慢。</t>
  </si>
  <si>
    <t xml:space="preserve">100分求一个NGA的推荐码，有意者直接发送到邮箱 </t>
  </si>
  <si>
    <t>也就那样，发不了言没什么关系，最多跑这里把不同的意见发表下。。。话说我06年的NGA帐号，到现在发言也不过200多次，看看就行了，有些事不是你发言就能改变什么的。</t>
  </si>
  <si>
    <t xml:space="preserve">请问我在上海但非上海户口,持上海居住证可以办香港旅游签证吗?如果? </t>
  </si>
  <si>
    <t>不行，你必须要回到你港澳通行证的签发地，也就是你的户口所在地办理签注．</t>
  </si>
  <si>
    <t xml:space="preserve">女人别把爱情当成自己的生命 </t>
  </si>
  <si>
    <t>女人往往在恋爱的时候都把对方当做了自己的全部，在局中往往看不清</t>
  </si>
  <si>
    <t xml:space="preserve">中子质子为什么会有特殊关系通常在原子核内,中子质子数量相等,或差 </t>
  </si>
  <si>
    <t>个人以为是因为质量比较接近的情况下才能保持平衡吧？否则如月球和地球那样悬殊过大的东西，就需要一定的空间来维持平衡。当然看到元素周期表后面 有些东西还是质子和中子相差不只一两个。所以距离也相应比较远。</t>
  </si>
  <si>
    <t xml:space="preserve">MP3格式再生花跪求再生花MP3格式的，最好是亲自试过的，没有试 </t>
  </si>
  <si>
    <t>我有，可以传给你或发到你邮箱里，想要发消息给我</t>
  </si>
  <si>
    <t xml:space="preserve">陕西真的有华南虎吗?那张老虎照片真的是很假.. </t>
  </si>
  <si>
    <t xml:space="preserve">只有天知道。林业部可能要着手调查。下面是各说各调：■西安市公安局人员：华南虎图片没有造假迹象■10月19日，中科院植物研究所种子植物分类学创新研究组首席研究员傅德志在网站上指出，周正龙所拍华南虎照片有假，“敢以脑袋担保”，并劝周“早日投案自首”。10月20日上午，周正龙作出回应，“看他的脑袋能保多久”，周称，如果照片作假，他可以去坐牢，儿子也可以坐牢。■知情者：周正龙与林业局合谋造“华南虎闹剧”疑点之一：树叶与虎头一样大?疑点之二：25分钟老虎都盯着镜头?疑点之三：拍摄距离到底有多远?■陕西省镇坪县的副县长杨高，主管农林业，他称相片确实经过处理，但当地有华南虎的事实不容置疑。■陕西省林业厅通知：华南虎洞穴列为保护核心区■陕西省林业厅就43年以来首次在秦巴山区发现华南虎召开新闻发布会■陕西近日发现在我国已失踪20多年的珍稀野生华南虎。安康镇坪县一农民在一处山崖旁拍摄到清晰野生华南虎照片，经专家鉴定认为照片真实。 中央一套-综合频道   新闻联播 ■镇坪召开华南虎保护暨宣传座谈会神仙也搞不清....  </t>
  </si>
  <si>
    <t xml:space="preserve">如图所示，在WORD中复制网上的几个文字，如何把复制过来的文字变? </t>
  </si>
  <si>
    <t>首先选择网上的文字，复制到剪贴板中，在Word文档中点击“编辑”，选择“选择性粘贴”，在“选择性粘贴”对话框中选“无格式文本”或“未设格式的Unicode文本”，点击“确定”即可。</t>
  </si>
  <si>
    <t xml:space="preserve">诛仙之pk诛仙中PK败了之后都有哪些惩罚，装备会被夺走吗?请教高 </t>
  </si>
  <si>
    <t xml:space="preserve">详细内容参见 </t>
  </si>
  <si>
    <t xml:space="preserve">请问治疗房室传导阻滞最好的医院 </t>
  </si>
  <si>
    <t>房室传导阻滞分为一、二、三度，一度与二度I型房室阻滞心室率不太慢者，无需治疗。二度II型与三度阻滞如心室率明显缓慢，有血流动力学障碍者应适当治疗。 阿托品可提高房室阻滞的心率，适用于阻滞位于房室结的患者，异丙素适用于任何部位的房室传导阻滞，但应用于急性必肌梗死时应十分慎重，因可能导致严重室性心律失常。 以上药物使用超过数天，往往效果不佳且易发生严重的不良反应。因此，对于症状明显、心室率缓慢者，应及早给予临时性或永久性心脏起搏治疗。 又看了你的补充 事实上高度房室传导阻滞也是二度II型房室传导阻滞，只是前者属于后者之中的较严重的类型罢了。它一般是器质性病变，不能用药物完全恢复。并且容易转变成三度房室传导阻滞。 二度II型房室传导阻滞的一个适应征就是心脏起搏器。 如果说你的临床症状比较严重，血流动力学障碍比较明显，如心慌、头晕明显，你就需要做及时的治疗，从长远角度上讲，心脏起搏器是最好的选择。 如果说你的症状不明显，你就需要多休息，不要从事重体力劳动，精神放松，不紧张。尽量减轻心脏的负担。</t>
  </si>
  <si>
    <t xml:space="preserve">坦克到底是干什么用的？现在的反坦克炮。导弹。武装直升级。都可以说 </t>
  </si>
  <si>
    <t>在发明之初只是被当作了活动的堡垒，直至二战之前，它还一直被当作掩护与配合部兵行动辅助兵器。直到纳粹德国的上将古得里安发明了坦克集群作战，被西特勒采纳并发展成了闪电战以後，坦克兵才成为了一个独力的兵种，承担着对敌人阵地发起高速冲击，火力压制和火力支援，歼灭敌方装甲目标并为机械化/摩托化步兵开路的作用。直到今天，坦克的存在基本上还是为了完成以上的这些使命。正因为坦克在诸兵种中的地位和威胁度，各国才会大力发展反坦克武器。要说现在的坦克有什麽用，不妨这样想一下，两支数量和技术水平相当的摩托化部队相遇，一方为由坦克、自行火炮和步兵战车混编而成，而另以方只有步兵战车和自行火炮而没有坦克，会怎样？虽然现代步兵战车一般都载有反坦克导弹（或是有专用的反坦克导弹发射车伴行），但没有坦克的一方显然处于火力和防护上的劣势。再先进的步兵战车和自行火炮也禁不住坦克炮的一记直射，但采用破甲弹原理的反坦克导弹却不一定能轻易地击毁披挂有五花八门的厚厚装甲的主战坦克。自行反坦克炮虽和主战坦克火力相当，但防护却差得多，而且绝大多数都没有动打动能力（因为要有就太贵了，费效比太差不如直接采用坦克），要开炮还得先停下，在坦克面前自身都难保，因此只能作为防守性武器使用，坦克却是攻守兼备的。不知这样是否回答了你的问题。</t>
  </si>
  <si>
    <t xml:space="preserve">松下MX6怎样设置GPRS上网功能？提示我还未进行GPRS上网设 </t>
  </si>
  <si>
    <t>先拨打1860开通GPRS，在信息——选项——设置——彩信，使用的接入点中国移动彩信，彩信接收始终打开，当收到信息时立即提取，再进功能能表——工具——设置——连接设置——接入点——中国移动彩信，连接名称：中国移动彩信（GPRS）；数据承载方式： GPRS；接入点名称：CMWAP；用户名：无；提示输入密码：否；密码：（不用设置）；鉴定：普通；主页: ；以下是高级选项：代理服务器： ；端口：80 。</t>
  </si>
  <si>
    <t xml:space="preserve">大连有批发巫毒娃娃吗 </t>
  </si>
  <si>
    <t>加  著名你的来意```本人是提供巫毒娃娃的~~泰国货``较贵！~</t>
  </si>
  <si>
    <t xml:space="preserve">哈飞中意加不起由来车好着就是加油的时候排气管突突的，早晨还是不好 </t>
  </si>
  <si>
    <t>这种情况无非就是电路和油路的问题  换火花塞，洗节气门，喷油嘴，这些都是常规保养。 先说电路， 主要你检查下点火线圈，钢线。 你可以这样测试 你将钢线从发动机拔出，然后取一颗火花塞插在钢线上， 发动汽车， 然后搭铁看下火花是不是蓝色的，如果是红色说明点火不足，每根线都测试下。 同时在检查高压和低压线。  在说油路，把汽油格换掉， 同时叫修理厂把油泵换下试试。 我的车是冷车正常，车热了就加不起油，目前都没找到原因， 你说的情况很有可能是油路上的问题，  你叫他们用解码器看下， 看看加油过程中，是不是每个喷油嘴的数据正常，很简单就看出来了。</t>
  </si>
  <si>
    <t xml:space="preserve">请教做二手房中介的朋友，链家和我爱我家哪个好写呢？每月总共能平均 </t>
  </si>
  <si>
    <t>没有严格意义上的平均，高低差距比较大，平均数在5000左右，但是有很多能力一般的，月收入也就是千元左右，好的上万或是几万</t>
  </si>
  <si>
    <t xml:space="preserve">50生命35抗的加厚鞋大概值多少钱？ </t>
  </si>
  <si>
    <t>如果你服务器刚开时间不长，比如1到3个月，你那鞋能卖个500W，如果是老服务器，扔的地下我都懒的拿，就是这个价钱</t>
  </si>
  <si>
    <t xml:space="preserve">想买二手车，怎么看车况好不好啊，哪儿的车比较有保障呢 </t>
  </si>
  <si>
    <t>买二手车，建议还是去卓杰行看看车况真实，而且销售都非常专业！非常有保障</t>
  </si>
  <si>
    <t xml:space="preserve">高中英语阅读,完型怎样提高?推荐一本练习！初中的时候，觉得英语挺 </t>
  </si>
  <si>
    <t>我也有过跟你类似的感觉。其实那些不认识的词，我好像还都背过呢，但是一放到阅读和完形里就都不认识了...我觉得 “锦囊妙解”中学生英语系列（机械工业出版社）的那套不错。如果有时间上网学习的话，我推荐你看看爆破英语的阅读和完形专练（我附了个学习界面图片，也可以打电话问问他们01062068751或400-680-2828）。希望能对你有帮助。</t>
  </si>
  <si>
    <t xml:space="preserve">过敏性鼻炎有办法根治么？ </t>
  </si>
  <si>
    <t>过敏性鼻炎的最根本保健措施是了解引起自己过敏性的物质，即过敏原，并尽量避免它。当症状主要发生在户外：应尽可能限制户外活动，尤其是接触花草或者腐烂的树叶，以及柳絮和法桐上果毛，外出时可以带口罩，或者可以到过敏原较少的海滨。当症状主要发生在室内：可以注意以下几点： 一.注意细节，减少过敏反应的生活细节 引起过敏症状的物质称做过敏原，在户外（一般为季节性过敏原）和户内（一般为常年性过敏原）均可被发现。以下10点可以帮助您减少这类过敏原。另外还还要注意减少霉菌和霉变的发生，由于蟑螂的排泄物和动物的皮屑都是最常见的过敏原，因此你还要注意消除蟑螂，并处理好宠物及小动物。生活细节：1.在花粉或者灰尘较多的季节，关闭汽车或者房间的窗户；2.移去过敏源，包括宠物，烟，甚至可疑的花草或者家具；3.使用有空气清洁过滤功能的空调，以去除花粉（但可能无法过滤灰尘）； 4.可以使用温度调节器来减少室内的湿度，最好使空气湿度降到50%以下。 5.修理潮湿的地下室，通气口和浴室，并应该去除室内或者阳台上的花草； 6.持室内清洁无尘以减少过敏原，可利用吸尘器经常打扫卫生）； 7.卧室内使用无致敏作用的床单及被褥，如使用密闭良好的床垫及枕头，及柔韧性较好的床单和枕巾等，并每周用热水清洗床单枕巾；并注意不要在户外晒被和床单，因为霉菌和花粉可以粘到被子上； 8.用木板，地砖等代替地毯，尤其是固定于地板上的地毯更应去除。并不要种植需要不断浇水的花草，因为潮湿的土壤有利于霉菌的生长。9.收拾好你的小物件，如书籍，录音盒，CD，光盘以及长毛动物玩具等，这些物品都极易沾上灰尘，从而引起过敏。 10.不要为减轻症状服用超量的药物；如果有反酸哎气可注意睡前勿进食及枕头垫高，并在医生指导下服用抗酸药。 二.控制室内霉菌和霉变的发生；霉菌可以释放孢子从而引起过敏症状，广泛存在于人们的各个生活角落，尤其是湿润的环境中，如地下室及卫生间，一般霉菌的来源包括家用湿化器，浴缸，湿毛毯，淋浴房，花草，旧报纸，垃圾箱等， 1、用漂白粉清洁，用漂白粉或者其它清洁剂清洗上述卫生间及垃圾箱。 2、如果衣物发生霉变要尽早扔掉，或者酌情处理，去除霉菌。 3、保持干燥，地毯应注意防止潮湿，并保持书籍，报纸和衣物的干燥通风，食物也应合理保存，防止霉变。 4、房间和阳台上最好不要有经常需要浇水的喜阴类植物，潮湿的土壤里可能隐藏着大量的霉菌。 5、彻底杀灭蟑螂等害虫；蟑螂已经存在超过3亿年，大部分生长在温暖和湿热的环境中，并在办公室，家庭房间内普遍存在，蟑螂不只是一种别人讨厌的家伙，而且其排泄物中的蛋白是引起过敏性鼻炎及哮喘的重要物质，尤其是生活在拥挤房间和城市的儿童。 6、远离宠物。过敏性鼻炎病人最好不接触及喂养宠物，与一般的认识相反，动物的毛发多不会引起过敏，而动物的皮屑，唾液及尿中的蛋白质则容易引起过敏性症状，这时不可见的蛋白质可以通过空气进入人的眼睛或者肺部和鼻腔。一只猫或者狗每周可以产生大量的过敏性物质，由于猫类和犬类都能产生皮屑，所以：①对过敏性患者，最好的办法是不接触，或者接触的时间尽可能少。 ②如果一定要养宠物，最好先花一些时间和别的小动物在一起，确定对它有无过敏反应，或者喂养无皮毛的动物，如海龟，鱼类等。 ③定期给动物清洁，可以请无过敏性疾病的人代为洗澡。④清洗动物的笼子。动物的笼子内即使在动物搬出后数月都可以存在过敏原。 常用药物： 1.抗组织胺类 　　扑尔敏口服，4毫克日3次口服。也可口服赛庚啶、息斯敏等药。 　　2.类固醇激素 　　强的松5毫克日3次口服。此药久服可产生水、盐、糖、蛋白质代谢紊乱，故应在医生指导下服用。 　　3.外用滴鼻药 　　1％麻黄素滴鼻液与0.5％可的松眼药水滴鼻。 药物治疗可减轻对过敏原的反应并抑制炎性反应，但药物治疗一般不要超过７天，长期使用会引起药物性鼻炎，令病情更为复杂。另一种在临床上使用的激光和微波治疗，是通过高温烧灼鼻甲和黏膜组织，对鼻甲表面黏膜损伤大，对鼻黏膜正常功能有一定影响，术后反应较重。目前临床上主要是应用内窥镜下等离子低温消融术，选择性地进行筛前神经、翼管神经阻断术，降低鼻腔副交感神经的兴奋性，消除过敏区域神经对外界各种刺激，如气候、灰尘、花粉等的敏感性，过敏性鼻炎就可以自然而愈以上仅供参考,不承担任何法律责任，祝你早日康复《绍兴冬冬》答题专用 ，请误复制。珍惜别人的劳动成果！</t>
  </si>
  <si>
    <t xml:space="preserve">哈尔滨哪个老中医比较厉害？ </t>
  </si>
  <si>
    <t>看你治哪类病，学术有专攻，肾病去祖研，要是神经内科去中医药大学附属二院，每个人的方向不一样</t>
  </si>
  <si>
    <t xml:space="preserve">现在办理临时身份证需要些什么?要什么样的照片?要本人亲自去吗?户 </t>
  </si>
  <si>
    <t>户口本、照片、钱。照片要只照头不照脖子的下面免冠照片。应该是要本人亲自去的。</t>
  </si>
  <si>
    <t xml:space="preserve">很热又没电怎么办? </t>
  </si>
  <si>
    <t>冲冷水澡、游泳》》》》</t>
  </si>
  <si>
    <t xml:space="preserve">肛门旁长疥子怎么办在肛门旁长了一个疖子好长时间了，破损了，现在下 </t>
  </si>
  <si>
    <t>疖子，夏天尤其多见，俗称“暑疖”。认为是毒侵入皮肤而发病，属于疮疡热证，所以又称“热疖”。细小如钉而反应较重的疖子，则称为“疔疮”。疖子随处都可发生，以头、面、颈、背、臀等处最为多见；疔疮主要见于颜面及手指、足趾。 疖子初起时如黄豆大或梅子大，发红，发热，又肿又痛，逐渐向四周扩大。数天后，在中央出现一个黄白色的小脓头，溃破出脓后就逐渐愈合。但是往往这里好了那里又发，顽固难愈；特别是当病人正气虚弱，或挤压疖子，还会引起“疮疡内陷”，“疔毒走黄”，也就是败血症。所以，不能忽视对疖子的预防和治疗。 预防疖子要注意皮肤的清洁卫生，否则葡萄球菌侵入毛囊、皮肤腺及皮下组织，就会化脓而发病。 用野菊花、金银花、蒲公英、绿豆衣各12克、甘草6克，煎水代茶饮用，也有助于预防疖子的发生。在暑天也可以少量服用六神丸。 一旦发生疖子，宜内外兼治。内服清热解毒中药，可用金银花、连翘、紫花地丁、蒲公英、野菊花、马齿苋各15克水煎服用。 外敷清热解毒中药，可用新鲜马齿苋60克，或用蒲公英60克，或用败酱草60克，或用芙蓉花嫩叶60克，加少许食盐，捣烂，外敷患处，每日换2～4次，对尚未化脓的效果较好。已经化脓的，须疖肿成熟溃破，脓液流出，才能逐渐愈合。   1.注意皮肤卫生，禁食辛辣刺激性食物及酒类，最好不多吃甜食。千万不要用挤捏的方法去排脓。尤其是面部和上唇的疖子。对于反复发作的疖病，要寻找潜在的因素，消除体内感染病灶。检查有无贫血和糖尿病等情况，一旦发现要及时治疗。 2.抗生素的注射和内服。早期应用足量抗生素。首选青霉素，也可用洁霉素0.6g肌注，每日两次，也可用先锋霉素、泰利必妥及磺胺等。 3.自家疫苗或葡萄球菌混合菌苗疗法、自血疗法。也可皮下注射转移因子2mg/次，每周两次，五周为一疗程。 4.早期的疖子不能切开引流。成熟的疖子已化脓变软者，可切开排脓。但面部和上唇的疖子千万不要挤压和随意切开。未成脓者，可每日外用纯鱼石脂，或鱼石脂硫磺泥膏，可促进炎症消退。 5.可进行紫外线、红外线、超短波照射，缓解炎症。 其病原菌主要是金黄色葡萄球菌、其次为白色葡萄球菌侵入毛囊或汗腺所致。皮肤擦伤、糜烂等均有利于细菌侵入及繁殖。皮脂溢出过多及因职业而常与矿物油接触的人，也容易发生疖子。疖病多半发生于炎热的夏季。高温、潮湿、多汗容易使病原菌侵入皮肤。皮肤不清洁是一个重要因素。身体抵抗力降低、体弱、糖尿病、肾脏炎、贫血等皆可成为本病的诱因。 参考资料：  1.注意皮肤卫生，禁食辛辣刺激性食物及酒类，最好不多吃甜食。千万不要用挤捏的方法去排脓。尤其是面部和上唇的疖子。对于反复发作的疖病，要寻找潜在的因素，消除体内感染病灶。检查有无贫血和糖尿病等情况，一旦发现要及时治疗。 2.抗生素的注射和内服。早期应用足量抗生素。首选青霉素，也可用洁霉素0.6g肌注，每日两次，也可用先锋霉素、泰利必妥及磺胺等。 3.自家疫苗或葡萄球菌混合菌苗疗法、自血疗法。也可皮下注射转移因子2mg/次，每周两次，五周为一疗程。 4.早期的疖子不能切开引流。成熟的疖子已化脓变软者，可切开排脓。但面部和上唇的疖子千万不要挤压和随意切开。未成脓者，可每日外用纯鱼石脂，或鱼石脂硫磺泥膏，可促进炎症消退。 5.可进行紫外线、红外线、超短波照射，缓解炎症。 其病原菌主要是金黄色葡萄球菌、其次为白色葡萄球菌侵入毛囊或汗腺所致。皮肤擦伤、糜烂等均有利于细菌侵入及繁殖。皮脂溢出过多及因职业而常与矿物油接触的人，也容易发生疖子。疖病多半发生于炎热的夏季。高温、潮湿、多汗容易使病原菌侵入皮肤。皮肤不清洁是一个重要因素。身体抵抗力降低、体弱、糖尿病、肾脏炎、贫血等皆可成为本病的诱因。</t>
  </si>
  <si>
    <t xml:space="preserve">鼠标箭头在显示器上滑动时机箱里怎么会有吱吱声？ </t>
  </si>
  <si>
    <t>那是硬盘的声音，当你在自己的系统下做任何操作的时候，硬盘都会读取相关数据的，如果声音明显，并且以前没有，现在有（老硬盘有些声音较大，新的硬盘静音做的都不错）。那么说明硬盘可能有些问题，可能是软磨损，也可能是硬伤，请多加检测和注意。在这个之前请尽快将自己重要数据备份到其他地方，以防不测。如果硬盘有坏道也有可能出现这个声音，你可以右点自己的盘符，如打开我的电脑，右点C盘，点属性，点工具，在查错中点“开始检查”，然后在“自动修复文件系统错误”和“扫描并试图恢复坏扇区”打上对号，点开始，一般根据硬盘大小进行10-30分钟检测，可以修复部分不厉害的坏道。每个盘都这样进行一遍，如果还有问题，请尽快找相关电脑专家进行检测一下，防止硬盘出现更严重问题。</t>
  </si>
  <si>
    <t xml:space="preserve">银器氧化变黑了怎么才能恢复光泽（在线等） </t>
  </si>
  <si>
    <t>可以用牙膏和布擦拭！</t>
  </si>
  <si>
    <t xml:space="preserve">福州手工串珠在哪里可以找的到 </t>
  </si>
  <si>
    <t>可以在三坊七巷里找成品的手工串珠南后街津泰路都有，如果是要找人帮你串的话……我知道津泰路上原来有一家，在那个仙塔街跟津泰路交界的那个十字路口那儿，但现在还在不在就不知道……好久了……台江步行街应该也有吧。</t>
  </si>
  <si>
    <t xml:space="preserve">我登录新浪邮箱时。总提示用户名错误。 </t>
  </si>
  <si>
    <t>你登陆邮箱可以把你的邮箱“@”符号前面的一部分输进去，如果不行，把你的通行征ID输进去</t>
  </si>
  <si>
    <t xml:space="preserve">红鬼的问题，高手进来看下20分我是一区巨蟹的，66级1血1功2防 </t>
  </si>
  <si>
    <t>我也是巨蟹的，这个4当鬼蛮不错的了前2天也有人卖5当的，和你这只查不多，100W很快被人买走了你这只能卖150W甚至更多哦，换改能换3当的了可惜我朋友说送我鬼了，不然我真的很想买</t>
  </si>
  <si>
    <t xml:space="preserve">一套勇士装的术士大约有什么血如题 </t>
  </si>
  <si>
    <t>看你天赋加没加恶魔之拥了那个加15%耐力减5%精神还要看戒指武器和饰品FM加的耐基本上有了恶魔之拥别的戒指饰品耐一般的话以及FM都耐能快到5000</t>
  </si>
  <si>
    <t xml:space="preserve">纽贝伦、凯灵这两个牌子的螺旋藻哪个好？有谁亲身体验过没哪个更好一 </t>
  </si>
  <si>
    <t>圣海健康博士的产品不错，身边很多朋友吃，网上可以买到，都反映效果还不错，价格也合理。服用不适当保健品，有害健康！健康博士商城是保健食品GMP生产企业，保健食品FDA经营资格公司，可以放心购买</t>
  </si>
  <si>
    <t xml:space="preserve">剖腹产后体温我老婆剖腹产已经一个半月了，前两天突然流出鲜红的血， </t>
  </si>
  <si>
    <t>剖腹产手术和正常分娩一样一般6周后子宫恢复到原来的未孕状态,这就是子宫复旧.如果在产褥期出现感染那么可能影响子宫的复旧的.你老婆在坐月子中出现过39度的高烧应该考虑感染,晚期出血可能和剖腹产后感染导致子宫下段两侧坏死脱落而出血.一般皮肤上的切口不大于10厘米,最大也不超过12厘米.</t>
  </si>
  <si>
    <t xml:space="preserve">请问华夏中小板的申购的净值怎么算?是不是申购当天的?赎回的净值是 </t>
  </si>
  <si>
    <t>五天才能查询，按照申购当天的净值计算。来自华夏基金公司：五、我通过网上交易申购/赎回了中小板ETF，什么时间能查询到确认情况呢？答：中小板ETF在场外渠道（建设银行、华夏基金理财中心、网上交易）的申购申请，在T＋5个工作日可通过交易渠道查询申购确认情况；场外的赎回申请，在T＋4个工作日可通过交易渠道查询赎回确认情况。</t>
  </si>
  <si>
    <t xml:space="preserve">找不上合适的对象怎么办？ </t>
  </si>
  <si>
    <t>慢慢等吧总有适合你的那个人出现的，别着急。先把自己的各方面调整好</t>
  </si>
  <si>
    <t xml:space="preserve">什么因素直接关系股票的涨和跌 </t>
  </si>
  <si>
    <t>因素很多,我只讲一个最基本的:当一只股票的买单大于卖单时,股票一般上涨。当卖单大于买单时,股票一般下跌</t>
  </si>
  <si>
    <t xml:space="preserve">打字到哪里学？ </t>
  </si>
  <si>
    <t>下载金山打字通软件，然后自己练习就可以了。我就是这样学会的。</t>
  </si>
  <si>
    <t xml:space="preserve">描写露的诗 </t>
  </si>
  <si>
    <t xml:space="preserve">可怜九月初三夜，露似真珠月似弓。露从今夜白，月是故乡明。秋荷一滴露，清夜坠玄天。将来玉 盘上，不定始知圆。   </t>
  </si>
  <si>
    <t xml:space="preserve">这台DVD有什么毛病?我家的DVD最近不知出什么毛病,放进的碟片 </t>
  </si>
  <si>
    <t>可能是激光头脏了。应急办法：先将激光头上的灰尘吹掉，再用棉签蘸点专用磁头清洗液或者高纯度酒精轻轻擦拭后，再试。还不行的话，送维修更换激光头。</t>
  </si>
  <si>
    <t xml:space="preserve">求详解5,17,37,65,(),145。　　A.99B.100 </t>
  </si>
  <si>
    <t>一楼的那样做太慢了这很明显是个平方加1的呀2*2+1=54*4+1=176*++1+378*8+1=6510*10+1=10112*12+1=145</t>
  </si>
  <si>
    <t xml:space="preserve">慢性胃炎应该少吃什么？ </t>
  </si>
  <si>
    <t xml:space="preserve"> 对慢性胃炎治疗应及早从浅表性胃炎(胃窦炎)开始，以免病情加重。●慢性胃炎的饮食治疗 (1) 慢性胃炎的饮食治疗原则是调整胃的各项功能，养成良好的饮食习惯和习惯。吃饭时要细嚼慢咽，使食物与消化液充分混合。饮食宜清淡，少刺激性，晚餐勿过饱，待食物消化后再睡觉。否则，会增加胃部不适感。(2) 在平时饮食中尽量做到清淡、少油腻、少脂肪过高的食物，如肥肉、奶油、油煎食物能延缓胃的排空，易增加腹部饱满感。应减少刺激性食物，如辣椒、洋葱、咖喱、胡椒粉、芥末粉、浓咖啡等均不利于胃粘膜炎症的恢复，不应食用。(3) 对胃酸分泌减少者，如萎缩性胃炎，可给予浓肉汤、鸡汤等味道鲜美的食物，以刺激胃酸分泌，促进食欲；对高酸性胃炎（胃酸分泌过多者）应禁用肉汤、鸡汤以及过多的鲜味食品。可将肉类煮熟去汤后再烹制。食物要做得细、碎、软、烂。烹调的方法多采用蒸、煮、烩、炖与煨等。●慢性胃炎食物选择 (1) 注意食用具有营养的食物。多吃些高蛋白食物及高维生素食物，保证机体的各种营养素充足，防止贫血和营养不良，对贫血和营养不良者，应在饮食中增加富含蛋白质和血红素铁的食物，如瘦肉、鸡、鱼、肝、腰等内脏。高维生素的食物带有深色的新鲜蔬菜及水果，如绿叶蔬菜、西红柿、茄子、红枣等。每餐最好吃2～3个新鲜山楂，以刺激胃液的分泌。(2) 注意食用酸碱平衡。当胃酸分泌过多时，可喝牛奶、豆浆、吃馒头或面包以中和胃酸，当胃酸分泌减少时，可用浓缩的肉汤、鸡汤、带酸味的水果或果汁，以刺激胃液的分泌，帮助消化，要避免引起腹部胀气和含纤维较多的食物，如豆类、豆制品、蔗糖、芹菜、韭菜等。当患有萎缩性胃炎时，宜饮酸奶，因酸奶中的磷脂类物质会紧紧地吸附在胃壁上，对胃粘膜起保护作用，使已受伤的胃粘膜得到修复，酸奶中特有的成份乳糖分解代谢所产生的乳酸和葡萄糖醛酸能增加胃内的酸度，抑制有害菌分解蛋白质产生毒素，同时使胃免遭毒素的侵蚀，有利于胃炎的治疗和恢复。(3) 当口服抗菌素治疗某些炎症性疾病时，应同时饮用酸奶，即补充了营养，又避免了抗菌素对人体产生的副作用，因为酸奶中含有大量的活性杆菌，可以使抗菌素药物引起的肠道菌群失调现象重新获得平衡，同时保护了胃粘膜。平时一定要把握进餐量，不能因喜好的食物而多吃，一定要少吃多餐，以增进营养，减轻胃部负担为原则，同时要禁忌烟酒。●慢性胃炎一日食谱举例 早餐：煮鸡蛋1个（鸡蛋50克），蛋糕50克，白粥1小碗（大米50克），酱豆腐少许（酱豆腐20克）加餐：牛奶（鲜牛奶250克）午餐：软烂饭1小碗（大米100克），蒸肉饼1小碗（猪瘦肉50克），烧细软萝卜丝（白萝卜200克）加餐：煮果子水1小碗（鲜桔汁200克），烤馒头干（面粉50克）晚餐：肉末碎青菜汤面1碗（肉末50克，菠菜100克，挂面50克），红烧鱼（鲤鱼150克），花卷（面粉50克）加餐：豆浆250克全日烹调用油15克以上食谱含热能2170千卡（9070千焦耳）●慢性胃炎食疗方 （1）红枣益脾糕：干姜1克，红枣30克，鸡内金10克，面粉500克，白糖300克，发面适量（用酵母发面）。①干姜、红枣、鸡内金放入锅内，用武火烧沸后，转用文火煮20分钟，去渣留汁。②面粉、白糖、酵母放入盆内，加药汁，清水适量，揉成面团。待面团发酵后，做成糕坯。③将糕坯上笼用武火蒸15分钟至20分钟即成。每日1次，作早餐食用。（2）山楂核桃茶：核桃仁150克，白糖200克，山楂50克。①核桃仁用水浸泡30分钟，洗净后，再加少许清水，磨成茸浆，越细越好，装入盆内，再加适量的清水稀释调匀待用（约200克）；②山楂用水冲洗干净，山楂要拍破放入锅内，加清水适量，用中火煎熬成汁，去渣留汁约1000克。③再将山楂汁倒入锅内，加白糖搅匀，待溶化后，再将核桃缓缓倒入锅内，边倒边搅匀，烧至茶微沸，出锅装碗即成。代茶饮。（3）羊肉萝卜汤：羊肉100克，苹果150克，碗豆100克，萝卜300克，香菜、胡椒粉、盐、醋各少许。①羊肉洗净，切成六分见方的肉块，香菜洗净切成段待用。②碗豆、苹果、羊肉、姜放入锅内，加清水适量，用武火烧沸后，转用文火煮一小时，再放萝卜块煮熟，放盐，芜荽即成。用醋蘸食。（4）山楂糖：山楂500克，白糖500克，熟植物油少许。①将山楂洗净，拍破，放入锅内，加清水适量，用武火烧沸后，转用文火煎熬20分钟，取汁，再加清水继续煎熬，这样三次取出楂汁。②将三次取得的山楂汁一起放入锅内煎熬，至山楂液稠厚时，加白糖搅匀，继续用文火熬煮至山楂糖液呈透明状时，停火，即成山楂糖。③将山楂糖倒入涤过植物油的搪瓷盘内，推平，用刀划成小块，装盆备用。每日3次，每次3块。（5）胡椒猪肚：白胡椒15克，猪肚1个，将胡椒略打碎，放入洗净的猪肚内，并在猪肚内装入少量水，然后用线扎紧，放砂锅内小火炖至烂熟，调味后食用。每2天服1次，连服5次。（6）鲫鱼糯米粥：鲫鱼2条，糯米50克。将鲫鱼去肠杂后与糯米同煮粥食用，早晚餐食用，可常服用。（7）木瓜米醋汤：木瓜500克，生姜30克，米醋50克。上述食物共同放入砂锅内，加适量水煮成汤。每2天服1剂，每剂分三次服完，可常服食。</t>
  </si>
  <si>
    <t xml:space="preserve">为什么射出的精子有些带有几点象果冻一样的条条！我经常手淫　　我在 </t>
  </si>
  <si>
    <t>正常精液射出后，在精囊凝固酶的作用下变为胶冻状，经15～30分钟在前列腺液化酶的作用下变为液体，此为精液液化。射出精液30分钟后，精液仍不液化属于异常。 鉴于你的问题，“果冻类的条条”没有问题的，关键是要检查精液的液化问题，如液化正常，不必忧虑。</t>
  </si>
  <si>
    <t xml:space="preserve">为什么我的游戏ＩＤ不能在５１７３出售呢？为什么我的游戏ＩＤ够一个 </t>
  </si>
  <si>
    <t xml:space="preserve">尊敬的客户:      您好！5173客户服务027很高兴为您服务！在5173网站上买卖交易都是有记录的，为了保护买家与卖家的利益，非注册用户购买的要3个月以后才可以出售。注册用户需用购买时的用户名才随时可以发布您的出售信息。如给您带来的不便敬请谅解。真诚感谢您一如既往地对我们工作的大力支持与帮助！                                                                                </t>
  </si>
  <si>
    <t xml:space="preserve">女人左下腹隐痛有时抽痛腰酸 </t>
  </si>
  <si>
    <t>去正规医院妇科看看医生吧。</t>
  </si>
  <si>
    <t xml:space="preserve">寻求安全可靠的避孕措施结婚快两年了,因为没有生孩子的打算,所以性 </t>
  </si>
  <si>
    <t>可以用避孕膜，药店里都有卖~~买好点的那种，使用避孕膜的避孕率为95%，效果还不错，对男方一点感觉都没有，前提是女方不会过敏的情况！一般来说都不会过敏的！使用方法药上面都有写的很清楚~~~如果利用排卵期避孕，那样不太安全，有时候内分泌失调，是会以外怀孕的！用过那个药以后，想怀孕的话~最少得休息3个月以上才要孩子，这样就没问题了！！上环也不错，不或上环会使15%以上的女性身材发生一些变化。。容易发福！这没什么医学根据，不过是听个护士朋友说的！另外会使女性的生殖器免疫力下降！要注意清洁！！</t>
  </si>
  <si>
    <t xml:space="preserve">第一次那什么的时候`会不怀孕 </t>
  </si>
  <si>
    <t>第一次性交与其他性交在能否怀孕这件事上没有区别。如果不想要孩子，一定要采取避孕措施。如果偶尔一次实在疏忽了，事后可以服紧急避孕药。但这只能是特殊情况，这种药会导致月经不调！顺便提醒一句：楼上那位说的事后上厕所是完全无效的！！！</t>
  </si>
  <si>
    <t xml:space="preserve">中午不睡，下午崩溃。孔子曰：中午不睡，下午崩溃！孟子曰：孔子说的 </t>
  </si>
  <si>
    <t>孔子曰：中午不睡，下午崩溃！ 孟子曰：孔子说的对。 我曰：孟子也说得对。</t>
  </si>
  <si>
    <t xml:space="preserve">枸杞子的功效及应用方法？哪些人不适用？ </t>
  </si>
  <si>
    <t xml:space="preserve">枸杞子是茄科植物宁夏枸杞的干燥成熟果实。 枸杞子最早见于《神农本草经》,被列为上品。《神农本草经》记载:“枸杞味苦寒,主五内邪气,热中、消渴,久服坚筋骨,轻身不老”。《纲目》:“滋肾、润肺、明目。”      现代研究其成分含有丰富的胡萝卜素、维生素B1、B2、烟酸、维生素C、维生素E、多种氨基酸、亚油酸、甜菜碱、铁、钾、锌、钙、磷硒等多种美颜润肤成分。古人称枸杞子能留得青春美色。现代医学研究发现，枸杞子有增强机体免疫功能，增强机体抵抗力，促进细胞的新生，降低血中胆固醇含量，抗动脉硬化，改善皮肤弹性，抗脏器及皮肤衰老，延缓皮肤皱纹等作用。     常服枸杞子，能使人面色红润，须发黑亮，延缓衰老，美肤益颜及提高性功能。因此，枸杞子又是延长青春的妙品。很多人喜欢用枸杞子泡水、泡酒或煲汤，中医很早就有“枸杞养生”的说法，认为常吃枸杞子能“坚筋骨、耐寒暑”。所以，它常常被当作滋补调养和抗衰老的良药。 很多人都不知道常吃枸杞子可以美容。这是因为，枸杞子可以提高皮肤吸收氧分的能力，另外，还能起到美白作用。 最适合吃枸杞子的是体质虚弱、抵抗力差的人。而且，一定要长期坚持，每天吃一点，才能见效。     枸杞子虽然具有很好的滋补和治疗作用，但也不是所有的人都适合服用的。由于它温热身体的效果相当强，正在感冒发烧、身体有炎症、腹泻的人最好别吃。     枸杞子的服法很多，可浸酒，可作粥、汤。其中枸杞粥制作方便，味美可口，是家庭强身健体及护肤抗衰老的美食。老年人可常饮枸杞三仙茶，每日1剂，代茶饮。其配方为，枸杞子50克，山楂50克，泽泻15克，水煎。久服，可延缓衰老，减少皮肤皱纹、老年斑和色斑，且有降低胆固醇，预防血管硬化，延年轻身作用。 任何滋补品都不要过量食用，枸杞子也不例外。一般来说，健康的成年人每天吃20克左右的枸杞子比较合适；如果想起到治疗的效果，每天最好吃30克左右。现在，很多关于枸杞子毒性的动物实验证明，枸杞子是非常安全的食物，里面不含任何毒素，可以长期食用。 </t>
  </si>
  <si>
    <t xml:space="preserve">做任务时杀死怪任务追踪上已杀怪物数目为什么不增加（一直是零）？我 </t>
  </si>
  <si>
    <t>你肯定有其他任务顺序排在＂剑魔（０/２０）＂之前，所以你之前杀的剑魔都在前面那个任务里了，完成那个任务，＂剑魔（０/２０）＂自然可以完成。</t>
  </si>
  <si>
    <t xml:space="preserve">东方人的牙齿和西方人有什么区别吗？我在网上无意间看到了有人说，东? </t>
  </si>
  <si>
    <t>没有的事。至少在遗传学上没有任何依据，如果说中国部分地区牙齿偏黄，倒是确有其事，比如山西某些地区由于高氟会产生黄牙。还有，就是生活习惯问题了，也就是不注意刷牙，这在许多农村地区也是很常见的。</t>
  </si>
  <si>
    <t xml:space="preserve">QQ空间背景音乐怎么弄我要添自己电脑里的音乐,我已经将其传到Mo </t>
  </si>
  <si>
    <t xml:space="preserve">没Q币也可以的..首先你QQ空间里的商品购物里找一个免费的播放器添加到空间里..再点音乐盒---添加音乐---添加网络音乐..把你在网络上收索到的歌曲链接，把地址加进去就可以了..最后你试着把你的音乐加到播放列表里...  </t>
  </si>
  <si>
    <t xml:space="preserve">怎样检测刚刚装修的房子是不是甲醛超标呢？？ </t>
  </si>
  <si>
    <t>现在的装修材料，一般都是比较环保的，瓷砖壁纸乳胶漆一般都没事，甲醛主要在一些木制品里边，比如木地板衣橱沙发等，如不放心，可以请专业测试机构测试一下</t>
  </si>
  <si>
    <t xml:space="preserve">关于佛罗里达和奥兰多的一些情况？有哪位对地理和经济比较了解的，麻 </t>
  </si>
  <si>
    <t xml:space="preserve">佛罗里达州FLORIDA  面积:151,670平方公里; 在五十州内,列第二十二位人口:8,452,000人; 在五十州内,列第八位.州府:塔拉赫西Tallahassee主要城市:杰克逊维尔Jacksonville, 迈阿密Miami州花:橘花州鸟:反舌鸟佛罗里达州的名称来自西班牙语Florida,其意 义是"多花的地方".一万多年以前,印地安人即来本州之内居住.一五一三年,西班牙人首先来到本州.后来,法国人与英国人也向此地殖民,均未成功.一八二一年列入美国 领土.一八四五年三月三日成为美国第二十七州.一八六一年退出,一八六八年又重新加入美国.以橘花作为州花.州的别名叫做"阳光之州"SunshineState.本州箴言:"信赖上帝"InGodWeTrust.本州交通甚便,有两百多飞机场,本州最著名的都市是迈阿密,人口三四万,差不多都是崭新的建筑物.最大都市是杰克逊维尔Jacksonville,人口五五万.本州州府叫做塔拉赫西Tallahassee,位于本州西北部,人口七万.坦帕Tampa是半岛西部墨西哥湾岸大港,人口二八万,主要输出品是磷灰岩.本州有九所大学.其中以佛罗里达大学为最大,创于一八五三年,位于根斯维Gainesville,在本州中部,学生两万多.本州特征有三:第一,它是美国大陆最偏南之州.州的南端已具有热带气候性质；中部及北部是副热带气候,温暖无冬.出产蔬菜、文旦、柚,所产柑 橘超过加州,列第一位.第二,年产磷灰岩phosphaterock两千多万吨,在各州之中也列第一位.磷灰岩是制造磷肥的主要原料.第三,本州中部东岸之肯尼迪角Cape Kennedy,是美国太空人飞往月球的基地.也就是人类把地与月两个天体初步联络的大站.第四,本州人口增加的百分比最高.近年来,依然迅速增加.因为它是美国东岸各州之避寒胜地.退休之后的老年人,喜欢 来此地居住.本州气候,冬暖夏热,雨量丰沛,植物繁茂,多天然 森林.除有飓风灾害外,一年四季,都可以旅游.每年旅业收入之多,可达五十亿美元,为本州一大收入  奥兰多是佛罗里达州中部著名的小城，市区人口仅18万，但每年接待的游客总量却高达2500万以上。这里拥有全世界最大、与洛杉矶迪斯尼齐名的迪斯尼世界，拥有发射美国航天飞机、宇宙飞船等航天器的太空中心，有美国境内最大的“海洋世界”，还有造价10亿美元，凝聚声、光、电等高科技游乐设施精华的“未来世界”和展示中国、英国、法国、德国、日本、意大利、挪威、加拿大、墨西哥、摩洛哥和美国等11个文明国家的建筑及社会文化的“世界橱窗”。...... 奥兰多的迪斯尼世界是一座拥有最新电动游乐设备，多元性的游乐园，全年游客人数多达1350万。这里有一个充满了西部风格和冒险性的大雪山飞车供游客体验探险刺激的游乐活动。游客们坐上一列豪华的游览火车，穿过原始西部的荒原，冲过一个神秘的洞穴，沿途经过一个1849年的淘金小镇，进入一个金矿隧道，地震及山崩接踵而至，乘客惊魂未定，间歇中泉水向高空喷出水气，场面十分壮观。这些都是用电脑自动控制，感觉逼真。迪斯尼世界里还有老爷火车和马车，鲁宾逊树屋，海洋金银岛，非洲探险，鹦鹉狗熊表演，恐怖鬼屋，小小世界妙妙妙，美国总统宫，米老鼠世界，幻想王国，潜水艇海底奇观，太空飞车，360度立体电影，太空舱登陆月球，奇异活力电器展示馆，东方航机漫游世界，彼得飞船，白雪公主，太空列车和高空七彩焰火等，异彩纷呈。　　与迪斯尼世界相映成趣的是未来世界，这是以科学幻想为主题的游乐中心，占地105公顷，分成两个部分。一部分叫做未来世界，另一部分叫世界橱窗。未来世界有6座建筑物8个馆，分别为：星球快车，能源馆，大地馆，动力世界，幻想世界，海底之旅，电脑奇珍及未来世界。游客乘坐观光列车从史前时代驶入21世纪，仿佛变成一群电子束，飞也似的穿过时间隧道，进入外太空，尽享游太空的快乐。人们还可乘坐舞台列车抵达洪荒世界，可以看到化石，燃料如何形成及有声和有气味的电动恐龙，还有火山爆发时隆隆声，以及有岩浆味道的火焰熔岩，非常真切。幻想之旅用高科技手段展示变化无穷的光的世界，进行各种光学介绍，极富教育意义；海底之旅把人们带入未来的海底城生活，展现了海底世界的无限魅力。　　　到奥兰多，绝对不可忘记到著名的卡纳维拉尔角肯尼迪太空中心一游，这是美国航天飞机发射升空的基地之一，每当有航天飞机要发射升空前夕，必有数十万游客拥入此地，在发射基地附近露营，等待目睹发射的盛况。美国太空总署在这里的抵地通道中设有游客中心，还有展示许多太空飞行历史资料的空军太空博物馆。在参观节目中，游客可以看到登陆月球车，各种太空船及火箭展览场，火箭装配场，火箭发射台，航天飞机发射台，太空指挥所和火箭升空模拟室等，面对这人类迈向太空的伟大创造物，几乎每个人都抑制不住内心的激动。2003年2月1日，美国的航天飞机升空15天后返回地球预定在卡那维拉尔角降落，但降落前10分钟发生爆炸，7名宇航员全部丧生，致使这个宏伟的航天中心蒙上了忧伤的色彩。睹物思人，人们难免悲情难抑。　　奥兰多的风景是迷人的。走上它的街头，你可以看到巨大无比的山姆大叔，美人鱼，大提琴等造型灯箱招牌，五光十色的豪华旅游饭店，有的屋顶建假山，危岩峥嵘；有的屋顶绿树成荫，像园林；有的门面像古堡，风格典雅；有的大堂金碧辉煌，富有现代气派。然而使我备感亲切的则是在那里看到的一对矗立街头的彩色中国龙巨型雕塑。这是港中旅在那里兴建的“锦绣中华”主题公园的道路入口标志。走进该园，可以看到仿真或微缩的北京故宫，南京中山陵，苏州园林，西藏布达拉宫，洛阳龙门石窟，桂林漓江美景，还有那莽莽苍苍的万里长城。在遥远的异国他乡目睹祖国的景物，最抑制不住的就是一股股涌动的思乡情。　　奥兰多小，但小城中有大世界；奥兰多美，美在它的多彩，它的奔放，它的新奇，它的动感，还有它那滋润在人们心田宜人的温馨。美国的大使人大开眼界，但美国的小屋，小镇，小村，小城虽然小，却小得有韵味，小得令人难忘。 </t>
  </si>
  <si>
    <t xml:space="preserve">请问从世博园到皇朝万豪酒店怎么走1.从世博园到皇朝万豪酒店怎么走 </t>
  </si>
  <si>
    <t xml:space="preserve">从北站坐火车到世博园28分钟。时刻表 </t>
  </si>
  <si>
    <t xml:space="preserve">申请删除书名笔者莫名其淼所创建作品/请审核笔者作品/一文非真正作 </t>
  </si>
  <si>
    <t>你好，请详细说明申请事项。</t>
  </si>
  <si>
    <t xml:space="preserve">如何分辨痱子和湿疹？爱护痱子粉怎么样？用爱护护理膏一个月了，宝宝 </t>
  </si>
  <si>
    <t>小疙瘩是慢慢出来的，长时间不消，成片、皮肤粗糙，像一层结痂一样，就是湿疹。痱子一般在天气特别热的时候起，凉下来会自己消退，来得快去得快，很明显的是小疙瘩有发白的小尖，宝宝的额头、后摆一般在这些部位。爱护护理膏效果不错，是爱护的明星产品，你可以选他们家的爱护痱子粉，百分百玉米淀粉，出汗给孩子扑上，能够起到预防的作用，不错的！</t>
  </si>
  <si>
    <t xml:space="preserve">怀孕期间点过绿霉素眼药水会对胎儿有何影响？我怀孕三个月时，由于眼 </t>
  </si>
  <si>
    <t xml:space="preserve">绿霉素眼药水对胎儿的发育没有影响.你完全是过分担心了。毕竟这不是左右胎儿健康与否的关键。如果你总是担心这个，害怕那个，反而对胎儿不好。还是要保持身心健康．，  </t>
  </si>
  <si>
    <t xml:space="preserve">预产期是明年4月的JM们,你们的近况怎样了? </t>
  </si>
  <si>
    <t>我的预产期估计是明年4月15号左右，这个星期六我就要进行第一次孕检了，至于身体方面，还行，重了5斤左右，可能是以前偏瘦，所以肚子不明显。昨晚去看了一下孕妇服，哇！都好大！看来我很难找到合适的衣服来穿的了，好可怜！</t>
  </si>
  <si>
    <t xml:space="preserve">为什么我国频繁上调存款准备金这一货币政策而很少变动贴现率 </t>
  </si>
  <si>
    <t>提高贴现率只是提高了融资和再融资成本，继而推高生产和经营成本，从而可能导致物价上涨，在当前通胀压力下，无疑是火上浇油。而提高准备金率，则是从资金供应源头釜底抽薪，减少流动性风险，对通货膨胀起到明显抑制效果。是更为直接的货币政策手段。</t>
  </si>
  <si>
    <t xml:space="preserve">我有严重的龅牙，很影响我的生活。我现在想做牙齿矫正，想问一下暴牙? </t>
  </si>
  <si>
    <t>传统的牙颌畸形矫正也是应用比较多的一种龅牙矫正方式，也就是我们常见的牙套，传统的牙颌畸形矫正原理是在牙齿表面黏上牙钉，即牙齿矫正器，再在牙钉上扣上钢线，并以钢线施力来使牙齿移动，令牙齿重新排列。这种方法矫正成人龅牙时间长，效果差，还存在很大的反弹机率。外科正牙是一种专门针对成人龅牙的矫正方法，它是通过手术的方式改变牙颌之间的关系的，所以速度很快，大多数情况下一个小时内就可以完成矫正。而且由于外科正牙对于颌面的改善比较明显，因此很受龅牙患者的喜爱。</t>
  </si>
  <si>
    <t xml:space="preserve">请高手来解答下!!格斗骑士好不好加快速打击?1级快速打击加多少速 </t>
  </si>
  <si>
    <t>致命比攻速效果明显..太明显了..</t>
  </si>
  <si>
    <t xml:space="preserve">我曾经被拒签过但我妻子没有拒签记录。请问我们可以预约在同一天一起? </t>
  </si>
  <si>
    <t>办理肯定是可以，无非是你拒签率高一些而已。认真准备资料，诚实地回答问题，并且可能要被问及上次拒签的原因，好好准备，个人认为不难</t>
  </si>
  <si>
    <t xml:space="preserve">乌龙茶的茶叶是乌龙吗？ </t>
  </si>
  <si>
    <t>乌龙茶，亦称青茶、半发酵茶，是中国几大茶类中，独具鲜明特色的茶叶品类。乌龙茶是经过杀青、萎雕、摇青、半发酵、烘焙等工序后制出的品质优异的茶类。乌龙茶由宋代贡茶龙团、凤饼演变而来，创制于1725年（清雍正年间）前后。品尝后齿颊留香，回味甘鲜。乌龙茶的药理作用，突出表现在分解脂肪、减肥健美等方面，乌龙茶为中国特有的茶类，主要产于福建的闽北、闽南及广东、台湾三个省。近年来四川、湖南等省也有少量生产。乌龙茶除了内销广东、福建等省外，主要出口日本、东南亚和港澳地区。（如若，您对我的答复满意，请点击左下角“好评”，谢谢您的采纳。）</t>
  </si>
  <si>
    <t xml:space="preserve">武士38挂机哪里最好啊装备是绿色+黑头+防1死神对+4死神戒指+ </t>
  </si>
  <si>
    <t>落下岛的拉</t>
  </si>
  <si>
    <t xml:space="preserve">rf国度速架炮的方法玩过炮手的请教下移动中速架炮的方法 </t>
  </si>
  <si>
    <t>先按下H，用键盘控制。完V和炮架一起按```刚跳起来炮架就立上了```收炮架我暂时还没发现！</t>
  </si>
  <si>
    <t xml:space="preserve">我的头发拉过又烫过又拉过,现在弄得发质很干燥很黄,什么牌子的洗发? </t>
  </si>
  <si>
    <t>如果您不着急的话,用用食疗怎么样.我也用过护发的东西,但是用多了就会发现,其实那些好的效果都只是昙花一现,一般也只能保持一个星期而已.我在书上看过,对头发最好的四种食物是黑豆,芝麻,核桃,瓜子.但是这要坚持很长时间啊,平时要多运动噢,头发又拉又烫过,修复真的是一个漫长的过程,MM如果想恢复,一定要有耐心.另外我还推荐海带这东西,大S的美容大王上她护理头发就会经常吃海带,芝麻,好像还有喝豆浆呢.每次洗完头发后不要用吹风机,吹风机的辐射是手机,电脑的好几千倍,对身体很不好的,一定要用的话,最好离自己14厘米,这样你都感受不到风了是不是,那就不要用了.祝您有一头美丽的秀发.</t>
  </si>
  <si>
    <t xml:space="preserve">GM大半夜的搞什么。。怎么进不去呀。。。GM怎么进不去呀。。。大 </t>
  </si>
  <si>
    <t xml:space="preserve">以下是完美时空官方消息： 　　《》定情公测，真爱开启，受到万千“诛丝”的疯狂追捧，短短两周时间激增29组新服，总服务器数量达到41组。而每逢晚上黄金时间和 周末，《诛仙》都会出现所有服务器全线飘红的壮观景象！而完美时空的其他三款产品《完美世界》、《完美世界国际版》、《武林外传》也在大陆游戏市场占据举足轻重的地位，完美时空的市场整体 占有率在四款产品的支持下，正在稳步上升。 　　正是这款万千“诛丝”痴迷的“真爱网游”《诛仙》，正是如日中天的完美时空，让一些别有用心的人寝食难安。各种各样的打击《诛仙》的 不法手段源源不断的出现。从在网络上有意散步诋毁《诛仙》的虚假言论，到前些日子有组织的针对《诛仙》小规模黑客攻击，但在广大“诛 丝”对《诛仙》无法抹消得热情和完美时空雄厚的技术实力面前，这些手段终究成为笑柄。 　　于是，令人发指的一幕出现了。一次有组织的针对完美时空旗下四款游戏产品的进行的大规模黑客攻击在今天凌晨开始，截止发稿前，攻击流量已超过100G，达到中国网络有始以来最大规模的攻击。由于这场突如其来的大规模攻击，已大大超越了相关电信和网通机房的出口带宽，完美时空的四款游戏产品均受到了一定程度的影响，部分服务器于今天凌晨开始出现登陆困难、无法连接服务器等现象。 　　为最大限度保证玩家访问官网、登陆游戏的通畅，完美时空正在对登陆服务器进行紧急硬件升级。我们将以最快的速度恢复被攻击的服务器，为广大玩家提供优质、畅通的服务。同时，对于在本声明前假冒完美时空在网络上发布虚假官方声明及散播谣言的不法分子，完美时空将保留追究其法律责任的权利！ 　　此外，这种基于流量的网络攻击带来最大的危害仅在于网络堵塞，仅造成用户访问网站和登陆游戏困难，但对于处于防火墙内服务器上存储的玩家数据则不会有任何影响，请广大玩家放心。 　　完美时空郑重警告在幕后策划和执行这次违法行为的人，对于这种损害网民利益、对民族网游原创开发企业的仇视和攻击、以非法手段打击民族企业的恶劣行为，必将予以严惩！完美时空将不惜代价誓将侵害广大“诛丝”权益的不法分子一网打尽！ 　　对于此次黑客攻击给您带来的不便，敬请谅解，民族网游征程漫漫，完美时空誓死保卫这一片纯洁、自由的原创净土，希望广大玩家能够理解、支持。 </t>
  </si>
  <si>
    <t xml:space="preserve">假如你的证件丢失，而你有身无分文，且处在没有朋友的异地他乡，你该? </t>
  </si>
  <si>
    <t>找警察或民政局，然后回家。</t>
  </si>
  <si>
    <t xml:space="preserve">幽幽小市民与小人的区别 </t>
  </si>
  <si>
    <t>小市民就想着利已,小人则是损人利己</t>
  </si>
  <si>
    <t xml:space="preserve">我们相配吗?我和男朋友一起已经三个月多了,我们的身高是一样,名字 </t>
  </si>
  <si>
    <t>既然相爱，就好好的相处，珍惜缘份，但是必要的考验还是要有的哦，这样才能知道是不是真心的，祝你们快乐哦~~~</t>
  </si>
  <si>
    <t xml:space="preserve">谁给我介绍一些后街男孩的歌越多越好 </t>
  </si>
  <si>
    <t>动感的:1.Get down2.Everybody3.We've got  going on4.The call5.Larger than life6.It's gotta be you7.Shining star8.If you want to be good girl9.I wanna be with you 10.Boys will be boys11.Hey Mr. DJ12.Everyone13.Get another boyfriend14.The one柔美缓慢的：1.How did I fall in love with you2.I promise you3.Time4.Yes I will5.It's true6.What makes you different7.I never break you heart8.As long as you love me9.1000 promises10.Don't wanna lose you now11.Like a child12.The perfect fan13.Spanish eyes14.Show me the meaning of being lonely15.Not for me适中的：1.I want it that way2.All I have to give3.Drowning4.Shape of my heart5.More than that6.Anywhere for you7.Quit playing games8.I need you tonight9.Back to you heart10.No one close to me11.The answer to our life12.Let's have a party不经常听到的（有的是专辑上没有，演唱会上唱的的）：1.That's what she said2.Lay dowm beside me3.My heart stay with you4.Darlin5.Jut to be close to you6.Christmas time7.Missing you8.Waiting for a girl like you9.The one you love10.Everytime I close my eyes11.Roll with it12.Nobody but you13.Give my heart14.Set a drift on mrmory15.Tell me that I'm dreaming新专辑上的：1.Climbing the walls2.Poster girl3.Beautiful woman4.Forees of nature5.Incomplete6.The unloved7.Never gone8.Love is9.Over her10.Color my world11.Memories12.Just want you to know13.Crawing back to you14.I still15.Lose it all我检查过了，没有重复的，全部都在这里啦！楼主应该给点悬赏分吧，还有大家一定要多多支持ＢＳＢ，有问题找我啦～哈哈～</t>
  </si>
  <si>
    <t xml:space="preserve">清朝的行政级别和军事级别是怎么划分的? </t>
  </si>
  <si>
    <t xml:space="preserve">六部：由于过去只有六部，所以其职能往往等于现今多个部门职能的综合。其长官尚书相当于部长，副长官侍郎相当于副部长；各司主管称郎中，相当于司局长，副主管称员外郎，相当于副司局级；至于主事权力、地位上比处长要高一些。吏部：相当于组织部+人事部。兵部：相当于国防部、、公安部、交通部（驿传）、军委等部门。刑部、大理寺：相当于最高法院、最高检察院、司法部等部门。礼部：相当于部、文化部、宣传部等部门。户部：相当于财政部、民政部、商务部、劳动与社会保障部、审计署、中国人民银行（造币）、税务总局等各部门。工部：相当于建设部、国土资源部、农业部、水利部等部门。殿阁大学士：从人数和地位上看相当于现在的政治局常委，因为这些大学士一般都是军机大臣或是兼任尚书、都统之类的职位，都是独当一面的人物。一般来说，三殿三阁（保和殿、武英殿、文华殿、体仁阁、文渊阁、东阁）共六名大学士，都是当到退休（休致）才空出，由协办大学士递补，除非该人被革职或是死亡。协办大学士就相当于政治局候补。领侍卫内大臣、内大臣等：就品级上来说现在似乎没有那么高的侍卫官；就职能来说，可以相当于中央警卫局。都察院：相当于监察部。理藩院：相当于外交部（清末以前的外交一般指对蒙古各部、西藏、新疆、俄罗斯、日本、朝鲜、越南等，主要还是管理蒙古）。翰林院：相当于中央党校+中科院、社科院。国子监：相当于清华、北大之类的学校的综合体兼有教育部高教司的职能。顺天府：相当于北京市。步军统领：相当于现在北京警备区兼公安厅的职能。内务府：为皇室服务的机构，可以理解为现在的国务院办公厅之类的部门。总督：军事职能相当于解放初期的大区书记。巡抚：相当于现今的省委书记、省长。驻防将军：相当于现在的警备区司令员。各省军事：总体来说，清代的武官品级上较历代有了较大的提高。提督：为一省最高军事长官，相当于现在的省军区司令员。总兵：相当于现今的军分区司令员或军长，其统辖的镇相当于今天的军分区。副将：相当于副军长。参将：相当于师长。游击：相当于副师长或是旅长。都司、守备：相当于团级。千总：相当于营级。把总：相当于正连级。外委千总：相当于副连级。外委把总：相当于正排级。额外外委：相当于副排级。有些部门只是为某一时代或是统治阶级的需要，现在并不存在相关的部门。清代官职表如下(不包括光绪改制后的职务)正一品： 文职京官：太师、太傅、太保、殿阁大学士 文职外官：无 武职京官：领侍卫内大臣、掌銮仪卫事大臣 武职外官：无 从一品： 文职京官：少师、少傅、少保、太子太师、太子太傅、太子太保、 协办大学士、各部院尚书、都察院左右都御史 文职外官：无 武职京官：提督九门步军巡捕五营统领、内大臣 武职外官：将军、都统、提督 正二品： 文职京官：太子少师、太子少傅、太子少保、各部院左右侍郎、内务府总管 文职外官：各省总督 武职京官：左右翼前锋营统领、八旗护军统领、銮仪使 武职外官：副都统、总兵 从二品： 文职京官：内阁学士、翰林院掌院学士 文职外官：巡抚、布政使司布政使 武职京官：散秩大臣 武职外官：副将 正三品： 文职京官：督察院左右督御史、宗人府丞、通政使司通政使、大理寺卿、 詹事府詹事、太常寺卿 文职外官：顺天府府尹、奉天府府尹、按察使司按察使 武职京官：一等侍卫、火器营翼长、健锐营翼长、前锋参领、护军参领、 骁骑参领、王府长史 武职外官：城守尉、参将、指挥使 从三品： 文职京官：光禄寺卿、太仆寺卿 文职外官：都转盐运使司运使 武职京官：包衣护军参领、包衣骁骑参领、王府一等护卫 武职外官：游击、五旗参领、协领、宣慰使、指挥同知 正四品： 文职京官：通政使司副使、大理寺少卿、詹事府少詹事、太常寺少卿、 太仆寺少卿、鸿胪寺卿、督察院六科掌院给事中 京职外官：顺天府丞、奉天府丞、各省守巡道员、 武职京官：二等侍卫、云麾使、副护军参领、副前锋参领、副骁骑参领、 太仆寺马厂驼厂总管、贝勒府司仪长、侍卫领班 武职外官：防守尉、佐领、都司、指挥佥事、宣慰使司同知 从四品： 文职京官：内阁侍读学士、翰林院侍读学士、翰林院侍讲学士、国子监祭酒 文职外官：知府、土知府、盐运使司运同 武职京官：城门领、包衣副护军参领、包衣副骁骑参领、包衣佐领、 四品典仪、二等护卫 武职外官：宣抚使、宣慰使司副使 正五品： 文职京官：左右春坊庶子、通政司参议、光禄寺少卿、给事中、 宗人府理事官、各部郎中、太医院院使 文职外官：同知、土同知、直隶州知州 武职京官：三等侍卫、治仪正、步军副尉、步军校、监守信礮官、分管佐领 武职外官：关口守御、防御、守备、宣慰使司佥事、宣抚使司同知、千户 从五品： 文职京官：翰林院侍读、翰林院侍讲、鸿胪寺少卿、司经局洗马、 宗人府副理事、御使、各部员外郎 文职外官：各州知州、土知州、盐运司副使、盐课提举司提举 武职京官：四等侍卫、委署前锋参领、委署护军参领、委署鸟枪护军参领、 委署前锋侍卫、下五旗包衣参领、五品典仪、印物章京、 三等护卫 武职外官：守御所千总、河营协办守备、安抚使、招讨使、宣抚使司副使、 副千户 正六品： 文职京官：内阁侍读、左右春坊中允、国子监司业、堂主事、主事、 都察院都事、经历、大理寺左右寺丞、宗人府经历、 太常寺满汉寺丞、钦天监监判、钦天监汉春夏中秋冬五官正、 神乐署署正、僧录司左右善事、道录司左右正一 文职外官：京府通判、京县知县、通判、土通判 武职京官：兰翎侍卫、整仪尉、亲军校、前锋校、护军校、鸟枪护军校、 骁骑校、委署步军校 武职外官：门千总、营千总、宣抚使司佥事、安抚使司同知、副招讨使、 长官使、长官、百户 从六品： 文职京官：左右春坊赞善、翰林院修撰、光禄寺署正、 钦天监满洲蒙古五官正、汉军秋官正、和声署正、 僧录司左右阐教、道录司左右演法 文职外官：布政司经历、理问、允判、直隶州州同、州同、土州同 武职京官：内务府六品兰翎长、六品典仪 武职外官：卫千总、安抚使司副使 正七品： 文职京官：翰林院编修、大理寺左右评事、太常寺博士、国子监监丞、 内阁典籍、通政司经历、知事、太常寺典籍、太仆寺主薄、 部寺司库、兵马司副指挥、太常寺满洲读祝官、赞礼郎、 鸿胪寺满洲鸣赞 文职外官：京县县丞、顺天府满洲教授、训导、知县、按察司经历、教授 武职京官：城门史、太仆寺马厂协领 武职外官：把总、安抚使司佥事、长官司副长官 从七品： 文职京官：翰林院检讨、銮仪卫经历、中书科中书、内阁中书、詹事府主薄、 光禄寺署丞、典薄、国子监博士、助教、钦天监灵台郎、 祀祭署奉祀、和声署署丞 京职外官：京府经历、布政司都事、盐运司经历、直隶州州判、州判、 土州判 武职京官：七品典仪 武职外官：盛京游牧副尉 正八品： 文职京官：司务、五经博士、国子监学正、学录、钦天监主薄、太医院御医、 太常寺协律郎、僧录司左右讲经、道录寺左右至灵 文职外官：布政司库大使、盐运司库大使、盐道库大使、盐课司大使、 盐引批验所大使、按察司知事、府经历、县丞、士县丞、 四氏学录、州学正、教谕 武职京官：无 武职外官：外委千总 从八品： 文职京官：翰林院典薄、国子监典薄、鸿胪寺主薄、钦天监挚壶正、 祀祭署祀丞、神乐署署丞、僧录司左右觉义、道录司左右至义 文职外官：布政司照磨、盐运司知事、训导 武职京官：八品典仪、委署亲军校、委署前锋校、委署护军校、委署骁骑校 武职外官：无 正九品： 文职京官：礼部四译会同馆大使、钦天监监侯、司书、太常寺汉赞礼郎 文职外官：按察司照磨、府知事、同知知事、通判知事、县主薄 武职京官：各营兰翎长 武职外官：外委把总 从九品： 文职京官：翰林院侍诏、满洲孔目、礼部四译会同官序班、国子监典籍、 鸿胪寺汉鸣赞、序班、刑部司狱、钦天监司晨、博士、 太医院吏目、太常寺司乐、工部司匠 文职外官；府厅照磨、州吏目、道库大使、宣课司大使、府税课司大使、 司府厅司狱、司府厅仓大使、巡检、土巡检 武职京官：太仆寺马厂委署协领 武职外官：额外外委 未入流： 文职京官：翰林院孔目、都察院库使、礼部铸印局大使、兵马司吏目、 崇文门副使 文职外官：典史、土典史、关大使、府检校、长官司吏目、茶引批验所大使、 盐茶大使、驿丞、土驿丞、河泊所所官、牐官、道县仓大使 武职京官：无 武职外官：百长、土舍、土目 这里的太师、太傅、太保……只是对大臣的一种荣誉加衔，或死后所赠。右都御史是总督的加衔；右副都御史是巡抚的加衔；总督和巡抚是地方最高长官，兼了都御史的头衔，就可以有弹劾权。这些都是空衔而不是实职。  怒放的油菜花 2006-05-08 21:48 清朝督抚同为地方大员，又称封疆大吏。区别如下。总督各辖区或领域（比如河道总督、东河总督、粮场总督等），两广、湖广是辖区不同。总督 　正二品。加兵部尚书衔者为从一品，加大学士衔者为正一品。辖一至三省。清代总督例兼右都御史，加兵部尚书衔。全国共设总督八人，清末加设东三省总督，另有河道总督、漕运总督等。世称“制台”、“制军”。为正一品大员，统管一省或两三省的军事、行政大权。清代共设有直隶、两江、闽浙、湖广。陕甘、两广、云贵、四川八大总督。其中直隶总督直接负责京师安全，地位比其他总督更重要；两江总督掌江西、江苏、安徽三省军政大权；湖广总督掌湖北、湖南两省军政大权；闽浙总督掌福建、浙江两省军政大权；两广总督掌广东、广西两省军政大权；云贵总督掌云南。贵州两省军政大权；陕甘总督掌陕西、甘肃两省军政大权；四川总督掌四川一省军政大权。 巡抚为从一品大员，主管一省的军政大权，一般受总督节制。例兼都察院右副都御史，兵部侍郎衔。掌考察全省地方官员。本省关税、漕政等也总归巡抚掌管。若有用兵，则督理粮饷。每年乡试，例由巡抚督试，武科则由巡抚主考。各省巡抚也如总督，都自有直属军营，名为“抚标”。巡抚又多兼提督衔，节制本省各镇总兵。其职权稍次于总督，无总督之省，则更是独当一面，所以巡抚与总督同是地方大员。 此外，顺便介绍一下清朝的官制，省的最高军事行政长官称巡抚，又叫封疆大吏。按清朝官制，每省设巡抚一人，巡抚之上设总督，总督一般辖三省或两省，也有只辖一省的总督，如直隶总督、四川总督，该总督也就兼管巡抚事，一般不再另设巡抚。巡抚尊称“抚台”。总督侧重于管军事，因此称“制军”，也叫“制台”，又有“帅”的称号。巡抚不能称“帅”。总督所驻之处是总督衙门，又称“督院”，或简称院，或院上。巡抚所驻之地称抚院，或抚衙。 巡抚和总督地位虽高，但刚开始只是一种临时设置的差使，从名义上讲一省的最高行政长官应算布政使，全称为“布政使司布政使”，其职责相当于如今的省长兼管民政和财务，好象古时候的一方之伯，因此称“方伯”，他也好象天子的屏藩，因此又称“藩台”。当巡抚和总督成为固定职务后，布政使的地位就降低了，成为巡抚和总督的僚属。 一省之中还有专管司法的提法使或称按察使，全称为“按察使司按察使”，“按察”相当于古之“陈臬”，因此按察使又叫“臬台”。臬台的地位仅在藩台之下，藩台和臬台合称“二司”。说某省的“三大宪”就是指的抚台、藩台和臬台。 总督、巡抚的僚属还有专管教育的提学使，又叫学政；专管盐政的盐运使等等。他们虽与布政使、按察使同属“各司”，但地位却比藩台和臬台要低。 司之下设“道”，如粮道、盐茶道、兵备道、川东道等等。清朝的官员分九品，总督为一品，巡抚二品或从一品，司三品或从二品，道四品，道的地位恰是处在承上启下的一级上。道又称“道台”，因相当于宋时的观察使，所以也称“观察”。 综上所述，清朝的省级官员只有三人：巡抚（总督）、布政使、按察使，这是可以称为“三大宪”的重要官员。提学使和盐运使等等，只能算“副省级”。一省之中有幸能够进入省级和副省级的官员应在10名以内，最多不会超过15名。至于司以下设的道，只能相当于现在的“正厅级”，不能归于省级之列。  怒放的油菜花 2006-05-08 21:49 放点资料在这，明天有点用…………  怒放的油菜花 2006-05-08 21:50 清朝官职清朝官职分九品，每品有正从两级，从就是跟从，副的意思，比如从六品比正六品低一级。清朝官服，顶戴花翎，都根据这套官品级别来确定和办认。清朝没有宰相或丞相的官称，皇帝之下统管文武朝政的最高行政长官，叫做大学士，也足见满清朝廷对于任政府总理一职的人选，有多么高的学识要求，不是政治可*的亲信就能提拔。后来清廷又设军机大臣和总理大臣的官称，都是跟大学士一样的权职。这几个总理级官员，加上先帝的老师们，是正一品官职，正一品顶戴花翎。当朝皇帝的老师，六部尚书（部长），各大行政区总督，武官里的将军，都统，提督，则是从一品。当朝皇太子的老师，各省总督，六部院侍郎（副部长），属正二品。各省巡抚，内阁学士，翰林院学士，各省布政使，是从二品。六部以下九寺（正司级）的寺卿，各省按察使，是正三品。各寺副职，各省盐运使，是从三品。各省道员（厅级），属正四品。省以下行政区为府，知府是从四品。各府的副职，直隶（京津地区）知州，是正五品。六部员外郎，各省知州，是从五品，州是府以下行政区。六部主事，各省通判，属正六品。翰林院修撰，直隶州同（副职），是从六品。翰林院编修，外县知县，是正七品，所以有七品芝麻官的说法。进士及第，通常都从正七品开始授职，做翰林院编修之类。国子监博士等，是从七品。外县副职，县教谕等是正八品。再下从八品，正从九品，就不入流了。满清制度，各地县官（县长）并不是由上级地方官府任命的。所有县官都必须是考中了进士，然后由中央朝廷任命而后外放的。新科进士，正七品授职，县官跟翰林院编修一级。听起来，好像翰林院编修比县官大了许多，也许因为是在中央朝廷里任职吧，其实县官的权势比翰林院编修可大得多了。大学士——清朝设满、汉大学士各二人，自雍正八年起其品级定为正一品。这就使得大学士成为清朝最高的官员，犹如历朝的丞相，品列文官之首。大学士的副职为协办大学士，满汉各一人，乾隆四年始有，其品级为从一品。其下又有内阁学士，满六人，汉四人，品级为从二品。  成都一匹狼 2006-05-08 21:53   怒放的油菜花 2006-05-08 21:54 清朝顶戴的颜色的含义，对应的官职按清礼仪，一品为红宝石，二品为珊瑚，三品为蓝宝石，四品用青金石，六品用砗磲，七品为素金，八品用阴纹缕花金，九品为阳纹镂花金。无顶珠者无官品；二为凉帽，无檐，喇叭式，初期扁而大，后期小而高，用藤、篾席，外裹绫罗，多为白色，也有湖色、黄色，上缀红缨顶珠。 清朝的礼帽，在顶珠下有翎管，质为白玉或翡翠，用以安插翎枝。清翎枝分蓝翎和花翎两种。蓝翎为鹖羽所做，花翎为孔雀羽所做。花翎在清朝是一种辨等威、昭品秩的标志，非一般官员所能戴用；其作用是昭明等级、赏赐军功，清代各帝都三令五申，既不能簪越本分妄戴，又不能随意不戴，如有违反则严行参处；一般降职或革职留任的官员，仍可按其本任品级穿朝服，而被罚拔去花翎则是非同一般的严重处罚。 花翎又分一眼，二眼，三眼，三眼最尊贵；所谓“眼”指的是孔雀翎上的眼状的圆，一个圆圈就算做一眼。蓝翎是与花翎性质相同的一种冠饰，，又称为“染蓝翎”，以染成兰色的鹖鸟羽毛所作，无眼。赐予六品以下、在皇宫和王府当差的侍卫官员享戴，也可以赏赐建有军功的低级军官。鹖鸟生性好勇斗狠，至死不却，武士冠上插鹖翎，能够显示武士的英勇，到也贴切。在清朝初期，皇室成员中爵位低于亲王、郡王、贝勒的贝子和固伦额附（即皇后所生公主的丈夫），有资格享戴三眼花翎；清朝宗室和藩部中被封为镇国公或辅国公的亲贵、和硕额附（即妃嫔所生公主的丈夫），有资格享戴二眼花翎；五品以上的内大臣、前锋营和护军营的各统领、参领（担任这些职务的人必须是满洲镶黄旗、正黄旗、正白旗这上三旗出身），有资格享戴单眼花翎，而外任文臣无赐花翎者。由此可知花翎是清朝居高位的王公贵族特有的冠饰，而即使在宗藩内部，花翎也不得逾分滥用；有资格享戴花翎的亲贵们要在十岁时，经过必要的骑、射两项考试，合格后才能戴用。但后来花翎赏赐渐多，就不一定经过考试了。 花翎如此高贵，故此在清朝特别被人重视、向往。福建水师提督施琅在降清后被赐籍汉军镶黄旗，平台后力辞靖海侯而恳求照前此在内大臣之列赐戴花翎，康熙特旨许之；后乾隆帝下明诏，不但上述亲贵大臣可以戴用，如有显赫军功者也可以戴用。皇帝赐给臣下花翎是非常审慎的，乾隆至清末被赐三眼花翎的大臣只有傅恒、福康安、和琳、长龄、禧恩、李鸿章、徐桐七人，被赐双眼花翎的约二十余人，这在当时是千古犹荣的恩宠。 清朝爵位中最为显贵的亲王、郡王、贝勒，按清初的规定是不戴花翎的；但乾隆年间，许多人以兼任内大臣等职务为由乞翎，因此之后亲王、郡王、贝勒开始佩戴三眼花翎。得到花翎的也有特例，如道光帝得知擒获在新疆叛乱的张格尔后，即赏报捷音者戴花翎、军机处行走；道光后期，花翎的赏赐范围渐大，各方面对国家有功之人均可赏戴花翎；而第一次鸦片战争后，因国库空虚，竟有了捐翎的例制，花翎为7000两实银，蓝翎为5000两实银！ 顶戴花翎分等级 一顶官帽一把毛除了补服外，各级官员还分“顶戴花翎”，“顶子”也是区别清朝官员品级的重要标识。“顶戴”分朝冠用及吉服冠用两种。朝冠顶子共有三层：上为尖形宝石，中为球形宝珠，下为金属底座。吉服冠顶子比较简单，只有球形宝珠及金属底座两部分，底座用金的，也有用铜的，上面镂刻花纹。顶珠的颜色及材料有多种，反映不同官员的品级，按照清朝礼仪：一品官员顶珠用红宝石，二品用珊瑚，三品用蓝宝石，四品用青金石，五品用水晶，六品用砗磲，七品用素金，八品用阴文镂花金，九品阳文镂花金。顶无珠者，即无品级。如果清朝官员犯法，就要把顶戴花翎拿下，表示解除他的一切职务。在现在的许多电视剧里，看着扮演清朝官员们戴的‘顶戴’，其实有许多错误的地方。他们戴的顶戴上面的翎子只有一根孔雀毛，这样的翎子在清朝是不会出现的。当时的翎子是蓝翎里面加上孔雀毛，分出单眼花翎、双眼花翎、三眼花翎几个档次，按照立功的大小来赏赐几眼翎子，所谓眼就是孔雀毛上的彩晕，而且孔雀毛也不是一根，是厚厚的一把。尺寸图案规定严私自改变必重罚清代皇家宗室的补服和补子，均是由南京、苏州、杭州即江南三织造订做进贡的，用料讲究，做工精良，尺寸、图案都有严格规定，官员不能私自改变身上与其品级相对应的官服。  怒放的油菜花 2006-05-08 21:55 我国清代文武官员穿着补服，在服饰的前胸和后背正中均缀饰一块绣有飞禽或走兽的丝筛，称“补子”。它又因丝绣的技巧，染工的技法，成了艺术珍品。 饰以禽兽纹样来区分官员等级的方法最早源于唐代女皇武则天时期。在此之前的官服多采用佩印绶制和色制，是以佩饰的数量和服装的颜色等来区分等级。武则天把饰有动物纹样的绣袍赐给文武官员，以此来作为品级官位的区别。这种创意一改朝服等级的形象，使人一看便知。 清早期，只有武官为补服制，而补子可随意缀织于朝衣、短褂、皮褂、马褂之上。到了顺治九年后，对补服的制作有了改变，几乎全盘承袭了明朝的定制，只有个别纹样有所删改。各级官员补服为石青色，款式也一致，为圆领、对襟、平袖过肘、身长过膝，区别仅在于补子形状和纹样的不同。 清代的补子直接袭于明朝，但也有所发展和变化，二者的主要区别，首先在于型制上。明代补子施于袍，清代补子用于褂。明服为团领衫，前胸补子是完整的一块，清服是对襟褂，前胸的补子被一分为二。明代的补子既有单独缀织到补服上的，也有事先直接织绣在补服上的，清代则为单独织绣成后再缝缀到补褂上的。明代的补子大约40厘米见方，清代的补子稍小，约30厘米见方；再有就是明代的补子多以红色等素色为底，金线绣花，清代的补子则是以青、黑、深红等深色为底，五彩织绣，色彩艳丽。明代补子四周多为光边，清代补子四周加工精细，多采用花边，并具有装饰效果。明代文官四品以下的补子，多绣有一对飞禽，清代的禽兽均绣单只。 明代的补子只饰于前胸后背，清代宗室的圆补有的不仅饰胸，还有的饰于两肩之上。 缀绣在清代官服上的补子，是识别官员等级的一种标识。它只不过是绣工的复杂程度和颜色的差别。补子随着官职而存在，且受到朝廷的限制，不能大量制作。因此有极高的工艺价值和历史价值。如今，它已成了一种珍贵的文物藏品。 官员所缀绣的补子图案各有不同，主要以文官采用飞禽饰样，武官采用走兽图案，用以显示出武官的威武气势。而官员的元配夫人为朝廷命妇，亦可随夫婿官阶，可在正式的霞帔胸、背部分缀有补子。 补子分圆补和方补两种。圆补用于贝子以上皇亲者，上为五爪金龙纹，分别饰于左右肩上及前胸和后背。方补均用于文官和武将等官员。 文官缀绣的补子图案分别为：一品为仙鹤，二品为锦鸡，三品为孔雀，四品为云雁，五品为白鹇，六口若悬河为鹭鸶，七品为（氵+鸡）（氵+束+鸟），八品为鹌鹑，九品为练雀。 武官缀绣的补子图案分别为：一品为麒麟，二品为绣狮，三品绣豹，四品绣虎，五品绣熊，六品绣彪，七品绣犀牛，八品与七品相同也是绣犀牛，九品绣海马。 清代的补服制度严格，任何人不得逾越。年羹尧的儿子因穿了四团龙补服一项，在给年羹尧定罪时，就有这一项：“非其人，不得服其服，顺礼也。” 当时，也有官员因自己的职位低，为了提高自己的地位，私自找绣工制作的。加工厂清廷三令五申禁止私自制作比自己官职高的补子，但为了利益仍有造假之事发生。制作这些补子的机构，是皇家专门织造绸锦缎的织造衙门。皇家织造衙门聚集了天下的能工巧匠，他们用各种绣丝彩料，运用和继承精湛的织绣技术手法，织绣出了誉满天下的传统服饰。这些补子如今已成了珍贵的文物和艺术珍品了。  有图见： </t>
  </si>
  <si>
    <t xml:space="preserve">女人是不是都是外星人！？真心想不懂女人在想什么。 </t>
  </si>
  <si>
    <t>大部分都不是你可能还不懂得女人</t>
  </si>
  <si>
    <t xml:space="preserve">关于PVE惩戒骑的属性问题我刚到70想了解CJQ在命中爆击AP等 </t>
  </si>
  <si>
    <t>CJQ的属性最好的应该是力量如果下FB的话堆命中如果PK的话堆暴击攻强不是CJQ的主要属性具体数值我不大清楚了，可以去专门网站查查看</t>
  </si>
  <si>
    <t xml:space="preserve">09088期R9（图） </t>
  </si>
  <si>
    <t>九龙坡和沙坪坝沟对一下吗，明天好在柒星岗打鬼玛：</t>
  </si>
  <si>
    <t xml:space="preserve">苏国里拿称号是阿蒙跟阿姆在哪?有图总好,坐标也行 </t>
  </si>
  <si>
    <t>苏国阿凯鲁法村管称号的文太：（193，177）万事通的林可：（155，165）</t>
  </si>
  <si>
    <t xml:space="preserve">什么音乐能够催眠？ </t>
  </si>
  <si>
    <t>休闲音乐.比如动漫的配乐   很好的网站.音乐赏里的每一首都很舒缓</t>
  </si>
  <si>
    <t xml:space="preserve">大师,走还是留?000552...000552成本16.7,00 </t>
  </si>
  <si>
    <t>000552庄家还在，持股待反弹。要出都等到17元以上。000630有庄家出货迹象，反弹到成本价位左右出局为妙。</t>
  </si>
  <si>
    <t xml:space="preserve">关于收入和利得的问题1.有一种说法是所有者权益的来源：①所有者投 </t>
  </si>
  <si>
    <t>答：根据企业会计准则--基本准则的规定：利得是指由企业非日常活动所形成的、会导致所有者权益增加的、与所有者投入资本无关的经济利益的流入。包括直接计入当期损益的利得和损失和直接计入所有者权益的利得和损失.直接计入所有者权益的利得和损失，是指不应计入当期损益、会导致所有者权益发生增减变动的、与所有者投入资本或者向所有者分配利润无关的利得或者损失。直接计入当期利润的利得和损失，是指应当计入当期损益、会导致所有者权益发生增减变动的、与所有者投入资本或者向所有者分配利润无关的利得或者损失。因此,与利得相关的科目包括营业外收入和资本公积.直接计入所有者权益的利得包括:可供出售金融资产公允价值变动净额,计入所有者权益项目有关的所得税影响,权益法下所有者权益项目的有关所得税影响.直接计入当期利润的利得包括.出售固定资产及无形资产的净收益(也就是利得),罚款,滞纳金,债务重组收益,非货币性交易收益,政府补助等.</t>
  </si>
  <si>
    <t xml:space="preserve">求助：学药的苦恼？谁能帮我啊？！我现在是一名从正规药校毕业的大专 </t>
  </si>
  <si>
    <t>为什么非要当医生呢？条条大路通罗马我不知道你的专业毕业后的就业方向是什么但我想，如果你学过中医药的话，不妨再考个营养师什么的现在的人们很注重身体健康，很注重饮食平衡将中医药和饮食营养结合起来，我想会有很大的发展空间的。</t>
  </si>
  <si>
    <t xml:space="preserve">出句:残阳血,马嘶风,剑光寒,骑士啸.祝君快乐,祝大家快乐!!! </t>
  </si>
  <si>
    <t>[出句]: 残阳血, 马嘶风, 剑光寒, 骑士啸；[ 痴  迷 ][对句]：苍山海，诗和韵，樽色暖，吟者昂。[东方棋韵]</t>
  </si>
  <si>
    <t xml:space="preserve">怎样计算管材拉伸后的壁厚D30MM的不锈钢管，壁厚3MM，拉到2 </t>
  </si>
  <si>
    <t>具体的公式我是忘记了，但是我记得计算工艺时其中还有一个很重要的因素：材料的延伸率！也就是材料每平方毫米的延伸率。它应该查五金手册得到的。</t>
  </si>
  <si>
    <t xml:space="preserve">有多少中国人从没接过电话？我看到一个数据，说是世界人口50%的人 </t>
  </si>
  <si>
    <t>幽友中上网那是绝对有滴~~但接电话不一定全部~~~~~~~~~~~这可没有别的意思吓~~~因有朋友用不上电话，只能看。。。。</t>
  </si>
  <si>
    <t xml:space="preserve">修炼骑士的大师请指教偶练的是双热骑士,现正在进行修炼.今天早上在 </t>
  </si>
  <si>
    <t>这样的野蛮人应该没那么脆弱,用的什么技能?有可能是伤害加深没有吸血或者用狂战士乱砍的结果.考虑到地狱的难度,过关角色可以在噩梦多升几级多弄些好装备再进地狱.生命在1000左右,伤害要在1000以上,对于双热骑士来说准确率还是比较重要的,对地狱难度门口的小怪起码要大半几率命中,太低的话,白热总是打不到人,很不爽的.防御的重要性没那么明显.吸血一定要有,白热骑士是经常要被围攻的,吸血很重要可以在危急时刻保命,高抗性对于刚进入地狱难度的角色来说很难达到,所以只要火电抗性不要太低即可.总之进地狱要有一定的条件但也没必要要求太高,百分之百没有风险是不可能的,那样游戏也没多大意思了.个人以前进地狱难度时,条件经常不如上述内容,也可以锻炼游戏操作水平.</t>
  </si>
  <si>
    <t xml:space="preserve">我的主扳怎么了？？我的主扳是810的，一年前好好的，机子也没有用 </t>
  </si>
  <si>
    <t>这样都不亮，当然是主板坏了啊！~晕！你是哪找的这些问题哦！</t>
  </si>
  <si>
    <t xml:space="preserve">北京王府井步行街上来往最多的是什么人？脑筋急转弯 </t>
  </si>
  <si>
    <t>行人…………</t>
  </si>
  <si>
    <t xml:space="preserve">倒霉的情节怎么写奋斗的好写，成功的好写，意气风发的也好写，可是主 </t>
  </si>
  <si>
    <t>“倒霉”等于说遇事不利或遭遇不好，随即使人灰心、失望。这里给你找些句子、段落供参考。一、词组、句子：一个接一个的失败//像灭火剂一样反把心头的希望之火浇灭了//希望五彩缤纷的肥皂泡，突然在眼前破灭//他灰心丧气，像只泄了气的皮球，从此心如死灰，一蹶不振//她好像掉进冰窟窿里，心里从头冷到脚//心灰意懒，万念俱灰，失去继续奋斗的勇气//心好像被拴了块石头似的直沉了下去//他的心情像是被吹落的树叶，感到无限失望//脸上没有一丝笑容，像是穷愁潦倒得再扶持不起来的样子//她好像一个溺水的人，连刚碰到手的仅有的一块木板也滑失了//她觉得对她把所有的大门都关闭了//一个人，只要有三寸宽的一条路，也不会想到死，然而她没有路了//唯一的希望破灭了，他像坍了架，丢了魂//一个孔武有力生气勃勃的人，一下子变得像被霜打了的芦苇二、名家名段：他随挤随看，他看见许多同学都取了，榜上偏偏独没有他自己的名儿，他心里就发起慌来了；脸上显出失望的样子；头渐渐的低了；面色渐渐的白了；挤的也渐渐的慢了。他心里却还是以为看的不习惯，便又用力往左挤。－－汪敬熙《一个勤学的学生》天祥像在云端跌到渊之下；身体有些飘忽，心头是欲呕不呕，手足都战抖着，面色苍白得可怕。挣扎得很久，突伏在桌上大哭起来。血与泪的交流；希望与光明之途，一时都塞绝。他也不知道怎么办好！此身如浮萍似的无依。只欠一死，别无他途。－－郑振铎《桂公塘》他的哭声里泄露了他无限的悔恨和一个永不能实现的新生的欲望。好像一个人被抛在荒岛上面，过了一些年头，已经忘记了过去的一切，忽然有一只船驶到这个荒岛来给了他一线的希望，却又不顾他而驶去了，留下他孤零零地过那种永无终结、永无希望的寂寞生活。－－巴金《哑了的三角琴》现在听了这个令人不安的消息，她，泄气了。扁口带扣的花格布鞋里，俊秀的闺女脚发麻起来了；学生蓝制服裤子里，苗条的两条腿也疼痛起来了。她这不是常跑长路的脚腿嘛。－－柳青《创业史》玛瑙忧郁地倒在席上，一种无边的哀怆淹没了他。疲惫的脑筋开始有点麻痹，他觉着一切力量都从身上失去。眼前只是一片荒凉，没有希望，没有拯救，从胀痛的呜呜的耳鸣里，只传出声缠绵不断的绝望的惨叫。－－端木蕻良《鴜鹭湖的忧郁》希望病愈只不过是一个梦想。我又躺倒了。身上涂满了烫人的药膏。过去千金难买的身躯今天恐怕是一钱不值了！我们一定是前世作孽过多，再不就是来生将享尽荣华，所以上帝才会使我们这一生历尽赎罪和磨炼的煎熬。－－［法］小仲马《茶花女》王振孙译袋中依旧没有钱，腹中的生理作用并不因此停止。他一急，眼前一阵阵黑！陈松寿方面，他前日写了一封信给他，和他借钱，他连答复都没有。陈若真方面，他自己说他穷得要命，怎好向他要钱。这慷慨的竹圃先生方面，啊！那便是死给他看，他还不施舍一些什么！教书方面，卖文方面，都尝试了，但希望敌不过事实，终归失败。－－洪灵菲《流亡》五年过去了，吴占奎又衰老又憔悴，但已养成默坐冥想的习惯，眼睛里所现出来的感情是极大的平静，甚至于可以说是空虚，不再有学术上的所欲望，也失去了青春的孤傲。仿佛他对世界上没有一点儿希求，只是注意着小窗口的亮光，看看是不是好发囚粮了，听着隔壁的脚步声，听听是不是有新的囚犯关进来，还是有的老囚犯得到了提审的幸福。偶尔有燕子闪过，他知道是春天来了，然而春天又离得他那么遥远；偶尔院心出现一片落叶，他感到秋天来了，然而秋天又是那么渺茫。－－骆宾基《罪证》那些家人起初像火一般热，到此时化做冰一般冷，犹如断线偶戏，手足掸软，连话都无了。－－冯梦龙《小水湾天狐贴书》他决意不再思想，不再追逐什么，不再把美丽的希望来欺骗他自己。－－洪灵菲《流亡》那时候我于败退之余，托身远地，又逢了雕落的季节。苍茫四顾，一点儿希望也没有，一点儿生趣也没有。郁达夫《十一月初三》祥子没言语，又没生气。他好像是死了心，什么也不想，给它个混一天是一天。有吃就有吃，有喝就有喝，有活就作，手脚不闲着，几转就是一天，自己顶好学拉磨的驴，一问三不知，只会拉着磨走。－－老舍《骆驼祥子》那些光明、美丽的希望似乎都跟他断绝了关系。他觉得自己就像一个衰老的车夫，吃力地推着一辆载重的车子，一步一步地往前面走，他早已不想什么时候能达到目的地，卸下这一车重载，他也不再计算已经走了若干路程，他只是一步一步缓慢地走着，一直到他力竭的时候。－－巴金《寒夜》自从那次以后，我像变了一具“走尸”，变成一堆灰烬。不但没有一点火星，连一丝残烟也没有了。我的生命好像枯萎了，视觉、听觉和语言都成多余的了。我不再喊了，也不要求给纸笔写申诉材料了。坐坐、睡睡、踱踱步子。那个牢房竖是九步长，横是六步宽，可是我踱了几千次，老是数不过来。－－李准《飘来的生命》然而他愈想着这些事，那矛盾性的暴躁和颓丧却在他心头愈加强烈了。平日的刚毅决断，都不知躲到那里去了，他自己也觉得很奇怪。并且他那永不会感到疲倦的精力也像逃走了。－－茅盾《子夜》秕的玉米种子可以兑换，可乡亲们心中希望的种子却已枯萎。满村是看不到奔头的唉声叹气，到处有一混一天算一天的糊涂。－－李存葆《金银梦》</t>
  </si>
  <si>
    <t xml:space="preserve">最近有没有什么好看的日本新动漫啊？最好是黑暗系的，求推介[求关注? </t>
  </si>
  <si>
    <t>another，妖精的旋律，虫师，地狱少女，心理测量者</t>
  </si>
  <si>
    <t xml:space="preserve">龙王逆鳞铠问价反猛用的龙王逆鳞铠，92防，加持1，强了25体魄， </t>
  </si>
  <si>
    <t>上面的纯属放屁！这衣服给力猛穿也行啊，至少血多不少。25血你知道多少吗？！至少值6票</t>
  </si>
  <si>
    <t xml:space="preserve">请帮忙参考下．估估价我买了个满血满速的４５Ｊ云，3800W绿木的 </t>
  </si>
  <si>
    <t>具体看你是那个服务器的，满血满速的４５Ｊ云，3800W ，没有天技的不值，有天技的值，因为3800W才约2卡。新服要5卡以上，旧的也要2-3卡。绿木的70靴子，速度90+，还可以，这个约400-500W,17%是法闪？法闪值钱，1000W以上，所以你1600W也差不多。1800W也不为过。</t>
  </si>
  <si>
    <t xml:space="preserve">除了贝德玛植村秀还有什么蛮好的卸妆产品吗？万能的微博告诉我。 </t>
  </si>
  <si>
    <t>兰蔻 卸妆乳，清滢洁面卸妆乳含从大自然提炼的木瓜和凤梨两种酵素，能帮助老角质的剥落，让肌肤变得更洁净、透明。将适量产品以划圈方式轻轻按摩于脸部及眼周，然后以化妆棉拭去。一步到位的清洁效果，乳液状质地，温和清洁眼部及脸部彩妆。在结束后，使用清滢系列爽肤水，在肌肤上享受轻柔如爱抚的体验。如果帮到你，请点击＂有用＂，O(∩_∩)O谢谢</t>
  </si>
  <si>
    <t xml:space="preserve">右耳朵里面不适每次一熬夜，右耳朵就疼，从耳朵根部疼，就是耳朵里面 </t>
  </si>
  <si>
    <t>建议耳鼻喉科就诊</t>
  </si>
  <si>
    <t xml:space="preserve">请问三国无双4和三国无双4猛将传怎么弄双打模式啊? </t>
  </si>
  <si>
    <t>在选人时，2P按开始键，1P选完就是2P选了</t>
  </si>
  <si>
    <t xml:space="preserve">E级D级C级是什么意思?是不是网站上所说的一阶二阶三阶? </t>
  </si>
  <si>
    <t>不同。。。  EDC是说的物品所加属性的等级，  E级加一种属性，D级加两种，C级加3种……一阶二阶说的是套装的种类。。如法师的：精灵护甲(1阶护甲) 传说护甲(2阶护甲) 彩云护甲(3阶护甲) 紫霞护甲(4阶护甲) 圣灵护甲(5阶护甲) 女神护甲(6阶护甲) 每往上一阶，装备的等级，需求都会提高。。。</t>
  </si>
  <si>
    <t xml:space="preserve">we的名词性物代词we的名词性物代词we的名词性物代词 </t>
  </si>
  <si>
    <t>we的名词性物代词是ours</t>
  </si>
  <si>
    <t xml:space="preserve">请问为什么从下载的电影不是粤语就是英文还没有中文字幕？请问能找到? </t>
  </si>
  <si>
    <t>在下载之前最好到该影片的发布页看看语种为何有sample的话下一个看看如果为粤语或者外语在发布页看看有没有字幕的链接如果没有到   查找或是在emlue搜索界面里关键字查找再没有就没办法了等吧</t>
  </si>
  <si>
    <t xml:space="preserve">数控铣床报价一般在网上被问到数控铣床价格的问题，可以很圆滑的回答 </t>
  </si>
  <si>
    <t>数控铣床分为升降台式、炮塔式和床身式。升降台式通常为卧式加工炮塔式刚性不能好，属于立式加工，但有些炮塔式铣床可以将主轴箱扳转一定角度使用，在一些斜孔、斜面的加工时较为方便。床身式数控铣床需根据加工的需要，选择数控系统及配套的驱动伺服电机，主轴传动形式及转速，刀具拉紧方式，机床防护形式。北京机床厂、桂林机床厂和杭州大天数控机床有限公司是较早生产床身式数控铣床的厂家。大天数控的小型数控铣床非常有特色，可以按用户的加工需要进行机床配置，是国内最早采用气动打刀来拉紧刀具的厂家之一，目前，主轴可按用户需要配置齿轮变速，其1：4/1：8减速来提高加工效率，打算高效加工的可以选他们家的床子，价格也比较有优势。</t>
  </si>
  <si>
    <t xml:space="preserve">看眼神我就知道你是好人还是坏人，不信把你照片发上来 </t>
  </si>
  <si>
    <t>我听声音就知道你是女孩还是男孩，把电话号码报上来！</t>
  </si>
  <si>
    <t>阿森纳1</t>
  </si>
  <si>
    <t xml:space="preserve">恭喜你中奖了。。。。。就看奖金多少了 </t>
  </si>
  <si>
    <t xml:space="preserve">从上海到江苏常熟怎么开车 </t>
  </si>
  <si>
    <t>从南北高架上，到中环，上沪嘉高速，再到A30，到沈海高速，再到常合高速公路（如果我的回答对您有有用，请选择“对我有用”或“好评”，谢谢您对我回答的采纳）</t>
  </si>
  <si>
    <t xml:space="preserve">现在江苏地区给宠物狗打狂犬疫苗前，是不是一定要注册植入芯片？有没 </t>
  </si>
  <si>
    <t>目前芯片植入属于市场行为，植入与否都是狗友们自愿。电子芯片仅有一厘米，大小和一粒米差不多，用外表像注射器的微芯片植入器注射到小狗颈背下，整个过程不超过5分钟。注射后，只需要用扫描器在狗狗脖子上轻轻一扫，犬协的网页上立刻显示出狗狗的品种、性别、出生年月、主人姓名、地址、免疫注射日期和电子病历。芯片里存有全球唯一的16位编号，就好像宠物狗的身份证。植入芯片后，犬只管理部门能轻松识别狗狗的身份，把流浪狗送还给主人，约束主人的抛弃行为，还能监控狗狗的狂犬疫苗注射情况。</t>
  </si>
  <si>
    <t xml:space="preserve">请问我该怎么办？大家好：我今天非常的郁闷，几天我碰到两个学生打架 </t>
  </si>
  <si>
    <t>揍他，骂老师，反了他了</t>
  </si>
  <si>
    <t xml:space="preserve">为爱执著男人太专情算不算白痴？ </t>
  </si>
  <si>
    <t>爱你的男人专情当然好啊哈哈我就希望男朋友专情对我</t>
  </si>
  <si>
    <t xml:space="preserve">为什么阴天的时候，心情会很郁闷？ </t>
  </si>
  <si>
    <t>这是因人而异的.就同一个人来说,也是因时而异的.如果在阴天的时候,你一切顺利,心花怒放,就不会被天气的优劣而左右.但是,如果在阴天的时候,恰逢你被心烦事纠缠,就会郁闷有加.我们要调整好自己的心态,以良好的心情面对一切,无论在何种天气下,我们都能开开心心.</t>
  </si>
  <si>
    <t xml:space="preserve">下尿路感染吃的是盐酸左氧氟沙星胶囊,开始每次一片,每天两次,觉得? </t>
  </si>
  <si>
    <t>病情分析：可以的，每天三次，大概用三天就好，你不要多想，注意营养搭配，多吃点骨头汤，益母草是活血排除淤血的，期间避免同房，流产不是小事，恢复是需要时间的，你谨慎点为好指导意见：建议定期复查一下，不要考虑太多，为了恢复好，定期检查一下，你注意生活的规律性，尽量放轻松点，要保持情绪的稳定，平时要注意卫生，避免感染细菌，避免吃冷刺激性的食物，帮助子宫恢复医生询问：请问小腹有阵痛吗？</t>
  </si>
  <si>
    <t xml:space="preserve">甘肃兰州治脊髓损伤的医院哪家效果好啊 </t>
  </si>
  <si>
    <t>您好，这个问题无法做出精准的回答。一定要选择口碑好的医院，治疗脊髓损伤的医院首先要有好的口碑，口碑好意味着疗效好，是治好脊髓损伤的关键。脊髓损伤后脊髓中心部分大面积流血性坏死的自毁现象简称为流血性坏死，是脊髓损伤后继发的重要病理过程。脊髓损伤是脊柱骨折的严重并发症，由于椎体的移位或碎骨片突出于椎管内，使脊髓或马尾神经产生不同程度的损伤。就“甘肃兰州治脊髓损伤的医院哪家效果好啊”这个问题而言，并不好回答。一般像脊髓损伤这样的疾病，建议患者选择一所正规的专科医院，这样的医院对脊髓损伤的治疗经验也相对较丰富。目前国内还没有具体的各个科的排行榜，但评审公布的全国重点学科可供参考。在选择医院方面，只有保证疗效，疾病才有治疗的可能，患者终的康复目的才有可能实现。兰州地区专治脊髓损伤的医院很多，也都很正规，不好评价。建议选择医院一定要选择正规的治疗脊髓损伤的医院，在确诊脊髓损伤、治疗脊髓损伤等，都是十分科学、到位、有序合理的。对于“甘肃兰州治脊髓损伤的医院哪家效果好啊”这个问题，是没有确切答案的。选医院，患者要看医院的医生资质：我们知道，医院是一家医院的实力象征，只有拥有最好医生的医院，才是值得信赖的。而且医生的选择特别重要，要选择那些经验丰富的专家级医生，他们对脊髓损伤的治疗技术掌握的娴熟，可以保证在最短的时间，用最有效和最安全的方式对您进行诊断和治疗。</t>
  </si>
  <si>
    <t xml:space="preserve">人族如何对抗蜘蛛流 </t>
  </si>
  <si>
    <t>如果发现对方是用流开局 其科技的进度肯定会慢下来 但前期是兵力上加强了 不管对mf和对人族的骚扰都是很有利的 人族前期可以先用大量的步兵过渡 步兵升级盾牌 因为蜘蛛是穿刺攻击 步兵的盾牌抵挡穿刺攻击有很好的效果 再说步兵又是普通攻击的 对蜘蛛的中甲又有加成伤害 基地内一定要放几个防御塔的 防止ud前期大量蜘蛛来压制 人族科技方面速升3级 放下铁匠铺出骑士 别忘了升级动物作战训练 防止对方转毁灭者 一但转毁灭着 狮鹫笼出龙鹰和狮鹫(狮鹫笼还是在二本时就放下好了) 最好在二发英雄山丘出来时速开分矿 找好时机 在ud对你放松警惕的那一刻 这时机的把握很重要 因为过早让对方发现 分矿不但运行不了 而且还成了累赘 分基地疯狂树踏吧 一但你的分矿运作起来 ud一定会很惦记你的分矿的 骚扰肯定是一波又一波 分基地的防御塔数量足够多的话 在加上你的主力部队回救 应该能守下来 这时候 主基地不停产龙鹰和狮鹫 ud如果几波推不下你的话 估计也会去开矿 这样人族三英雄就带着部队去各处练级和商店买群补等宝物 一但你的空军混合部队一成型 ud离gg就快了 如果在野外与其交战 感觉优势很明显了 那就一直去开矿好了 采地图上的矿 让ud无矿可采 这样最后你也可以直接用经济拖垮对手</t>
  </si>
  <si>
    <t>求标准16288</t>
  </si>
  <si>
    <t>标准见附件。</t>
  </si>
  <si>
    <t xml:space="preserve">211学校哪个会计考研究生分低又好 </t>
  </si>
  <si>
    <t>分低的基本没有，因为会计是大热门，11年文科高校都超过380分！连相当一般的末流211高校辽宁大学分数线都是390！建议你选择工科高校报考，不过就业就不敢恭维了。</t>
  </si>
  <si>
    <t xml:space="preserve">我想知道昆明是何样子 </t>
  </si>
  <si>
    <t>昆明，云南省省会，具有两千四百多年的历史，是云南省政治、经济、、科技、交通的中心，同时也是我国著名的历史文化名城和优秀旅游城市。 　　昆明地处云贵高原中部，市中心海拔1,891米。南濒滇池，三面环山。属于低纬度高原山地季风气候，由于受印度洋西南暖湿气流的影响，日照长、霜期短、年平均气温15。c。气候温和，夏无酷暑，冬不严寒，四季如春，气侯宜人，是极负盛名的“春城”。每年的12月到来年的3月，一群群躲避北方海域寒风的红嘴鸥，万里迢迢地从远方飞来，落栖在昆明城中。 　　昆明市域总面积约15560平方公里，其中市区面积约98平方公里。总人口400万。全省26个民族在昆明都有居住。昆明还是自然景观和人文景观的荟萃之地。悠久的历史、独特的地质结构，为昆明留下了众多的文物古迹和风景名胜。昆明市是一个发展中的国际旅游城市，目前，已形成了以世博会为中心的集自然风光和民族风情为一体的多功能的四季皆宜的旅游胜地。　　昆明市是云南省的交通枢纽、通讯中心及中国面向东南亚的口岸。昆明机场是中国五大国际航空港之一，有飞往仰光、曼谷、新加坡等的6条国际航线、通往香港的一条地区航线及通往国内各大中城市的约40条航线，以及省内的7条航线。现有昆明至成都、昆明至贵阳、昆明至河口等12条铁路干支线，还有昆明至南宁，以及省内的广大铁路、昆玉铁路等。昆明的公路四通八达，有5000多公里的公路通往省内各地和邻省邻国。</t>
  </si>
  <si>
    <t xml:space="preserve">QQ无法登陆怎么办瑞星防火墙升级后QQ无法登陆，显示连接服务器超 </t>
  </si>
  <si>
    <t>你把防火墙暂时关闭，看可能上QQ，如果能的 话就是防火墙的问题你 可以到瑞星官方BBS上面求助</t>
  </si>
  <si>
    <t xml:space="preserve">请问打美白针有什么副作用吗，美白针的主要成分是什么，停打后会有什? </t>
  </si>
  <si>
    <t xml:space="preserve">    之前我也不知道美白针的主要成分是什么，后来我有一个朋友去注射了美白针，也向专家咨询了下，这才知道美白针的主意成分和一些知识。美白针也是把多种的美白营养物质输入你血液里，和流行的口服胶原蛋白等补充营养一样。每个人的吸收情况会有所不同，但是根据我大量的临床经验证明，一个疗程下来有明显改善效果，尤其肤色暗沉、晦暗的人效果更明显。    美白针对于改善肤色和淡化斑都是有效果的但是如果您的斑形成时间比较长的话。内调外治，建议配合外用彩光治疗。可以达到双重效果。美白针就是以打点滴的方式。从而使全身美白，将具有美白功效的注射液体注射到血液。    希望以上这些回答对你会有帮助，如果还有什么不懂的，可是看看下面的参考资料噢！对你也许会有用的呢！</t>
  </si>
  <si>
    <t xml:space="preserve">怎样提高打字速度？关于拼音打字的方法 </t>
  </si>
  <si>
    <t>有很多联系打字的软件。。。每天多练！！另外跟别人聊天其实很练速度的！！</t>
  </si>
  <si>
    <t xml:space="preserve">帮忙谁能给我一个百里秦川的问道号,我给你100分,送的留下QQ号 </t>
  </si>
  <si>
    <t>我给你一个73级的法金号,带装备和宝宝的.</t>
  </si>
  <si>
    <t xml:space="preserve">重庆上市公司有哪些 </t>
  </si>
  <si>
    <t xml:space="preserve">总共31家。000514 渝开发 重庆渝开发股份有限公司 重庆市 000515 攀渝钛业 攀钢集团重庆钛业股份有限公司 重庆市 000565 渝三峡Ａ 重庆三峡油漆股份有限公司 重庆市 000591 桐君阁 重庆桐君阁股份有限公司 重庆市 000625 长安 重庆长安汽车股份有限公司 重庆市 000656 ST东源 重庆东源产业发展股份有限公司 重庆市 000736 ST重实 重庆国际实业投资股份有限公司 重庆市 000788 西南合成 北大国际医院集团西南合成制药股份有限公司 重庆市 000892 ST 星 美 星美联合股份有限公司 重庆市 000950 建峰化工 重庆建峰化工股份有限公司 重庆市 001696 宗申动力 重庆宗申动力机械股份有限公司 重庆市 002004 华邦制药 重庆华邦制药股份有限公司 重庆市 200054 建摩B 重庆建设摩托车股份有限公司 重庆市 200625 长安Ｂ 重庆长安汽车股份有限公司 重庆市 300006 莱美药业 重庆莱美药业股份有限公司 重庆市 600106 重庆路桥 重庆路桥股份有限公司 重庆市 600116 三峡水利 重庆三峡水利电力(集团)股份有限公司 重庆市 600129 太极集团 重庆太极实业(集团)股份有限公司 重庆市 600132 重庆啤酒 重庆啤酒股份有限公司 重庆市 600145 四维控股 重庆四维控股(集团)股份有限公司 重庆市 600279 重庆港九 重庆港九股份有限公司 重庆市 600292 九龙电力 重庆九龙电力股份有限公司 重庆市 600369 西南证券 西南证券股份有限公司 重庆市 600452 涪陵电力 重庆涪陵电力实业股份有限公司 重庆市 600565 迪马股份 重庆市迪马实业股份有限公司 重庆市 600666 西南药业 西南药业股份有限公司 重庆市 600729 重庆百货 重庆百货大楼股份有限公司 重庆市 600847 ST渝万里 重庆万里控股(集团)股份有限公司 重庆市 600877 中国嘉陵 中国嘉陵工业股份有限公司(集团) 重庆市 601005 重庆钢铁 重庆钢铁股份有限公司 重庆市 601158 重庆水务 重庆水务集团股份有限公司 重庆市 </t>
  </si>
  <si>
    <t xml:space="preserve">重大疾病保险条款里面有一个“等待期”，这个期限有多长啊？貌似不靠? </t>
  </si>
  <si>
    <t>这个等待期是指当你的大病保险合同生效以后，对大病的保障并没有真正的生效，要等到“等待期”后对大病的保障才能真正生效，这样做是为了避免客户带病投保，所以只有当过了等待期后，大病保障才真正开始，各公司的等待期不一定是一样的，有的是180天，有的是360天，但是开始计算等待期的时间是一样的，就是你的保单生效日，这个日期是写在你的保单上的。太平洋保险公司推出的金佑人生保障计划中重大疾病保险的观察期为180天。</t>
  </si>
  <si>
    <t xml:space="preserve">从上个月开始，月经要来的前10天，小腹总是涨涨的，而且有点痛，不? </t>
  </si>
  <si>
    <t>没有影响的，这是正常现象，是排卵后期的生理反应和经前综合症状，称为“月经间痛”，对受孕也不会有影响的，放心好了。</t>
  </si>
  <si>
    <t xml:space="preserve">我25，女，高压80，低压53怎么食补呢 </t>
  </si>
  <si>
    <t xml:space="preserve">高压80，低压53，低于90/60，为低血压。血压低，应检查一下有关继发原因，如贫血，慢性营养不良，慢性消耗性疾病，甲状腺、肾上腺皮质功能减退等。治疗方法：一、检查低血压病因，针对病因进行治疗；体弱者应加强营养，适当补充高蛋白、高热量及维生素等，食盐量可适当放宽。 二、药物治疗：1、刺五加片：每次3片，每日3次，一疗程30天，一般治疗3 个疗程。可提高血压，改善睡眠、治疗神经衰弱。 2、参麦饮口服液：补气养阴，治疗低血压。3、复方阿胶浆：补血滋阴，用于贫血，低血压，一日2～3次，每次15～20毫升。三、食疗方：1、乌骨鸡1只，去毛剖肚洗净，放人鸡腹肚中当归头60克，黄芪50克，红糖150克，米酒50克，再将鸡肚皮缝紧，入锅隔水蒸熟，吃肉喝汤，每半月吃一次，连吃两月。 2、嫩母鸡1只，黄芪30克，新鲜天麻100克(干品15克)。鸡洗净入沸水中焯一下，用凉水冲洗。将天麻、黄芪切片装入鸡肚内。将鸡放于沙锅中，加葱、姜适量，盐、酒、陈皮15克，水适量，用文火炖至鸡烂熟，加胡椒粉2克，即可食用。 3、猪心1个，黄芪20克，当归12克，党参30克，川芎6克，加水炖熟，吃猪心喝汤。 4、当归、黄芪、红枣各50克，鸡蛋4只同煮熟，吃蛋喝汤，分两次，每日早晚各1次，空腹吃。 </t>
  </si>
  <si>
    <t xml:space="preserve">有了高薪的工作,但是离家有车程一个多小时,且一个月只能回两次家.? </t>
  </si>
  <si>
    <t xml:space="preserve">男儿应以事业为重,更何况BB日渐成长,你自己都希望给他一个优越的环境吧.能否先在单位周边租个房子将爱人及BB接过来居住,你一样可以照顾家庭. </t>
  </si>
  <si>
    <t xml:space="preserve">如图都看过这种情况么？网吧玩的！ </t>
  </si>
  <si>
    <t>我试过，那时因为网吧配置低的缘故，大城市越中心的地带，网吧配置越烂而且越贵，我 曹</t>
  </si>
  <si>
    <t xml:space="preserve">请大家帮忙翻译,谢谢TheStruggleforSurvival </t>
  </si>
  <si>
    <t>为生存而斗争 要理解为什么十字军东征，我们必须设法理解十字军所存在的时期.或许最容易的办法就是把11世纪的看成充满这样或那样的斗争的世界首先是人人都要面临的-为生存而都斗争。西欧人口稀少，只有一小部分的土地是得到开发.食物短缺，饥荒，疾病和夭折常见的。唯一一点安慰，就是希望能死后来生能略好一些，所以宗教在中世纪的人们心理占据重要的位置就毫不为奇.除了南部的西班牙信奉的是穆斯林，波罗地海以北的地区不信仰任何宗教外，整个西欧都是信奉基督，这也就是说，都信仰罗马的天主教</t>
  </si>
  <si>
    <t xml:space="preserve">请问把图像设计成大小20K怎么设计呀，图画里能设计吗怎么设计谢谢? </t>
  </si>
  <si>
    <t xml:space="preserve">先在网上下载一个图像编辑软件，如ACDSee、光影魔术手等等，安装好之后，使用这些软件把照片打开，点“调整大小”功能键，会有一个调整像素大小的对话框，看看这个对话框就应该知道怎么做了吧（关键两点，一是把像素往小改；二是最后在“确定”前再看看“估算”结果，要是还偏大的话，把“估算”上面的滑杆往左边拨，拨的时候可看到大小的变化）。 </t>
  </si>
  <si>
    <t xml:space="preserve">为什么阿根廷无论足球篮球还是网球都这么强啊 </t>
  </si>
  <si>
    <t>拉美血统的人适合这种力量与柔韧的运动，巴西，西班牙都是如此。就像亚洲人适合技巧性运动，北欧和东欧人高马大适合力量型运动，非洲人擅长跑步，美国这样的杂种国家比较综合一样！</t>
  </si>
  <si>
    <t xml:space="preserve">按照规定摇测变压器时，应该测量一次对二次及地，二次对一次及地绝缘? </t>
  </si>
  <si>
    <t>一、二次接地的要求是不同的。它们是有不同的安全等级要求的。可以查阅一下相关规范。必做检测肯定是不对的。检测的目的，就是要保证安全，你没有检测，怎能知道他是否安全。不要拿生命开玩笑。</t>
  </si>
  <si>
    <t xml:space="preserve">每玩玩家最爱使用的键~或常用的。比如我爱。JJKKL哈哈来判断下 </t>
  </si>
  <si>
    <t>JJK，双戟，铁矛，朴刀，K，盾毛扇，突直枪L，就多了，幻仗，铁鞭，双戟，</t>
  </si>
  <si>
    <t xml:space="preserve">选择高中留学丹麦有什么好处？ </t>
  </si>
  <si>
    <t>选择留学丹麦的理由：1、一流：欧洲高质量的教学，全部公立大学，教学质量政府把关，知名院校众多，学历全球认可。2、英语授课：丹麦采用英语授课，让学生不用学习二外，就能在欧洲留学，国际化学习环境，本土90%以上的居民都能说标准英语；3、学费生活费低廉：学生学费低，申请奖学金概率很高，生活成本低，留学性价比高。4、留学安全：社会安全，犯罪率低于世界其他国家，对留学生有安全保障，评为最放心的留学国家；5、签证保障：签证要求低，无需银行资金存款证明；成功率高，申根学生签证，留学期间欧盟国家间自由通行,游学丰富留学生活；6、社会福利好：欧洲最发达的资本主义国家，世界高福利国家，2012年被评为世界最幸福的国家，高福利国家，国际学生享受全免费医疗保险；7、打工政策：允许留学生合法打工，工资不低于110克朗，赚取生活费以及学费。8、发展前景：世界高度发达国家，知名企业众多，在校期间提供带薪实习，跨国就业机会较多，前景广阔。9、绿卡政策：丹麦政府支持教育移居的政策，即学生本科毕业,在丹麦连续居住满6年，即可申请绿卡，硕士毕业后可直接获得三年的工作签证，同时可以递交长居申请。</t>
  </si>
  <si>
    <t xml:space="preserve">08春晚什么时候重播! </t>
  </si>
  <si>
    <t xml:space="preserve">2008年2月11日 星期一 北京电视一台 21:30:00 2008年北京电视台春节晚会 </t>
  </si>
  <si>
    <t xml:space="preserve">请问山药的成分山药的成分是什么呀?淀粉吗? </t>
  </si>
  <si>
    <t>1.富含淀粉，蛋白质及必需的氨基酸。2.维生素A、B1、B2，以及維生素C。3.含有钙，磷，铁，碘等矿物质。4.还有粘液质及纤维素等。</t>
  </si>
  <si>
    <t xml:space="preserve">DZ毒药150了。怎么学更高级的毒药。 </t>
  </si>
  <si>
    <t>以前的版本是需要你制毒提升技能等级，技能等级打到技能训练师那里学新的毒药，现在只要你人物等级提升1级，毒药等级自动提升5点，新毒药还是要到训练师那学习。</t>
  </si>
  <si>
    <t xml:space="preserve">视网膜色素变性有什么症状？ </t>
  </si>
  <si>
    <t>症状：（1）夜盲 症为本病最早出现的症状，常始于儿童或青少年时期，且多发生在眼底有可见改变之前。开始时轻，随年龄增生逐渐加重。   ⑵暗适应检查：早期锥细胞功能尚正常，杆细胞功能下降，使杆细胞曲线终未阈值升高，造成光色间差缩小。晚期杆细胞功能丧失，锥细胞阈值亦升高，形成高位的单相曲线。      ⑶视野与中心视力：早期有环形暗点，位置与赤道部病变相符。其后环形暗点向中心和周边慢慢扩大而成管状视野。中心视力早期正常或接近正常，随病程发展而逐渐减退，终于完全失明。      ⑷视觉电生理：ERG无反应，尤其b波消失是视网膜色素变性的典型改变，其改变常早于眼底出现改变。EOGLP/DT明显下降或熄灭，即使在早期，当视野、暗适应、甚至ERG等改变尚不明显时，已可查出。故EOG对本病诊断比ERG更为灵敏。      ⑸色觉：多数患者童年时色觉正常，其后渐显异常。典型改变为蓝色盲，红绿色觉障碍较少。 视网膜色素变性双叫夜盲症，主要表现是到了晚上就看不清了。古代叫雀盲。是视网膜功能退化的一组疾病，视网膜色素变性是一种少见的遗传性眼病。表现为慢性、进行性视网膜变性，但最终可能导致视力下降至正常水平之下。 .视网膜色素变性是一种少见的遗传性眼病.本病表现为慢性,进行性视网膜变性,最终可导致失明.</t>
  </si>
  <si>
    <t xml:space="preserve">有女朋友的男孩子该不该有干妹妹我已经有了女朋友,干妹妹是在我有女 </t>
  </si>
  <si>
    <t>三心二意 花心的男人 既然你喜欢那个干妹妹为什么还要找女朋友</t>
  </si>
  <si>
    <t>孔雀耍掸帚</t>
  </si>
  <si>
    <t>出计不出面</t>
  </si>
  <si>
    <t xml:space="preserve">清泉老师,您好600791,成本价10.82,600537,成本 </t>
  </si>
  <si>
    <t>除按 600791,成本价10.82,后市以逢高减仓操作为主,已临近成交量密集区位置.600537,成本价5.18,短线整理后,中线还有一定的补涨空间.届时列止赢位持有.600803,成本价5.94,在历史颈线附近震荡,从成交量的连续放大看,具备了一定的向上突破能力.</t>
  </si>
  <si>
    <t xml:space="preserve">语言学辽国萧太后辽国萧太后说话金兀术能听懂吗？契丹人说话女真人能 </t>
  </si>
  <si>
    <t>应该听不懂。契丹是突厥的一支，是蒙古人种，女真是通古斯人种，和朝鲜人是一个祖宗。</t>
  </si>
  <si>
    <t xml:space="preserve">虚脱是怎么回事？ </t>
  </si>
  <si>
    <t xml:space="preserve">虚脱，实际上是医学上所谓“晕厥”的一种表现。发作时可有心慌、无力、头晕、耳鸣、眼黑、恶心、面色苍白、出汗等症状，发作时可出现心跳缓慢、血压降低，这就是虚脱的症状，随后可出现短暂的意识障碍，即晕厥，但恢复较快，无明显后遗症。 晕厥中以血管抑制性晕厥最为常见，疲劳、饥饿、通风不良、恐惧、疼痛、见到出血等，为常见的诱发因素。 其他原因引起的晕厥有： 1、心源性晕厥： 患者常有心脏病史，多由严重心律失常，如高度心动过速、过缓（40/分以下）或停搏、心瓣膜病致心排血受阻等，引起脑供血不足发生晕厥。 2、脑源性晕厥： 常见脑血管病如脑动脉硬化、一过性脑缺血、颈椎病等，见于中年以上患者。 3、低血糖晕厥： 发作每与空腹有关，也可在餐后2~4小时发生，晕厥常缓慢发生，有乏力、头晕、出汗和饥饿感，恢复也缓慢，渴糖水后可好转。发作时血压、脉搏无明显变化，血糖值与症状也往往不相一致。 你在饮酒后出现虚脱，多与酒后全身血管扩张，血液分布发生变化，引起暂时脑部供血不足所致。 如为明确病因，可做以下检查： 心电图、心动超声、颈椎X线片、脑CT、血糖等。 平时要注意规律，保证睡眠、避免过度疲劳、不要过量饮酒等。 体弱者应加强营养，更要注重体质锻炼，通过运动可增强血管神经功能调节的稳定性。 </t>
  </si>
  <si>
    <t xml:space="preserve">有关莲的古诗词 </t>
  </si>
  <si>
    <t>采莲曲唐 王昌龄荷叶罗裙一色裁，芙蓉向脸两边开。乱入池中看不见，闻始觉有人来。古风  唐 李白碧荷生幽泉，朝日艳且鲜。秋花冒绿水，密叶罗青烟。秀色粉绝世，馨香谁为传？坐看飞霜满，凋此红芳年。结根未得所，愿托华池边。夏日南亭怀辛大唐 孟浩然山光忽西落，池月渐东上。散发乘夕凉，开轩卧闲敞。荷风送香气，竹露滴清响。欲取鸣琴弹，恨无知音赏。感此怀故人，中宵劳梦想。《无题•其二》唐 李商隐飒飒东风细雨来，芙蓉塘外有轻雷。金蟾啮锁烧香入，玉虎牵丝汲井回。贾氏窥帘韩掾少，宓妃留枕魏王才。春心莫共花争发，一寸相思一寸灰。莲 花唐 温庭筠绿塘摇滟接星津，轧轧兰桡入白草。应为洛神波上袜，至今莲蕊有香尘。莲唐 唐彦谦新莲映多浦，迢递绿塘东。静影摇波月，寒香映水风。金尘飘落蕊，玉露洗残红。看著余芳少，无人问的中。咏双开莲花唐•刘商菡萏新花晓并开，浓妆美笑面相隈。西方采画迦陵鸟，早晚双飞池上来。芙 蓉唐 温庭筠刺茎澹荡碧，花片参差红。吴歌秋水冷，湘庙夜云空。浓艳香露里，美人清镜中。南楼未归容，一夕练塘东。独芙蓉唐 王贞白方塘清晓镜，独照玉容秋。蠹芰不相采，敛苹空自愁。日斜还顾影，风起强垂头。芳意羡何物，双双鸂鸟游。夏日南亭怀辛大蓉孟浩然山光忽西落，池月渐东上。散发乘夕凉，开轩卧闲敞。荷风送香气，竹露滴清响。欲取鸣琴弹，恨无知音赏。感此怀故人，中宵劳梦想。采莲曲隋 殷英童荡舟无数伴，解缆自相催。汗粉无庸拭，风裙随意开。棹移浮荇乱，船进倚荷来。藕丝牵作缕，莲叶捧成杯。折荷有赠唐 李白涉江玩秋水，爱此红蕖鲜。攀荷弄其珠，荡漾不成圆。佳人彩云里，欲赠隔远天。相思无因见，怅望凉风前。采莲南朝 梁吴均锦带杂花钿，罗衣垂绿川。问子今何去，出采江南莲。辽西三千里，欲寄无因缘。愿君早旋返，及此荷花鲜。咏荷诗  江洪泽陂有微草，能花复能实。碧叶喜翻风，红英宜照日。移居玉池上，托根庶非失。如何霜露交，应与飞蓬匹。荷花  李商隐都无色可并，不奈此香何。瑶席乘凉设，金羁落晚过。回衾灯照绮，渡袜水沾罗。预想前秋别，离居梦棹歌。无题其二  李商隐飒飒东风细雨来，芙蓉塘外有轻雷。金蟾啮锁烧香入，玉虎牵丝汲井回。贾氏窥帘韩掾少，宓妃留枕魏王才。春心莫共花争发，一寸相思一寸灰。浣溪沙  薛昭蕴倾国倾城恨有馀，几多红泪泣姑苏，倚风凝睇雪肌肤。吴主山河空落日，越王宫殿半平芜，藕花菱蔓满重湖。采莲曲  唐•李康成采莲去，月没春江曙。翠细红袖水中央，青荷莲子杂衣香。云起风生归路长。归路长，那得久，各回船，两摇手。芙蓉花  隋•辛德源洛神挺凝素，文君拂艳红。丽质徒相比，鲜彩两难同。光临照波日，香随出岸风。涉江良自远，?意在无穷。荷  唐•李峤新溜满澄陂，圆荷影若规。风来香气远，日落盖阴移。鱼戏排缃叶，龟浮见绿池。魏朝难接采，楚服但同披。芙蓉  唐•柳宗元有美不自蔽，安能守孤根。盈盈湘西岸，秋至风露繁。丽景别寒水，浓芳委前轩。芰荷料难比，反此生高原。高荷  唐•元稹种藕百余根，高荷才四叶。颭闪碧云扇，团圆青玉叠。亭亭自抬举，鼎鼎难藏? 。不学著水荃，一生长?G?G。黄子陂  荷花唐•唐彦谦十顷狂风撼麴尘，缘堤照水露红新。世间花气皆愁绝，恰是莲香更恼人。残莲花  唐•崔橹倚风无力减香时，涵露如啼卧翠池。金谷楼前马嵬下，世间殊色一般悲。七律 莲花  唐•崔橹影?缋耸?蹋尢暄匀盏帜辍?轻雾晓和香积饭，片红时堕化人船。人间有笔应难画，雨后无尘更好怜。何限断肠名不得，倚风娇情醉腰偏。七律 惜莲花唐•崔橹半塘前日染来红，瘦尽金方昨日风。留样最嗟无巧笔，护香谁为惜熏笼。缘停翠棹沉吟看，忍使良被积渐空。魂断旧溪憔悴态，冷烟残粉楚台东。新荷 唐•李群玉田田八九叶，散点绿池初。嫩碧才平水，圆阴已蔽鱼。浮萍遮不合，弱荇绕犹疏。半在春波底，芳心卷未舒。芙蓉 唐•温庭筠刺茎澹荡碧，花片参差红。吴歌秋水冷，湘庙夜云空。浓艳香露里，美人清镜中。南楼未归容，一夕练塘东。赠荷花 唐•李商隐世间花叶不相伦，花入金盆叶作尘。惟有绿荷红菡萏，卷舒开合任天真。此荷此叶常相映，翠减红衰愁杀人。秋池一枝莲 唐•郭恭秋至皆零落，凌波独吐红。托根方得所，未肯即随风。张静婉采莲曲唐•温庭筠兰膏坠发红玉春，燕钗拖颈抛盘云。城西杨柳向桥晚，门前沟水波粼粼。麒麟公子朝天客，珂马??度春陌。掌中无力舞衣轻，剪断鲛绡破春碧。抱月飘烟一尺腰，麝脐龙髓怜娇娆。秋罗拂水碎光动，露重花多香不销。鸂?交交塘水满，绿萍如粟莲茎短。一夜西风送雨来，粉痕零落愁红浅。船头折藕丝暗牵，藕根莲子相留连。郎心似月月易缺，十五十六清光圆。重台莲 唐•皮日休欹红?s?窳δ讶危恳锻繁甙朊捉稹?可得教他水妃见，两重元是一重心。莲花 唐•郭震脸腻香熏似有情，世间何物比轻盈。湘妃雨后来池看，碧玉盘中弄水晶。咏白莲（其二） 唐•皮日休细嗅深看暗断肠，从今无意爱红芳。折来只合琼为客，把种应须玉甃塘。向日但疑酥滴水，含风浑讶雪生香。吴王台下开多少，遥似西施上素妆。采莲曲唐•王勃采莲归，绿水芙蓉衣，秋风起浪凫雁飞。桂棹兰桡下长浦，罗裙玉腕轻摇橹。叶屿花潭极望平，江讴越吹相思苦。相思苦，佳期不可驻，塞外征夫犹未还，江南采莲今已暮。今已暮，采莲花，渠今那必尽倡家。官道城南把桑叶，何如江上采莲花。莲花复莲花，花叶何稠叠；叶翠本羞眉，花红强似颊。佳人不在兹，怅望别离时。牵花怜共蒂，折藕爱连丝。故情无处所，新物徒华滋。不惜西津交佩解，还羞北海雁书迟。采莲歌有节，采莲夜未歇。正逢浩荡江上风，又值徘徊江上月。徘徊莲浦夜相逢，吴姬越女何丰茸！共问寒江千里外，征客关山路几重？莲塘霁望 唐•刘兼新秋菡萏发红英，向晚风飘满郡馨。万叠水纹罗乍展，一只鸂?绣初成。采莲女散吴歌阕，拾翠人归楚雨晴。远岸牧童吹短笛，蓼花深处信牛行。古意 唐•韩愈太华峰头玉井莲，开花十丈藕如船，冷比雪霜甘比蜜，一片入口沉痾痊。我欲求之不惮远，青壁无路难夤缘。安得长梯上摘实，下种七泽根株连。莲叶 唐•郑谷移舟水溅差差绿，倚槛风摇柄柄香。多谢浣沙人未折，雨中留得盖鸳鸯。白莲 唐•陆龟蒙素花多蒙别艳欺，此花端合在瑶池。无情有恨何人见，月晓风清欲堕时。莲叶 唐•李群玉根是泥中玉，心承露下珠。在君塘上种，埋没任春蒲。芙蓉 唐•陆龟蒙闲吟鲍照赋，更起屈平愁。莫引西风动，红衣不耐秋。采莲曲 刘方平落日清江里，荆歌艳楚腰。采莲从小惯，十五即乘潮。采莲曲 陈去疾粉光花色叶中开，荷气衣香水上来。棹响清潭见斜领，双鸳何事亦相猜。东林寺白莲 唐•白居易东林北塘水，湛湛见底清。中生白芙蓉，菡萏三百茎。白日发光彩，清爽散芳馨。泄香银囊破，泻露玉盘倾。我堑尘垢眼，见此琼瑶英。乃知红莲花，虚得清净名。夏萼敷未歇，秋房结才成。夜深众僧寝，独起绕池行。欲收一颗子，寄向长安城。但恐出山去，人间种不生。题白莲 唐•白居易素房含露玉冠鲜，绀叶摇风钿扇圆。本是吴州供进藕，今为伊水寄生莲。移根到此三千里，结子经今六七年。不独池中花故旧，兼乘旧日采花船。衰荷 唐•白居易白露凋花花不残，凉风吹叶叶初干。无人解爱萧条境，更绕衰丛一匝看。阶下莲 唐•白居易叶展影翻当砌月，花开香散入帘风。不如种在天池上，犹胜生于野水中。南池嘉莲 唐•姚合芙蓉池里叶田田，一本双枝照碧泉。浓丽共妍香各散，东西分艳叶相连。自知政术无他异，纵是祯祥亦偶然。四野人闻皆尽喜，争来入郭看嘉莲。重台莲 唐•李绅绿荷舒卷凉风晓，红萼开萦紫莳重。双女汉皋争笑脸，二妃湘浦并愁容。自含秋露贞姿洁，不晓春妖冶态?。终恐玉京仙子识，却持归种碧池中。咏同心芙蓉 隋•杜公瞻灼灼荷花瑞，亭亭出水中。一茎孤引绿，双影共分红。色夺歌人脸，香乱舞衣风。名莲自可念，况复两心同。奉和钱七兄曹长盆池所植 唐•韩愈翻翻江浦荷，而今生在此。擢擢菰叶长，芳根复谁徙。露涵两鲜翠，风荡相磨倚。但取主人知，谁言盆盎是。越女 唐•王昌龄越女作桂舟，还将桂为楫。湖上水渺漫，清江不可涉。摘取芙蓉花，莫摘芙蓉叶。将归问夫婿，颜色何如妾。采莲曲 唐•张籍秋江岸旁莲子多，采莲女儿凭船歌。青房圆实齐戢戢，争竞前折漾微波。试牵绿茎下寻藉，断处丝多刺伤手。白练束腰袖半卷，不插玉钗妆梳浅。船中未满度前洲，借问阿谁家住远。归时共待暮潮上，自弄芙蓉还荡桨。采芙蓉 唐•李世民结伴戏芳塘，携手上雕航。船移分细浪，风波动浮香。游莺无定曲，擎凫有乳行。莲稀钏声断，水广棹歌长。栋鸟还密树，泛流归建章。莲花坞 唐•王维日日采莲去，洲长多暮归。开篙莫溅水，畏湿红莲衣。曲池荷 唐•卢照邻浮香绕曲岸，圆影覆华池。常恐秋风早，飘零君不知。盆池 唐•韩愈莫道盆池作不成，藕梢初种已齐生。从今有雨君须记，来听萧萧打叶声。池光天影共青青，拍岸才添水数瓶。且待夜际明月去，试看涵泳几多星。赋得芙蓉出水 唐•贾谟的?舒芳艳，红姿映绿萍。摇风开细浪，出沼媚清晨。翻影初迎日，流香暗袭人。独披千叶浅，不竞百花春。鱼戏参差动，龟游次第新。涉江如可采，从此免迷津。京兆府新栽莲 唐•白居易污沟贮浊水，水上叶田田。我来一长叹，知是东溪莲。下有青污泥，馨香无复全。下有红尘扑，颜色不得鲜。物性犹如此，人事亦宜然。托根非其所，不如遭弃捐。昔在溪中日，花叶媚清涟。今年不得地，憔悴府门前。赋得涉江采芙蓉 隋•孔德绍莲舟泛锦碛，极目眺江干。沿流楫渡易，逆浪取花难。有雾疑川广，无风见水宽。朝来采摘倦，讵得久盘桓。采莲曲 唐•李白若耶溪傍采莲女，笑摘荷花共人语。日照新妆水底明，风飘香袂空中举。岸上谁家游冶郎，三三五五映垂杨。紫骝嘶人落花去，风此路蹰空断肠。咏露珠 唐•韦应物秋荷一滴露，清夜坠玄天。将来玉盘上，不定始知圆阕下芙蓉 唐•包何一人理国致升平，万物呈祥助盛明。天上河从阙下过，江南花向殿前生。庆云垂荫开难落，湛露为珠满不倾。更对乐悬张??，歌工欲奏采莲声。临湖亭 唐•王维轻舸迎上客，悠悠湖上来。当轩对樽酒，四面芙蓉开。子夜吴歌 唐•李白镜湖三百里，菡萏发荷花。五月西施采，人看隘若耶。回舟不待月，归去越王家。莲曲二首 其二 唐•王昌龄荷叶罗裙一色裁，芙蓉向脸两边开。乱入池中看不见，闻歌始觉有人来。初荷唐•李颀微风和众草，大叶长圆阴。晴露珠共合，夕阳花映深。从来不著水，清净来因心。 莲塘清 朱克生日暮莲塘里，浴水两鸳鸯。低飞不远去，只在荷花傍。风莲戏鱼图清 恽寿平萍风将散绿，香气欲成露。美人采红莲，曾过南塘路。荷花清 曹寅一片秋云一点霞，十分荷叶五分花。湖边不用关门睡，夜夜凉风香满家。白莲清 盛锦玉井分栽到野塘，冰销翠袖回生凉。半江残月欲无影，一岸冷云何处香。真相尚留开士社，红衣洗尽美人装。水仙操罢扁舟去，谁与凌波解??。白莲清 秋瑾莫是仙娥坠玉?，宵来幻出水云乡；朦胧池畔讶堆雪，淡泊风前有异香。国色由来兮素面，佳人原不借浓妆；东皇为恐红尘?穑状秃昝髟律选?水龙吟 白莲清 史蟠一湖晓色通明，露华千点香吹定。最怜伊处，洁分双藕，愁栽几柄。画里禅空，诗边秋淡，鹭翘无影。怕玉纤催桨，和凉折取，片雪坠、鸳鸯醒。缡夜罗衣自整，隔相思、遥烟做螟。凝铅写素，者番心苦，微茫暗省。有恨凌波，无言立月，一丝风冷。被霜娥点破，平空洗出碧琉璃镜。再过露筋祠 清•王士禛翠羽明?尚俨然，湖云祠树碧于烟。行人系缆月初堕，门外野风开白莲。题画荷花仿天池道 清•朱耷若个荷花不有香，若条荷柄不堪觞。百年不饮将何为，况值新槽琥珀黄。芙蓉 清 郑板桥最怜红粉几条痕，水外桥边小竹门。照影自惊还自惜，西施原住萝村。由兴化迂曲至高邮七截句 清•郑板桥百六十里荷花田，几千万家鱼鸭边。舟子搦篙撑不得，红粉照人娇可怜。烟蓑鱼笠水云居，鞋样船儿蜗样庐。卖取青钱沽酒得，乱摊荷叶摆鲜鱼。湖上买鱼鱼最美，煮鱼便是湖中水。打桨十年天地间，鹭鸶认我为渔子。买得鲈鱼四片腮，莼羹点鼓一尊开。近来张翰无心出，不待秋风始却回。柳坞瓜乡老绿多，么红一点是秋荷。暮云卷尽夕阳出，天末冷风吹细浪。一塘蒲过一塘莲，荇叶菱丝满稻田。最是江南秋八月，鸡头米赛蚌珠园。船窗无事哺秋虫，容易年光又冷风。绣被无情团扇薄，任他霜打柿园红。浪淘沙 荷花 清•万寿祺蝉曳小回廊，十里花香。天然鬟髻坐沧浪。道是洛妃乘雾至，烟水微茫。斜日下江乡，悄悄年光。采菱歌起怨沙棠。消受西风吹几阵，霜打池塘。芙蕖 李渔芙蕖之可人，其事不一而足，请备述之。群葩当令时，只在花之数日，前此后此皆属过而不问之秋矣。芙蕖则不然：自荷钱出水之日，便为点缀绿波；及其茎叶既生，则又日高日上，日上日妍。有风既作飘摇之态，无风亦呈袅娜之姿，是我于花之未开，先享无穷逸致矣。迨至菡萏成花，娇姿欲滴，后先相继，自夏徂秋，此则在花为分内之事，在人为应得之资者也。及花之既谢，亦可告无罪于主人矣；乃复蒂下生蓬，蓬中结实，亭亭独立，犹似未开之花，与翠叶并擎，不至白露为霜而能事不已。此皆言其可目者也。可鼻，则荷叶之清香，荷花之异馥，避暑则暑为之退，纳凉则凉逐之生。至其可人之口者，则莲实与藕皆并列盘餐而互芬齿颊者也。只有霜中败叶，零落难堪，似成弃物矣；乃摘而藏之，又备经年裹物之用。是芙蕖也者，无一时，一刻不适耳目之观，无一物一丝不备家常之用者也。有五谷之实而不有其名，兼白花之长而各去其短，种植之利有大于此者乎？水龙吟 白莲 清•宋犖田田漫舞银塘，鱼床捧出梨云好。新妆淡伫，静窥湍漱，临风窈窕。翠羽低穿，水薲斜压，数枝偏皎。宛湘妃独立，轻绡掩映，明?缀，波光照。三十六陂森森。渐黄昏、冰姿恁悄。开宜玉井，折应素手，闹红都扫。露冷才香，月明无影，薲花共老。对鹤洲千朵，堪成雪赋，向邹枚道。水龙吟 白莲 清•朱昂月移太液波明，秋风吹滴瑶池露。盈盈带水，翩翩舞雪，相逢解语。夜半烟汀，玉簪初坠，素娥留住，记轻舟堪倚，缃房翠盖，尘不染，花深处。十里平湖清署，照新妆，粉痕重傅。银屏隔幔，冰奁函镜，幽情如诉。误褪红衣，羞随黄蝶，凭栏凝伫。怕香云易散，荒湾败叶，冷鸳鸯浦。白莲 清•徐灼凉凉簇簇水冷冷，一段幽香唤未醒。忽忆花间人拜月，素妆娇倚水晶屏。百字令 残荷 清•严廷中潘妃步后，谁留下、一朵断肠颜色？昨夜轻雷今夜雨，无复旧时明月。粉脸翻红，新衣褪绿，憔悴真难必。芳魂何处？归来应感畴昔。徘徊池上阑干，爱花心事，心事花应识。颜太娇红都薄命，谁为红颜怜惜？如此韶华，也能结子，苦味偏堆积！理香人去，淡烟一缕凝碧。齐天乐 白莲花 清•叶世熊凌波玉立谁堪侣？浮云远烟如许。堤外风微，池中浪静，正是鸳鸯戏处。红裳脱去，更白斗轻装，惯盟鸥鹭。色相都空，晚来不怕美人妒。初似芙蓉着雨，陂塘三十六，飘飘低舞。几点清香，三更淡月，别有幽情芳绪。满身冷露，听歌曲遥传，声声如诉。采摘归来，细将莲瓣数。金缕曲 残荷 清•孙锡一阵跳珠雨，作轻凉、点摇平碧，嫣红无数。卷地萍颸翻露盖，舞到香鬓似雾。剩倩影、几番回顾。孤艳不争团扇宠，恨游人、全忘花心苦。欹翠袖，且相护。寻花较晚花无主，袅凌波、丝风太弱，款花不住。密柳疏蝉渔艇外，我拟将家赁去理旧怨、为花低诉。千里美人江水莫，望兰皋、谁肯褰裳渡？蘅佩远，在空渚。</t>
  </si>
  <si>
    <t xml:space="preserve">玉玺无痕(高僧一) </t>
  </si>
  <si>
    <t>印光。</t>
  </si>
  <si>
    <t xml:space="preserve">白带正常吗？我2月14日跟男朋友过性生活，第二天感觉身体不舒服， </t>
  </si>
  <si>
    <t>白带呈黄绿色的就是阴道炎了，要去化验个白带分泌物的检查，确定是哪类感染（滴虫性、霉菌性、普通细菌性），再对症治疗。如果有尿不尽的感觉，可能是急性尿路感染。注意多喝水。体质下降会容易感染。</t>
  </si>
  <si>
    <t xml:space="preserve">大家来论品牌和兼容(无论才鸟的大瞎)由于组装电脑的进一步走入运用 </t>
  </si>
  <si>
    <t>任何的产品都会走品牌化的道路!至少哪一个好?可以从多个方面考虑分析一下:品牌机:由厂家组装的兼容机,当然并不是随意的组装,首先,配件的选择上,品牌机厂家有固定的几家供货厂商,各板卡之间的搭配也是经过筛选测试的!并且有其自己的售后服务体系,能保证及时良好的售后服务.兼容机:根据板卡及各配件的技术要求经过自己的筛选,搭配安装,自己使用的过程就是测试其稳定性的过程,并且大多数配件质保都为一年.商家经销处,随处可见,其售后存在一定的风险性.两者作比:追求稳定性,对计算机技术不是很了解,且需在良好的售后服务的用户自然品牌机为上上之选.往往这样的用户,也不会追求太高的性能.而懂得计算机软硬件技术,且追求高性价比的用户,兼容机对他们来说就是最好的选择了!</t>
  </si>
  <si>
    <t xml:space="preserve">他的态度变化说明什么？刚开始认识的时候，他给我感觉似乎比较骄傲， </t>
  </si>
  <si>
    <t>江山易改本性难移，相信这一点。只能说明他是爱你的</t>
  </si>
  <si>
    <t xml:space="preserve">上网问题我一点开浏览器准备上网，只见下面栏显示“正在检测代理服务 </t>
  </si>
  <si>
    <t>大我数是电脑的设置问题，建议：1、把IP地址设为自动获得即可，不用设成固定IP，这样上网会更快一些2、打开IE窗口找“工具”“internet选项”“连接”“局域网设置”去掉“自动检测设置”前的对勾，确定即可。</t>
  </si>
  <si>
    <t xml:space="preserve">你们有过这样经历吗?今天去理发的时候,那女老板帮按摩头部的时候, </t>
  </si>
  <si>
    <t>我有与你一样的,不过你还好啊,是在背后,我这可好,她就面对着你,而且很近,就等于在你面前紧贴着,乳房就把头快要夹注一样,我都没有办法了,所以只有忍着,可是人家还是没有什么事情,我可是全乱了,后来我知道她是有意的了,没有办法,只有不去了!</t>
  </si>
  <si>
    <t xml:space="preserve">女人第一次ML流多少血才正常啊?&gt;和女友ML时候,她流了好多血哦 </t>
  </si>
  <si>
    <t>最多不超过5ml。</t>
  </si>
  <si>
    <t xml:space="preserve">有近几年全国计算机二级VFP的题库么跪求！！ </t>
  </si>
  <si>
    <t>http://www.exam8.com/computer/djks/dj2/你点这个网站试试   里面估计有题目  我那时候考一级看的，里面二级三级都有的哦</t>
  </si>
  <si>
    <t xml:space="preserve">有人在趣家网买过思侬家纺的四件套么？质量如何？ </t>
  </si>
  <si>
    <t>网上卖的还是很便宜的，比商场超市划算很多。思侬的东西不算贵，但质量还可以，属于亲民型的品牌。</t>
  </si>
  <si>
    <t xml:space="preserve">我女朋友好几个月不来月经是咋回事啊我女朋友从今年年初到现在就没来 </t>
  </si>
  <si>
    <t>两种可能  一是怀孕，也许是避孕套漏也一个洞呢  不排除这个可能性吧二是避经  造成的原因有1、精神紧张2、体重下降或者营养缺乏          3、剧烈运动4、药物作用如避孕药5、卵巢早衰（这个是          指40岁以后的妇女  所以排除这个可能行）6、卵巢病变我提议尽早就医   希望对你有帮助吧</t>
  </si>
  <si>
    <t xml:space="preserve">有没有那种小冰箱适合一个人有的 </t>
  </si>
  <si>
    <t>好象海尔就有一款，广告看到的“客厅里的家具”。看起来很漂亮的呢~~</t>
  </si>
  <si>
    <t xml:space="preserve">哪种马跑得最快？ </t>
  </si>
  <si>
    <t>跑得最快的马,是被野兽追的马</t>
  </si>
  <si>
    <t xml:space="preserve">请问600173下周的操作策略？？ </t>
  </si>
  <si>
    <t>由于11.8的压力很大,所以要盘整几天.但随后市量的放出,将创新高,因此可持股等涨.如冲出12元,就一路持有吧.祝你好运.</t>
  </si>
  <si>
    <t xml:space="preserve">英语专业，专四已过，准备雅思培训机构6或者托福600或者托福iB? </t>
  </si>
  <si>
    <t>你考雅思的话认真准备一个月差不多了 6分对于你来说没什么困难 因为你是这个专业的 6分的难度大概就是中上水平高中毕业生努力一下的程度至于iBT100嘛。。。。难度比雅思6那可是难多了。。。。。</t>
  </si>
  <si>
    <t xml:space="preserve">我用短波收听一个电台，有时清晰，有时又不清楚，是收音机的问题吗？ </t>
  </si>
  <si>
    <t>不是,短波是由电离层反射传播的,而电离层的反射随着季节和一天里时间的不同有变化,因此短波的传播是不稳定的.所以就会有时清晰有时较差.</t>
  </si>
  <si>
    <t xml:space="preserve">关于登陆BN怎么登陆BN啊？我一登陆几提示我CDKEY是无效的， </t>
  </si>
  <si>
    <t xml:space="preserve">晕，才鸟阿，鄙视楼上垃圾。人家说魔兽。我来告诉你ROC和TFT分别是什么？ 　　ROC就是混乱之治（Reign Of Chaos的英文缩写　　TFT就是冰封王座（The Frozen Throne）的英文缩写　　TFT是ROC的资料片，　　目前最新的版本分别是，ROC1.15，TFT1.15：1、BN是battlenet的缩写，必须购买正版才能上，ROC是28元，TFT是48元2、购买正版以后去奥美官方网站交换CDKEY，地址是 在新浪魔兽专区的右上也有这个连接： 3、安装游戏，输入换来的CDKEY请看连接：关于CD-KEY的使用 4、如果以前安装过游戏，也可以不重新安装，使用这个软件包里的CD-KEY修改工具，还有注册表恢复器，注意版本哦，下载地址 CD-KEY修改工具是把从官方换过来的CDKEY更换，这样就等同于最开始安装输入了正版CDKEY注册表恢复器是修复注册表里的魔兽路径，运行以后，选择你目前的魔兽路径就可以了5、安装成功以后，运行游戏，在里面选择“BATTLENET”就可以了，“BATTLENET”右边的按钮是选择服务器，一般中国人选择“asia”亚洲战网就可以了6、进入BN选择页是一个要输入帐户密码的页，注册一个帐户就可以了注意，这个帐户和CDKEY不对应，也就是说，你使用其他CDKEY也可以使用这个帐户上来，因此请注意对自己帐户的保管7、为什么我上BN的时候提示“您的CD-KEY已经被人使用” 这个最好联系奥美的客服中心，他们的联系方式是客服中心电话：021- 　021- 　021- 奥美客服投诉信箱：tousu@  奥美客服中心EMAIL地址：cdkey@  客服中心服务时间：周一至周日上午9：00~下午21：00 8、怎么查询自己在BN的排名 查看这个连接即可 在新浪魔兽专区的右边也有这个连接9、在BN上对战时如果我是中文版而对方是英文版,会不会出问题？能，对方是韩文或者日文也一样打，只不过你聊天的时候只能用英文，如果说中文，对方是看不见的10、为什么我在网络上对战，加别人的还是自己建游戏，在进入游戏的时候都会断开连接？这个问题是因为地图版本不一样，你在升级的时候没有包括进地图包，建议使用新浪的1.15补丁包，具体连接在最上有11、为什么我突然上不了BN了啊以前是能上的啊这种情况请连接其他战网，比如美西（USWEST），如果能连上，那么是亚洲战网的服务器暂时关闭了，等一段时间就可以了，如果哪个战网也连不上，那么是你的设置有了问题，比如不是最新版本（BN升级版本了）网络速度等等，这个需要检查机器，比较复杂就不详细说了12、1.15的AMM系统是怎么回事？   </t>
  </si>
  <si>
    <t xml:space="preserve">我对男人越来越挑剔，无法进入恋爱状况怎么办？和我刚交往的男人，我 </t>
  </si>
  <si>
    <t>你是一个用情很深的人吧,其实你没有毛病,有的只是心病,因为你无法把他给忘怀.你的情况确实让你很烦恼,也很难摆脱目前的困境.只有靠你的努力了.不知什么原因导致你和他分手,假如你们确实没有可能再走到一块,那我劝你写一张纸条,上面把他的所有缺点都狠狠地列出来,再把你真要和他生活的话,所有能发生的不幸好好地想出来.既然得不到他,就要在心里不客气地损他一下,这样能帮助你平衡心理.但最主要的是你要把机会留给别人,敞开自己的心,多去认识不一样的朋友.你不要一开始就把他们当做你的男朋友,从朋友做起,想一想对朋友总不能那么苛刻吧?然后慢慢地去了解,能去爱一个人,那当然就能容忍他的缺点啦!记住呀,千万不要成为上一段恋爱史的徇情品,一定要对得起自己,重新去寻找爱情,每个人都有缺点,可是对你来说,他的什么最重要,然后朝着这个方向去追求自己的爱吧!爱的同时再多加一份理智和宽容.你会遇到优秀的他的,而且肯定会比以前的他好!</t>
  </si>
  <si>
    <t xml:space="preserve">怎么往地图里放点钱和木头我要和朋友一起打只是电脑过于强大不得已. </t>
  </si>
  <si>
    <t>用地图编辑器马上搞定</t>
  </si>
  <si>
    <t xml:space="preserve">请问在羊城晚报投稿有稿费吗?它有很多版面,是不是直接把稿件用邮件? </t>
  </si>
  <si>
    <t>有稿费。总邮箱后最好注明第几版，这样可以很快到该版负责人手上。可以用你所说文档打。文章结尾后写明自己的真实姓名、地址、邮政编码、电子邮箱、手机号。文章标题低一行靠右边写上笔名（用真名也可以）</t>
  </si>
  <si>
    <t xml:space="preserve">关于新出的出租车！！！！！！！我刚买出租车，跑挑战为什么没有额外 </t>
  </si>
  <si>
    <t>你接任务时候需要接到客人才可以另外加分，不是每个任务都有客人的，慢慢跑吧。</t>
  </si>
  <si>
    <t xml:space="preserve">有个有意思的事请教大家：假设我知道A公司的一些负面信息，就提前买? </t>
  </si>
  <si>
    <t>1、同行业中，不利于行业负面消息出来，同行业受到不信任受牵连都会跌。你如果放出A公司负面消息的同时放出B公司有利的一面消息，那么恭喜你你大赚一笔2、看你执有A股的份额多少了，如果占到一定的比例的，然后放出消息，你内部操作的话。那么可以遗憾告诉你，你有可能被请到局子里喝咖啡了3、你可以选择不同账户，分段操作，虽然也是违法了，但鉴证会不容易查出来；但风险太大，之前也有人这样做，结局是在牢里蹲着</t>
  </si>
  <si>
    <t xml:space="preserve">这两件事，你要是都干过，算你牛！！！穿着棉袄吹空调冰天雪地吃冰棍 </t>
  </si>
  <si>
    <t>冰天雪地吃冰棍 在西北的冬季做过。还吃过雪糕、冰凌、雪球等。穿着棉袄吹空调 在江南的东西做过。吹的是暖风（我的是冷热空调）。</t>
  </si>
  <si>
    <t xml:space="preserve">济南哪家医院牛皮癣治疗效果最好 </t>
  </si>
  <si>
    <t>保持一个良好的心态，是治疗该病的关键，所以要精神乐观，充分正确认识该病，然后再考虑如何治疗，该病根治是不可能的，切忌不要相信可以根治，但是合理的用药，还是可以有效减小和下降其复发几率的。慢性病就要考虑长期治疗，整体调理，越是好的快的，越要慎重，好的快发的也快。不可片面追求近期疗效。西医治疗虽然快捷，但是容易复发。个人认为选用中医治疗比较好。虽然慢但是不影响整体健康，副作用少，远期疗效好。牛皮癣是一种我们日常生活中较常见的皮肤疾病，它的出现不仅给患者的正常生活带来诸多困扰，而且会严重影响患者的外观形象。所以，面对牛皮癣很多患者是比较畏惧的，而关于它的遗传性，更是令人诚惶诚恐。其实，牛皮癣只要治疗得当的话，遗传性是完全可以避免的。因此，广大患者一定要调整好自身的心态，乐观的看待牛皮癣疾病。牛皮癣之所以这么顽固难治，反复发作，关键就在于患者没有找到适合自己的治疗方法，没有针对牛皮癣的发病根源进行辨证施治。只注重近期疗效，而没有看到牛皮癣治疗的远期疗效，导致病情反复发作，甚至是久治不愈。因此，牛皮癣并非不治之症，关键就在于治疗方法的合理选择。牛皮癣是一种很常见的慢性皮肤疾病，许多患者在治疗牛皮癣时由于没有遵循用药要求，不仅没有改善疾病症状，反而错过了最佳的牛皮癣治疗时机，牛皮癣的治疗一定要在专家的指导下合理用药。牛皮癣的治疗时间比较长，目前治疗牛皮癣的内用药物大多属于免疫抑制剂类，对正常的免疫功能有不良影响，如果盲目长期用药，会使牛皮癣患者的抵抗力低下，严重影响治疗。</t>
  </si>
  <si>
    <t xml:space="preserve">我好烦，怎么办觉得有很多事情压在心里好烦 </t>
  </si>
  <si>
    <t>在所有的事情中理出你需要做的 制定计划付诸实施  烦恼这情绪 不喜欢吧 丢弃啊 很简单 想开心吗 笑一个</t>
  </si>
  <si>
    <t xml:space="preserve">“我们定能直挂云帆济沧海”中的“济沧海”的具体含义是什么 </t>
  </si>
  <si>
    <t>济：渡   沧海：大海这首诗是 《行路难》中的一首金樽清酒斗十千， 玉盘珍羞直万钱。 停杯投箸不能食， 拔剑四顾心茫然。 欲渡黄河冰塞川， 将登太行雪满山。 闲来垂钓碧溪上， 忽复乘舟梦日边。 行路难，行路难， 多歧路，今安在？ 长风破浪会有时， 直挂云帆济沧海。 最后两句是诗人感慨世路的艰难，而又顽强的想有朝一日实现自己的理想——总有一天，我会乘着长风破万里巨浪，以展自己的志向，高挂云帆，直渡茫茫大海，达到理想的彼岸。</t>
  </si>
  <si>
    <t xml:space="preserve">求助各位高手。。里昂，国米，皇马这3场哪场单选稳！！里昂，国米， </t>
  </si>
  <si>
    <t>建议放弃国米!</t>
  </si>
  <si>
    <t xml:space="preserve">⒈钠在空气中燃烧⒉小块钠于硫粉混合研磨⒊钠和水反应⒋碱金属(用M? </t>
  </si>
  <si>
    <t xml:space="preserve">2Na+O2 =Na2O2       氧化剂：O2     还原剂： Na 得失 2e-2Na+S===Na2S   氧化剂：S   还原剂：Na    得失 2e- 2Na+2H2O====2NaOH+H2↑  氧化剂：H2O  还原剂：Na  得失 2e-  2M2O+H2O===2MOH  </t>
  </si>
  <si>
    <t xml:space="preserve">账与帐有何区别？ </t>
  </si>
  <si>
    <t>从文字上讲，“帐”可用作“用布或纱做成的遮盖用的东西”，“账”则用作数字的记录、记载；语委规定“账”可通用为“帐”，比如记账可通用为记帐、应收账款可通用为应收帐款、账本可通用为帐本，但反之“帐”不能通用为“账”，比如蚊帐不能通用为蚊账、帐篷不能通用为账篷、青纱帐不能通用为青纱账。楼上说这两个字属于通用不完全正确，需辨析使用。</t>
  </si>
  <si>
    <t xml:space="preserve">没有爱的性滋味是苦的！在3个月内认识了4个女孩。都是在第一次见面 </t>
  </si>
  <si>
    <t>呵呵~不知道为什么我看了你的问题觉得好笑,你的初恋一定很失败,所以你想要用这种方式去报复女人,我不知道我这样说是不是冤枉你了,但大多数男人都会这样去报复,我没说错吧~?我发自内心的祝你早日找到自己的真爱,不要再用这种方式去折磨自己和侮辱别人了.</t>
  </si>
  <si>
    <t xml:space="preserve">请问有人知道北京五洲女子医院好不好啊？~~急~谢谢我想去那做人流? </t>
  </si>
  <si>
    <t>不好！这是一家民营医院。有过不良记录（曾因为非法广告宣传被北京市工商局立案调查）。建议你去正规的医院妇产科、或者正规妇幼保健医院检查、手术。</t>
  </si>
  <si>
    <t xml:space="preserve">请问推广员那新手卡知道的兄弟进说一下请问推广员那新手卡怎么发放那 </t>
  </si>
  <si>
    <t xml:space="preserve">青岛海景婚纱照拍的好的是哪家？ </t>
  </si>
  <si>
    <t>灰 常 灰 常 爱 这 次 在 青 岛 多 彩 映 画 摄 影 的 婚 纱 照，性 价 比  很 高； 这 次 帮 我 拍 摄 的 摄 影 师， 很 帅 气 幽 默 耐 心， 我 们 很 满 意；化 妆 师 更 不 用 说 了， 特 别 特 别 耐 心， 对 于 搭 配 衣 服 变 妆  已 经 非 常 专 业 了 感 谢 多 彩 映 画，相 信 你 们 都 能 越 来 越 好！！！~</t>
  </si>
  <si>
    <t>[13]切沃1</t>
  </si>
  <si>
    <t>传说中的默契球....</t>
  </si>
  <si>
    <t xml:space="preserve">服务器连接不上有相同的朋友吗？怎么这么垃圾的啦~！！ </t>
  </si>
  <si>
    <t>有,因为很多网站不是自己开的。</t>
  </si>
  <si>
    <t xml:space="preserve">敬请主妇回答无烟锅真的无烟吗?五百多一只值吗?会有副作用吗? </t>
  </si>
  <si>
    <t>不要信得太过十足，现在的社会商家为了挣钱会在商品和产品中加入人体摄入后有不良影响的物质，从而提升商品价值和出售量。还是铁锅比较传统，也可以补铁，可以选用紫砂锅，购买紫砂要买品牌好的，因为好的紫砂里会含很多人体所需的微量元素，在烹任过程中会晰出来，</t>
  </si>
  <si>
    <t xml:space="preserve">寻求知识我是一名高中毕业生，我决定不上大学了，因家庭情况不好，可 </t>
  </si>
  <si>
    <t>学习永远不晚,只要你与决心,有毅力,坚持下去,那一定可以的.现在你的基础不怎么好,所以可能刚开始会很辛苦,但一定坚持下去,不管结果怎么样,你在学习的过程中会学到很多东西,也会锻炼自己,所以相信自己,坚持下去,希望你能成功</t>
  </si>
  <si>
    <t xml:space="preserve">凤凰应该有公的吧，但是为什么说一男一女会是龙凤胎呢？ </t>
  </si>
  <si>
    <t>　　这是神话中的动物，并不是客观世界上的动物。一般龙是指皇帝，凤是指皇后，一胎所生的一男一女就说成是龙凤胎。</t>
  </si>
  <si>
    <t>高二几何已知椭圆二分之x平方加y平方=1及点B(0,</t>
  </si>
  <si>
    <t>已知椭圆:x^/2+y^=1及点B(0,-2),过焦点F1与点B的直线交椭圆与C.D两点,椭圆的右焦点为F2,求△CDF2的面积椭圆:x^/2+y^=1---&gt;a^=2,b^=1---&gt;c=1---&gt;F1(-1,0),|F1F2|=2---&gt;CD(BF1)方程: y=-2(x+1)----&gt;x=-y/2-1与椭圆方程联立：(y/2+1)^+2y^=2---&gt;9y^/4+y-1=0---&gt;yC+yD=-4/9,yCyD=-4/9---&gt;|yC-yD|^=(yC+yD)^-4yCyD=160/81---&gt;S△CDF2=S△CF1F2+S△DF1F2=(1/2)|F1F2||yC-yD|=4√10/9</t>
  </si>
  <si>
    <t xml:space="preserve">谁能说出三个英文儿童祝福语？我英文烂！各位高手帮帮忙呀！ </t>
  </si>
  <si>
    <t>A beautiful wish!Happy new year! Best Wishes!May everyday be brilliant for you!</t>
  </si>
  <si>
    <t xml:space="preserve">100分问一个关于处女的问题？我认识了一个北影的女孩，才知道娱乐 </t>
  </si>
  <si>
    <t>你的问题真直接啊第一，婚前或是婚后的处女问题，这个问题很难回答的，　　１：也许这个女生真的很喜欢那个男生吧，她当时就认定了那个男生，可是后来不喜欢了，能有什么办法呢？不可能勉强的过一辈子吧，这样更痛苦　　２：女生不一定就会很喜欢婚后的老公啊，不然现在的离婚率就不会这么高了　　　第二：娱乐圈很颓废这个我很清楚，但是不是人人都知道啊，就算她一夜一个男人，但她展现给人们的只是她其中的一面啊　　２：有的女艺人的确把名利看得很重要，而有的女艺人是有不得以的苦衷的第三：当然重要　　１：就算她真的把名利看得很重，她还是会在乎她的第一次啊，毕竟这是唯一的一次啊，就算将来做个假的，还是会不同的　　２：男人对于爱的女生，当然会在乎啊，可是如果真的到了那个时候，他能有什么办法呢，只希望那个女生能够一心一意的爱着自己吧</t>
  </si>
  <si>
    <t xml:space="preserve">我家一进飚车就特别的卡动鼠标都卡是不是我家机子配置不行啊?怎么才? </t>
  </si>
  <si>
    <t>最低配置 PIII 800Mhz 128M 以上 32 M 显存最新的 OpenGL 显卡驱动GeForce2 MX200 3D 声卡 Windows 98se, me, 2000 DirectX 8.1 以上 推荐配置 PIII 1Ghz 256M 以上 32M 以上显存最新的 OpenGL 显卡驱动GeForce4 MX440 3D 声卡 Winsdows 98se, me, 2000 XP DirectX8.1 以上 看看你的配置能否达到要求？如果硬件没问题，试着更新一下显卡驱动程序，升级DirectX。不知道你玩其他游戏怎么样？会不会卡？如果也会卡并且更新了显卡驱动程序和DirectX，估计是你的机器不适合玩3D游戏了！如果单单是飙车有问题，我怀疑你选错了服务器！网通进电信或电信进网通了！！希望我的回答能够对你有所帮助！</t>
  </si>
  <si>
    <t xml:space="preserve">2岁的小孩下火吃什么好小孩大便干燥,每次大便都超过20分钟,听人 </t>
  </si>
  <si>
    <t xml:space="preserve">吃首儿研制的双歧茯苓液，它不是药，是由双歧因子、茯苓及大枣提取物、水制成的，网上的各个宝宝店都有卖的，我儿子两岁，大便干燥都用开塞露了，吃了一个多月，现在一直很正常，一天两次而且不干，还要多喝水多吃水果蔬菜。 </t>
  </si>
  <si>
    <t xml:space="preserve">关于3区服务器问题哇现在3区BL好强啊！我是燃烧之韧的我486韧 </t>
  </si>
  <si>
    <t>来我们 蜘蛛王国吧哈哈</t>
  </si>
  <si>
    <t xml:space="preserve">椎间盘膨出，经常开车，运动较少L3/4、L4/5椎间盘膨出，硬膜 </t>
  </si>
  <si>
    <t>您现在有什么症状吗？比如腰痛，腿麻，腿脚没力等情况？</t>
  </si>
  <si>
    <t xml:space="preserve">怎么栽葡萄树?我家准备在家的楼顶栽种葡萄树,在楼顶搞了花台,内长 </t>
  </si>
  <si>
    <t xml:space="preserve">1、盆土要求 要求疏松、肥沃、富含有机质和钙质的壤土。也可根据各地的具体情况就地取材，选用来源广泛、成本低、不带病虫、无污染的培养材料。常用的材料有腐叶土、泥炭土、田园土、砂石类、骨粉、膨化鸡粪等。 2、盆土配制与消毒 常用的配制配方有①腐叶土4份、园土3份、粗砂3份、骨粉0.5份；②田园土7份、粗砂（或炉渣）2份、膨化鸡粪1份、骨粉0.5份。盆土配制拌匀后，用0.1％的福尔马林溶液均匀喷洒其上（每立方盆土用药500毫升）。然后用塑料薄膜密封，熏蒸一昼夜后，揭去薄膜，晾晒3－4天后，即可装盆使用。 </t>
  </si>
  <si>
    <t xml:space="preserve">英文名xiaoyan或者xiaoyang谐音男 </t>
  </si>
  <si>
    <t>ShawyanRyan 莱安 爱尔兰 很有潜力的国王。Sam 山姆 希伯来 上帝之名。Sampson 辛普森 希伯来 高的智慧和力量，太阳的。Samuel 撒姆尔 希伯来 上帝之名。Sandy 山迪 拉丁 人类的防卫者。Sean 肖恩 爱尔兰 上帝仁慈的赠礼。</t>
  </si>
  <si>
    <t xml:space="preserve">交定金时未说房屋何时交付，但交完定金后签合同时又说一年后交房，而? </t>
  </si>
  <si>
    <t>这个是绝对可以要回的，他们是违法销售，未封顶是不能卖的。是违法的。如果对你有帮助 请点好评 谢</t>
  </si>
  <si>
    <t xml:space="preserve">我老婆正常吗？无论什么时候，只要上床睡觉，老婆总要攥着我的小DD </t>
  </si>
  <si>
    <t>晕哦，这是因为她爱你，她喜欢和你做爱的感觉，我老婆也是这样的，不过有些女人就不是这样，有些女人是很恶心拿你那东西的</t>
  </si>
  <si>
    <t xml:space="preserve">我想找一些好的背景音乐做ppt课件不知到哪个网站找.纯音乐的，没? </t>
  </si>
  <si>
    <t>LOVE IS .......卡农KISS THE RAINStepping on the Rainy Street和兰花在一起森林狂想曲</t>
  </si>
  <si>
    <t xml:space="preserve">别人的老婆成了我的初恋情人，而我已身陷其中，欲罢不能，我该咋办？ </t>
  </si>
  <si>
    <t>欲罢不能只是暂时的，进退两难才是最难的，趁还有退路时退吧！</t>
  </si>
  <si>
    <t xml:space="preserve">上海哪里看性病好，治疗性病贵不贵 </t>
  </si>
  <si>
    <t>性病种类不同，严重程度不同，性病治疗需要多少钱肯定也不同，建议到正规医院进行检查治疗。不同的疾病、疾病发展的阶段、不同级别的医院、不同的地区收费情况不尽相同，建议到本地医院检查确诊，向医生咨询。性病的治疗费用一般包括检查费和具体治疗费，临床上治疗性病要根据患者的感染程度、感染部位和感染时间等因素，而采取不同的治疗方法和疗程，所以所需费用不能一概而论。一般来说如果能尽快治疗，所需的费用也相对会比较少。建议在治疗时到正规医院进行治疗，千万不要去私人诊所或小医院治疗，这些地方收费都要比正规医院高出很多。</t>
  </si>
  <si>
    <t xml:space="preserve">杭州那里有成人拉丁舞班？具体地址和收费情况？谢谢想知道杭州那里能 </t>
  </si>
  <si>
    <t>浙江省艺术学校火车东站、汽车东站至学院：317路火车杭州站（城站）至学院：21路至观音塘小区站换317路钱江三桥（总管塘）、火车杭州站（章家桥）至学院：522路汽车南站、钱江三桥（总管塘）至学院：322路文三路口、浙大玉泉校区至学院：527路湖滨邮电路至学院：822路国货路至学院：假日9线（双休日开）</t>
  </si>
  <si>
    <t xml:space="preserve">平时由于休息不好，有时熬夜，眼睛下有明显的黑眼圈，医生说是气血不? </t>
  </si>
  <si>
    <t xml:space="preserve">肾亏是、肾气虚的俗称，肾藏精，肾虚以肾精不足为主要症状，一般症状有精神疲乏、头昏、耳鸣、健忘、腰 、遗精、阳痿等，临床表现可偏于肾阴虚，或肾阳虚。　　亏的意思是不足，以肾来说可以是功能作用的不足，就是肾阳虚。如果是基础物质的不足就是肾阴虚。一般来说，功能作用的不足，也会导致基础物质的减少，阴阳两者可以互相转化。肾功能的减退，男女皆有，并不独厚于男性，只是男性受到以讹传讹的错误观念，或是与身俱来的自然压力，所导致的肾亏症多一些。　　女性的肾气虚症候有很多，例如头发早白、头昏目眩、耳鸣、眼花、盗汗、不眠、筋骨萎弱、腰膝酸软、月经减少、白带清稀、同房次日晨起腰痛如折、或是僵硬等等。　　肾气虚的原因很多举例如下：　　1.老化。　　2.过度使用身体，如工作、压力、饮食无度。　　3.疾病，如糖尿、结核等消耗性疾病。　　4.产后调理不当。　治法： 　　治宜滋阴补肾益精。 　　饮食： 核桃仁，五味子，海带，紫菜，栗子，人参，海马，狗肾，羊肉，狗肉，鹌鹑蛋，虾，甲鱼，泥鳅，干贻贝，燕窝，银耳。 　　验方： 　　1 老年人肾亏耳鸣，用3个核桃仁加7粒五味子及适量蜂蜜在晚睡前服，连服1周。 　　2 海带治肾功能衰退。 　　3 每天吃一两个栗子，可治老年肾亏，小便频数。每天吃六七个扁栗子，可治肾虚腰膝无力。同时吃猪肾粥则效果更好。 　　4 栗子肉250克，小鸡1只，鸡切块微炒后共煮食，治肾气虚弱及脾肾不足。 　　5 人参、海马、狗肾于后研粉适量吃可治虚劳内伤，改善前列腺功能，补益精髓。 　　6 羊肉可治男子五痨七伤及肾虚阳痿。 　　7 狗肉可温肾壮阳，与黑豆煮食，治肾虚耳聋，遗尿。雄狗干燥的阳茎和睾丸煎煮，可暖有、壮阳、益精，治阳痿早泄。 　　8 鹌鹑蛋与韭菜共炒，治肾虚腰痛阳痿。 　　9 虾有补肾壮阳的功效。 </t>
  </si>
  <si>
    <t xml:space="preserve">我国有没有民意调查机构 </t>
  </si>
  <si>
    <t>　　民意调查机构不知道有没有，“民意捏造机构”和“民意强奸机构”有很多……</t>
  </si>
  <si>
    <t xml:space="preserve">物品价格大竞猜？依波表，货号是377534。有品的小资们来猜一下 </t>
  </si>
  <si>
    <t>专柜价是１８８０如果有渠道的话会拿到便宜的</t>
  </si>
  <si>
    <t xml:space="preserve">宝宝为什么睡觉爱挠头？宝宝３个月大，睡觉中间要醒的时候，总是爱用 </t>
  </si>
  <si>
    <t>这主要是被吵醒了，睡得不够，再有就是房间太闷被子盖得太厚，热烦了就会挠头，急的！</t>
  </si>
  <si>
    <t xml:space="preserve">十二生肖中哪种动物最可爱？必须是生肖中的 </t>
  </si>
  <si>
    <t>我觉得小猪最可爱啦！两颗黑黑的眼睛，圆圆的鼻子，大大的耳朵，整个胖嘟嘟的，嘻嘻。它呢，不挑食，整天睡懒觉，（看！其实它们多会享受呀！一点都不笨）猪仔还是从打架的乖宝宝呢！</t>
  </si>
  <si>
    <t xml:space="preserve">量子统计(淘宝官方版）的入口在哪里？量子统计（官方版）有四个入口 </t>
  </si>
  <si>
    <t>量子统计（官方版）还没有正式上线，也就这几天快上线了</t>
  </si>
  <si>
    <t xml:space="preserve">为什么虚拟经济会烧没了真金白银？三十年的积蓄灰飞烟灭！ </t>
  </si>
  <si>
    <t>国际成熟资本市场[即虚拟经济市场]与公民日常工作和生活息息相关,与实体经济互相促进,互相影响,一荣俱荣,一损俱损.</t>
  </si>
  <si>
    <t xml:space="preserve">宁波凤凰山海港乐园门票多少钱啊？难得有时间！我想带我家人和小孩去 </t>
  </si>
  <si>
    <t>你可以到网上查或打电话问一下就可以知道的！</t>
  </si>
  <si>
    <t xml:space="preserve">“波克特自己说，因为他懂西医，且是教西医的，所以有自知之明，才敢? </t>
  </si>
  <si>
    <t>对中医的无知,又否定中医-----是对咱中华文明优秀历史文化的否定,是一种极端的妄自菲薄,毫无中华民族自信心的表现. 几千年来,中医以其独特的理论体系及卓著的疗效为中华民族祛疾疗廖,养生保健作出了卓越的贡献.直至今天,在辽阔的农村地区,社区医疗保健中仍存在广大的优势和市场.对中国独有的文化遗产,中国人应该自己定出中医药的一系列标准,保持传统中医药的特色.了解中医者及广大中医药从业人员,对中医这一学术学科的科学性应该保持正确认识,通过不同的途径继承,弘扬, 推广宣传这门古老的科学.</t>
  </si>
  <si>
    <t xml:space="preserve">胃不舒服,但不知道吃什么药,大家帮帮忙!感谢!一个人在外好难感觉 </t>
  </si>
  <si>
    <t>请试用“雷尼替丁”。我以前也服用过，效果不错。</t>
  </si>
  <si>
    <t xml:space="preserve">为什么经常会莫名其妙地弹出一些网页,帮助我一下 </t>
  </si>
  <si>
    <t xml:space="preserve">为什么经常会莫名其妙地弹出一些网页启动时弹出对话框 1.系统启动时弹出对话框，通常是一些广告信息，例如欢迎访问某某网站等。 2.开机弹出网页，通常会弹出很多窗口，让你措手不及，恶毒一点的，可以重复弹出窗口直到死机。 解决办法：1.弹出对话框。打开注册表编辑器，找到HKEY_LOCAL_MACHINE\Software＼Microsoft＼Windows＼CurrentVersion＼Winlogon主键，然后在右边窗口中找到"LegalNoticeCaption"和"LegalNoticeText"这两个字符串，删除这两个字符串就可以解决在启动时出现提示框的现象了。 弹出网页 解决办法：点击"开始-运行-输入msconfig",选择"启动"，把里面后缀为url、html、htm的网址文件都勾掉。 IE窗口定时弹出 中招者的机器每隔一段时间就弹出IE窗口，地址指向注氓的个人主页。不晓得是不是网络流氓以为这样你就会经常光顾？ 解决办法：点击"开始-运行-输入msconfig",选择"启动"，把里面后缀为hta的都勾掉，重启。 突然弹出很多IE窗口 具体操作方法如下： 1、弹出了一大堆IE窗口，而且还是不停地继续弹出，鼠标点击"X"的速度远比不上它 2、这时候不要急，按Ctrl+Alt+Delete叫出任务管理器 3、在"进程"选项卡里面找到"iexplore.exe"，点击它，再点击"结束进程"，就会把所有的IE窗口全部关掉并且不会再弹出新的IE窗口。 这样做虽然会丢失部分没有查看过的网页，但与强行关机对系统的伤害相比简直微不足道，解决这一问题的时候最重要的是不能手忙脚乱，要耐心而稳，因为大量弹出IE窗口会大量占用系统资源，而且CPU占用率会提高到100%，打开任务管理器可能会很慢，等的时间会稍微长，但绝对可以解决，除非已经死机。 几类需手工解除的恶意代码详解 1.开机弹出网页 症状 : 开机就会弹出网页,通常都会弹出很多窗口,让你点个措手不及. 解决步骤 : 开始-运行-(输入)msconfig-启动-把里面有网址类的,后缀为url的,html的,htm的都勾掉 2.每次启动后注册表就会被更改 解决步骤 : 开始-运行-(输入)msconfig-启动,把运行的文件名不一定的,不过参数里面有个regedit-s 加文件名的项勾掉即可(记得先解决这个后再修复注册表) 3.每隔一段时间就弹出ie窗口 症状 : 这是个比较特殊的例子,这个恶意代码利用hta的特性,隐藏掉窗体,然后一段时间就弹出网页,超烦人. 解决步骤 : 开始-运行-(输入)msconfig-启动-把后缀为hta的都勾掉 1.有些会在开机时自动打开IE的: 1A.请看看你的“启动”菜单里是不是多了一些陌生的文件(***.hta)..把它删除就没事了。 1B.如果没有(***.hta)文件的，请打开注册表“开始 -&gt; 运行 -&gt; regedit”进入注册表，来到“HKEY_CURRENT_USER\Software\Microsoft\Windows\CurrentVersion\Run”，看到有网址的直接删除就是了。 1C 点“开始”菜单 再点 “运行” 运行msconfig.exe 点启动标签后去掉没用的启动项 后重启就好 1D.上面3个方法都不行的： 请先打开你的文件夹选项，将"显示所有文件"打开，再用WIN**的搜索功能查找有关自动打开的"网址" 将找到的文件(一般为HTM网页文件)删除、并记下文件名(F)； 再到注册表里搜索刚才查到的"文件名(F)"，将找到的字段删除就可以了。 2.修改右键菜单(右键菜单里多了一些网站连接的): 2A.如果右键中有网站连接。请打开注册表(C:\Windows\Regedit.exe),查找有关该连接名的键值，将找到的(一般只有1个)删除就OK了。 2B.或者直接通过“开始 -&gt; 运行 -&gt; regedit”进入注册表，来到 “HKEY_CURRENT_USER\Software\Microsoft\Internet Explorer\MenuExt”位置，点击文件夹的 “＋”号，我们可以看到常见的下载软件网际快车右键下载等等的信息 ，直接删除您不想要的即可。 如果手动不能删除的话 建议使用下面的软件 恶意软件清理助手 V1.96 Build 020 去广告绿色特别版   Windows流氓软件清理大师 V3.3免安装特别版   另：使用电脑的过程中，弹出窗口我们经常遇到，一些是对应我们的操作必须出现的，而有些则是被动接受的。尤其是各种广告窗口更是无孔不入，防不胜防，这些弹出窗口严重影响了电脑的正常使用，甚至会造成电脑出现一定时间内“假死”的现象，那么我们应该如何对付它们呢？ 问：电脑经常自动弹出一些非法广告页面，用禁止弹出窗口等诸多软件也无法禁止，查杀病毒也未发现任何异常，我是没辙了，请问有什么方法可以解决吗？ 答：这是共享版的FlashGet加入的广告，你一定是运行了FlashGet才会出现的，注册软件后广告即可消失。另外还有一个方法可以对付它，如果你安装的是Windows 2000/XP/2003操作系统且处于NTFS分区格式下，那么可以使用文件夹权限来禁止，以Windows XP为例，首先退出FlashGet，找到C:WindowsCache277文件夹（这个文件夹用于存放广告文件）。鼠标右击该文件夹，在弹出的快捷菜单中选择“属性”命令，切换至“安全”选项卡，将权限角色删除掉，接着单击“高级”按钮，然后取消勾选“允许将来自父系的可继承权限传播给对象”复选框，这样以后任何用户都无法访问这个文件夹了，当然FlashGet对它也不起作用了。 问：浏览网页时经常碰到弹出淘宝网的广告，奇怪的是，屏蔽广告软件对这种弹出广告没有任何效果。请问如何禁止它弹出呢？ 答：这类弹出广告的原理是利用浏览器的IE内核来调用IE窗口。据悉，淘宝网是由 网站代理的，各种弹出窗口也都是通过这个网站中转到淘宝网的，我们只需在Hosts文件中禁止这个网站即可。在C:WINDOWSsystem32driversetc下找到hosts文件，用记事本打开它，加入“  ”，然后以ANSI编码的形式保存到原来位置。这一招不但在这里起作用，对诸多弹出窗口都可以起到禁止的作用，你只要将弹出网页的地址以“0.0.0.0 网页地址”的形式依次加入就可以禁止想要禁止的弹出网页了。 问：电脑总是莫名其妙地弹出信使服务窗口，内容都是一些无用的非法广告，只要一上线就会出现，请问用什么方法可以根除？ 答：Windows 2000/XP操作系统在开机时，自动启动了自带的Messenger服务，可以接收、发送弹出消息给其他电脑。这个功能被人恶意利用，造成了信使广告满天飞的现象。我们可以通过以下方法来禁止：依次选择“控制面板→管理工具→服务”，在出现的“服务”窗口中找到“Messenger”项并双击，接着在弹出的“Messenger属性”对话框中选择“常规”选项卡，将“启动类型”改为“已禁止”并单击“停止”按钮即可。 问：浏览网页时经常会弹出一些认证的对话框，比如网络实名、点点通等，每次遇到这类现象，电脑就会停止响应一段时间后弹出认证窗口，感觉好烦！所以我禁止了ActiveX控件，虽然这些东西不弹出来了，但有时候访问银行网站或Flash等那些需要安装插件才能正常浏览的网站时就不正常了，请问有什么两全其美的方法吗？ 答：毕竟这些插件是安装一次就可以永久性使用的，所以在需要安装插件时，你可以把ActiveX控件启动，等安装完成后，再禁止就可以了。另外给你推荐一个很不错的软件——Anti ActiveX nags，它可以屏蔽42种扰人的窗口，基本上可以摆脱认证对话框的困扰。 问：我发现电脑一开机就会自动弹出IE并打开一些无聊的网站，另外在浏览网页时也经常会弹出IE窗口。请问我该如何去除它们，还电脑一个干净呢？ 答：这类情况一般都是你的电脑被恶意网站修改，在开机启动中加入了非法启动项，并修改了注册表所造成的。由于修改注册表过于复杂且易造成系统崩溃，因此我们建议安装修复软件来恢复系统，比如“IE修复专家”、“注册表IE修复器”等软件都可以帮你清理干净。 编辑提示：目前针对弹出窗口的软件和浏览器越来越多，就连Windows XP SP2也加入了禁止弹出窗口的功能。充分使用这些功能可以禁止绝大部分的弹出窗口，但由于互联网的特殊性，我们很难做到百无一漏。非法弹出窗口与反非法弹出窗口的斗争将继续进行下去。 参考资料: </t>
  </si>
  <si>
    <t xml:space="preserve">化学空气是不是氧化物？我感觉好象不是，但我书上的笔记写的是，找不 </t>
  </si>
  <si>
    <t>空气是混合物，是由氧气，氮气，二氧化碳和一些杂气混在一起，所以空气不可以说是氧化物。需要化学用品，实验室用品，可以游览我们广州金华大的网站， jhdlab com</t>
  </si>
  <si>
    <t xml:space="preserve">为什么找一部比较好的小说怎么就这么难呢！小说控们，有没有比较好的? </t>
  </si>
  <si>
    <t>书朋网看小说挺方便的派派后花园很多小说下载，但是找一部好看的也很费时间说不得大师的《佣兵天下》</t>
  </si>
  <si>
    <t xml:space="preserve">为什么保存文章不见了今天写好文章，顺便保存到草稿箱，但打开草稿箱 </t>
  </si>
  <si>
    <t xml:space="preserve">新　浪　公　告 亲爱的博友们： 　　大家好！为给大家提供更优质稳定的服务，博客将于12月7日(周五)1:00--6: 00对数据库进行维护，届时，博客将暂停文章操作功能(发表，删除，修改)和评论发表功能。造成诸多不便请大家谅解。 调整完成，就会慢慢恢复的，不用着急。 </t>
  </si>
  <si>
    <t xml:space="preserve">对十七届六中全会精神的学习体会和认识通过本期对十七届六中全会精神 </t>
  </si>
  <si>
    <t>“德之不修，学之不讲，闻义不能徙，不善不能改，是吾忧也。”25XX年前，古圣人孔子已知“德义、”不兴，乃国民之忧…… 6XX年前，地中海沿岸的文艺复兴，揭开了西方文明的“红盖头”，推动历史的车轮，向前驶进了现代工业化社会…… 2011年10月18日，中共xx届六中全会通过“中国特色社会主义文化‘大发展大繁荣’”的决议。21世纪第二个10年，中共中央高调提出引领“社会主义文化大发展大繁荣”，无疑是一个信号：中国将在文化建设方面发力，新闻事业将迎来大的发展机遇，中原经济区在国家战略层面上将更加重视中原文化的核心凝聚力，我们新闻工作者在未来10年宽阔的舞台上将大有可为。 南京老太在公交站台等车，被人撞倒摔成骨折，小伙儿彭宇上前扶人却被老人指认成肇事者；广东佛山2岁女孩“小悦悦”，两次被车辆碾压，先后18路人见而不问，最终一位拾荒阿姨将小悦悦救起……中国人冷漠至此，谁之过？有人称先人之非，古训早云：修身、齐家、治国、平天下。修身为先，怎怪古贤？有人怪法治，中国“依法治国、以德治国”，法德相宜，有何瑕疵？有人批此乃市场经济之利益所为，美、日高喊资本主义、个人利益上百年，人情淡漠之毒也没如此之深。 李白1310岁，美国谷歌记住了他的生日，替中国人纪念诗仙，而中国百度却忘得一干二净；西方情人节，玫瑰、鲜花在中国市场红红火火，而中国“七夕鹊桥”倒显得冷清了许多……中国人忘本媚外至此，谁之过？一些人说，网络普及毒蚀儒家传统，导致文化多元，中国缺乏核心价值；有些人称，凡事“过正”才能“矫妄”，追西方必须学西方；还有人道，自家（转载自第一范文网 ，请保留此标记。）文化产业内功修炼不足，让人家来供需，何乐而不为？诚若以上二三之言，我党高唱社会主义核心价值体系多年，岂不白费？为追西方而学西方，中国发展道路还谈何“中国特色”？若真自需无法满足，让老外供给，中国何时能自给？ 以我之见，以上猜测颇失客观。文化需要内涵，而并非外力所能改变。此次中共中央提出“发展社会主义文化”，因为社会中确实出现文化三俗、道德失范、价值扭曲等现象。而在未来的世界中，中国要想真正强大，不仅经济要做大，还要让其他国家承认你的强大，这就需要国民内心来服帖，而达到这种作用的“剂药”，就是充实国家内涵，提高大国文化魅力。此次，中央通过对文化建设的投入，来推动我国文化软实力的大发展，正是基于此种考虑。 面对“文化三俗、道德失范、价值扭曲”的行径和现象，我们不能自己也跟着麻木，也来围观、跟风。而是需要反思，当我自己成为当事人时，自己会怎样，该怎样做，通过这种方式，用理智来战胜浮躁和浅薄。 今年10月，国务院发布支持河南省建设中原经济区的指导意见。其中，不少涉及推进中原经济区文化建设的政策条款。新闻事业作为文化事业的一部分，可谓是“双喜临门”，将会迎来一个快速发展的机遇期。作为一名新闻专业的研究生，尤其是一名学生干部，我更应该牢牢地把握住这个机遇，在这个大有可为的时代，扎实地学好专业本领，培养自己的独立意识和责任意识。在以后的工作和生活中，要用自己的新闻专业主义精神和强烈的社会责任感来弘扬社会正义和传统美德，用团结统一、爱好和平、勤劳勇敢、自强不息的民族精神和改革创新、与时俱进的时代精神引领社会潮流。</t>
  </si>
  <si>
    <t xml:space="preserve">你今天最想说的一句话是什么?写下（长期有效）...工作一天快下班 </t>
  </si>
  <si>
    <t>每天都在努力，虽然努力了不一定成功，但是不努力一定会失败。祝大家好运！</t>
  </si>
  <si>
    <t xml:space="preserve">初三物理水面上漂浮着一个物体，且物体的五分之一体积露出水面，则此 </t>
  </si>
  <si>
    <t xml:space="preserve">用公式编辑器在EXCEL创建的公式，为什么不能把它粘贴到提问中的? </t>
  </si>
  <si>
    <t>可以黏贴到“问题描述”中：点击已编辑好公式的单元格，在表格上方编辑栏中用鼠标选中全部内容（即公式内容），点击复制，再黏贴到目标即可。不能简单复制该单元格去黏贴，因为这样黏贴的结果是该单元格的值。</t>
  </si>
  <si>
    <t xml:space="preserve">发个帖子发一份祝福祈祷灾区的人民平安！ </t>
  </si>
  <si>
    <t>地震无情人有情，一方有难八方援汶川发生了7.8级大地震，整个中国都在震颤。中华民族曾经遇到过无数的困难，中国人从未倒下，今天，我们作为中国儿女，应该用我们的实际行动共同渡过难关，团结一心，让所有人看看中国人的团结与力量，做好自己的事情，祝福我们的祖国会好起来，祝福2008北京奥运会成功。朋友要坚强！！！真心祝愿你与家人平安！</t>
  </si>
  <si>
    <t xml:space="preserve">平衡记分卡如何具体操作？ </t>
  </si>
  <si>
    <t>(Financial)方向 　财务方向反映了企业在财务健康水平方面的情况。它包括了收入，成本，利润，现金，资产，负债等多个方面的关键指标。对于绝大多数企业来说，财务指标的内容都很相似。事实上，企业一直都把财务指标放在一个重要的位置上。 　客户(Customer)方向 　客户方向反映了企业在获得客户，保留客户和提高客户价值方面的能力。平衡记分卡最大的长处之一就是评价客户方向对于财务方向的重大影响。  内部运营(Internal Process) 内部运营方向反映了企业在内部运营的资源和效率。内部运营直接影响到客户方向的关键指标，进而间接影响财务方向。  学习与成长(Learning &amp; Growth) 学习与成长方向反映了企业在最根本的层次上的发展动力方面的成绩。  我个人认为，在企业中实施，需要企业有良好的绩效管理的基础，有效地管理方式，考核的手段，设置切实可行的KPI指标，保证考核指标的提取，特别是考核数据的提取是最最重要的。否则很难实施。我有切身的体会，不要盲目跟风。</t>
  </si>
  <si>
    <t xml:space="preserve">求广东骏毅舞蹈学校广东舞蹈学校的收费标准? </t>
  </si>
  <si>
    <t xml:space="preserve">为什么我共享资料了却没有得到积分呢？为什么我共享资料了，别人也下 </t>
  </si>
  <si>
    <t>如果是0分设置的资料，那么那些没有注册的人也可以下载（即所谓“匿名用户”）但是iAsk却偏偏只算登陆下载的积分，而且限定30以内。这就是一个iAsk十分不合理的设置了。新浪建立iAsk就是为了吸引客流，但是：1、下载的人没有注册就走了，失去一个本来可以得到的客流2、提供资料的人油水太少，走了这样就会失去许多客流。</t>
  </si>
  <si>
    <t xml:space="preserve">请问下为什么在公司交的社保，然后个人在社保网查不到自己的社保资料? </t>
  </si>
  <si>
    <t>可 以 查 的  ,你 只 要 上 到 你 所 在 买 社 保 的 网 站 ,输 入 你 的 身 份 证 号 码 即 可 查 到 你 的 个 人 缴 纳 资 料 .</t>
  </si>
  <si>
    <t xml:space="preserve">这游戏太卡了，基本上不能刷屏玩起来不过瘾，能不能搞得通畅一些，怎? </t>
  </si>
  <si>
    <t>游戏制造者应该采取措施来完善这游戏，让大家玩得痛快</t>
  </si>
  <si>
    <t xml:space="preserve">“城市地道管理科”撤销，让员工提前退养....的问题？？我的一个 </t>
  </si>
  <si>
    <t>自从改革开放以来，“铁饭碗”就不存在了。任何单位都可能撤销，任何人都可以“下岗”，何况，你们这只是退休和退养呢。别想不开。</t>
  </si>
  <si>
    <t xml:space="preserve">聊天时怎么让字体变色?在团聊时,我看见别人打出了会变色的字,各位 </t>
  </si>
  <si>
    <t>具体你可以试下,代码如下#G #W #K #B</t>
  </si>
  <si>
    <t xml:space="preserve">有没有玩魔方玩得很好的？请教~小朋友要我陪玩魔方，我小时候没玩过 </t>
  </si>
  <si>
    <t>你要清楚魔方不是一个一个面拧的,而是拧完一面,放在底层,一圈一圈垒起来的</t>
  </si>
  <si>
    <t xml:space="preserve">请问这种害怕和反感感觉是怎么回事？高中特别是高三时由于天天考试所 </t>
  </si>
  <si>
    <t>其实中学时代的紧张是每个人都经历过的无法逃脱的紧张,只是你对此而紧张的程度过于偏激,造成了你现在的心理压抑..我想应该是你中学时听到过多的言教,比如老师的考考考,父母的分分分,长辈们的期望度与对你的要求让你不自觉的把学习当做是最重要的事之一,当然这无可厚非,但视为不能失败的目标,对你而言就产生了无形的压里,而这种压力让你无法不与时间赛跑,所以,你时刻想到过去的时间和将要来的时间里该做什么,是否做好了.....如此下来,给你的精神带来一种负荷.但是,你现在已经大学毕业,对你来说,人生中最重要的学习阶段已经过去了,你应该告诉自己,即便是工作同样的会有压力,但生活是需要调节的,再为重要的东西都无法重要过你有个健康的体魄,有健康的心理..这样才可以正常的生活,你说呢?告诉自己:没事儿,不就一个时间表么?我为什么去因为它紧张呢?!当然不会,我是最棒的!然后在生活中不要刻意回避时种等有时间性质的物品,还要继续给自己有个合理的时间安排表,不一定去按点执行,在有要事的状态下可以更改它,但一定要有合理的时间表,因为现实是你会去工作,去做好工作,而一个会工作会生活的人是会合理的安排时间的,不是吗?好了,祝你成功!快乐健康!</t>
  </si>
  <si>
    <t xml:space="preserve">请问我有个50级的王宫封印,是攻封,应该去抓什么比较赚想请问大家 </t>
  </si>
  <si>
    <t>单开的话可以去坎村抓蘑菇海龟，不算太危险而且很容易出，就是怕你盟约不够，不能一下抓进来，但是就算失败也有技能经验，就当边抓边烧技能好了，双开的话会比较安全和省力，这两个做招牌卖的话很好卖的，１Ｗ１只非常快，学完散步能卖２Ｗ或者刺激点的话去抓口袋龙，这个更加好卖了...ＪＰ还能卖个几十万你要是不想要ＪＰ盾的话不建议你去抓神盾的，一来太危险，二来垃圾还不好卖．我推荐的点都是你可以一边抓一边烧盟约的地方，毕竟盟约到８是第一目标吧（至少要３转吧）</t>
  </si>
  <si>
    <t xml:space="preserve">如果中国的青年人都是血性汉子，日本还敢侵略中国吗？多少年来，我们 </t>
  </si>
  <si>
    <t>单就日本的侵略战争而否定中国人的热血豪情，这是不太妥当的。我们家乡在抗日战争时，手无寸铁的老百姓硬是用扁担、木棍打死了900百名全副武装的日本兵，然而付出的代价却是3600多名老百姓死于日本人的枪口和刀口下。楼主也说了，小日本100多万军队杀死了中国3500多万军民，如果没有热血，你说这些人会死吗？沪淞之战，十九路军也是一个个血战到底的。只是由于装备确实太差了，才落败。造成这种情况的原因是多方面的，不是简单的述说就能说得清楚。最主要的我认为是左右了我们几千年的儒家思想，影响了我们的发展思维和改革进程。特别是明、清时代，更是尊儒重礼，视先进科技为异端邪说，影响了中国的发展。不过现在开始好起来了，没有守着个“文明古国”的招牌不放手，开始往富国强军方面发展，并且也有了起色。也正因为此，小日本才坐立不安，开始疯狂癫扑，开始叫嚣“中国威胁论”了。</t>
  </si>
  <si>
    <t xml:space="preserve">马克思主义劳动论的基本内容 </t>
  </si>
  <si>
    <t>劳动创造价值具体劳动创造商品的使用价值,抽象劳动创造商品价值</t>
  </si>
  <si>
    <t xml:space="preserve">亿万年有多长 </t>
  </si>
  <si>
    <t>一个问号那么长</t>
  </si>
  <si>
    <t xml:space="preserve">红名怎么办？？？怎么做最快，一个人{没有人帮忙} </t>
  </si>
  <si>
    <t>你说的“做”是指什么？是快点洗回来还是快点干掉他？想快点洗回来 去打怪  挑选那种低等级不死系怪物多的地方最快  几箭一个  正义值也高 想干掉他 几个精黑一起会心  或者法师木诅以后  妖精大地封印马上封住 不让他有回城的机会  等大地封印消失  木诅还没有消失  他就任你宰割了 一个人没有人帮忙 就要用色子匕首 当色子匕首消失的瞬间  会心一击 基本上就搞定了 不过现在色子匕首只剩下以前遗留下来的 有限的那么多了  用一个少一个  你有没有啊？</t>
  </si>
  <si>
    <t xml:space="preserve">谁能告诉我，主奥＋冰或者主冰＋奥（不考虑PK!!!!）的法师天赋? </t>
  </si>
  <si>
    <t>奥术 天赋 (18 点)奥术精妙 - 3/3 点使你的攻击性奥术法术造成的威胁值降低40%。奥术集中 - 2/5 点使你的敌人抵抗你的奥术魔法的几率降低4%。奥术专注 - 5/5 点使你有10%的几率在施放任何一种伤害性法术之后进入施法状态。节能施法状态可以使你的下一个伤害性法术所消耗的法力值减少100%。强化魔爆术 - 5/5 点使你的魔爆术的施法时间减少1.5 秒。唤醒 - 1/1 点在引导此法术时，你的法力值回复速度提高1500%。持续8秒。强化法术反制 - 2/2 点使你的法术反制有100%的几率使目标沉默4秒。火焰 天赋 (0 点)无冰霜 天赋 (33 点)强化寒冰箭 - 5/5 点使你的寒冰箭的施法时间减少0.5 秒。寒冰碎片 - 5/5 点使你的冰霜法术致命一击所造成的伤害提高100%。强化冰霜新星 - 2/2 点使你的冰霜新星的冷却时间减少4 秒。急速冷却 - 1/1 点激活之后，使你的所有冰霜法术的冷却时间结束。强化暴风雪 - 3/3 点为你的暴风雪法术增加冰冷效果，使目标的移动速度降低到普通速度的35%,持续1.5秒。极寒延伸 - 2/2 点使你的冰霜新星和冰锥术的有效半径以及寒冰箭的射程提高20%。冰霜导能 - 3/3 点使你的所有冰霜法术所消耗的法力值减少15%。碎冰 - 5/5 点使你的冰霜法术在击中被冰冻的敌人时造成致命一击的几率提高25%。寒冰屏障 - 1/1 点你被一道寒冰屏障所笼罩，在10秒内不会受到任何物理和法术伤害，但是在这期间你也无法攻击、移动或施法。霜寒刺骨 - 5/5 点使你的寒冷效果有15%的几率将目标冰冻5秒。寒冰护体 - 1/1 点立即为目标加上魔法护盾，可吸收455点伤害，持续1分钟。只要护盾存在，受保护者的施法就不会被打断。 Mage%7C60%7CArcane%3A3200005005100200000000000000%7CFire%3A0000000000000000000000000000%7CFrost%3A0500502001032350010000500100PS：主奥副冰的是冷门，不强。</t>
  </si>
  <si>
    <t xml:space="preserve">为什么老鼠过街人人喊打？为什么不是老鼠过街人人去打？ </t>
  </si>
  <si>
    <t>现在的世道正好相反，老鼠过街，人人唯恐避之不及</t>
  </si>
  <si>
    <t xml:space="preserve">小学生作业多,写不完怎么办?周末原本是休息日,但是作业往往太多了 </t>
  </si>
  <si>
    <t>你可以与老师沟通，现代教育新理念不允许增加作业量，要为学生减负，将休息日还给学生。作业还是要做的，长假过后，好好同老师讲讲。你也可以将本人的回帖告诉你的老师。</t>
  </si>
  <si>
    <t xml:space="preserve">我刚结婚，当晚和老婆亲热的时候，和老婆亲嘴的　时候，老婆说让我用? </t>
  </si>
  <si>
    <t xml:space="preserve">  小伙子呀!这种事你怎能对外人说的呀!这是你们俩共同的隐私啊!!  你如被你老婆听见,你要她怎么有脸再见人呢?如果你真的不懂,妻子是你的最爱呀!你就好好地与她交流交流做那个事的体会才是哟!  她为啥要你这样?你难道说不想这样?你是想怎么样?这都有是可以与她说说的呀.这样才是之情.之爱呢!  你的担心是怕你的老婆不是处女了?这才是你问题的根子.这重要吗?她已经这样地爱你了.也这样地都给了你,你还在怀疑她?处女膜这么重要的话叫她再补嘛 ?况且现在的女孩子行动量大.基本上...了的呀!  你呀你!不要生在福中不知福.从你的言谈来看,她是真爱你了.可以说对你是毫无疑问地什么都有不保留了;而你呢!还在东想西想的;真不应该!!  楼上说她肯定不是处女了.你这要去乱七八糟地瞎想.她是纯洁的.只是她对你太爱了.所以在那个时候.她也大胆地与你做事呀!你难道说要她应付一下.任务观点式的完事好吗?  你要自重.你也要自爱哟.以后在别人面前千万不要再说起:你和你老婆床上的事了.一是难听.二是你倒霉的.三是她也是多难为情呵!</t>
  </si>
  <si>
    <t xml:space="preserve">2010年武汉语文中考题2010的语文作文和阅读 </t>
  </si>
  <si>
    <t>一、（共15分，每小题3分）  1.下列词语中加点的字注音有误的一项是  A.秀颀（qí）慨叹（kǎi）大气磅礴（bó）  B.魁梧（wú）亢奋（kàng）荒谬绝伦（miù）  C.栈桥（zhàn）惬意（xiá）拈轻怕重（zhān）  D.揣摩（chuǎi）蓦然（mò）叱咤风云（zhà）  2.下列词语中有错别字的一项是  A.袅娜惶恐如释重负  B.浮澡恭维不可思意  C.陶冶苛刻悠然自得  D.奠定聪慧稍纵即逝  3.依次填入下列各句横线处的词语，恰当的一项是  （1）青春意味着勇气多于怯懦，青春意味着冒险多于_______。（2）阅读使人充实，交谈使人敏捷，写作使人_______。（3）悔恨自己的错误，而且力求不重蹈覆辙，这才是真正的_______。  A.安逸严谨悔悟B.安静严谨感悟  C.安逸严格感悟D.安静严格悔悟  4.下列各句中有语病的一项是  A.世博园里，众多国家的场馆宛如一张张国家名片，彰显着各自的特色。  B.教师楷模汪金权的感人事迹一经报道，就在社会上引起了强烈反响。  C.我省开始实施“阳光家园”计划，三年内将为1.2万残疾人提供托养服务。  D.在本届世乒赛上，经过健儿们的奋力拼搏，再次赢得了男子团体冠军。  5.将“同时，活着就是对生命过程的幸福体验和快乐享受”一句还原到下面的语段中，位置正确的一处是  我们为什么活着？（A）活着就应该对生命保持一种敬畏和尊重。只要我们还拥有生命，就得对生命负责，让生命焕发出光彩。（B）“水清鱼读月，山静鸟听风”，能领悟山月对话的静谧，活着就是一种幸福体验。（C）欢看潮涌大江的壮阔，品味人间真情的美好，活着就是一种快乐享受。（D）  二、（共9分，每小题3分）  阅读下面的文字，完成第6～8题。  古人的环保意识  环境污染或许是近代工业文明的产物，环境保护则是古往今来永恒的话题。中国古代就十分重视环境保护，很多方面都体现出古人强烈的环保意识。  传说从五帝时起，国家就设置了虞、衡机构。虞、衡就是专门负责环保工作的。据史料记载，舜帝时代，为了国家机器的正常运转，舜任命了九官二十二人，其中之一便是虞官伯益。伯益负责管理草木，治理山泽。这人很了不起，除了本职工作以外，还喜欢狩猎，喜欢与鸟兽打交道，谙熟鸟语兽习，把“驯养鸟兽”作为业余爱好。到了大禹时代，伯益又协助大禹治水、开垦种植、熟化土地等。南方的水稻就是从那时开始大面积种植的。  衡是虞的下设单位，它的工作比较具体，有林衡、川衡等。林衡负责巡视山林，植树造林，调拨护林人员和相关物资，还负责实施对相关人员的奖罚；川衡主要整治江河湖泊，保持水系畅通，既要抗旱，又要排涝。林衡和川衡在虞的领导和协调下，还要进行一些合作，譬如养山涵水、导流山洪等。  中国古代环保法令多以诏令、礼、律、禁令等形式下达。其中诏令毫无疑问是国家法律，不得违抗。礼多是民间的约束或叫规约，律和禁令可能是地方政府颁布的，也可能是国家有关部门发布的。  “春三月，山林不登斤，以成草木之长；夏三月，川泽不入网罟（gǔ，捕鱼的网），以成鱼鳖之长。”据说此禁令产生于大禹时代，最迟也在先秦。这和今天实施的季节性封山育林、江河禁捕如出一辙。《礼记》里的规定就更加具体，什么时候可以伐木，什么时候可以捕鱼，什么时候可以网鸟，什么时候可以逮兽……件件桩桩说得清清楚楚。不仅定性，而且量化；不仅制约黎民百姓，皇家也不例外，违者必究。  《荀子·王制》更是将社会经济发展与环境保护紧密地联系起来，形成了“保护是为了更好地发展”的先进理念，如“草木荣华滋硕之时，则斧斤不入山林，不夭其生，不绝其长也……春耕、夏耘、秋收、冬藏，四者不失时，故五谷不绝，而百姓有余食也。”  这些规定，并非哪一朝代所有，而是各朝各代都以国家的法律形式诏令天下，如秦代的《秦律·田律》、宋代的《宋大诏令集》等。  中国古人环保意识的形成，主要取决于两个因素：一是古人崇尚自然，自给自足，不轻易杀生；二是国家颁发律令，主导环保，促进了民间的环保习惯的形成。  （文/包光潜有删改）  6.下列对全文内容概括正确的一项是  A.介绍中国古代的环保机构。  B.介绍中国古代的环保法律。  C.介绍中国古人的环保理念。  D.介绍中国古人的环保意识。  7.下列对文本内容理解正确的一项是  A.舜帝时代，虞官伯益负责管理草木，治理山泽，又协助大禹治水。  B.林衡和川衡工作比较具体，分工明确，各司其职，各负其责，互不干涉。   古代的一些环保法令，体现了“保护就是为了更好地发展”的先进理念。  D.古人环保意识的形成，完全建立在古人崇尚自然的思想基础之上。  8.依据文本内容判断，下列不能证明“古人重视环境保护”的一项是  A.为解决人口膨胀问题，西汉政府向西北迁徙了70万人，大片森林变成了农田。  B.《礼记·曲礼》中规定：大夫不得整群地猎取鸟兽，士子不得捕猎幼兽。  C.《旧唐书》中记载：凡是打渔捕猎的活动，要按照当令时节进行。  D.唐代设置了虞部郎中、员外郎等职，主要负责京城绿化等工作。  三、（共9分，每小题3分）  阅读下面文言文，完成9～11题。  许昌士人张孝基，娶同里富人女。富人只一子，不肖，斥逐之。富人病且死，尽以家财付孝基。孝基与治后事如礼。久之，其子丐于途。孝基见之，恻然谓曰：“汝能灌园乎？”答曰：“如得灌园以就食，何幸！”孝基使灌园。其子稍自力，孝基怪之。复谓曰：“汝能管库乎？”答曰：“得灌园，已出望外，况管库乎？”又何幸也。”孝基使管库。其子颇驯谨，无他过。孝基徐察之，知其能自新，不复有故态，遂以其父所委财产归之。  （选自《厚德录》）  9.下列加点词语解释错误的一项是  A.斥逐之 追赶  B.富人病且死 将要  C.如得灌园以就食，何幸 多么  D.不复有故态 原来的  10.下列句中加点的“以”与例句中的“以”用法相同的一项是  例句：遂以其父所委财产归之  A.何以战  B.不以物喜  C.故临崩寄臣以大事  D.以塞忠谏之路  11.下列对张孝基的评价不符合文意的一项是  A.张孝基信守承诺，把岳父的丧礼操办得很风光。  B.张孝基心地善良，见妻弟乞讨，顿生怜悯并积极给予帮助。  C.张孝基助人有方，让妻弟灌园管库，在劳动中促其转化。  D.张孝基为人厚道，把全部财产归还给悔过自新的妻弟。  第Ⅱ卷（非选择题，共87分）  四、（14分）  12.将上面文言语段中画线的句子翻译为现代汉语。（共6分。每句3分。）  （1）久之，其子丐于途。  （2）其子稍自力，孝基怪之。  13.填空。（共8分。每空2分。）  （1） 人生自古谁无死，__________。（文天祥《过零丁洋》）  （2） 零落成泥碾作尘，__________。（陆游《卜算子·咏梅》）  （3）《岳阳楼记》中“__________，后天下之乐而乐”，表达了范仲淹以天下为己任的远大抱负。  （4）成长的道路上，我们难免会碰到一些困难与挫折，这时我们可以用李白《行路难》中的诗句自勉：“长风破浪会有时，__________。”  五、（15分）  阅读下面的现代文，完成第14～17题。  念你们的名字  孩子们，当医学院把发榜名单给我时，一百二十个动人的名字，我逐一地念着。我忍不住覆手在你们的名字上，为你们祈祷。在你们未来七年漫长的医学教育中，我只教授你们八个学分的国文，但是，我渴望能教你们如何做一个人。  我爱你们的名字！名字是天下父母满怀热望的刻痕，在万千中国文字中，他们所找到的是一两个最美丽、最醇厚的字眼——世间每一个名字，都是一篇简短、质朴的祈祷！“林逸文”“唐高骏”，你们的父母多么期望你们是一个出类拔萃的孩子；“黄自强”“林敬德”，多少伟大的期盼寄托在你们身上；“邵国宁”“王为邦”，显然你们的父母把你们奉献给苦难的中国……我常惊讶，为什么世人不能虔诚地细细体味一个人的名字？为什么我们不懂得恭敬地省察自己的名字？每一个名字，或雅或俗，都自有它的意义和爱心倾注。  这些日子，乡人们念着你们的名字时，也许它已成为桑梓邻里间一个幸运的符号，许多名望与财富的预期已模模糊糊和它联系一起。许多人用钦羡的眼光望着你们，一方无形的匾已悬在你们的眉际。有一天，医生会成为你们的第二个名字。但是，孩子们，什么是医生呢？一件比常人所穿的更白的衣服？一笔更有保障的收入？一个响亮而有荣耀的名字？孩子们，在你们不必讳言的快乐里，抬眼望望你们未来的路吧。  什么是医生呢？孩子们，当一个生命在温湿柔韧的子宫中悄然形成时，你是第一个宣布这个神圣事实的人。当那蛮横的小东西在尝试转动时，你是第一个窥得他在另一个世界的心跳的人。当他陡然冲入这个世界，是你，用双掌接住那华丽的初啼；是你，用许多防疫针把成为正常人的权利给了婴孩；是你，用精湛的医术摧毁生命的暗礁，让初生儿扬帆远航。一个外科医生像周公旦一样，是一个在简单的午餐中三次放下食物走进急救室的人。有时候，也许你只需为病人擦一点红药水，开几粒阿司匹林；也有时候，你必为病人切开肌肤，拉开肋骨，拨开肺叶，将手术刀深入一颗学期在胸腔中的鲜红心脏；有的时候，你甚至必须忍受眼看血癌吞噬一个稚嫩无辜的孩童而束手无策的裂心之痛！你陪同病人走过生命中最黯淡的时刻，你倾听垂死者的最后一声呼吸，探察他最后一次心跳。你陪同人类走过生老病死，你扮演的是一个怎样的角色啊！一个真正的医生怎能不是一个圣者？  事实上，成为一个医生的过程正是一个苦行僧修炼的过程。在成为一个医者之前，第一个需要被医治的，应该是我们自己。在一切的给予之前，让我们先拥有。你需要拥有怎样的职业精神才能使自己免于无行，你要几度犹豫才能狠下心来拿起解剖刀切开第一具尸体，你要怎样自省才能在医治过千万个病人后，使自己免于职业性的冷漠和无情！孩子们，我愿意把那则古老的神农氏尝百草的神话再说一遍。神话是无稽的，但令人动容的是一个医者的投入精神，以及那种人饥己饥、人溺己溺、人病己病的同情心。身为一个现代的医生，当然不必一天中毒七十余次，但贴近别人的痛苦，体谅别人的忧伤，怀有恻隐之心，仍是可贵的。  孩子们，这世界上不缺乏专家，不缺乏权威，缺乏的是一个“人”，一个肯把自己给出去的“人”。当你们帮助别人时，请记住医药是有时而穷的，唯有不竭的爱能照亮一个受苦的灵魂。当你以一个单纯的“人”的身份，探看另一个身患疾病的“人”时，你们遇见的不仅是人的病，也是病的人，也是人的眼泪，人的微笑，人的故事！孩子们，让别人去享受“人上人”的荣耀，我只祈求你们善尽“人中人”的天职。其实，不管我们研究什么，最可贵的还是对“人”的诚意。孩子们，我祈求全能者以广大的天心包覆你们，让你们懂得用爱心去托住别人，祈求造物主给你们内在的丰富，让你们懂得如何去分给别人。  某些医生永远只能收到医疗费，我愿意你们收到的更多——我愿意你们收到别人的感念。我知道有一天将有别人念你们的名字，在一片黄沙飞扬的乡村小路上，或者在曲折迂回的荒山野岭间，将有人以祈祷的嘴唇，默念你们的名字。  （文/张晓风有删改）  14.依据对文本内容的理解填空。（2分）（1）念孩子们个人的名字，是为了提醒孩子们不要辜负了__________。（2）念孩子们共同的名字，是为了提醒孩子们不要辜负了__________。  15.下面语句运用了排比、比喻等修辞手法，请任选一种修辞手法品析下面句子的表达效果。（3分）  当他陡然冲入这个世界，是你，用双掌接住那华丽的初啼；是你，用许多防疫针把成为正常人的权利给了婴孩；是你，用精湛的医术摧毁生命的暗礁，让初生儿扬帆远航。  16.文中写到有不同的人“念你们的名字”，他们分别带着什么样的感情“念你们的名字”？（6分）  17.作者说：“成为一个医生的过程正是一个苦行僧修炼的过程。”将来我们面对自己的职业也会经历一番“修炼”。结合文本内容，说说作者提醒我们该修炼什么。请概括作答。（4分）  六、（8分）  根据要求完成18～20题。  近年来，武汉市多家公园开展了树木认养活动，许多市民参与其中。今年，武汉市首次将6月5日、6日设为“树木认养回访日”。学校决定组织学生开展以“树木认养”为主题的综合性学习活动。  18.你准备做一次街头调查，请为调查问卷“武汉市民认养树木现状调查”设计一个调查问题。（2分）  19.下面是某同学根据收集到的资料绘制的图表。请仔细观察并比较两组数据，用简明的语言概括出图表所包含的信息。（4分）  20.年初，小林和朋友一起认养了一棵树。周末他想约朋友一同去为认养的树木施肥剪枝，可朋友因学习紧张不想去。小林觉得认养是一份爱心，照看是一份责任，这时他会对朋友说：“__________”。（2分）  七、（50分）  21.阅读下面的材料，按要求作文。（50分）  花园里的小橡树愁容满面，看到别人在开花结果，它不知道自己该做什么。  苹果树说：“你为什么不能结出一个美味的苹果呢？你太不努力了！”玫瑰也对它说：“别听它的，你应该开出一朵玫瑰花，你看多容易！”小橡树非常努力，可是既未结出美味的苹果，也未开出漂亮的玫瑰花，它越来越迷茫。  迷茫中，小橡树尝试让自己平静下来，去倾听自己内心的声音：我是一棵橡树啊，我永远结不出苹果，也开不出玫瑰花。我的使命应该是长得高大挺拔，给鸟儿栖息，给游人遮阴。  小橡树顿觉浑身充满力量，它快乐地生长着，很快就成为一棵大橡树。  成长过程中我们需要些什么呢？小橡树的经历应该能引发你一些思考。请自拟题目，自选文体（诗歌、戏剧除外），写一篇不少于600字的文章。文中不要出现自己的姓名和校名。</t>
  </si>
  <si>
    <t xml:space="preserve">神泣什么时候开始公测啊?郁闷啊~~~~我天天回答问题抢号都没抢到 </t>
  </si>
  <si>
    <t>《神泣》中国地区公测，将于2006年11月25日下午14:00点，准时开放。</t>
  </si>
  <si>
    <t xml:space="preserve">我是河北省一名大专在读生，想了解我能否报考公务员，何时、在哪报 </t>
  </si>
  <si>
    <t>国家公务员报考条件    报考省级以上政府工作部门的应具有大专以上程度，报考市（地）级以下政府工作部门的文化程度由省级主管机关规定。这一项规定到两方面因素：一是根据我国教育事业发展现状，报考中央和省级政府的要具有大专以上学历；二是考虑到我国地域间的文化差异，授权省级政府人事部门根据实际情况和工作需要，确保市（地）级以下政府部门录用公务员所需文化程度。    报考省级以上政府工作部门的须具有两年以上基层工作经历，国家有特殊规定的除外   考虑到中央和省级政府工作部门担负着宏观管理职能，要求其工作人员必须具有基层工作经验。这里所说的基层，一般是指各种类型的企业、事业单位和市（地）以下政府工作部门。但按国家有关规定，某些专业毕业生，如外语、计算机、财会和考古专业的毕业生，可以直接进入中央和省级政府机关工作。省人事厅昨天公布了今年我省公务员考试的招考标准和相关政策，我省公务员报考将于本月２５日起开始报名，报名地点已确定。 　　据悉，各市州报名时间定于本月２６日至２８日，省直单位定于本月２５日至２７日每天９∶００到１６∶００。为方便考生报名，中午时间工作人员不休息，考生中午也可报名。 　　报考省直机关和地税系统的考生到湖南省展览馆北楼（长沙市展览馆路５０号）报名。报考市（州）以下机关及省工商、质量技术监督、食品药品监督管理局驻市（州）、县（市、区）机构的人员，到当地组织、人事部门指定的地点报名。根据规定，每名报考人员只能报考一个职位。报名时，除提供３张近期同底１寸免冠半身照片外，应届毕业生需提供本人身份证、学生证和学校毕业生就业推荐表原件；往届毕业生需提供本人身份证、毕业证与学位证。 　　规定要求，报考省、市（州）机关的一般应具有国家承认的大学本科以上文化程度，报考县（市、区）、乡（镇）机关的一般应具有国家承认的大专以上文化程度。民族自治州、县与各级政府民族事务部门及其他部门特</t>
  </si>
  <si>
    <t xml:space="preserve">紧急求助！！！！！！！！！我的宽带用的是电信的，刚才电信客服给我 </t>
  </si>
  <si>
    <t>首先要确认那封邮件的真伪，一般电信的宽带和电话捆绑，所以有什么问题，应该是通过电话通知客户而不是邮件，所以那封邮件很可能是骗子发的目的就是盗取你的宽带帐号，如果你按他的要求填写的宽带帐号密码。那么你的宽带帐号很可能被他盗用了，密码被他修改了，你当然就上不了网了建议你立即去电信营业厅修改密码或播打10000选择人工服务进行咨询查看自己的宽带帐号每月的消费可以登陆当地电信公司互联星空主页查询</t>
  </si>
  <si>
    <t xml:space="preserve">女生戴卫生巾其他人看得出吗?我戴卫生巾总觉得有异物感,其他人从外 </t>
  </si>
  <si>
    <t>只要不是穿裙子和非常宽松的裤子,在行走中都能看出来,再短再薄的卫生巾也会向后延伸包住臀沟,站立不动时一般看不出,走动时裤子后面中间的拼缝凹档处被卫生巾挡住了,所以,用不用卫生巾在走动中一眼就能看出来,用卫生护垫就看不出了.</t>
  </si>
  <si>
    <t xml:space="preserve">08年油葵价格能涨过去年吗？到底是多少啊？会涨吗？ </t>
  </si>
  <si>
    <t>上百度查查便知。</t>
  </si>
  <si>
    <t xml:space="preserve">90满TS满连击所有5或土5的黑水多少钱?会员3千万 </t>
  </si>
  <si>
    <t>满天伤（3200-4000）满连击（1500-2000）所有相5（6500左右）土相5（1200左右）</t>
  </si>
  <si>
    <t xml:space="preserve">2012年上海月嫂价钱怎么样？刚生完宝宝家婆又不帮带，自己刚开始 </t>
  </si>
  <si>
    <t>我觉得最主要还只选择正规月嫂公司。月贝佳月嫂公司其营业资格齐全，并保证其人员的从业资格。有签定合同，收费标准，有一套严格审查的程序，每一位月嫂都有自己的档案，其中包括身份证、健康证、从业经验、上岗资格证、照片、体检证明等证件，用户必须验看这些证件。开始请月嫂，我们也是很迷茫，开始担心请的月嫂不专业，又担心价格贵了，月贝佳月嫂公司的布置很温馨，看起都是比较正规的，还是全国十大金牌月嫂公司。公司接待人员的态度也不错，讲解的也很详细，价格嘛，算很低的了，金牌月嫂才4600,。月嫂服务的不错，把娃儿护理的很好，我们都很满意。你可以去了解一下希望帮到你</t>
  </si>
  <si>
    <t xml:space="preserve">国内的快递公司可以邮寄菜刀吗从国外买了一把双立人菜刀带到北京，然 </t>
  </si>
  <si>
    <t>根据相关规定，菜刀不属于禁止邮寄的物品，所以只要在一定数量内的刀具，经过快递公司的专业包装，可以送到指定地点。</t>
  </si>
  <si>
    <t xml:space="preserve">我晚上睡觉喜欢做梦..做梦真的好累.第2天醒来全身酸痛.!请问有? </t>
  </si>
  <si>
    <t>每个人都做梦。但大多数人醒来后不久就忘记梦了，最多只留下某些感觉。那些醒后还清晰记得梦的内容的，只能是睡眠质量不高，或者是多梦。 做梦对每一个正常人来说是必不可少的，而且还有一些好处。那么为什么有很多人为做梦而感到呢?他们认为做梦影响了睡眠效果，从而出现了白天的许多不舒服症状。实际上并非如此，如果仔细询问这些人，都会发现他们存在着各种烦恼的心理因素。正是这些心理因素影响了夜晚的正常睡眠，同时也引起了其他症状。他们通过梦境也能体验到烦恼所带来的痛苦。有的人做梦的内容和他们引起心情不愉快的原因有些联系。但由于心理因素的作用，所增加的睡眠时间被“有梦睡眠”占去，而“无梦睡眠”没有增加，因而睡眠深度反而变浅了。这样的睡眠不能使大脑得到充分的休息和恢复，却增加了刺激，客观上看来睡眠是延长了，效果却更糟了，醒后就会感到累、不解乏。夜里每次都是从恶梦中惊醒，就会使人主观上认为整夜都在做梦。 “整夜做梦”者，为了缓解症状；改善睡眠效果，虽可服用一些安眠药，以减少“有梦睡眠”，增加“无梦睡眠”的深度。但这只能作为暂时的对症治疗，治标治不了本。如果长时间用药来剥夺“有梦睡眠”，还会产生“做梦的压力”，一旦停药就会出现“反跳现象”，结果做梦的内容和时间反而比服药前明显增加，以致病人不敢停药，害怕停药会带来更大痛苦。如果不停药，长期服下去又会对药物产生依赖。所以，服用安眠药只能作为一种辅助治疗手段。 治疗的根本方法，就是解除引起睡眠不良的心理因素。如果病人通过心理治疗和具体的指导，采取正确的方法和态度去面对心理上的困难，并逐步地解决现实的困难矛盾，令人痛苦的梦就会减少，睡眠也能恢复正常，与此并存的许多其他症状也随之消失。总之，烦恼的心理因素没有了，由其引起的一系列反应也就消失了</t>
  </si>
  <si>
    <t xml:space="preserve">中国的煤炭多，还是石油多？ </t>
  </si>
  <si>
    <t>中国煤炭储量比石油多，但是要按人均算就都不多了，属于资源贫乏国家。</t>
  </si>
  <si>
    <t xml:space="preserve">怎么对付血法+山丘秒杀?新的1.17之后,血法被加强了,我发现血 </t>
  </si>
  <si>
    <t>尽量再初期骚扰他，不要让山丘之王尽快升级；最好在2级。敌人要使用这战术，首英雄准是山丘之王，初期就没有水元素了，中期魔法部队又无辉煌光环的支持，如果初期剑圣和兽组步兵骚扰成功就能取得优势，中期也许就不怕了。2级锤+驱散仅有262.5伤害呢（225*5/3*7/10）你最好用不死，有反魔法盾。</t>
  </si>
  <si>
    <t xml:space="preserve">什么品牌足浴盆最好 </t>
  </si>
  <si>
    <t>买足浴盆，你可以去“足生活”看看，它是一个第三方的导购平台。我当时在那买过，足浴器双层包装邮递，完好无损，物流给力，宝贝使用方便，泡脚很舒服，是一款性价比好的产品，大大好评，全5分哦。</t>
  </si>
  <si>
    <t xml:space="preserve">如何教小学生学拼音,英语单词?我儿子今年读小学三年级,我发现他好 </t>
  </si>
  <si>
    <t>如何帮助小学生记忆单词小学生对母语———汉语拼音的印象可谓是根深蒂固，因而使得他们在英语学习时常常会受到母语负迁移的影响。那么在学生能正确朗读单词的基础上，我们为什么不能将学生对母语的这种负迁移影响合理地运用到帮助学生记忆单词中来呢？实践证明，这样做常常会收到事半功倍的效果。如学生在记忆policeman这个单词时，不是乱了字母的先后顺序，就是忘了个别元音字母，或把单词中的元音字母张冠李戴，a写成了e，e写成了a。如果我们在指导学生记忆policeman时就直接要求学生记住几个汉字的汉语拼音：波pō立lì册cè慢màn，去调汉语拼音中的声调，在书写的形式上也就成了policeman了，学生就能在瞬间迅速记住该词，而且记忆较为深刻。以后当他看到警察这个词，他就会读出单词[′pәlis mәn]，不由得再说出“波立册慢”，从而能准确写出该词。以上仅仅是一例，而事实上，在英语中，我们国家的地名、人名一般都是用汉语拼音写出来，而许多单词，如song、pen、tin等与汉语拼音也极为相似。一些字母如g、y、w、h、r等在单词中的发音与字母本来读音关系不大，而与汉语拼音的发音却有联系。在记忆这些单词时，我们不妨因势利导，鼓励学生去尝试一下，结合汉语拼音，学生很容易就能快速记住单词，体验成功，从而也可以在一定程度上激发学生英语学习的兴趣。英语专家谈英语学习方法1.用英文思维是许多英语学习者都希望达到的一种境界，因为这是用英语流畅地表达思想的基础。　　 对于一个在非英语环境中的中国学生来说，要做到部分或全部用英文来思考确有很大难度，但也不是可望而不可及。从自己学习英语的经历中，我体会到坚持大量阅读是实现这一目标最有效的途径之一。　 2.首先要选好难易程度适中的原文书籍：一般以每页（大32开）不超过八个生词为宜。其次是阅读方法：要像读中文小说那样快速浏览，不默读，不查字典，更不通过翻译来理解原文的意思。遇见 不认识的生词，要根据上下文来推测。第三是要坚持天天都读，而且要给自己规定每天必须完成的阅读任务。只要坚持下去，几个月，半年之后，肯定会看到成效。</t>
  </si>
  <si>
    <t xml:space="preserve">徐州哪卖嘻哈大甩帽衣服``我比较怀旧``有知道的请告诉偶``! </t>
  </si>
  <si>
    <t>木果果木...中心时尚大道</t>
  </si>
  <si>
    <t xml:space="preserve">旅客自助通关系统的原理、特点？ </t>
  </si>
  <si>
    <t>旅客自助通關系統年底?續?⒂?保安局局長李少光今日(十月十三日)在立法?卮鹱h?T提???r說，?M快在今年年底?續在各口岸推出「旅客自助出入境?z查系統」。 他指出，??r，羅湖管制站的通關能力亦??岣撸每偷妮?候?r間相信亦?M一步得以改善。李少光又透露，深圳市政府?榕浜仙钲诘罔F初期?路在今年年底開通，正???增設羅湖口岸??z?桥c深圳地鐵羅湖站的直接通道，以方便過境旅客使用地鐵。　　以下是詹培忠議?T今日（十月十三日）在立法??h上的提??和保安局局長李少光的答覆：??題：　　本人獲悉，深圳?局在不久的????z?及重新安排羅湖的?鹊仃P口設施。就此，政府可否告知本??（一）　有?]有就深圳?局的?z?及安排制?相????；（二）　鑒於香港?稱是??洲?H都?M出羅湖人次每天?狄允f?，有?]有評估羅湖跨境?蚋鄯疥P口設施是不是足?蚣胺犀F今需求；若有，結果是甚麼；及（三）　有?]有就??蜻^度?D迫的情?r進行安全評估？主席女士：　　?钲谟嘘P?局表示，深圳羅湖口岸??z?堑母脑旃こ桃鸯抖稹鸲晔禄就瓿伞Ｓ嘘P工程完成後，除出入境旅客的流程得以理?外，旅客?z查????的?的恳嘤稍?淼?37??增加至172??，口岸的通關能力已有所增??。另外，?榕浜仙钲诘罔F初期?路在今年年底開通，深圳市政府現正???增設羅湖口岸??z?桥c深圳地鐵羅湖站的直接通道，以方便過境旅客使用地鐵。　　就詹議?T的質?，我??的具體回?缦拢?（一）　我??不?r與深圳有關?局保持密切?繫、合作，確保羅湖管制站的人流?稠?。近年?恚???常?z?羅湖管制站的過境設施，?K制?了一系列的改善工程，以進一步提高及改善?站的通關能力及?地的環境。這些工程包括?U?通往離境大堂的通道、更?Q入境大堂的?z查????、?U建離境大堂、在離境大堂增設14???z查????、增建一?l通往離境大堂的通道、?U?羅湖跨境行人?蚣霸?蛏涎b設空?庹{?系統等。此外，九?V鐵路公司亦在火?站月台進行?U建工程以??施新的上落?安排，加建入境大堂等候?^，?U??站大堂的通道，更?Q票閘?C，以及?U建洗手間設施等等。（二）　我??明白羅湖管制站人流十分頻繁。去年?站每日平均旅客量約??33 000。今年首九??月，?站的每日平均旅客量?t已?上升至243 000人次，較去年同期上升約6.5%。我??有信心透過上述的連串改善工程，羅湖站的通關能力??樘嵘?e是羅湖跨境行人?虻氖褂铆h境及流量亦?兴纳疲阋?镀?r以及假日的旅客流量。除了改善設施之外，我??亦十分了解市民大??^關自?踊钠谕Ｋ裕???M快在今年年底?續在各口岸推出「旅客自助出入境?z查系統」。??r，羅湖管制站的通關能力亦??岣撸每偷妮?候?r間相信亦?M一步得以改善。（三）　上述的各?改善措施，有助分流疏?每图?樗??提供更多?候空間，達致改善羅湖管制站包括羅湖跨境行人?虻?D迫情?r。?o?如何，我??不??θ肆?D迫的情?r掉以輕心。?橛行У毓芾砣肆髦刃颍??的前?部門已?同九?V鐵路公司成立了保安委?T?ㄆ?υ?站以及羅湖跨境行人?虻娜肆骷鞍踩?r進行評估，?K?袢「黜?適?措施，包括在繁忙?r段靈活調配人手以增開?z查????、增派保安人?T在現?鼍S持秩序，以及加??與?鹊赜嘘P?局及九?V鐵路公司的配合等。此外，在一些出入境高峰期，如長假期等，各有關部門更?c深圳有關?局共同就估?的人流及相?胧┻M行商?，?K在高峰期間??涌绮块T的?合指?]中心，密切監察人流情?r。這些措施在過去的?日，就算非常繁忙的?r段，都能發?]良好的效用，而整體過關情?r亦能保持安全、?稠?。</t>
  </si>
  <si>
    <t xml:space="preserve">请问IBM笔记本电脑没有光驱如何安装OFFICE2000?如题 </t>
  </si>
  <si>
    <t>MicrosoftOffice2003迷你第7版(最终完美版) 迷你第7版(最终完美版)软件大小:155.39MB软件语言:简体中文软件类别:网友点播运行环境:Win9X/WinME/WinNT/Win2000/WinXP/Win2003授权方式:破解软件解压密码:软件介绍:MicrosoftOffice2003迷你版从第1版、第2版……第6版、到今天的最终版受到了真的很不容易,受到不少网友的欢迎,我们也希望早一点出一个最终版给大家一个交代,给迷你版划上一个完美的句号,感谢各位网友。这次是最后一次版本,认为是Office2003。。。第七版也好,还是最终完美版也好,都无所谓啦。不过这次是我最满意的一次,因为我认为它是没有太多累赘物的最好用的一次版本,而且已经集成SP1,又稳定,不出错。希望大家用的舒心。是因为不再以追求小为目标了,这个版本的根本目的是去除Office2003的冗赘部分。在使用时真正觉得实用,而不是纯粹用来玩的或给人家装机器用的。</t>
  </si>
  <si>
    <t xml:space="preserve">若玛扔飞标（不好意思啊，名字记不住那怪到底么攻击啊？？我法师强风 </t>
  </si>
  <si>
    <t xml:space="preserve">诺马骑兵（ 风攻击 弱风4 ）连续攻击飞快 很容易破盾 在高法师也不敢在它面前破盾曾有人验证过后说骑兵。地牢女神==怪物在有魔法攻击的同时也含有物理攻击 我虽然没有亲自验证 但我想这个可能性还是很大的 所以以后你跟道士组队的时候让道士同时给你打战甲 副还是很便宜的 </t>
  </si>
  <si>
    <t xml:space="preserve">MP3可以和VCD连接吗？ </t>
  </si>
  <si>
    <t>不可以　但是可以在音响上放</t>
  </si>
  <si>
    <t xml:space="preserve">请问各位大哥暗黑1.11里面的红门补丁那里下怎样安装谢谢了 </t>
  </si>
  <si>
    <t xml:space="preserve"> 有说明的</t>
  </si>
  <si>
    <t xml:space="preserve">如果刘邦和曹操出生在同一时期(做两种假设,一个秦末,一个在汉末.? </t>
  </si>
  <si>
    <t xml:space="preserve">    我要先问问，刘邦和曹操手下的能人、将军是不是也都在同一个时期，如果这一点是肯定的话，我认为，最后是刘邦一统天下（是在曹操死后一统天下的，刘邦可要活得久点）。有二点依据：1、称帝之心   刘邦是雄心壮志，曹操没那么强烈。2、评价    史书评论曹操：“少机警，有权数”，“明略最优”，“治世之能臣，乱世之奸雄”，“横槊赋诗，固一世之雄也。”曹操自幼博览群书，善诗词，通古学，也有过人的武艺。著名的《让县自明本志令》作于建安十五年（210），光明磊落，字字真挚。曹操感性地说：“使天下无有孤，不知当几人称帝，几人称王。”历史上曹操很得人心并且他的战争观是为了天下和平。事实的确如此。    刘邦才学，武力等各方面都一无是处，但是他会用人，他敢用人，刘邦曾说过：“夫运筹帷帐之中，决胜千里之外，吾不如子房。镇国家，抚百姓，给馈饷，不绝粮道，吾不如萧何。连百万之军，战必胜，攻必取，吾不如韩信。此三者，皆人杰也，吾能用之，此吾所以取天下也”。认为自己之所以获胜，主要在于重用张良、韩信、萧何，具有相当高的政治手段和用人技巧。</t>
  </si>
  <si>
    <t xml:space="preserve">科学安排学习时间和睡眠时间? </t>
  </si>
  <si>
    <t>保质保量的睡眠，不仅是青少年生长发育的需要，而且还是智力发育的需要。但考学的压力，迫使绝大多数的中小学生睡眠不足，尤其是毕业班学生成为了社会最困最累的群体。只要考学竞争存在，学生就得争相压缩睡眠时间，来争取更多的学习时间。睡眠让人体恢复精力和体力，以保障白天的社会功能。睡眠中，脑神经细胞会进行自主休整。脑神经细胞会对白天获取的知识（即记忆）进行分类、组合，相当于加强了对这些知识的记忆；脑神经细胞按自己的方式在睡眠中进行信息（已记忆的知识）的整合和新突触联系的建立，也就是思维。所以，睡眠，是提高记忆和思维能力必不可少的。但是题海训练是必不可少的。因为在学习和做作业中，做题目不仅仅能巩固所学知识点的记忆，更能促使所学知识点间的联系，即提高思维能力。思维有过程，其结果也就能形成记忆。在关键的升学考试时，再次遇到相同或类似的问题或考题时，就能快速、准确无误的解答。所以，应试下，孩子只能增加学习时间。如何分配学习时间和睡眠时间？睡眠医学发现：只要提高睡眠质量，即使睡眠时间缩减，人体也能恢复好精力和体力。睡商（sleep quotient），是美国睡眠医学用于参考睡眠质量的。睡商，是指睡眠所恢复的精力、体力与睡眠时间的比值。提高睡商，意味着较少的睡眠恢复更多的精力和体力。睡眠医学研究发现：匹热迷能让人体用较少的睡眠恢复更多的精力和体力；匹热迷能提高睡商，操作很方便，只需把匹热迷能发生装置摆放在床下；自我能明显地感受到作用。当然，合适的睡眠用具、合理的睡眠姿势、科学的睡眠习惯以及理想的睡眠环境，也是人们已熟悉的提高睡商的途径。时间对每个人都是公平的，而考学竞争是残酷的。每位中小学生都想在中高考的竞争中赢出，这就需要学生自己勤奋的学习和家长的鼎力支持。睡眠医学中提高睡商的方法，能让家长科学安排孩子的睡眠时间，争取比别人有更多的学习时间，并保证精神状态，在关键的中高考竞争中脱颖而出。</t>
  </si>
  <si>
    <t xml:space="preserve">晚上给孩子喝牛奶好吗我的孩子两岁半了，晚上睡前半小时喝牛奶，请问 </t>
  </si>
  <si>
    <t>应该有利，我的孩子就是睡前喝牛奶，我自己也是否则睡不好</t>
  </si>
  <si>
    <t xml:space="preserve">那里能买到小瓶装的四氯化碳我只需要一点点,在周围找不到,网上都是 </t>
  </si>
  <si>
    <t>可以到最近的化学试剂店买，但是也是500ml的。</t>
  </si>
  <si>
    <t xml:space="preserve">匕首贼+什么样的天赋最好 </t>
  </si>
  <si>
    <t xml:space="preserve">经典的21 8 22 的 天赋 比较好  就是 出冷血 和 伺机 的  </t>
  </si>
  <si>
    <t xml:space="preserve">腿粗怎么办？我的腿特别粗，还很难减，不知道什么方法容易些 </t>
  </si>
  <si>
    <t xml:space="preserve">最见效的全身法就是跑步跟游泳，如果有条件的话直接去健身馆。当然也可以在家做各种体操，去网上找点体操视频，每天运动45分钟就可以了，再按照上下面的文章那么去做，减肥会相当快的 首先要弄清发胖的原因。人为什么会发胖？就一个根本原因：输入＞消耗！你吃得太多，身体需要不了那么多营养，就把它变成脂肪积存起来了。要使自己不发胖，必须保持做到：每天摄取的热量＝身体消耗的热量。要使自己减肥，就必须做到：每天消耗的热量＞摄取的热量。这就是减肥的原理。那么，到底该怎样减肥？ 1、严格遵守和养成“早吃好、午吃饱、晚吃少”的饮食习惯，其中“晚吃少”是减肥的关键！这里有三点必须注意：一是必须吃早饭。不吃早饭的人，容易发胖。因为经过一夜睡眠，身体有10多个小时一直在消耗能量却没有进食，人体需要含丰富碳水化合物的早餐来重新补充、储藏能量，不吃早餐使人在午饭时出现强烈的空腹感和饥饿感，不知不觉吃下过多的食物，多余的能量就会在体内转化为脂肪；二是中午一定要吃饱。中午不吃饱，晚上必然饿，“晚吃少”就难以做到了；三是晚上一定要做到尽量尽量少吃！而且晚餐不要吃肉食、甜食、油炸食品，喝一些清淡的面汤、米汤就可以，不要喝咸汤。许多减肥成功者不约而同的秘密都是：晚上九点以后坚决不进食，也坚决不喝水！这是他们保持曲线美的关键。事实的确如此，许多专家都曾经表示想保持窈窕身材的人士，过于丰盛的晚餐、夜宵，热量都是无法消耗的。根据人体的生物钟运行显示，在九点后，人体各器官功能已基本处于微弱状态，那也正是积累脂肪的时刻。而我们正常晚餐所吃下的东西需要5个小时才能被完全消化掉，这多余的热量，日积月累会造成皮下脂肪堆积过多，肥胖的命运也就悄然降临了，所以要牢记晚上九点以后绝对禁止进食。 有人说：九点前我就饿得难受，怎么办？那就吃苹果吧。苹果可以减肥。苹果可以调理肠胃、止泻、通便、消食化积，可以治疗高血压，降低血中胆固醇。苹果是低热量食物，以苹果充饥能使人体摄入的热量减少，同时苹果又含有人体必不可少的各类氨基酸、蛋白质、各种维生素、矿物质及胡萝卜素等，既可以基本上满足人体的必需，又能够被人体充分消化吸收，极少有废弃物，也就减轻了肠胃、肾脏的负担，使体内废物得以充分排出，使血液得以净化。 2、坚持晚饭后快步走半个小时以上。很多人肥胖的部位主要在屁股和腹部，这样的人有一个共同的特点，要么长期从事案牍工作，要么不爱活动。长时间坐在办公桌前、微机前、电视前，多余的热量消耗不掉，就转化成脂肪沉积在腹部和臀部了。所以，要想减肥，必须改掉不爱活动的生活方式，要增加运动，消耗多余的热量。 早晨锻炼不如晚上锻炼。从人的身体状态来说，人沉睡一夜，早晨身体处于缺水状态，血液粘稠，投入剧烈运动，有可能造成大脑供血不足、脑溢血、心肌梗死等危险（如果喜欢晨练，建议你洗刷完毕喝1－2杯白开水，再去锻炼）。从环境上来说，空气中的一些毒气，在太阳没出来以前很难挥发，也不适于锻炼。从后续反应来看，早晨锻炼后容易吃得更多，反而加大了摄入量。 晚饭后锻炼主要是为了把身体中多余的热量消耗掉。但是吃过晚饭不宜立即活动，那时候血液集中在肠胃进行消化工作，立即活动影响消化。吃过晚饭半个小时后外出活动为宜。最理想的运动方式就是快步走，并且时间要持续在半个小时以上，这样周身的脂肪细胞才会充分运动起来，进行有氧呼吸才能把体内脂肪氧化，所以有氧运动才能减肥。剧烈跑步，上气不接下气，身体处于一定程度的缺氧状态，是不能氧化脂肪的。 3、不吃甜食。蛋白质不会使人发胖，糖类才会使人发胖。因为糖类在体内极易被分解或吸收，是人体热量的主要来源。绝大部分食物中都含有糖，那些糖已经保证了你身体的需要。额外过多地食用甜食，能诱发胰腺释放大量胰岛素，促使葡萄糖转化成脂肪。大部分胖子，都有一个爱吃甜食的习惯。要减肥，就尽量不要吃甜食喽。(中学生最好不要戒吃甜食，因为甜食能增强记忆力)。 4、进食速度要慢。吃饭时咀嚼次数要多，要细嚼慢咽，这样不仅有利于唾液和胃液对食物进行消化，而且有利于减少进食。食物进入人体，血糖升高到一定水平，大脑食欲中枢就会发出停止进食的信号，过快进食，大脑发出停止进食信号前，你已经吃的过量了。所以进食速度要慢，吃饭要以八成饱为宜。 减肥还有许多具体的小方法，如食醋、戒饮白酒、不吃零食等，但是我认为只要做到以上最重要的四点就可以了。关键在于坚持！关键在于养成生活习惯！我就是这样做的，没有吃过任何减肥药，没有刻意去节食，也没有刻意去锻炼，按上面四点去做并且把它变成了我的生活习惯，一年来我的体重下降了20斤！效果是不是很明显？我认为，只有这样的减肥才是科学的减肥！只有这样的减肥才是有效的减肥！只有这样的减肥才是健康的减肥！想减肥的朋友不妨试试。 ........................................................嗯,还有........................ 水果减肥法简介： 水果减肥法 是指除了水果以外，什麽东西都不吃，全日只吃水果，直到吃饱为止。当然不是什麽水果都适合用来减肥，较为有效的减肥水果是苹果、奇异果、提子等。 减磅原理： 吃水果能在短时间内令人有『减磅』的效果，因为只吃一种东西可以减少我们对食物的摄取量。特别是高纤水果，可以让我们身陈代谢速度变快，值此减轻体重。 水果减肥法小贴士 1 .每日吸收的热量不得低於800-1000 Kcal一天 2 .只吃水果的话，蛋白质的摄取会不足，所以每天可以喝点牛奶补充。 3 .不要只吃一种水果，否则营养会不够平均。 水果减肥的利与弊 1 .减重速度快,但是体重也很容易回升。 2 .长期只吃水果，会使血压变低，女性月经可能不规则或不来，或造成头发分叉，所以不应长时间进行。 3 .会营养不良 水果减肥Q &amp; A Q：罐头水果跟新鲜水果营养是否一样？ A：加工食品过程会让维他命C大量流失，纤维质减少，降低减肥功效。加上罐头水果多数用糖水浸着，卡路里会相对提高。 Q：什麽水果不该用来减肥？ A：榴连、荔枝、龙眼等的热量较高，吃时要小心勿吃过量。 Q：什麽时候吃水果最好？ A：早上吃水果可以促进消化，而水果中的果糖可以提高血糖含量，让你精神奕奕。而在两餐饭之间吃水果，更能减少胃气涨的现象。 七日瘦身汤制作方法：（七日瘦身汤不安全，试用者请一定要认真看完全文） 减肥汤的原料及制作方法如下：准备6个不大不小的洋葱，切成三角形；6个西红柿或3罐西红柿酱，1棵洋白菜，3个辣椒，几棵芹菜。把蔬菜切块加水，放入少许盐，辣椒或其他调料。先用大火煮10分钟，再用小火继续煮，直到把蔬菜煮烂为止。 煮好的汤随时可以吃，但汤里不能放其他东西。如果中午不能回家吃饭，可以把汤装入保温杯随身携带，一天食用量应保证不少于8大碗。 第一天：汤和水果 除香蕉外，其他水果都可以吃，不过甜瓜或西瓜少吃，因其所含热量比其他瓜果多。如果喝茶、咖啡和果汁，不要加牛奶和糖。 第二天：汤和蔬菜 除了喝汤，可以吃所有的蔬菜，不限量，且最好选择新鲜蔬菜。不要吃豆类和玉米。中午可以吃点烤土豆。请记住：不能吃任何水果，要多喝水。 第三天：汤、水果和蔬菜 这一天不能吃烤土豆。汤、水果和蔬菜可以随便吃，同时多喝水。如果前三天都能严格遵照饮食规定，即可减重2-3公斤。 第四天：汤、水果、蔬菜和牛奶 这一天除了汤、水果和蔬菜之外，还可进食1杯牛奶和3只香蕉。切记：喝的牛奶不能超过汤的量。 第五天：汤、牛肉和西红柿 除喝汤外，可以吃些西红柿、牛肉。牛肉不要超过200克，西红柿要生吃，不限量。这一天要喝6-8杯水，只喝1次汤就可以了。 第六天：牛肉和叶类蔬菜 牛肉和蔬菜随便吃，还可以吃两块牛排，但不能吃烤土豆。除喝一次汤外，一定要多喝水。 第七天：米饭、果汁和蔬菜 这一天可以吃点米饭和蔬菜，喝些不加糖的果汁，多喝水。蔬菜可以用葱炒着吃。 七日之内一定要记住：不吃面食，不渴酒和其他饮料，菜里不能放油，饿时用“减肥汤”充饥。 七日瘦身汤为七天份的食谱——以蔬菜汤为底，每天搭配不同的东西（如少量的水果、马玲薯、香焦及脱脂牛奶、大量牛肉、牛排及糙米等而成。）。因其方法简单易懂，加上某位艺人大力推荐，所以曾一度造成流行。到底它效果如何？原理为何？对身体又有什么影响？这就是今天我们所要讨论的重点！ 蔬菜汤的基本组成为青菜煮的汤，有两种基本搭配------1.少量糖类＋蔬菜汤＝少吃（低热量减肥）。青菜煮的汤无油，一碗只有20-30卡，即使每2小时喝一碗，一天就算喝上10碗也只有300-400卡。再加上少量蔬菜，或一天只吃一个马玲薯的吃法，基本上属于极低热量减肥法（指卡路里介于200-800卡的一种减肥方式）。2.大量肉类＋蔬菜＝吃肉减肥（利用高蛋白饮食来造成脱水利尿的效果）。所以若你要问效果如何？那就要看你对效果的定义为何了。如果效果的定义只是体重减轻，一天只吃那一点点东西当然体重会变轻。如果你希望的不只是瘦下来，而且瘦下来不必再为体重烦恼，那么你可能要失望了！（若你试过，你可能会发现它反而让你更糟：因少吃使代谢降低，反而复胖更快、更多。） ................................................................................................................................................. 越吃越瘦16妙招 这么多美味可口的食物，让我们快乐轻松地开始我们的食物减肥吧。 下面这些减肥食谱16妙招可是小编精心挑选出来的，许多方法还是明星们尝试过的哟！ 1． 苹果餐 只需持续3日的苹果减肥法。其他可以喝水和茶。第3天晚上，喝一至二勺食用橄榄油。 2． 萝减肥法 坚持一个星期只吃菠萝。其他用水分来补充。 3． 煮鸡蛋减肥法 一天食用8～9个水煮鸡蛋、持续2个星期。不吃米饭等主食，可以和青菜、 葡萄、去掉油的肉一起吃。 4． 小豆减肥法 将小豆炒熟，碾成粉末状，加入2勺牛奶，在进食前饮下2杯。 5． 酸奶减肥法 一天只食用1～2顿酸奶，其他按平常时间进食。 6． 黄豆粉可可减肥法 黄豆粉和可可粉与豆乳混合，于早晚餐前食用。进食量为平常的三分之一。 也可以加上麦芽和蜂蜜。 7． 粉状牛奶减肥法 一天只进食1-2次粉状牛奶，坚持3至7天。 8． 矿泉水减肥法 饭前饮用3～4杯矿泉水。进餐时也可以饮用，只是要注意别喝得太多。 9． 红葡萄酒减肥法 晚餐时饮少量的红葡萄酒，缓慢进食，大约保持在20分钟左右，进食量为平时的一半。 10.黑米减肥法 主食从白米、面包转为黑米，并减少点心的摄入量。玄米富含维他命B1和E、 以及食物纤维。 11.饮茶减肥法 茶叶利尿，并随着饮茶可以补充日常的水分。品种有乌龙茶、绿茶、玄米茶、杜仲茶等。 12.早食减肥 法国医学家发现，在饥饿之前吃东西是减肥的一种有效方法。 胰岛素可以调节体内糖类的吸收，同时它对食物转化和脂肪积累也起着一定的作用。 若人在饥饿之前吃些东西，常常可以控制胰岛素的分泌。 13.分食减肥 德国营养学家研究出了一种分食减肥法，这种减肥法就是要求减肥者在就餐中 不能同时吃某些食物。例如，人们吃高蛋白、高脂肪的荤菜时，可以食用一些蔬菜， 但不能喝啤酒或吃米饭、面包、马铃薯等碳水化合物食品。原来， 人体脂肪是由多种营养素组合而成的，人体在食用高蛋白食品时，不食用碳水化合物食品， 人体就不会增加脂肪。 14.要想瘦多食醋 近年来，美国兴起一股食醋减肥热，有关专家认为，食用醋中所含的氨基酸， 不但可以消耗体内脂肪，而且可以使糖、蛋白质等新陈代谢顺利进行，能够收到良好的减肥效果。 15.饭后茶减肥法 饭、茶、汤、食物配搭好一点，吃不胖又健康，有空时加点运动效力更佳。 汤可以用柠檬炖牛腩、梅子汤、青柠汤、金针木耳汤、酸咖哩菜汤、酸笋鱼汤或咸菜汤， 都是实效减肥汤水，而且可以化脂肪、醒胃。 饭用咸菜姜饭、黑糯米饭都可以。饭与菜的配搭减除重脂肪的肉类， 最好每餐之后最重要是泡一杯铁观音，这种方法减肥又实际又有效，但所需日子比较长一点。 16.简易水果色拉 不吃饭吃水果减肥，但不是所有的水果都可以瘦身的，比如含有蔗糖的甘蔗吃多了仍然会发胖。 怎么办？你可以试试柠檬汁拌苹果啊！ [原料] 苹 果 100克 蜂 蜜 适量柠檬汁 20克 秋 梨 50克 [制法]： 1． 苹果、秋梨去皮、核，洗净，切成小块，放盘中。 2． 柠檬汁加入蜂蜜一起放入碗中，调成柠檬蜜汁。 3． 将柠檬蜜汁淋入苹果、秋梨块上，拌匀即可食用。 ◆哪些食物能减肥？ 1、冬瓜。 具有利尿之功效，能排出水分，减轻体重。如经常食用冬瓜可以改变食物中的淀粉和糖类，防止其转化为脂肪。此外，冬瓜富含维生素，且含热量较低。 2、黄瓜 内含内醇二酸，可抑制糖类食物转化为脂肪，黄瓜还含有丰富的纤维素，能加强胃肠蠕动，通畅大便，且热量含量也较低。 3、丝瓜 丝瓜中所含的皂疳和粘液有利于大便通畅，且含热量也很低。此外，丝瓜还含丰富的维生素B1、B2、A、C和钙、磷、铁等矿物质。 4、白萝卜 含有芥子油和淀粉酶，有助于消化和脂肪类食物的新陈代谢，防止皮下脂肪的堆积。白萝卜也有通气和促进排便的作用 5、紫菜 纤维含量高，脂肪含量低，易产生饱腹感，还有清热利尿的功能。 6、韭菜 含纤维丰富，能畅通大便，把肠道中过多的蛋白质、脂肪排出体外，防止脂肪在体内的堆积。 7、海带 含大量纤维和无机元素（特别是钾的含量十分丰富），有通便和利尿的功能。 8、绿豆芽 水分含量多，热量极少，不易形成脂肪，同时还有利尿的功能。 9、辣椒 具有消耗体内脂肪的功能，且富含维生素，热量含量也较低。 10、苹果 含有果胶质，这是一种可溶性纤维质，有助于降低胆固醇。苹果还富含粗纤维，能吸收大量的水份，减慢人体对糖的吸收，同时它还能刺激肠道蠕动，促进排便。 11、柠檬 含较多的柠檬酸，能促进胃液的分泌，促进肠蠕动，利于通便。 12、茶 普遍认为，茶具有消除油腻，减脂和降脂的作用。 13、醋 醋中富含的氨基酸，可以促进体内脂肪的分解和糖类的新陈代谢。 14、兔肉 脂肪含量极低，且多为不饱和脂肪酸，故长期食用也不会引起脂肪在体内的堆积。 15、赤小豆 是一种高蛋白，低脂肪的食物。有清热利尿，活血消肿之功效，可以促进排便。 16、大蒜 对酶的形成起抑制作用，从而减少脂肪酸和胆固醇的合成（脂肪酸和胆固醇的合成离不开酶的参与） 18、木耳 是一种高蛋白、低脂肪、水分多、矿物质多的食物。它还含有一种多糖物质，能降低血中的胆固醇、减肥和抗癌。 19、荷叶茶 每日用鲜荷叶50克~100克（干荷叶25克）煎汤代茶，连服3个月，能明显降低体重。 20、鹌鹑 鹌鹑肉是高蛋白、低脂肪、多维生素的食物，且胆固醇含量也很低，是减肥的理想肉食。 嗯,应该就是这么多了,祝你早日减肥成功!!! </t>
  </si>
  <si>
    <t xml:space="preserve">现在为什么这么骗子呀，我找工作上当了，怎么办呢？ </t>
  </si>
  <si>
    <t>你被骗的什么啊？是钱还是其它的？？？把被骗的经历写下来，到国内最大的防上当防受骗交流平台。[我上当了] 网站上曝光他，让他后悔去吧。。</t>
  </si>
  <si>
    <t xml:space="preserve">哪个显卡更好？双敏火旋风Power9528翔升新天骄6200A纪 </t>
  </si>
  <si>
    <t>翔升 新天骄6200A纪念版好双敏、盈通的显卡都是找代工厂做的</t>
  </si>
  <si>
    <t xml:space="preserve">急！请教各位MM~~我是4.29的YJ，28天周期，今天测到强排 </t>
  </si>
  <si>
    <t>安排AA最好就是隔天一次。你昨天AA，然后明天AA，刚好啊。每天安排精子的质量和数量都会下降的。而且明天可能才是排卵日。你可以明天再测一下，如果是弱阳就是刚排卵，是一条线的话，就是今天排卵了，那也没关系，昨天安排的，今天精子在子宫里还是存活的。如果明天侧的弱阳那最好了，刚排卵，晚上还来的及呢。这样安排肯定不会错过了。祝好孕哦。</t>
  </si>
  <si>
    <t xml:space="preserve">我的支付密码忘记了支付密码忘记 </t>
  </si>
  <si>
    <t xml:space="preserve">尊敬的客户:    您好！5173回复客服03号很高兴为您服务！    如您的支付密码遗忘，按照以下步骤操作即可找回：    1、登陆5173用户名    2、进入我的5173，点击“我要提现”    3、再点击“忘了支付密码”    4、填入注册邮箱和验证码    5、进入注册邮箱提取新的支付密码                                            </t>
  </si>
  <si>
    <t xml:space="preserve">问下..怎么现在在酷狗和百度MP3搜不到那首[梦回原点]了呢,知 </t>
  </si>
  <si>
    <t>名字是不是错了，好像是梦开始的原点</t>
  </si>
  <si>
    <t xml:space="preserve">数码宝贝在哪可以看 </t>
  </si>
  <si>
    <t xml:space="preserve">数码宝贝 在哪可以看 数码宝贝 在哪可以看 数码宝贝 在哪可以看 </t>
  </si>
  <si>
    <t xml:space="preserve">sina游戏补丁问题解答请核实下我费了好大劲下载完了全新的安装文 </t>
  </si>
  <si>
    <t>还是建议你去官网下载吧   比较好</t>
  </si>
  <si>
    <t xml:space="preserve">好迷茫,夫妻间的信任怎么才能恢复!!!我和老公的感情很好,但他以 </t>
  </si>
  <si>
    <t>楼上说的对.像你这样操心能不累吗?有时你不在他会无聊也正常,他都说了精神和身体不出轨,你能把他的心和身体栓在你身上?给他点空间,对你们都好,是你的终归是你的.</t>
  </si>
  <si>
    <t xml:space="preserve">求最近好听的新歌最近好听的新歌，谢谢 </t>
  </si>
  <si>
    <t>周杰伦的新歌---------魔杰座1 魔杰座2 女儿红3 东方之殿4 红楼梦中5 失恋的青蛙6 失落非主流7 从新爱8 大灌蓝9 达芬奇的画布10稻香</t>
  </si>
  <si>
    <t xml:space="preserve">女生们最喜欢什么卡通? </t>
  </si>
  <si>
    <t>我是女生我知道哦,西西~~~~~~~~~我喜欢看穿越时空的梦幻爱情故事.&lt; 尼罗河女儿&gt;,&lt;天是红河岸&gt;,还有&lt;来自远方&gt;不过都没有动化哦,气人.&lt;东京朱丽叶&gt;,&lt;一吻定情&gt;也没有动画片,不过有改编为连续剧.&lt;东方朱丽叶&gt;和&lt;恶作剧之吻&gt;.&lt;快感乐园&gt;,&lt;OK女孩&gt;,&lt;银色舞台&gt;都是有关于明星恋爱的哦,我喜欢.然后一些帅帅的,很有个性的(一般故事都这样的拉),我都爱看.像&lt;水果篮子&gt;,&lt;NA NA&gt;,&lt;拜托了,老师&gt;,&lt;天使怪盗&gt;,&lt;寻找满月&gt;,&lt;暗之末裔&gt;,&lt;　猫眼三姐妹&gt;,&lt;柯南&gt;等等,都很好看.可爱一点的话&lt;米老鼠&gt;&lt;小熊维尼&gt;,&lt;猫和老鼠&gt;&lt;大力水手&gt;之类的我也喜欢,好好玩的.还有,我好喜欢看比赛类的&lt;灌篮高手&gt;&lt;棋魂&gt;&lt;网球王子&gt;......每次看他们打比赛的时候都好紧张哦,呵呵.哎呀,好多哦,都说不清楚了.每个人喜好都不一样,不过一般来讲,爱情,帅哥这些,女孩都喜欢,呵呵^-^!我现在在看&lt;爆弹小新娘&gt;,好好玩哦,眼泪媲美炸弹,晕的.有空也去看看哈. 免费看的,1200部动画的.最近才发现有这么个好网站,爱死了,西西.....</t>
  </si>
  <si>
    <t xml:space="preserve">勋章过期了是不是就拿不了了？认证达人后修改相片影响达人图标吗？如 </t>
  </si>
  <si>
    <t>过期无法领取了。不会影响达人图标。除非你上传的头像违法。</t>
  </si>
  <si>
    <t xml:space="preserve">表示数量ＡＡＢＣ型的词语＿＿＿＿　＿＿＿＿＿＿表示声音ＡＡＢＣ型? </t>
  </si>
  <si>
    <t xml:space="preserve">AAB类苦苦哀求牢牢把握咄咄逼人喋喋不休格格不入恋恋不舍闷闷不乐念念不忘滔滔不绝孜孜不倦鼎鼎大名哈哈大笑落落大方熊熊大火楚楚动人娓娓动听泛泛而谈滚滚而来侃侃而谈默默奉献郁郁寡欢比比皆是环环紧扣面面俱到岌岌可危津津乐道强强联手夸夸其谈苦苦求索蒸蒸日上循循善诱勃勃生机花花世界寥寥数语步步为营寥寥无几默默无闻默默无语依依惜别代代相传官官相护面面相觑恰恰相反息息相关心心相印欣欣向荣区区小事振振有词彬彬有礼赫赫有名绰绰有余津津有味念念有词耿耿于怀蠢蠢欲动历历在目星星之火沾沾自喜　哀哀父母哀哀欲绝嗷嗷待哺比比皆是彬彬有礼步步莲花步步为营草草了事草草收兵察察为明超超玄著陈陈相因楚楚可怜蠢蠢欲动绰绰有余刺刺不休代代相传旦旦而伐喋喋不休鼎鼎大名多多益善咄咄逼人咄咄怪事恩恩相报泛泛而谈泛泛之交泛泛之人愤愤不平高高在上格格不入耿耿于怀耿耿于心官官相护衮衮诸公好好先生赫赫有名赫赫之功赫赫之光花花公子花花世界花花太岁恢恢有余昏昏欲睡岌岌可危济济一堂矫矫不群津津有味津津乐道斤斤计较斤斤自守井井有条炯炯有神赳赳武夫九九归一踽踽独行涓涓不壅眷眷之心侃侃而谈硁硁之愚空空如也口口相传夸夸其谈款款而谈琅琅上口朗朗乾坤累累如珠栗栗危惧历历可数历历在目恋恋不舍寥寥可数寥寥无几碌碌无能碌碌无为碌碌无闻荦荦大端落落寡合落落大方落落难合蔓蔓日茂闷闷不乐靡靡之音绵绵瓜瓞面面俱到面面相觑默默无闻默默无言脉脉含情念念不忘诺诺连声翩翩公子翩翩起舞翩翩少年仆仆风尘戚戚具尔谦谦君子切切此布切切私语窃窃私议窃窃私语区区之众茕茕孑立拳拳服膺拳拳之枕穰穰满家人人皆知人人自危色色俱全姗姗来迟生生不息生生不已丝丝入扣滔滔不绝亭亭玉立头头是道唯唯连声娓娓不倦娓娓动听娓娓而谈恶恶从短息息相关息息相通哓哓不休小小不言蝎蝎螫螫心心相印欣欣向荣星星之火惺惺作态休休有容栩栩如生轩轩甚得悬悬而望循循善诱牙牙学语奄奄一息泱泱大风洋洋大观洋洋得意怏怏不乐?i?i易缺遥遥领先遥遥相对遥遥无期摇摇欲坠依依不舍悒悒不乐盈盈一水郁郁寡欢冤冤相报源源不绝源源不断源源而来芸芸众生凿凿有据沾沾自喜湛湛青天昭昭在目振振有辞铮铮有声振振有辞蒸蒸日上正正之旗惴惴不安谆谆告诫孜孜不倦孜孜以求 </t>
  </si>
  <si>
    <t xml:space="preserve">帮我想想晚会主题大家好，我是一名大学生，我们团学联文艺部将在20 </t>
  </si>
  <si>
    <t>圣“旦”你我他       同一片蓝天下解释一下：&lt;圣旦&gt;二字同取圣诞、元旦两词之意.用两中不同的字体,但要协调,用暖色调.&lt;圣“旦”你我他&gt;为主题,&lt;同一片蓝天下&gt;为副题.再用一幅喜庆的背景图.其他的自己考虑.</t>
  </si>
  <si>
    <t xml:space="preserve">关于声音的科普知识 </t>
  </si>
  <si>
    <t>声音是由物体振动产生，正在发声的物体叫声源。声音以声波的形式传播。声音只是声波通过固体或液体、气体传播形成的。声波振动内耳的听小骨，这些振动被转化为微小的电子脑波，它就是我们觉察到的声音。内耳采用的原理与麦克风捕获声波或扬声器的发音一样，它是移动的机械部分与气压波之间的关系。自然，在声波音调低、移动缓慢并足够大时，我们实际上可以“感觉”到气压波振动身体。因此我们用混合的身体部分觉察到声音。（一）响度（loudness）：人主观上感觉声音的大小（俗称音量），由“振幅”（amplitude）和人离声源的距离决定，振幅越大响度越大，人和声源的距离越小，响度越大。（单位：分贝dB） 　　（二）音调（pitch）：声音的高低（高音、低音），由“频率”（frequency）决定，频率越高音调越高（频率单位Hz（hertz），赫兹[/url，人耳听觉范围20～20000Hz。 20Hz以下称为次声波，20000Hz以上称为超声波）例如，低音端的声音或更高的声音，如细弦声。 　　（三）音色（music quality）：声音的特性，由发声物体本身材料、结构决定。又称音品。 　　频率是每秒经过一给定点的声波数量，它的测量单位为赫兹，是以一个名叫海里奇R.赫兹的音响奇人命名的。此人设置了一张桌子，演示频率是如何与每秒的周期相关的。 　　1千赫或1000赫表示每秒经过一给定点的声波有1000个周期，1兆赫就是每秒钟有1,000,000个周期，等等。 　　（四）乐音：有规则的让人愉悦的声音。噪音：从物理学的角度看，由发声体作无规则振动时发出的声音；从环境保护角度看，凡是干扰人们正常工作、学习和休息的声音，以及对人们要听的声音起干扰作用的声音。 　　（五）音调，响度，音色是乐音的三个主要特征，人们就是根据他们来区分声音。</t>
  </si>
  <si>
    <t xml:space="preserve">采购部的入库单如何整理??THS..采购进仓的仓库写进仓单入库, </t>
  </si>
  <si>
    <t>这点非常好办，因为有经理签字的批条，财务才可以付款。这样，做一个自制内部单据，由采购人员填单，此单一式两联，他写借款，总经理签字，然后你们财务再签字，注明是付的票据还是现金或是银行存款，财务留一联，采购部留一条，这样便于核对，也清楚货款是否已付。</t>
  </si>
  <si>
    <t xml:space="preserve">WOW里你最心仪的景色在哪里。WOW里你最喜欢的地方是哪里，有什 </t>
  </si>
  <si>
    <t>去海加尔山去艾萨拉悬崖看海逆风小径的卡拉赞法师塔，强烈推荐！贫瘠之地，AH上面山的最顶端在半夜的时候，去千针石林山峰顶上，俯视，去老屋也行强烈推荐！希尔德莱布丘陵的达拉然废墟，那个紫球进凄凉之地的海里（深处），向外看如果是BL！去LM的地方转转也不错啊，没见过的景色！总之不管什么景色，深夜看都别有风味</t>
  </si>
  <si>
    <t xml:space="preserve">南京治疗地包天哪家医院最好有谁觉得南京治疗地包天哪家医院是最好的 </t>
  </si>
  <si>
    <t>你好！我也不知道其他医院治疗地包天怎么样。你要问我南京治疗地包天哪家医院最好？我的回答就是南京解放军四五四医院口腔科找傅主任，因为我当时就直接到这个医院做的牙齿矫正，一方面是因为这个医院是三甲军区医院，是医保定点单位，其次就是我南京朋友直接带我带这个医院的，是他帮我咨询好的</t>
  </si>
  <si>
    <t xml:space="preserve">乳酸菌素片可以长期服用吗？ </t>
  </si>
  <si>
    <t>正常人的肠道中有些细菌存在，对人体是有好处的。当其减少时，就会引起消化不良。服用乳酸菌素片后可以使消化情况转好，因为它有助于这些细菌生长。肠道正常细菌的减少主要是用抗生素过多、时间过长、这种情况称为肠道菌群紊乱。此时可以服用乳酸菌素片，但长期服用就没有必要了。人总是要依靠自身的调节能力的，如果总是要依助外力来进行调节，那么人体的调节能力就会退化了。适当地给宝宝用一些乳酸菌素片是好的，但不要长期用。</t>
  </si>
  <si>
    <t xml:space="preserve">急急急~~~~~~！！！武林外传的游戏要求配置会很高吗？和魔兽比 </t>
  </si>
  <si>
    <t>具体网址 【游戏信息】游戏名称：武林外传游戏类型：3DMMORPG运营公司：完美时空运营状态：内测官方网站 客户端大小：453.71MB【最低配置】中央处理器：赛扬1G内存： 128MB显卡：gfx2 DirectX支持9.0c声卡 ： DirectX支持硬盘空间： 1.5G以上操作系统：Windows 98/Me/2000/XP【测试机器配置】中央处理器：奔四2.8G内存： 1G显卡：GeForce FX5200  DirectX支持9.0c声卡 ： DirectX支持硬盘空间：80G 操作系统：WINDOWS XP SP2</t>
  </si>
  <si>
    <t xml:space="preserve">广州治疗重症肌无力效果好的医院在哪里 </t>
  </si>
  <si>
    <t>重症肌无力的发病原因是什么?一只眼睛长不大，眼睑下垂，   民航广州医院神经修复细胞疗法，采用神经修复细胞疗法治疗有着多种优势：低毒性，即使不完全了解神经疾病发病的确切机理治疗也可达到较好的治疗效果，自体神经元因子移植可避免产生免疫排斥反应，对传统治疗方法疗效较差的神经疾病多有惊人的效果。随着胚胎神经元因子和iPS神经的研究,更可能从神经疾病患者自身神经开始获得神经元因子，进而分化为所需神经细胞达到治疗效果。一般来说，重症肌无力患者多采取药物治疗，尤其是体质较弱者或者是老年人，但是如果是病情十分严重者可采取手术治疗，手术治疗的效果也会更加明显，但是也会有风险，所以患者要根据自身情况合理选择。建议您选择神经修复细胞疗法治疗调理比较好，配合医生购买一些西药服用治疗，坚持服用一段时间病情会有很大的好转，平时也要多多休息，不要过于疲劳，尤其对着电脑的时间一定要减小，多喝水，保持一段时间病情就会有所好转。建议咨询医生详细了解。祝患者早日康复！重症肌无力是人类疾病中发病原因研究得最清楚、最具代表性的自身免疫性疾病，是神经肌肉接头突触后膜上的乙酰胆碱受体受累，由乙酰胆碱受体抗体介导的体液免疫、T细胞介导的细胞免疫依赖性、补体参与的自身性疾病，胸腺是激活和维持重症肌力自身免疫反应的重要因素，某些遗传及环境因素也与重症肌员力的发病机制密切相关。</t>
  </si>
  <si>
    <t xml:space="preserve">过敏性鼻炎一到春天就有流清水样鼻涕，鼻痒，鼻塞，打喷嚏，眼睛痒， </t>
  </si>
  <si>
    <t>如果是全年都有症状，并且在6 7 8 9月份加重，倒不一定是春天花粉过敏呢，很可能是尘螨过敏或尘螨过敏与花粉同时合并存在。因为北方春天花粉高峰期多为3 4 5 月份，秋季花粉为8 9 月份。尘螨过敏虽是常年性过敏原，但是随着环境温湿度的变化，也有浓度的高峰，常在6 7月份。建议您详细检查过敏原，明确后，有可能通过脱敏治疗达到根治疾病的目的。</t>
  </si>
  <si>
    <t xml:space="preserve">我发现...同志们,最近我发现自己的脸上长肉了.主要是在脖子与脸 </t>
  </si>
  <si>
    <t xml:space="preserve">化装品不能帮你减去脖子与脸颊之间的肥肉，有一个前提，就是确实是脂肪过多、体重超重的人士才真正适合减肥。在减肥过程无任何不适感是检验减肥方法是否正确的标准。当体重在正常范围以内或者身体素质较差的超重人士，如果在减肥过程中出现困倦乏力、头晕眼花等情况，就表明所选择的减肥方法绝非健康减肥，而是在支付身体健康。 　　减肥的根本原则应该是合理控制摄入热量及脂肪；持之以恒的体育锻炼和适当的运动量。用拼命节食来减肥绝对是蠢办法，合理控制膳食首先要避免高糖、高脂肪、高热量的食物，少吃煎、烤、炸食品。注意常见食物中的热量转化，比如每50克鸡肉含热量55千卡，每50克鱼肉含热量56千卡，每50克猪肉含290千卡热量。也就是说，如果用鱼肉、鸡肉代替猪肉，不仅可以保证进食量，还可以有效减肥。尽可能要少食多餐及放慢进食速度，延长消化吸收过程。 　　体育锻炼是减肥的关键，不想运动只想靠药物减肥的想法更是愚蠢的、必须以付出身体健康为代价换取减肥的办法。运动量必须适当，超长时间和超大强度的运动近乎“拔苗助长”，非但不能减轻体重，还会造成身体抵抗力下降，容易生病。只要保证人体摄入量低于消耗量，饮食和运动相结合就可有效减肥。运动量多少并没有一个量化的标准，要注意循序渐进，以运动后自身感受舒适、有精神为好。只有这样才能有一个健美的身材。 </t>
  </si>
  <si>
    <t xml:space="preserve">红牛什么时候喝有效果？ </t>
  </si>
  <si>
    <t>加班时、学习中，开会中，运动健身时，娱乐时，出外游玩时，就餐时，都可以喝红牛，对于人疲劳时的补充体力都很有效果</t>
  </si>
  <si>
    <t xml:space="preserve">急急预产期过4天了大夫说孩子的胎心165要紧不怎么办？我的预产期 </t>
  </si>
  <si>
    <t>165说明孩子缺氧。吸氧是正确的。现在要和你的医生商量啊。能否顺产、如果剖宫产什么时间。有没有床位。</t>
  </si>
  <si>
    <t xml:space="preserve">关于醒悟的班会我要开个班会关于醒悟的，谁呢提供些资料呢 </t>
  </si>
  <si>
    <t>可否将范围缩小一些,具体是哪方面的.</t>
  </si>
  <si>
    <t xml:space="preserve">最近在东方卫视听到一首歌，不知道叫什么？就是宣传的画面。外语歌曲 </t>
  </si>
  <si>
    <t>你听一下这首是吗？</t>
  </si>
  <si>
    <t xml:space="preserve">60D使用的电池和50D一样吗rt </t>
  </si>
  <si>
    <t>佳能60D使用的电池：可充电锂离子电池LP-E6佳能50D使用的电池：可充电锂离子电池BP-511A两者电池不同。</t>
  </si>
  <si>
    <t xml:space="preserve">一道生物选择题一位常期吸毒的妇女生了一个无脑儿,其他器官都正常, </t>
  </si>
  <si>
    <t>应该选择D我教你一个口决:"内消呼肝胰,外表感神经"意思就是,内胚层是发育为呼吸道,消化道的上皮,以及肝,胰等腺体,外胚层是发育为表皮及其附属结构,神经系统,感觉神经的,剩下骨骼,肌肉等等的都是中胚层发育而成的,因为题目所说,此妇女已经生出小孩,小孩其他器官都正常.就可以排除A,B.剩下C,D.又因为外胚层是发育为表皮及其附属结构,神经系统,感觉神经的,而此小孩是无脑,只能是外胚层发育成脑的过程受到抑制因而选D</t>
  </si>
  <si>
    <t xml:space="preserve">两岁宝宝两天一次大便，很臭，还有口臭，咳嗽怎么办？ </t>
  </si>
  <si>
    <t>大便很臭是消化不良.口服山麦健脾口服液试试。咳嗽是儿科常见病多发病，宝宝正处于身体发育期，而肺又是最易被感染、受侵袭的部位，宝宝常因感冒等原因导致肺部受损引起咳嗽。如果不严重，可以食疗，比煮梨水加川贝母等，如果严重就吃些中成药类的小儿止咳糖浆,小儿感冒颗粒,小儿肺宁颗粒,中药猴枣散（保和堂）等,尽量别用西药，吃清淡，注意休息，避免环境的不良刺激。平时多给孩子喝水，最好是用冰糖和梨子一起煮了喝，而且室内要保持一定的温度，妈妈不要吃辛辣刺激性的食物。如果孩子咳嗽非常利害,影响睡眠休息,才可以适当口服止咳药.不要一咳嗽马上就吃止咳药.多采用化痰祛痰的药物.根据情况选则适当消炎药.孩子由其婴幼儿,口服药很困难,可以配合中药外贴的方法,一样有较好的效果,如益气贴,一贴宁,三九贴等.更多的时候多注意护理与科学饮食,都会有比较好的效果.宝宝咳嗽有痰鸣的话，吃珠珀猴枣散效果最好,或者给宝宝做雾化。 以上回答希望能给你有所帮助,谢谢赐给“好评”！亲爱的 孩子是不是吃的多点了啊 搭配点蔬菜吧</t>
  </si>
  <si>
    <t xml:space="preserve">集宝盆能换75鬼王本门派法宝附件吗 </t>
  </si>
  <si>
    <t>能，除了135的FB不能外，所有的都可以，但135的幡龙燔也可以换</t>
  </si>
  <si>
    <t xml:space="preserve">女友爷爷过80大寿，他老人家身体不错，没啥爱好就爱喝酒，求高人指? </t>
  </si>
  <si>
    <t>老人家喝酒还是喝健康，送舍得酒这种生态酒吧，既有档次还健康。</t>
  </si>
  <si>
    <t xml:space="preserve">棉质的休闲裤粘上油漆如何清洗？浅色的棉质休闲裤不小心粘上了暗红的 </t>
  </si>
  <si>
    <t>用风油精去衣物油漆 衣物不小心沾上油漆，一般人都想到用汽油洗净，其实，用风油精也能为你排忧解难。方法是：用风油精少许涂抹在污点上，用双手揉搓数次，油漆即脱落，再用清水洗净即可。风油精去污力与汽油不相上下，而且芳香,不像汽油臭气难闻。</t>
  </si>
  <si>
    <t xml:space="preserve">如何注册一个新的邮箱账号?邮箱集邮册说:“注册一个新的邮箱账号能 </t>
  </si>
  <si>
    <t>“注册一个新的邮箱账号能获得50分的邮票。”是指新申请的免费邮箱里有50分的邮票!</t>
  </si>
  <si>
    <t xml:space="preserve">请问天津市哪里可以卖肝或肾的,要专业一些的。谢谢 </t>
  </si>
  <si>
    <t>没有这种地方，太恐怖了。第一中心医院是搞肝移植的王牌，但不买卖肝脏。</t>
  </si>
  <si>
    <t xml:space="preserve">生活中哪个食物不同煮煮饭时，哪些食物不可混同一起煮，比如豆腐和波 </t>
  </si>
  <si>
    <t xml:space="preserve">粮食类   糯米 （1）不宜食用冷指来水所煮的饭 （2）不宜常吃剩油炒饭 高梁 （1）不宜常吃加热后放置的高粱米饭或煮剩的高梁米饭 （2）不宜加碱煮食 黄豆 （1）不宜多食炒熟的黄豆 （2）对黄豆过敏者不宜食用 （3）服用四环素类药物时不宜食用 （4）服用红霉素、灭滴灵、甲氰咪胍时不宜食用 （5）服用左旋多巴时不宜食用 （6）不宜煮食时加碱 （7）食用时不宜加热时间过长 （8）服用铁制剂时不宜食用 （9）服氨茶碱等茶碱类药时不宜食用 （10）不宜与猪血、蕨菜同食 （11）不宜多食 豆浆 （1）饮用时加热时间不宜过短 （2）不易和鸡蛋同时煮食 （3）豆浆不易加红糖饮用 （4）暖水瓶装豆浆不宜饮用 （5）喝豆浆时不宜食红薯或橘子 （6）不宜多饮 绿豆 （1）服温热药物时不宜食用 （2）服用四环素类药物时不宜食用 （3）服甲氰咪胍、灭滴灵、红霉素时不宜食用 （4）服用铁制时不宜食用 （5）煮食时不宜加碱 （6）老人、病后体虚者不宜食用 （7）不宜与狗肉、榧子同食。 红豆 （1）忌与米同煮，食之发口疮 （2）不宜与羊肉同食 （3）蛇咬伤，忌食百日 （4）多尿者忌用. 油类 猪脂 （1）服降压药及降血脂药时不宜食用 （2）不宜用大火煎熬后食用 （3）不宜久贮后食用 （4）不宜食用反复煎炸食物的猪油 菜籽油 （1）菜籽油经高温处理后贮存 （2）带有蛤喇的菜籽油不应食用 肉类 猪肉 （1）不宜食用未摘除甲状腺的猪肉 （2）服降压药和降血脂药时不宜多食 （3）禁忌食用猪油渣 （4）小儿不宜多食 （5）不宜在刚屠后煮食 （6）未剔除肾上腺和病变的淋巴结时不宜食用 （7）老人不宜多食瘦肉 （8）食用前不宜用热水浸泡 （9）在烧煮过程中忌加冷水 （10）不宜多食煎炸咸肉 （11）不宜多食加硝腌制之猪肉 （12）不宜多食食午餐肉 （13）不宜多食肥肉 （14）忌与鹌鹑同食,同食令人面黑 （15）忌与鸽肉、鲫鱼、虾同食,同食令人滞气 （16）忌与荞麦同食,同食令人落毛发 （17）忌与菱角、黄豆、蕨菜、桔梗、乌梅、百合、巴豆、大黄、黄连、苍术、芜荽同食 （18）忌与牛肉、驴肉（易致腹泻）、羊肝同食。 （19）服磺胺类药物时不宜多食 猪肝 （1）忌与荞麦、黄豆、豆腐同食,同食发痼疾 （2）忌与鱼肉同食,否则令人伤神 （3）忌与雀肉、山鸡、鹌鹑肉同食 猪血 （1）忌黄豆,同食令人气滞 （2）忌地黄、何首乌 羊肉 （1）不宜多食烤羊肉串 （2）不宜食用反复剩热或冻藏加温的羊肉 （3）有内热者不宜应多食 （4）服用泻下药峻泻后不宜食用 （5）不宜食用未摘降除甲状腺的羊肉 （6）不宜与乳酪同食 （7）不宜与豆酱、醋同食 （8）不宜与荞麦同食 （9）服用中药半夏、菖蒲时禁忌食用 （10）烧焦了的羊不应食用 （11）未完全烧熟或未炒熟后不宜食用 （12）不宜用不适当的烹制方法烹制食用 羊肝 （1）忌与生椒、梅、赤豆、苦笋、猪肉同食 （2）不宜与富含维生素C的蔬菜同食 狗肉 （1）小儿禁忌多食 （2）不宜食用甲状腺未摘除的狗肉 （3）食大蒜及服商陆、杏仁时禁忌食用 （4）不宜食用剩热或冷藏加工之品 （5）不宜与鲤鱼同时食用 （6）不宜与大蒜同时食用 （7）食后不宜饮茶 牛肉 （1）不宜食用反复剩热或冷藏加温的牛肉食品 （2）内热盛者禁忌食用 （3）不宜食用熏、烤、腌制之品 （4）不宜用不适当烹制方法烹制食用 （5）不宜食用未摘除甲状腺的牛肉 （6）不宜使用炒其它肉食后未清洗的炒菜锅炒食牛肉 （7）与猪肉、白酒、韭菜、薤（小蒜）、生姜同食易致牙龈炎症 （8）与栗子不宜同食 （9）不宜与牛膝、仙茅同用 （10）服氨茶碱时禁忌食用 牛肝 （1）忌鲍鱼、鲇鱼 （2）不宜与富含维生素C的食物同食 鸡肉 （1）食时不应饮汤弃肉 （2）禁忌食用多龄鸡头 （3）禁忌食用鸡臀尖 （4）不宜与兔肉同时食用 （5）不宜与鲤鱼同时食用 （6）不宜与大蒜同时食用 （7）服用左旋多巴时不宜食用 （8）服用铁制剂时不宜食用 鸭肉 （1）反木耳、胡桃 （2）不宜与鳖肉同食，同食令人阴盛阳虚，水肿泄泻 驴肉 （1）忌荆芥 （2）不宜与猪肉同食，否则易致腹泻 马肉 （1）不宜与大米（粳米）、猪肉同食 （2）忌生姜、苍耳 鹅肉 不宜与鸭梨同吃。 鹿肉 不宜与雉鸡、鱼虾、蒲白同食 雀肉 （1）春夏不宜食，冬三月为食雀季节 （2）不宜与猪肝、牛肉、羊肉同食 （3）忌李子、白术 野鸭 忌与木耳、核桃、荞麦同食 鹧鸪肉 忌与竹笋同食 水獭肉 忌与兔肉、柿子同吃 獐肉 不宜与虾、生菜、梅子、李子同食 鹌鹑肉 不宜与猪肉、猪肝、蘑菇、木耳同食。 雉鸡 （野鸡） 不宜与猪肝、鲇鱼、鲫鱼、木耳、胡桃、荞麦同食 猫肉 忌藜芦； 猫肉有伤胎之弊，孕妇忌服 水产类 凡海味均禁甘草 鲤鱼 （1）脊上两筋及黑血不可食用 （2）服用中药天门冬时不宜食用 （3）不宜久食久反复剩热或反复冻藏加温之品 （4）不宜食用烧焦提鱼肉 （5）不宜与狗肉同时食用 （6）不宜与小豆藿同时食用 （7）不宜与赤小豆同时食用 （8）不宜与咸菜同时食用 （9）不宜与麦冬、紫苏、龙骨、朱砂同时食用 带鱼 （1）带鱼过敏者不宜食用 （2）服异烟肼时不宜食用 （3）身体肥胖者不宜多食 蟹 （1）不宜食用死螃蟹 （2）不应食用生蟹 （3）不应食用螃蟹的鳃及胃、心、肠等脏器 （4）不宜食用隔夜的剩蟹 （5）不宜与柿子同时食用 （6）服用东莨菪碱药物时不宜食用 （7）寒凝血瘀性疾病患者不应食用 （8）服用中药荆芥时不宜食用 （9）不宜与梨同时食用 （10）不宜与花生仁同时食用 （11）不宜与泥鳅同时食用 （12）不宜与香瓜同时食用 （13）不宜与冰水、冰棒、冰淇淋同时食用 田螺 （1）服用左旋多巴时不宜食用 （2）不宜和石榴、葡萄、青果、柿子等水果一起食用 （3）不宜与猪肉同时食用 （4）不宜与木耳同时食用 （5）不宜与蛤同时食用 （6）不宜与香瓜同时食用 （7）不宜与冰同时食用 虾 （1）严禁同时服用大量维生素C。否则，可生成三价砷，能致死 （2）不宜与猪肉同食，损精 （3）忌与狗、鸡肉同食 （4）忌糖 泥鳅 不宜与狗肉同食。 海带 不宜与甘草同食。 鲫鱼 （1）不宜与芥菜、猪肝、猪肉、蒜、鸡肉、鹿肉等同食 （2）忌山药、厚朴、麦冬、甘草 鳖肉 （1）忌猪肉、兔肉、鸭蛋、苋菜 （2）忌与薄荷同煮 （3）忌与鸭肉同食，久食令人阴盛阳虚，水肿泄泻。 黄花鱼 （1）忌用牛、羊油煎炸； （2）反荆芥。 龟肉 不宜与酒、果、瓜、猪肉、苋菜同食。 蜗牛 忌蝎子。 鲶鱼 （1）不宜与牛肝同食 （2）忌用牛、羊油煎炸 （3）不可与荆芥同用 鳝鱼 （1）忌狗血、狗肉，同食助热动风 （2）忌荆芥，同食令人吐血 （3）青色鳝鱼有毒，黄色无毒。有毒鳝鱼一次吃250克，可致死。 海鳗鱼 不宜与白果、甘草同食。 青鱼 （1）忌用牛、羊油煎炸 （2）不可与荆芥、白术、苍术同食 牡蛎肉 不宜与糖同食。 蛋奶 鸡蛋 （1）不宜食用生鸡蛋 （2）食用加热时间不宜过长 （3）不宜用豆浆冲鸡蛋食用 （4）不宜多食 （5）保存鸡蛋时不宜横放 （6）脏鸡蛋不宜用清水冲洗 （7）煮熟的鸡蛋不宜用冷水冷却 （8）服用氨茶碱类药物时不宜多食鸡蛋 （9）炒鸡蛋时不宜放味精 （10）不宜与甲鱼同时食用 （11）不宜食用死胎蛋 （20）服磺胺类药物和碳酸氢钠时不宜食用 （13）宿食积滞者不宜食用 （14）服用左旋多巴时不宜多食 （15）不宜偏食红皮鸡蛋 （16）禁忌食用臭鸡蛋 （17）不宜与兔肉同时食用 （18）不宜与鲤鱼同时食用 （19）不宜与生葱、蒜同时食用 （20）不宜与豆浆同时食用 皮蛋（松花蛋） （1）食用皮蛋时宜加醋 （2）不宜多食松花蛋 牛奶 （1）吃橘子时不宜喝牛奶 （2）易困倦者不宜饮用牛奶 （3）牛奶忌饮用过量 （4）空腹时不宜饮用 （5）不宜早晨饮用 （6）不宜久煮或冰冻后饮用 （7）不宜用文火煮食 （8）不宜不加糖饮用 （9）牛奶中加糖不应过量 （10）牛奶中加糖不应过少 （11）牛奶不应和糖同煮 （12）牛奶不应加红糖饮用 （13）铅作业者不应饮用牛奶 （14）对牛奶过敏者不宜饮用 （15）不耐受牛奶的人不宜饮用 （16）夏季不应饮用冷牛奶 （17）回潮变硬的奶粉不宜食用 （18）不宜长时间用保温瓶装牛奶 （19）牛奶与巧克力糖不宜同时食用 （20）牛奶有沉淀物时禁忌食用 （21）不宜冰冻保存后食用 （22）食用牛奶中不应加钙粉 （23）不宜与豆浆同煮 （24）不宜用塑料容器或玻璃容器装牛奶 （25）服用红霉素、灭滴灵、甲氰咪胍及四环素类药物时不宜饮用 （26）服用丹参片时不宜饮用牛奶 （27）喂婴幼儿不应用掺水牛奶 （28）喂养婴幼儿不宜单用牛奶 （29）不宜用牛奶加米汤喂婴幼儿 酸牛奶 （1）忌加热后食用 （2）服磺胺类药及碳酸氢钠时禁忌饮用 水果类 苹果 （1）不宜食用过多 （2）不宜与萝卜同时食用 （3）服磺胺类药物和碳酸氢钠时不宜食用 （4）不宜与海味同食（海味与含有鞣酸的水果同吃，则易引起腹痛、恶心、呕吐等） 梨 （1）服用糖皮质激素后不宜食用 （2）复磺胺类药物和碳酸氢钠时不宜食用 （3）不宜与鹅肉、蟹同食 （4）不宜食后饮开水 （易致腹泻） （5）忌多吃 （6）忌与油腻、冷热之物杂食 桃 （1）不应食用两仁的桃 （2）食用龟肉、鳖肉及服中药白术时不宜食用 （3）服用退热净、阿司匹林、布洛芬时不宜食用 （4）服用糖皮质激素时不应食用 李子 （1）服中药白术时不应食用 （2）体虚、久病者不宜多食 （3）服磺胺类药物时不宜食用 （4）不宜与鸡蛋同食 （5）不宜与青鱼同食 （6）不宜与蜂蜜同食 （7）不宜与雀肉同食 荔枝 （1）不宜多食 （2）服维生素K时不宜食用 （3）不宜和动物肝脏同时食用 （4）不宜与胡萝卜及黄瓜同时食用 （5）服阿司匹林、异烟肼、布洛芬、退热净等药时不宜食用 （6）服苦味健胃药时不宜食用 枣 （1）腐烂变质的枣忌食用 （2）服用维生素K时禁忌食用 （3）不应和黄瓜或萝卜一起食用 （4）不应和动物肝脏同时食用 （5）不可与海鲜同食，否则令人腰腹疼痛 （6）不可与葱同食，否则令人脏腑不合，头胀 （7）服用退热净、布洛芬等药时禁忌食用 （8）服苦味健胃药及驱风健胃药时不应食用 香蕉 （1）服用痢特灵、甲基苄肼、优降宁、苯乙肼时不宜食用 （2）服安体舒通、氨苯蝶啶和补钾药时不宜食用 （3）不宜空腹食用 （4）服红霉素、甲氰咪呱、灭滴灵时不宜食用 （5）不宜与白薯同食 瓜子 （1）多味葵花籽不宜多食 （2）育龄青年不宜多食（能引起睾丸萎缩） 菠萝 （1）未作加工处理者不宜食用 （2）对菠萝过敏者不宜食用 （3）不宜与萝卜一起食用 （4）服用铁制剂时不宜食用 （5）不宜与蛋白质丰富的牛奶、鸡蛋同时食用 （6）服用四环素类药物及红霉素、灭滴灵、甲氰咪呱时不宜食用 （7）服用维生素K及磺胺类药物时节不宜食用 桔子 （1）忌与萝卜同食，同食诱发甲状腺肿 （2）忌与牛奶、蟹、蛤同食 葡萄 （1）不宜与海鲜类、鱼类同食 （2）服人参者忌用 （3）忌铁器 （4）忌和四环素同吃。 柿子 （1）忌与蟹、水獭肉同食，同食腹痛、大泻 （2）忌与红薯、酒同食 杨梅 （1）忌生葱 （2）不宜与羊肛，鳗鱼同食 杏 忌与小米同食，否则令人呕泻。 芒果 忌与大蒜等辛物同食。 银杏（白果） （1）严禁多吃，婴儿吃10颗左右可致命，三、五岁小儿吃30~40颗可致命 （2）不可与鱼同吃，同食则产生不利于人体的生化反应，小儿尤忌。  水 （1）饭前饭后不宜多饮 （2）不宜在大渴后痛饮 （3）炉灶中反复煮沸及煮沸久的水不宜饮用 （4）开水锅炉中隔夜重煮或未重煮的开水不宜饮用 （5）蒸饭后的蒸锅水不宜饮用 （6）不宜用冷水煮饭 （7）长期用嗓后不应饮冷饮 茶叶 （1）服用中药威灵仙、土茯苓时禁忌饮茶 （2）空腹时不宜饮用 （3）不宜在吃饭前后饮茶 （4）哺乳期的妇女不应饮用浓茶 （5）隔夜残茶不宜饮用 （6）不宜用茶水煮鸡蛋食用 （7）长期不刷牙的人不宜饮茶 （8）茶叶不宜久放后饮用 （9）第一杯茶水不宜饮用 （10）不宜用保温瓶或杯沏茶饮用 （11）不宜饮用浸泡过久的茶水 （12）饮茶不宜过量 （13）不宜煮茶水饮用 （14）不宜嚼食未泡过的茶叶 （15）饮用新茶不宜过浓 （16）不宜用滚开水泡茶 （17）有焦味的茶叶不应饮用 （18）服用含金离子的药物时不宜饮茶 （19）服酶制剂时禁忌饮茶 （20）服抗生素时不应用茶送服 （21）服用碳酸氢钠时不应饮茶 （22）服用洋地黄、洋地黄甙片及地高辛等强心药时不应饮茶 （23）服用潘生丁药时禁忌饮茶 （24）服用镇静、催眠药物时不应饮茶 （25）服用单胺氧化酶抑制剂时不应饮茶水 （26）服用维生素B1及利福平时不宜饮用 （27）儿童禁忌饮茶 （28）饮酒后不宜饮浓茶，加重心肾损害 （29）吃狗肉后忌喝茶 （30）喝茶水不宜加白糖 （31）饮茶后不宜吃四环素类药物、奎宁 酒 （1）乳母不宜饮用 （2）孕妇不宜饮用 （3）无症状澳抗携带者不应饮用 （4）未成年人不应饮酒 （5）空腹时不应饮酒 （6）育龄青年不应饮用 （7）洗澡前不应饮酒 （8）维生素B1及维生素B2缺乏的人不宜饮酒 （9）不宜饮酒取暖 （10）冬泳前后不宜饮酒 （11）施家药前后禁忌饮酒 （12）饮酒时不应吸烟 （13）临睡前不应饮酒 （14）不宜饮用混合酒 （15）不宜与咖啡同时饮用 （16）酒后不宜大量饮浓茶水 （17）刚酿的白酒不应饮用 （18）瓶装酒不宜久存 （19）塑料桶不宜贮存酒 （20）不宜用锡壶盛酒 （21）不宜用热水瓶或旅行水壶装酒饮用 （22）忌长期饮用 （23）精神受刺激时不应多饮酒 （24）服用抗心绞痛药物时不应饮酒 （25）服用降压药时不应饮酒 （26）服用痢特灵、甲基苄肼、苯乙肼时禁忌饮酒 （27）服用镇静安定药物时禁忌饮酒 （28）服用降血糖药时禁忌饮酒 （29）服用止血药时不应饮用 （30）服用水杨酸类药物时不宜饮用 （31）服用利尿药物时不宜饮用 （32）服用利福平、红霉素和抗血吸虫药硝硫氰时不宜饮用 （33）饮酒后不宜吃柿子 （34）饮酒后不宜同食牛肉 （35）饮酒后忌喝牛奶 （36）饮酒后忌食糖 （37）酒后忌食辣物及芥末 啤酒 （1）患慢性病的人不宜饮用 （2）胖人不宜多饮常饮 （3）不宜与白酒同时饮用 （4）不应兑汽水饮用 （5）不应用保温瓶装啤酒 （6）服用甲基苄肼、苯乙肼时不宜饮用 （7）饭前不应饮用冰镇啤酒 （8）不宜饮用久存的啤酒 （9）剧烈运动后禁忌饮啤酒 （10）不宜同食腌熏食品 （11）不宜用水垢的容器装啤酒 （12）老年人不宜常饮、多饮 咖啡 （1）不宜与酒同时饮用 （2）小儿不宜饮用 （3）喝咖啡不宜吸烟 （4）不宜长期饮用咖啡 （5）不宜短时间内大量饮用 （6）孕妇不宜过量饮用咖啡 （7）饮用前不应长时间的煎煮 （8）服单胺氧化酶抑制剂时不应饮用 （9）饮咖啡忌吃多酶片及维生素C 汽水 （1）饱餐后不宜饮用 （2）开盖后放置的汽水不应饮用 （3）吃饭时不宜饮用 （4）饮酒时不宜喝汽水 （5）汽水瓶内、外部不洁或漏水漏气者不宜饮用 （6）商标不全或过期汽水不宜饮用 （7）瓶内有杂质或异色沉淀物的不应饮用 （8）色泽特鲜艳的汽水或异常色泽者不应饮用 （9）不冒气的汽水不应饮用 （10）汽水香气与应具的香型不符或有其它气味者不宜饮用 （11）口感苦涩的汽水不宜饮用 （12）酸性汽水不宜多饮 （13）劳动后不宜大量饮用汽水 调味品 葱 （1）不宜与杨梅、蜜糖同食，同食易气壅胸闷 （2）忌枣、常山、地黄 醋 （1）忌丹参、茯苓 （2）不宜与海参、羊肉、奶粉同食 （3）忌壁虎，可致死 糖 （1）忌虾 （2）不可与竹笋同煮 （3）不宜与牛奶、含铜食物同食 蒜 （1）一般不与补药同服 （2）忌蜜、地黄、何首乌、牡丹皮 花椒 忌防风、附子、款冬。 蜜 （1）不宜与葱、蒜、韭菜、莴苣、豆腐同食，不然易引起腹泻 （2）忌地黄、何首乌  </t>
  </si>
  <si>
    <t xml:space="preserve">文学常识《家》的作者是________原名________,他的 </t>
  </si>
  <si>
    <t xml:space="preserve">《家》的作者是巴金,原名李尧棠,他的激流三部曲是《家》、《春》、《秋》。 </t>
  </si>
  <si>
    <t xml:space="preserve">形容感情激动得不能控制 </t>
  </si>
  <si>
    <t>情不自禁。情不自已。</t>
  </si>
  <si>
    <t xml:space="preserve">怎样让自己一直保持积极的心态我不能一直保持积极的心态,有时人会很 </t>
  </si>
  <si>
    <t xml:space="preserve">如何培养积极的心态 　　1.言行举止像你希望成为的人那样。这种潜移默化的影响，将会使你成为你所希望成为的人，这样的话，就会让你的心态一直处在积极状态，甚至是极度兴奋的状态，对于你来说，就如同美梦一般的甜美。 　　2.要心怀必胜的信念。一个对自己内心有着完全支配能力的人，对自己有权获得的任何其他东西也会有支配能力。因此当我们一开始就认为自己是成功者的时候，我们就已经开始成功了。 　　3.用美好的感觉、信心和目标去感染身边的每一个人。人是经常会受到别人的影响的，你在影响别人的同时，别人也在影响你，只要你能坚持，那你就是那个成功的人。 　　4.使你遇到的每一个人都感到很需要自己。每个人都希望被别人肯定，也就是让别人知道自己很重要。这不仅仅是满足个人虚荣心的要求，更是让一个人从内心里感觉自己对社会是有价值的。 　　5.时时刻刻心存感激。一个经常记得心存感激的人一定是一个非常有前途的人，因为这种人对生活永远都是一种感激的态度，而不是相反的抱怨态度，也正是因为时刻都有感激的心理，这类人往往能积极的面对自己的生活。 </t>
  </si>
  <si>
    <t xml:space="preserve">请问郴州江南学院怎么样？湖南郴州的江南学院氛围怎么样？收费标准多 </t>
  </si>
  <si>
    <t>你也知道:"湘南学院是2003年4月经部批准,由原郴州师范高等专科学校、郴州医学高等专科学校、郴州教育学院合并组建".郴州师范高等专科学校是由原来的郴州师范中专升级而成.郴州医学高等专科学校是在96\97年左右由郴州卫校升级而成.所以其学习氛围的话,只能说非常一般.教职员工大多数也由原来的中专教员所承当.另外学校分为很多个校区.比较零散.湘南学院2005年各专业收费标准（参考） （一） 本科专业：1、 护理学：5000元/年2、 计算机科学与技术：4550元/年3、 数学与应用数学、应用化学、应用物理学：3100元/年4、 英语、汉语言文学：4030元/年5、 音乐学：6000元/年6、 美术学：7000元/年7、 信息与计算科学：3500元/年8、 电子信息科学与技术：3500元/年9、 旅游管理：3500元/年10、 体育教育：3400元/年11、 临床医学：7150元/年（参考标准）12、 艺术设计：8000元/年（参考标准）13、 网络工程：3500元/年（参考标准）14、 药学：6000元/年（参考标准）15、 预防医学：7500元/年（参考标准）16、 人力资源管理：3500元/年（参考标准）（二） 专科专业：1、 音乐表演：5000元/年2、 音乐教育：4400元/年3、 艺术设计：5000元/年4、 法律事务、旅游管理、计算机科学教育、语文教育、数学教育、英语教育、商务英语：3100元/年5、 经济信息管理：4030元/年6、 文秘、资源环境与城市管理、生物技术与应用、应用化工技术、社会体育：3200元/年7、 电子信息工程技术、计算机应用技术、计算机网络技术：4160元/年8、 护理、医学检验技术、医学影像技术：4200元/年9、 临床医学：5460元/年注：以上学费收费标准2004年经湖南省物价部门核准，仅供参考；2005年收费标准尚未审批下来，但在2004年的基础上会有少部分专业收费标准会有变动，届时以我院计财处公布的标准为准。</t>
  </si>
  <si>
    <t xml:space="preserve">投票选出胡歌版鹿鼎记和他的七个老婆胡歌版韦小宝,黄小明,等等下面 </t>
  </si>
  <si>
    <t>建宁公主:李小璐(活泼刁蛮)双儿:王艳(端庄淑女)阿珂:叶璇(漂亮娇媚)龙儿:范冰冰(妖艳大气)</t>
  </si>
  <si>
    <t xml:space="preserve">寂寞的我不知如何是好?我和他相处已将六年，我离异他丧妻，我们之间 </t>
  </si>
  <si>
    <t>我想他可能还有些事情没有放下，你可以找个机会和他交流一下，看他有什么说法，如果不行的话就分开吧，重新开始自己新的生活，因为人生的路还是很漫长的。</t>
  </si>
  <si>
    <t xml:space="preserve">精灵巡守的苦闷,望转大地的高人指点迷津,30分送上我从官网上看了 </t>
  </si>
  <si>
    <t>大地很有希望！！！！！我也练的大地，现在致命力量取消后，大地的命中最高了，不过高等级才能显示出来。到第3章，大地还要加强现在再来说练级的地方。先说手动练，你有朋友在应该用装备吧，刺猬一套+突刺+风暴或腰弩也可以。22级可以去豺狼（废墟的人太多了）单练，组对都可以。一直可以练到28，然后单练去荒原，组队的话去遗忘，到32，单练可以去冥界，组队的话可以去KT了。挂机的话，在废墟可以挂到25级。再去豺狼，挂机到30，可以去冥界，要当心大树。到了32就可以在QY周围打了40以后，你就跟着你朋友混吧！！！！</t>
  </si>
  <si>
    <t xml:space="preserve">新绝代双骄2花无缺在春月楼时如何找到黑蜘蛛 </t>
  </si>
  <si>
    <t>是初次去春月楼，被黑蜘蛛强迫当小弟的时候么？我记得他就在一楼的某个角落，穿了一身黑衣服，很好认啊。。</t>
  </si>
  <si>
    <t xml:space="preserve">坐骑问题~~~~自从改版后WOW里的坐骑就要学骑术才可以骑了那我 </t>
  </si>
  <si>
    <t>除了牛头.别的种族只要骑术到150都能骑了.牛头只能骑科多和狼.</t>
  </si>
  <si>
    <t xml:space="preserve">吃什么可以减肥我是上身很胖，腰部有游泳圈 </t>
  </si>
  <si>
    <t xml:space="preserve">1.豆类食物中的冷冻豆腐、薏仁、绿豆等在中医的减肥食谱中常被用到，我的减肥门诊中也有许多病人证实有效。　　　　2.高纤维低糖蔬菜如：竹荀、韭菜、冬瓜、芥蓝菜、白菜、黄瓜、高丽菜、菠菜等。　　　　3.水果类中的小蕃茄、柠檬、柚子、蕃石榴等含热量较低。　　　　4.海产类中的海带、海哲皮、海藻等。 </t>
  </si>
  <si>
    <t xml:space="preserve">祝大家快乐！给大家拜年了！！！！　经历了三个月的接触，感觉到大家 </t>
  </si>
  <si>
    <t>　　新年快乐，猪年发基财。　　</t>
  </si>
  <si>
    <t xml:space="preserve">为何说请神容易送神难？怎麽来的？ </t>
  </si>
  <si>
    <t>当你因为有困难不得不请帮忙时，会不觉得做出一些让你请来的“神”感觉到，来得有些值得。但当你想摆脱时，“神”或许已经习惯了你的周围，当然有可能送“神”难了。还有个比较好的解释,推荐 这是我搜到的</t>
  </si>
  <si>
    <t xml:space="preserve">蓝牌载重量1.8吨的车C1证能开不? </t>
  </si>
  <si>
    <t>不能 你那C本是开小型轿车的，你说的属于B本范围。遇不上交警叔叔就没事，遇上就算你倒霉了。。</t>
  </si>
  <si>
    <t xml:space="preserve">它为什么不高兴？狗狗：你等着，等剪完后，我跟你没完！ </t>
  </si>
  <si>
    <t>没牙的老虎……你说呢</t>
  </si>
  <si>
    <t xml:space="preserve">我属于复发性口腔溃疡，几乎每个月都会长一次，每次都是2、3、4个? </t>
  </si>
  <si>
    <t>口疮(口腔溃疡)是一种最常见的口腔粘膜疾病，在人群中患病率一般认为超过10％，可以发生于男女老幼，以中青年最多见。 口疮是一种以周期性反复发作为特点的口腔粘膜局限性溃疡损害，可以自愈，可发生于口腔粘膜的任何部位，以唇、颊、舌部多见，严重者可以波及咽部粘膜。不少患者随着病程的延长，溃疡面积增大，数目增多，疼痛加重，愈合期延长，间隔期缩短等，影响食和说话。 对口腔溃疡的治疗方法虽然很多，但基本上都是对症治疗，目的主要是减轻疼痛或减少复发次数，但不能完全控制复发，所以预防本病尤为重要。 平常应注意保持口腔清洁，常用淡盐水漱口，戒除烟酒，起居有规律，保证充足的睡眠。坚持体育锻炼，饮食清淡，多吃蔬菜水果，少食辛辣、厚味的刺激性食品，保持大便通畅。妇女经期前后要注意休息，保持心情愉快，避免过度疲劳，饮食要清淡，多吃水果、新鲜蔬菜，多饮水等等，以减少口疮发生的机会。 需要提醒你的是，口腔内经久不愈的溃疡，由于经常受到咀嚼、说话的刺激，日久也有可能会发生癌变。特别是在与牙齿接触的那些部位，如存在着未拔除的残存破损的牙齿，或者佩戴的假牙制作不合适，其锐利边缘不断刺激，刮破了黏膜，产生溃疡，如不去除刺激因素，溃疡不但不会痊愈，还会日益加重。这种经久不愈的溃疡，也有可能是一种癌前病损，极易癌变。如果你经常罹患口腔溃疡的话，就需要注意上述的问题。 有了口腔溃疡不要一概轻视，如有可疑就应及时到医院检查，必要时行病理检查，以明确诊断，再做相应的治疗。切不可粗心大意，延误治疗时机。 溃疡治疗简方14则 鸡蛋：鸡蛋打入碗内拌成糊状，绿豆适量放陶罐内冷水浸泡十多分钟，放火上煮沸约1.5分钟(不宜久煮)，这时绿豆未熟，取绿豆水冲鸡蛋花饮用，每日早晚各一次，治疗口腔溃疡效果好。 六神丸：取六神丸1支(30粒)碾碎成粉，加2毫升凉开水浸透成稀糊液备用。用前先清洁患者口腔，然后用细长棉签蘸上六神丸液涂于溃疡面，以餐前1~15分钟用药为佳，每天3次，睡前加用1次。一般用药5分钟即可起到止痛效果。小溃疡1。2天可痊愈，溃疡面较大者5天痊愈。 云南：白药用云南白药外敷口腔溃疡创面，一日2次，一般2~3天痊愈。 全脂奶粉：选用全脂奶粉，每日2至3次，每次一汤匙，加少许白糖，开水冲服，晚间休息前冲服效果更佳。一般2天溃疡症状即可消失。 西瓜：西瓜半个，挖出西瓜瓤，挤取汁液，瓜汁含于口中，约2～3分钟后咽下，再含新瓜汁，反复数次。 维生素C ：将维生素C药片1~2片压碎，澈于溃疡面上，闭口片刻，每日2次。 甲氰咪胍：将甲氰咪胍1～2片研成细末，用棉签蘸药粉涂于溃疡面上，10分钟内不要饮水，每日2次。 六味地黄丸：口服六味地黄丸每日2～3次，每次6～8克。 浓茶：我国明代药典《本草纲目》称：“茶苦而寒，最能降火……火降则上清矣，”据研究，茶含单宁，具有收敛作用，浓茶漱口可促使口腔溃疡愈合。 庆大霉素：用消毒棉签蘸取庆大霉素4万单位2毫升注射液轻涂口腔内溃疡面，数分钟后再涂一次，每日4次，即三餐后和睡前，漱口后涂上药液，一般2～3日即愈合。 西红柿：西红柿汁含口中，每次含数分钟，一日多次。 柿霜：从柿饼上取柿霜，用开水冲服或加入粥中服用。 芭蕉叶：采鲜芭蕉叶适量，将其用火烤热贴敷于口腔溃疡处，每日2～3次。 95％乙醇：用棉签沾上95％乙醇，轻压口腔溃疡点，并轻轻转动棉签除去溃疡面上的腐败组织，每天2～3次，每次20～30秒。治疗口腔溃疡，绝大多数在2—3天愈合 口腔溃疡食疗方 蜜汁含漱法：可用10％的蜜汁含漱，能消炎、止痛、促进细胞再生。 蜂蜜疗法：将口腔洗漱干净，再用消毒棉签将蜂蜜涂于溃疡面上，涂擦后暂不要饮食。15分钟左右，可用蜂蜜连口水一起咽下，再继续涂擦，一天可重复涂擦数遍。 硫酸锌疗法：服用硫酸锌片或12％硫酸锌糖浆，成人每次40－80毫克，1日3次，一般连用5－7天即可痊愈。 木耳疗法：取白木耳、黑木耳、山楂各10克，水煎、喝汤吃木耳，每日1－2次，可治口腔溃疡。 可可疗法：将可可粉和蜂蜜调成糊状，频频含咽，每日数次可治口腔发炎及溃疡。 白菜根疗法：取白菜根60克，蒜苗15克，大枣10个，水煎服，每日1 2次，可治口腔溃疡。 菜籽疗法：取白萝卜籽30克、芥菜籽30克、葱白15克，放一起捣烂，贴于足心，每日1次，可治口腔溃疡。 苹果疗法：取1个苹果（梨也可以）削成片放至容器内，加入冷水（没过要煮的苹果或梨）加热至沸，待其稍凉后同酒一起含在口中片刻再食用，连用几天即可治愈。 核桃壳疗法：将30－50克核桃熬水两次，每天早晚各服1次。 口腔溃疡可能隐匿各种疾患三周不愈必须详查 口腔内小溃疡几乎所有人都患过，大多由外伤引起。伦敦大学东曼牙科研究所Scully教授指出，口腔溃疡若历时3周而未治愈，必须找出原因。 约20％人群罹患常见的复发性口腔溃疡，呈圆或椭圆形，境界清晰。80％的患者溃疡直径在5mm以下，历时7～14日而愈，较大的溃疡少见，而且需数周或数月治愈，且残留瘢痕。另外，还有分类为疱疹性溃疡，则需1个月治愈。 据日本《医学论坛报》(2001年6月7日)报道，口腔溃疡的病因不明，部分患者发病原因同紧张、外伤、戒烟、月经、食物过敏有关。无特殊检查法，只能依赖典型症状和疾病史诊断。但决不能因此而忽视鉴别诊断。应想到除铁、叶酸、VitB12不足外，还应考虑有无慢性炎症性肠病、艾滋病感染、中性粒细胞减少等免疫障碍。另外，还应除外白血病、红斑性狼疮、Behcet病(见图)等全身性疾病和皮肤病。抗癌药和抗甲状腺药也可能产生口腔溃疡。 单发的慢性溃疡应怀疑口腔癌。小儿周期性发热、咽炎、手足口病和传染性单核细胞增多症时，口腔溃疡也可作为伴随症状出现。 Scully教授指出，口腔溃疡的治疗可用洗必泰或口含氢化可的松糖衣片，一天4次涂用去炎松软膏，如症状无改善应考虑全身给皮质类固醇。 溃疡治疗简方14则 口腔溃疡虽不是什么重病，但却给患者的生活时时带来不便与痛苦。这里为大家介绍简方14则： 鸡蛋 鸡蛋打入碗内拌成糊状，绿豆适量放陶罐内冷水浸泡十多分钟，放火上煮沸约1.5分钟(不宜久煮)，这时绿豆未熟，取绿豆水冲鸡蛋花饮用，每日早晚各一次，治疗口腔溃疡效果好。 六神丸 取六神丸1支(30粒)碾碎成粉，加2毫升凉开水浸透成稀糊液备用。用前先清洁患者口腔，然后用细长棉签蘸上六神丸液涂于溃疡面，以餐前1~15分钟用药为佳，每天3次，睡前加用1次。一般用药5分钟即可起到止痛效果。小溃疡1。2天可痊愈，溃疡面较大者5天痊愈。 云南白药 用云南白药外敷口腔溃疡创面，一日2次，一般2~3天痊愈。 全脂奶粉 选用全脂奶粉，每日2至3次，每次一汤匙，加少许白糖，开水冲服，晚间休息前冲服效果更佳。一般2天溃疡症状即可消失。 西瓜 西瓜半个，挖出西瓜瓤，挤取汁液，瓜汁含于口中，约2～3分钟后咽下，再含新瓜汁，反复数次。 维生素C 将维生素C药片1~2片压碎，澈于溃疡面上，闭口片刻，每日2次。 甲氰咪胍 服将甲氰咪胍1～2片研成细末，用棉签蘸药粉涂于溃疡面上，10分钟内不要饮水，每日2次。 六味地黄丸 口服六味地黄丸每日2～3次，每次6～8克。 浓茶 我国明代药典《本草纲目》称：“茶苦而寒，最能降火……火降则上清矣，”据研究，茶含单宁，具有收敛作用，浓茶漱口可促使口腔溃疡愈合。 庆大霉素 用消毒棉签蘸取庆大霉素4万单位2毫升注射液轻涂口腔内溃疡面，数分钟后再涂一次，每日4次，即三餐后和睡前，漱口后涂上药液，一般2～3日即愈合。 西红柿 西红柿汁含口中，每次含数分钟，一日多次。 柿霜 从柿饼上取柿霜，用开水冲服或加入粥中服用。 芭蕉叶 采鲜芭蕉叶适量，将其用火烤热贴敷于口腔溃疡处，每日2～3次。 95％乙醇 用棉签沾上95％乙醇，轻压口腔溃疡点，并轻轻转动棉签除去溃疡面上的腐败组织，每天2～3次，每次20～30秒。治疗口腔溃疡，绝大多数在2—3天愈合 口腔溃疡有三种类型 口腔溃疡反反复复的发作，医学上称其为“复发性口腔溃疡”。其复发时间长短与口腔溃疡病史长短有密切关系，病史短时，可以几个月或一年发病一次；病史长时，可以一个月发病一次，或口腔溃疡新旧病变交替出现。一般情况下10天左右可自愈，不留疤痕。 复发性口腔溃疡，是口腔粘膜病中最常见的疾病，反复发作但又有自限性，局部表现为孤立的、圆形或者椭圆形溃疡。 临床上分为三种类型：复发性轻型口腔溃疡，复发性口炎性口腔溃疡，复发性坏死性粘膜腺周围炎。 维生素可治疗口腔溃疡 不论是单发性或慢性的口腔溃疡，维生素B2、B6等维生素B群都是有疗效的。甚至有人服用B群才经过一个晚上，口腔溃疡就消失的干干净净。 维生素B2不足时，会引发口角炎、眼睛充血和肛门溃烂等，特别是在皮肤和黏膜上出现症状。维生素B6和脂肪的代谢有关，B6不足时会引起脂漏性皮肤炎。另外泛酸和生物素等维生素B群(B 1除外)在相互的影响下，对于预防和治疗口腔溃疡也都有所帮助。 口腔溃疡的原因 口腔溃疡发生的部位多见于口腔粘膜及舌的边缘，常是白色溃疡，周围有红晕，十分疼痛，特别是遇酸、咸、辣的食物时，疼痛更加厉害，以致美味佳肴都不愿品尝。虽是口腔小疾，却令人痛苦不堪，甚至坐卧不宁，寝食不安，情绪低落。 大多数医生认为，口腔溃疡与以下因素有关： 消化系统疾病及功能紊乱：如腹胀、腹泻或便秘等情况。 内分泌变化：有些女性患者往往在月经期发生，可能与体内雌激素量下降有关。 精神因素：有的患者在精神紧张、情绪波动、睡眠状况不佳的情况下发病，可能与植物神经功能失调有关。 遗传因素：如父母双方均患有复发性口腔溃疡时，其子女约有80— 90％患病，若双亲之一患此病时，其子女约有50—60％患病。 其他因素：如缺乏微量元素锌、铁、叶酸、维生素B12等，可降低免疫功能，增加复发性口腔溃疡发病的可能性。 口腔溃疡为什么老复发 为什么会出现口腔溃疡的复发性呢，其病因目前尚不十分明确，但有很多因素可以直接导致口腔溃疡的发生：细菌、病毒等微生物的感染；营养不良、维生素缺乏；消化系统疾病如肠胃溃疡炎症、便秘、腹泻等的影响；微量元素缺乏，如缺铁、叶酸、B12以及锌等；内分泌失调；精神、神经因素，如工作劳累、精神紧张波动、神经功能紊乱失调等。 有些女性每逢经期或行经前后就会出现口腔溃疡，用药治疗只能暂时缓解，下月行经时依然如故地出现，疼痛难忍，与此同时，还常伴有口干、心烦、易怒和大便干结等令人烦恼的症状。临床研究发现，月经期出现口腔溃疡主要是由于体内黄体酮水平增高而雌激素（孕酮等）的水平降低所致。 口腔溃疡常发很危险 口腔溃疡是日常生活中的常见症状，一个人的一生中都或多或少地碰到过。通常，口腔溃疡经过休息、饮食调节、保持大便通畅等可以自愈，部分患者仅需局部用药或服用数帖中药而痊愈，一般不会对全身产生严重不良后果。 但是如果一个或数个口腔溃疡反复发作甚至此起彼伏，疼痛难忍或伴有其它部位的溃疡（如外阴溃疡），则要高度重视，因为这种复发性溃疡很可能是一种免疫病——白塞氏病的警示信号。 白塞氏病又叫白塞氏综合征或眼、口、生殖器综合征。临床上以口腔溃疡、生殖器溃疡、虹膜睫状体炎三联症较常见。其中眼部症状多样，可表现为视力模糊、视力减退、眼球痛、畏光流泪、异物感及飞蚊症等，严重者可导致失明。此外还有后针眼反应等。如果缺乏对疾病的整体认识，就医时可能会把各个症状分别向不同专科的医生叙述，常常会出现“头疼医头、脚疼医脚”的局面，丧失接受最佳治疗方案的机会。 白塞氏病自古就有，男女均可发病，可见于各个年龄，以35岁后多见，其发生、发展与免疫功能异常密切相关。中医称之为“狐惑”，且指出“蚀于喉为惑，蚀于阴为狐”。本病的发生与肝肾不足、气阴亏虚、外感湿热等密切相关，久之，湿热与气血相搏，湿、毒、淤相互胶结，致本病反复发作，迁延难愈。 多年来，根据中医的传统理论和临床实践，对白塞氏病的急性发作期和缓解期，依照不同的症型，分别采取清热解毒、清利湿热、解毒通脉、益气养阴、补益肝肾等治法，结果表明中医不仅可以控制溃疡的反复发作，而且可以调节免疫功能。 此外，根据该病病灶小、病位浅的特点，运用锡类散、冰硼散、黄柏和细辛研末局部吹敷，金银花、甘草等煎汤漱口，野菊花、地肤子、苦参等煎汤坐浴熏洗。临床实践证明予中药外用及中药内服治疗白塞氏病，溃疡的发作频率、发作个数及疼痛程度多数能在一个月左右得到缓解，继续给予数月中药治疗可进一步控制病情。 除了药物治疗外，平时要注意保护口腔卫生，多吃蔬菜、水果，少吃烧烤油炸和油腻食物，不吃辛辣及热性食品如辣椒、生葱、生姜、大蒜、烟、酒、羊肉等，忌劳累，保持心情愉快和大便通畅。 体内缺铁缺锌也易长溃疡 口腔溃疡是口腔粘膜最容易患的疾病，其发病率在口腔疾病中仅次于龋齿和牙周病，占第三位。 体内缺铁缺锌也会造成溃疡。 复发性口腔溃疡属于多基因遗传病。当身体出现胃肠功能紊乱、月经失调，体内缺乏铁、锌等微量元素，精神紧张，劳累或感冒时，都会诱发口腔溃疡，所以单用维生素 B2治疗无效。目前，还没有根治此病的药物。 患了口腔溃疡，可多吃富含维生素、蛋白质、纤维素类的新鲜食物，注意劳逸结合，去除诱发因素以减少复发。 治疗口腔溃疡小偏方 ⑴取鲜苦瓜160克（干品80克），开水冲泡，代茶饮。1日1剂。一般连用3～5日可显效。 ⑵.每日晚饭后用温开水漱净口腔，取一勺蜂蜜，原汁的最好，敷在溃疡表面，含1~2分钟，然后咽下，重复2~3次，连续治疗2~3天可痊愈。 ⑶每天取核桃壳10只左右，用水煎汤口服，一日3次， 连续3天，就可治愈口腔溃疡。 ⑷采八九个带花萼的小月季花，捣烂，加一小杯蜂蜜调成糊状，涂口疮患处，一般3~5次即愈。 ⑸将维生素C药片1~2片压碎，涂于溃疡面上，闭口片刻，每日2次。 ⑺选用全脂奶粉，每日2~3次，每次一汤匙，加少许白糖，开水冲服。晚间休息前冲服效果更佳。一般2天溃疡症状即可消失。 ⑻取六神丸1支(30粒)碾碎成粉，加入2毫升凉开水浸透成为稀糊液备用。用药时先清洁口腔，然后用干净的棉签蘸上六神丸液涂于溃疡表面，以餐前10~15分钟用药为佳，每日3次，睡前加用1次。一般用药5分钟即可达到止痛效果，进餐无疼痛，增进食欲。小溃疡1~2天可痊愈；多发性溃疡用药3天痊愈。 夏天远离口腔溃疡 口腔溃疡是现代人很常出现的毛病，一般人都认为夏天会火气大，才容易溃疡，但到底口腔溃疡的真正原因是什么呢？医生表示，口腔溃疡的原因不外“心火旺盛”、“脾胃积热”等因素，除了药物治疗外，以药膳食疗的效果也不错。 口腔溃疡好发于青壮年人，一年四季都会发生，尤其是夏天昼长夜短，气温升高，人们比较晚睡、熬夜，加上现代人习于吃烧烤油腻的食品，使热性体质的口腔溃疡更容易发生。 口腔溃疡在中医来说，大约有“心火旺盛”、“脾胃积热”、“阴虚火旺”、“脾胃虚寒”及“肝寒犯胃”等几种类型，除了用药物治疗外，还可以用药膳食疗。 心火旺盛或脾胃积热可用竹叶粥食疗，以鲜竹叶八钱、石膏一两、米二两、砂糖适量制成；阴虚火旺型可以二冬粥食疗，选用麦冬三钱、天冬三钱、玄蔘三钱、米二两及冰糖适量制成；脾胃虚寒型则可用理中粥，材料以党蔘、干姜、炙甘草、茯苓、糯米红糖制成。 不过，除了药物治疗及食疗外，要避免口腔溃疡还是需注意平常的生活习惯，饮食忌辛辣、烧烤油炸、油腻厚味的食品，要多喝开水，多吃蔬菜，保持大便畅通，避免便秘；口疮严重者，可以改采细软或半流质的饮食。 口腔溃疡食疗方 蜜汁含漱法：可用10％的蜜汁含漱，能消炎、止痛、促进细胞再生。 蜂蜜疗法：将口腔洗漱干净，再用消毒棉签将蜂蜜涂于溃疡面上，涂擦后暂不要饮食。15分钟左右，可用蜂蜜连口水一起咽下，再继续涂擦，一天可重复涂擦数遍。 硫酸锌疗法：服用硫酸锌片或12％硫酸锌糖浆，成人每次40－80毫克，1日3次，一般连用5－7天即可痊愈。 木耳疗法：取白木耳、黑木耳、山楂各10克，水煎、喝汤吃木耳，每日1－2次，可治口腔溃疡。 可可疗法：将可可粉和蜂蜜调成糊状，频频含咽，每日数次可治口腔发炎及溃疡。 白菜根疗法：取白菜根60克，蒜苗15克，大枣10个，水煎服，每日1 2次，可治口腔溃疡。 菜籽疗法：取白萝卜籽30克、芥菜籽30克、葱白15克，放一起捣烂，贴于足心，每日1次，可治口腔溃疡。 苹果疗法：取1个苹果（梨也可以）削成片放至容器内，加入冷水（没过要煮的苹果或梨）加热至沸，待其稍凉后同酒一起含在口中片刻再食用，连用几天即可治愈。 核桃壳疗法：将30－50克核桃熬水两次，每天早晚各服1次。</t>
  </si>
  <si>
    <t xml:space="preserve">关于盟友组队的问题~~高分请教网站主页上写盟友组队高达185%倍 </t>
  </si>
  <si>
    <t>1、没有限制，但是最好不要相差太多，那样经验都低，只要是盟友组队都有加经验的，不过感觉不是很明显，要组满九人才行，一人平分也就没多少了。2、有其他盟的人就没有额外加的经验了。必须是自己同一血盟的才可以。3、组队的话就会有额外的经验，同盟的要九人才会有。</t>
  </si>
  <si>
    <t xml:space="preserve">戴隐形眼睛有什么要求多长时间休息眼睛一次，戴隐形眼镜可以洗脸么 </t>
  </si>
  <si>
    <t>带隐形眼镜进行短时间休息的方法     （1） 日戴，指配戴者在不睡眠睁着眼的状态下配戴镜片，通常每天不超过16-18小时。 　　（2） 弹性配戴，指戴着镜片午睡或偶尔配戴镜片过夜睡眠，每周不超过2夜（不连续）。 　　（3） 长戴,指配戴者在睡眠状态下仍配戴镜片,持续数日方取下镜片（通常不超过7天）。专家指出，依据配戴时间，则可分为长戴型与日戴型，依据镜片寿命，则可分为即弃型与长期使用型。 　　（4）初戴者一天最好不要超过8小时，慢慢的适应后可延长时间。       专家表示，隐形眼镜配戴者若以自来水洗脸，可能会有视力受损的危险。自来水中生存着阿米巴变形虫，它们最容易引起隐形眼镜配戴者出现罕见的疼痛症状。这种名为棘阿米巴角膜炎的症状会造成角膜溃疡，并可能导致失明。不是所有的人都适宜带隐形眼镜，有8种人不适合戴隐形眼镜：     1.发烧感冒者 发烧感冒时眼睛的局部抵抗力下降，泪液分泌减小，角膜代谢不好，进而影响视力。     2.有过敏症的人 过敏的人配戴隐形眼镜易引起并发炎症如眼睛瘙痒、红肿，如这些病症不及时治疗，将可能危及视力。     3.有眼部疾病的人 如角膜炎、结膜炎、青光眼、干眼症、沙眼等眼病患者不适合配戴。     4.孕期及月经期妇女 这期间妇女荷尔蒙分泌发生变化，眼压、体内的含水量也发生改变，配戴隐形眼镜会对眼球产生不良影响。     5.40岁以上的人 应该逐渐告别隐形眼镜，因为此时人的眼部组织会发生比较明显的退行性变化，眼局部的抵抗力下降，特别是眼球耐受缺氧的能力下降。所以，40岁至60岁的人可短时间配戴，60岁以上则最好不戴。     6.骑车长途旅行者 长距离骑车，空气加速对流，会使软性隐形眼镜的水分减少，镜片逐渐干燥变硬，会损伤角膜，引起眼睛疼痛或细菌感染。     7.工作环境不良的人 如工作场所有挥发性酸碱物、油烟灰尘多。环境不好，异物进入眼睛，会引起眼部不适，很容易造成眼部炎症。     8.处于生长发育期的中小学生青少年在生长发育期，眼球视轴尚未定形，近视或散光度数不稳定、变化较快，并且青少年自理能力差，不注意卫生，对于隐形眼镜严格要求的清洗消毒和配戴程序不便于很好地掌握和坚持，极易造成眼部感染和伤害角膜。因而，青少年配戴隐形眼镜应慎之又慎。</t>
  </si>
  <si>
    <t xml:space="preserve">长期手淫引发的尿频应该吃什么药治？ </t>
  </si>
  <si>
    <t>您好，长期手淫会导致早泄等问题出现，早泄定义目前尚有争议，一般认为阴茎插入阴道2-6分钟发生射精即为正常，尿频可能是尿路感染或者晚上喝水多了    建议您可以去正规医院男科检查，明确诊断，对症治疗，可以口服消炎药，多喝水，不憋尿，饮食上固肾补精食物多吃，含锌的也可以多吃，辛辣刺激食物少吃，戒除手淫，不看黄色书刊或视频，减少不良诱因，希望我的建议对您有帮助，祝您早日康复您好,这些方面的疾病最好是采用中医中药来调理效果会比较好而且副作用较小.阳痿的病因有很多,而且每个人体质不同,发病的机理不一,治疗起来需对症下药 ,因人而异.但无论您吃什么药， 治疗的时候一定要节制性欲,不可纵欲过度,否则无 论是何神丹妙药都不能见效了.建议您去当地找个名医当面给您诊断治疗一下.再对症下药便可.生活愉快.</t>
  </si>
  <si>
    <t xml:space="preserve">水果的爱情物语是什么各种水果都有自己的物语，和花一样。比如：苹果 </t>
  </si>
  <si>
    <t>只有下面这个，基本类似，凑合着了：12/23~01/01=苹果--爱心 你充满魅力，触角敏感细腻，人际间相处以爱字行头，喜欢关心人亦强烈需要被爱护，是个忠诚及温柔的伴侣，不过你只看到目前，甚少打算以后。 01/02~01/11=橙--孤僻 品味独特的你给人很特别的印象，朋友众多却不常吐露心事，而且情绪起伏颇大，别人都觉得你难以了解，实质你拥有柔弱依赖的内在个性。 01/12~01/24=柠檬--助人 你有慷慨、幽默的个性，晓得令朋友高兴的法门，又喜欢帮他人想办法解决疑难，朋友与你相处都感到舒服愉快，不过你却不易宽恕别人的错。 01/25~02/03=水蜜桃--专一 你对甚麼都愿意付出全部心力，对追求目标从不怕辛苦。 你对爱情更是一心一意，但是很怕寂寞，需要对方付出大量的时间和关心，叫人喘不过气。 02/04~02/08=啤梨--犹豫! ! 平日自信不足，需要一个正面、充满支持与鼓励的环境，每当有重大事情时才能发挥出勇气和信心。你的内心常感寂寞，但却不易投入恋情。 02/09~02/18=青提子--自信 你非常相信自己，有很强的决断力和适应能力，做事时处处散发出光彩和朝气，不过却容易流於自视过高，喜欢引起他人注意，却看不起他人。 02/19~02/28=椰子--波动 你喜欢与人为伴，同时亦是一个很好的夥伴，但却不会与人深交。 对爱情亦一样，你容易投入一段恋情，但感情却快来快去，热情降温时就会放弃。 03/01~03/10=果--忧郁 你是个心灵非常脆弱的人，很容易受伤害，常因小事而忧郁起来。 喜欢幻想又容易受他人影响，令你的情绪更飘忽，不过你常会遇到给你安全感的同伴。 03/11~03/20=火龙果--自强 你不相信命运，认为凭努力可达到一切目标，不容许自己懒惰散漫，给自己很大压力。你愿意为朋友付出，对爱情忠诚但却有很强的妒忌心。 03/21=黑提子--勇敢 你是个行动力极强的人，做事，面对新挑战时勇於尝试，独立而坚 定，对未知的将来充满开拓精神，从不会表现出懦弱害怕。 03/22~03/31=车厘子--乐观 你能设身处地去感受他人的想法，并会在感性与实际情况中作出 冷静准确的判断，能理解别人又不会受人影响。爱情上你是个忍耐而要求不多的伴侣。 04/01~04/10=蓝莓--细致 你拥有细腻的触觉，天分颇高，对於周围的人及事物的一举一动都很敏感，容易因为环境变化而影响心情，但却不会改变你对人善良的态度。 04/11~04/20=西瓜--独立 在群体中你害羞而内敛，但独立处事时俨如另一个人，自信、进取而且热切渴望表现自己的机会，加上聪明又富想像力，叫人对你另眼相看。 04/21~04/30=香蕉--热情 你平日做事喜欢即兴而为，无论玩乐或做正经事都要尽，爱情路上你也去到尽，热情无限，同时希望对方也一样全数奉献，支配欲和妒忌心也很重。 050/1~05/14=啤梨--犹豫 自信不足，需要一个正面、充满支持与鼓励的环境，每当有重大事情时才能发挥出勇气和信心。你的内心常感寂寞，但却不易投入恋情。 05/15~05/24=哈密瓜--忠诚 你对於对与错的问题有很强烈的判断，认为是不合理的定不会做，所以换来 诚实可靠的形象，加上你作风低调，深得别人信赖。 05/25~06/03=牛油果--进取 你拥有很强的上进心，聪明而且做任何事都不错的天分，不过处事方式较为自我，从不理会别人的意见和批评，但恋人的说话则是例外。 06/04~06/13=蜜瓜--规律 你外表冷，注重打扮而有品味，享受有规律而舒适的生活。 你做事尽责但缺乏信心，常希望寻觅一个支持你、明白你又会认同你的伴 侣。 06/14~06/23=士多啤梨--坚强 独立、立场强硬和目标明确令你看起来很坚强硬净，不过你其实是个很容易相处的人，交际技巧圆滑，而对家人、伴侣和小孩亦很爱护。 06/24=菠萝--诚恳! 你为人谦虚而真诚，但对人却不会太热情，喜欢平静淡。宁静的环境能让你发挥无穷想像力，但你甚少用於工作上，只会为自己和朋友的生活添加趣味。 06/25~07/04=苹果--爱心 你充满魅力，触角敏感细腻，人际间相处以爱字行头，喜欢关心人亦强烈需要被爱护，是个忠诚及温柔的伴侣，不过你只看到目前，甚少打算以后。 07/05~07/14=橙--孤僻 品味独特的你给人很特别的印象，朋友众多却不常吐露心事，而且情绪起伏颇大，别人都觉得你难以了解，实质你拥有柔弱依赖的内在个性。 07/15~07 /25=柠檬--助人 你有慷慨、幽默的个性，晓得令朋友高兴的法门，又喜欢帮他人想办法解决疑难，朋友与你相处都感到舒服愉快，不过你却不易宽恕别人的错。 07/26~08/04=水蜜桃--专一 你对甚麼都愿意付出全部心力，对追求目标从不怕辛苦。 你对爱情更是一心一意，但是很怕寂寞，需要对方付出大量的时间和关心，叫人喘不过气。 08/05~08/13=啤梨--犹豫 信心不足，需要一个正面、充满支持与鼓励的环境，每当有重大事情时才能发挥出勇气和信心。你的内心常感寂寞，但却不易投入恋情。 08/14~08/23=青提子--自信 你非常相信自己，有很强的决断力和适应能力，做事时处处散发出光彩和朝气，不过却容易流於自视过高，喜欢引起他人注意，却看不起他人。 08/24~090/2=椰子--波动 你喜欢与人为伴，同时亦是一个很好的夥伴，但却不会与人深交。 对爱情亦一样，你容易投入一段恋情，但感情却快来快去，热情降温时就会放弃。 09/03~09/12=果--忧郁 你是个心灵非常脆弱的人，很容易受伤害，常因小事而忧郁起来。喜欢幻想又容易受他人影响，令你的情绪更飘忽，不过你常会遇到给你安全感的同 伴。 09/13~09/22=火龙果--自强 你不相信命运，认为凭努力可达到一切目标，不容许自己懒惰散漫，给自己很大压力。你愿意为朋友付出，对爱情忠诚但却有很强的妒忌心。 09/23=木瓜--老练 很懂得平衡中庸之道，凡事总抱不愠不火的态度。 你对社交生活投入，与人相处时冷静而忍耐，非常世故成熟，麻烦事永不沾身。 09/24~10/03=车厘子--乐观 你能设身处地去感受他人的想法，并会在感性与实际情况中作出冷静准确的判断，能理解别人又不会受人影响。爱情上你是个忍耐而要求不多的伴侣。 10/04~10/13=蓝莓--细致 你拥有细腻的触觉，艺术天分颇高，对於周围的人及事物的一举一动都很敏感，容易因为环境变化而影响心情，但却不会改变你对人善良的态度。 10/14~10/23=西瓜--独立 在群体中你害羞而内敛，但独立处事时俨如另一个人，自信、进取而且热切渴望表现自己的机会，加上聪明又富想像力，叫人对你另眼相看。 10/24~11/11=香蕉--热情 你平日即兴而为，无论玩乐或做正经事都要尽，爱情路上你也去到尽，热情无限，同时希望对方也一样全数奉献，支配欲和妒忌心也很重。 11/12~11/21=哈密瓜--忠诚 你对於对与错有强烈的判断，认为是不合理的事一定不会做，所以换来诚实可靠的形象，加上你作风低调，深得别人信赖。 11/22~12/01=牛油果--进取 你拥有很强的上进心，聪明而且做任何事都不错的天分，不过处事方式较为自我，从不理会别人的意见和批评，但恋人的说话则是例外。 12/02~12/11=蜜瓜--规律 你外表冷，注重扮而有品味，享受有规律而舒适的生活。你做事尽责但缺乏信心，常希望寻觅一个支持你、明白你又会认同你的伴侣。 12/12~12/22=士多啤梨--坚强 独立、立场强硬和目标明确令A看起来很坚强硬净，不过你其实是个很容易相处的人，交际技巧圆滑，而对家人、伴侣和小孩亦很爱。</t>
  </si>
  <si>
    <t xml:space="preserve">我地址栏下得百度搜索怎么没了？下了XP的一些更新后就没了，怎么办 </t>
  </si>
  <si>
    <t xml:space="preserve">1、可能隐藏了：在工具栏上按右键，检查“超级搜霸”前是否打钩2、可能被3721上网助手等工具卸载了。参考： 清理IE工具栏  一些软件或者网站在IE浏览器工具栏上加上自己的按钮，请勾选并清除。3、XP 更新后更安全了。屏蔽了一些IE插件。请下载安装超级搜霸 · 超级搜索—— 随时随地都能使用百度搜索的强大功能      系统要求· 支持操作系统：Windows98/Me/2000/XP/2003 中文系统· 支持浏览器：Microsoft Internet Explorer 5.0以上版本  · 广告拦截—— 有效拦截弹出广告，还您干净上网空间 · 隐私保护—— 消除上网搜索记录，保护您的隐私 · 修复功能—— 清除恶意程序，修复IE，保护上网安全 </t>
  </si>
  <si>
    <t xml:space="preserve">请问，联通手机号欠费不交会有什么影响？前一阵办了两张联通新势力的 </t>
  </si>
  <si>
    <t>这方面的法律不健全，或者是很难处理，很少有因为欠费而被起诉的，联通的话，一般会在你欠费之后，保留两个月的号，如果一直不交，两个月后自动销号，你这个不用担心的。</t>
  </si>
  <si>
    <t xml:space="preserve">我家宝宝9个多月了，近来发现她走路时右腿向外横撇，怎么办？ </t>
  </si>
  <si>
    <t>腿向外撇，有几种可能：1有可能是走路姿势问题，因为九个月的宝宝还小，还不会自己掌握平衡性，腿里面还没有足够的劲支撑身体。自己对腿脚还不会自如掌握。2也有可能是有点缺钙，骨质较软，还不够支撑身体的重量。3可能是遗传，看看家族里是否也有这样走路的，如果有，遗传的可能性要大些。等他稍大些，就要经常纠正，把姿势训练过来。九个月的宝宝不必要太着急让他学走路或站立，注意每次时间不要太久，要及时休息。否则太累了反而影响腿型。祝你家宝宝健康！</t>
  </si>
  <si>
    <t xml:space="preserve">帮忙查下通行证号，谢谢！现在只知道博客链接了 </t>
  </si>
  <si>
    <t xml:space="preserve">你好！ “helen的博客”的新浪通行证号是：1625278252 可以直接用通行证号登录你的博客！ 用你的新浪通行证号找回登录名的方法： 首先登入新浪通行证网页（  博客密码忘了该怎么找回，请参阅：   试试吧！祝你好运！ </t>
  </si>
  <si>
    <t xml:space="preserve">哪个国家的环境卫生最好？我想了解一下世界一些发展国家的环境状况如 </t>
  </si>
  <si>
    <t xml:space="preserve">    应该是新加坡.中国的一些城市的::全国爱国卫生委员会评定的"国家卫生城市"，是中国市容环境卫生最好的城市。"国家卫生城市"申报条件：申报城市必须是省级卫生城市，同时具备以下５个基本条件，才能申报国家卫生城市：１、城市垃圾无害化处理率≥８０％；２、城市生活污水处理率≥３０％；３、建成区绿化覆盖率≥３０％，人均绿地面积≥５平方米；４、大气总悬浮微粒年日平均值（ＴＳＰ）：北方城市≤０．３５０毫克／立方米，南方城市≤０．２５０毫克／立方米；５、城市除四害有三项达到全国爱卫会规定的标准。国家卫生城市名单：据第四次全国城市卫生检查结果，共３１个城市获得国家卫生城市称号，分别是：大连、厦门、中山、佛山、濮阳、威海、张家港、吴江、深圳、福州、成都、杭州、青岛、珠海、苏州、汕头、无锡、三明、马鞍山、泸州、江阴、昆山、南海、萧山、库尔勒、青州、招远、常熟、莱州、胶州、莱芜。此外，获全国卫生先进城市称号的１８个城市分别是：南京、上海、广州、济南、北京、宁波、海口、沈阳、昆明、南宁、合肥、天津、哈尔滨、长春、郑州、银川、贵阳、南昌。</t>
  </si>
  <si>
    <t xml:space="preserve">慢性阑尾炎治疗需不需要休息需不需要休息 </t>
  </si>
  <si>
    <t>手术治疗是唯一有效的方法,术后需要休息一周，可以出院回家疗养。但次日不可以工作。患了慢性阑尾炎需要注意以下几点： 　　1,保持乐观的精神.忧愁,郁闷,恼怒,悲伤等不良情志刺激,情绪变化,容易打破人的神经系统的平衡,导致神经失调,尤其是植物神经紊乱.植物神经紊乱的表现是多方面的,胃肠道的功能失常是其常见表现之一.在精神刺激作用下,胃肠道发生痉挛,弛缓等,导致消化不良,便秘,腹泻等,可诱发阑尾炎.因此,应当保持良好的精神状态,乐观开朗.遇事要拿得起,放得下,不斤斤计较而泰然处之,避免剧烈的情绪变化. 　　2,调节寒温.注意季节,气候变化,适时地调节自身机体与自然界关系,天热减衣,天寒添衣,尤其是保证腹部免受寒冷刺激,维护胃肠道的正常功能状态.</t>
  </si>
  <si>
    <t xml:space="preserve">rmit怎么掉到三星了？ </t>
  </si>
  <si>
    <t>RMIT一直都是三星的，但它的就业率和课程实用性都挺不错的 只是2005年是鼎盛年 而后因为资金的问题（因为报名系统） 所以声誉有所下降 而后07年商科楼又有几名员工因为辐射太大造成了脑癌 新闻闹的大 所以声誉又有所下降...但是就像1、2楼说的 排名都是我们搞出来的 国际排名也有很多不同种类 综合的排名一般是看一个学校的研究 跟本科学生没什么太大的影响 要先选专业再选学校 像如果你读IT 我就推荐你读RMIT或者卧龙岗，不建议你读悉尼或者其它 就算悉尼的名气大 但还是要看专业选学校 就算是1、2星 也有强势和优势的专业的 外国的国内的两码子事儿......PS：如果你只是出去国外那个证，要回国工作的话，还是去名气大的学校但如果你是想在那边工作几年或者移民的话，还是要看专业选学校 。</t>
  </si>
  <si>
    <t xml:space="preserve">广东省哪里有好一点的计算机学校？要初中毕业可以读的，也不一定要学 </t>
  </si>
  <si>
    <t xml:space="preserve">广东博达计算机学校 </t>
  </si>
  <si>
    <t xml:space="preserve">万能的这两小东西是什么?爬山的时候看到的[疑问][疑问][馋嘴] </t>
  </si>
  <si>
    <t>第一幅是一种蜘蛛，应该是园蛛科的~~第二幅是竹节虫</t>
  </si>
  <si>
    <t xml:space="preserve">明天怎么办，我要出去开会两天，不能操作了 </t>
  </si>
  <si>
    <t>那就不操作，是福不是祸，是祸躲不过，随它去吧．</t>
  </si>
  <si>
    <t xml:space="preserve">橙舍画艺的画为什么那么贵啊？ </t>
  </si>
  <si>
    <t>那是因为人家的画每一步工艺都严格按博物馆展示级标准执行的，制作难度大，周期长，成本高（包含博物馆的授权费），不是那些普通的工业化批量生产的装饰画所能比的。另外，人家专注于提供最好的产品及体验，人家追求完美，这些都无疑加大了人家的成本。最重要的一点，人家坚持不卖低劣画品，这和苹果产品有异曲同工之妙。</t>
  </si>
  <si>
    <t xml:space="preserve">在博客文章中使用透图片在博客文章中怎样使用透明图片 </t>
  </si>
  <si>
    <t xml:space="preserve">    如果你想在自己的页面添加这样的效果，可以建立一个新的＂自定义空板＂，将＂显示源代码＂画勾后，在版面上复制粘贴此代码：&lt; CENTER&gt;&lt;EMBED style="LEFT: 10px; POSITION: absolute; TOP: -70px" align=right src=FLASH的网址 width=700 height=400 type=application/x-shockwave-flash wmode="transparent" quality="high" ;&gt;&lt;/CENTER&gt;然后取消勾＂显示源代码＂恢复编辑状态，给新面板起个新名字后完成．最后在＂管理博客＂中＂定制首页＂项添加新的＂自定义面板＂即可．2.如果想在新文章使用此效果，可以在文章编辑时将＂显示源代码＂勾后将代码复制粘贴后恢复即可．如果想使用多个或多次效果，将不同代码粘贴或粘贴几次就可以了.3.你可以试着调整这两个参数：width=700 height=400 谢谢您的提问，祝您一切顺利！欢迎光临我的博客 </t>
  </si>
  <si>
    <t xml:space="preserve">我想找几首好听的日语歌作为我space的背景音乐有没有人能帮个忙? </t>
  </si>
  <si>
    <t>麒麟午后の红广告歌曲  Spitz Robins 新しい季节は　なぜかせつない日々で 河原の道を自?车で　走る君を追いかけた 思い出のレコードと　大げさなエピソードを 疲れた肩にぶらさげて　しかめつら　まぶしそうに  同じセリフ　同じ时　思わず口にするような ありふれたこの魔法で　つくり上げたよ  谁も触れない　二人だけの国　君の手を离さぬように 大きな力で　空に浮かべたら　ルララ　宇宙の风に?\る  片隅に舍てられて　呼吸をやめない猫も どこか似ている　抱き上げて　无理やりに頬よせるよ いつもの交差点で　见上げた丸い?は うす?Aれてる　ぎりぎりの三日月も仆を见てた  待ちぶせた梦のほとり　惊いた君の瞳 そして仆ら今ここで　生まれ?浃铯毪? 谁も触れない　二人だけの国　终わらない歌ばらまいて 大きな力で　空に浮かべたら　ルララ　宇宙の风に?\る  大きな力で　空に浮かべたら　ルララ　宇宙の风に?\る ルララ　宇宙の风に?\る     麒麟午后の红茶广告歌曲  Spitz Robinson    在新的季节里 无缘无故闷热的每天     骑着脚踏车在河原路上 追赶着奔跑的你     回忆的唱片和夸大的小插曲     悬挂在疲累的肩上     愁眉苦脸是那样的刺眼      不知不觉 在同样的时候说出同样的台词     用平常的魔法完成了      谁也不能碰触你我的二人国度     就这样不放开你的手     在强大的力量下 浮在空中     噜啦啦---乘着宇宙的风    被丢在角落却不放弃呼吸的猫     不知和我有某个地方相似     无理取闹地抱起它贴近脸颊     一如往常的十字路口 由下往上看圆型的窗子     稍微弄脏了的细细月牙也看到了我     埋伏在梦的岸边 被惊吓了的你的双眼     而且我们今天在这里都重生了     谁也不能碰触只有两人的国度     没有终止的放声歌唱     在好大的力量下 若浮在空中     噜啦啦---乘着宇宙的风     噜啦啦---乘着宇宙的风上传相关文件：奥黛莉 赫本</t>
  </si>
  <si>
    <t xml:space="preserve">R9奖金预测的朋友请进！我没中！不过恭喜中了的朋友！我没中是因为 </t>
  </si>
  <si>
    <t>过万是肯定的，1万2，但2万好像不太现实。</t>
  </si>
  <si>
    <t xml:space="preserve">舞蹈和协调性的问题：是协调性好可以跳好舞，还是舞跳好了协调性好？ </t>
  </si>
  <si>
    <t>这是个鸡生蛋还是蛋生鸡的问题。无法明确回答。小调性好当然对跳舞有帮助，同理舞跳得好协调性一定好</t>
  </si>
  <si>
    <t xml:space="preserve">多乐士,立邦,威士伯三种乳胶漆的价格性能比是怎样的?它们的可比价 </t>
  </si>
  <si>
    <t>多乐士830-850，立邦350-380，威士伯没有用过。性价比我建议使用多乐士，我给很多的客户用过，反应比立邦强。一个设计师的建议。</t>
  </si>
  <si>
    <t xml:space="preserve">燃气热水器有点火的啪啪声,没有电磁阀打开的嗒的一声点不着火.电磁 </t>
  </si>
  <si>
    <t>你说的点火针是两根?那一共就是三根..还有一根是回火针.一般有这几个原因:里面的线路连接插件有问题..有松动.电磁阀打不开跟插件松动有很大的关系..插件包括了电池的接触点哦..还有其它的连接线..你可以看一下...还有,,看下进水处的过滤网堵了没有.如果你可以打得开盖子的话可以用手拨一下那个微动开关(是长方形的,有一面有一条金属片的..如果拨了没出现电磁阀响的声音,你就要检查连接线了..如果有,,那就是膜片坏了..膜片在微动开关旁边,,有个突出来的小包里面的..要用工具才能打开它的..但愿不是这个问题,你就检查线路就好啦..祝你好运</t>
  </si>
  <si>
    <t xml:space="preserve">母乳喂养，一个乳房大小怎么办呀，为什么会呀；断奶后会恢复吗 </t>
  </si>
  <si>
    <t xml:space="preserve">一大一小可是不行，断奶后就无法补救了。。。。从现在开始每次宝宝饿了要奶吃时，你都先喂小的一边，直吃到一点儿奶水也没了，宝宝实在急了，才给她大的一边吃。第二边吃完再换到这一边，这样你的奶量增加。如果他吃完小的一边就饱了，那另一边也不用吃了。那你也不要硬把没吃完的这一边的奶水挤空，只是胀的难过了稍稍挤出点儿来，这样胀上几天后慢慢的这只大的就会产奶少了。而小的一只在得到更多吸吮后就会产奶多了。如果宝宝胃口大，那更好办了。那你就频繁喂小的一边。乳汁的分泌有一个显著特点，就是孩子吸吮得越多就分泌得越多,要勤喂，常喂。比如你现在一天喂八次，你可以把这只小的增加到12、15次，过两天你的这只奶就多了。 </t>
  </si>
  <si>
    <t xml:space="preserve">影响金属波速的因素影响波在金属中的传播的速度的因素有哪些，是如何 </t>
  </si>
  <si>
    <t>波在金属中的传播速度应该主要受其密度影响，密度大的金属，分子间距离较紧密，相互作用更容易，所以依赖介质粒子之间振动相互影响而传播的波动更快；由于温度变化会影响金属内分子活动能力所以温度也应算上一个因素；一般认为，固体不可被压缩，所以大气压力只能影响空气中对波的传播速度，不能影响金属对波的传播；当然，如果传播波的金属的外形较特殊，由于物体表面对内部波传播产生的反射波作用等因素，可能会构成对在该物体内传播速度的影响；</t>
  </si>
  <si>
    <t xml:space="preserve">怎么睡肚子都很不舒服怎么回事啊？每次吃饭总吃不了很多就好胀，吃没 </t>
  </si>
  <si>
    <t>你吃的药不太对症,你是食物积在胃里没下去,应该吃大山楂丸,加量服用效果更佳</t>
  </si>
  <si>
    <t xml:space="preserve">高手帮忙哪编程用C++编程，实现文本编辑器；要求文本编辑器可以在 </t>
  </si>
  <si>
    <t>其实实现这个一句代码都不用写的用MFC AppWizard创建一个单文档或者多文档的应用程序，在最后一步的Base class下拉列表中选择CEditView，其他选项默认即可。附件里分别是单文档和多文档的代码和可执行文件</t>
  </si>
  <si>
    <t xml:space="preserve">对于一个可逆反应，升高温度，正逆反应速率都增加，为什么到达平衡的? </t>
  </si>
  <si>
    <t>因为可逆反应也是化学反应，一切化学意义上的反应都是温度越高反应越快。</t>
  </si>
  <si>
    <t xml:space="preserve">现在上网时间比较长有什么方法可以保护眼睛？现在上班有时电脑用的多 </t>
  </si>
  <si>
    <t xml:space="preserve">眼睛，是我们心灵的窗户。一个正常人无时无刻不在使用眼睛，、工作、学习，离开了眼睛简直难以想像！对于我们这些经常面对电脑的人来说，电脑屏幕对人眼的损伤是比较严重的，如果不注意保护，那么伤害就会更加严重。 保护眼睛，这人人都会说，但真正做好了的人却不多，更多的人甚至不知道如何去保护自己的眼睛。现在的广告中关于眼保的产品越来越多，但都是亡羊补牢，能够防患于未然不是更好吗？ 那该怎样去保护自己的眼睛呢？就让我们来看看这篇IT人的眼保手册吧！ 有良好的用眼习惯可视眼睛的使用健康化，端正的姿势是保护眼睛的第一步，它对于缓解眼睛疲劳和降低显示器辐射影响起着十分重要的作用。下面就让我们来看看具体该怎样做： 1、不要长时间持续使用电脑。通常每进行电脑操作1小时，就需要休息10分钟。在休息时可进行望远或做眼保健操，观看绿色植被有利于放松眼部肌肉。点用眼药水也能在一定程度上防止眼干涩，保持眼睛湿润。 2、眼睛与屏幕之间应保持50厘米以上的距离，最好采用下视20度的视角。对于需要进行文稿录入的人员来说，应减小文稿和电脑显示器屏幕的距离，从而降低眼睛不停转换目标引起的疲劳。 3、在使用电脑时应多眨眼，以增加眼内润滑剂和酶的分泌，保持眼睛湿润。 4、常洗脸，可以减少辐射对人体的伤害。 5、每天饮用绿茶。茶中的脂多糖，可改善机体造血工能，能增强人体的免疫能力，减少辐射影响。 6、多吃一些新鲜的蔬菜和水果，可以预防角膜干燥、眼干涩、视力下降、甚至夜盲症等眼病。7、如果出现眼睛不适，经过长时间休息而不能解除症状者，则需即时到医院接受医生检查。有一个良好的电脑使用环境，对于进行眼睛保护也是必不可少的。 1、电脑房间要经常通风。对于安装了空调的机房，则需注意换气，大量的二氧化碳会使人出现头昏、头痛等症状。 2、电脑不应放置在窗户的对面或背面，周围环境的光线要柔和，电脑显示器的亮度要调节合适。使用电脑的房间可以装上百叶窗和窗帘。 3、电脑室的最佳温度是21度、湿度60度。可以在室内放置一些植物，这样不仅可以保持室温，也可以补充氧气。 电脑显示器是电脑使用者经常面对的，对眼睛的损伤大多都来自它，因此选择一个好的显示器，对于眼睛的保护是至关重要的。显示器的辐射是人体健康的一个杀手，因此应尽量选购辐射较低的显示器。在电脑显示器行业，有不少的认证标准，如MPR、TCO92、TCO99等，其中TCO99认证是十分严格的，通过了TCO99认证的显示器对于人体的伤害就比较小。另外，一些大厂家生产的显示器在质量方面要好一些，设计更符合人体工程，可能会贵一点，但花钱买健康还是十分划算。如果资金方面不成问题，也可以考虑使用LCD（液晶显示器），它的辐射更低，几乎无闪烁，对人的健康很有好处。显示器的亮度不能设得太高，因为高亮度会对眼睛造成较大的刺激，使眼睛较快疲劳。在Windows中，对桌面的设置也应有所讲究。壁纸的色彩应该是RGB三原色平衡，这样才使壁纸的色彩较柔和，减少对人眼的刺激。四、刷新率篇显示器刷新率的高低和人眼的健康也有很大的联系。低刷新率会使眼睛很快疲劳，无法长时间工作。一般来说，上了85赫兹对人眼的伤害才较小。对刷新率的设置是在Windows中完成的。一般一些名牌的显示器，在安装好驱动程序后就可以在“显示属性”的“设置”标签页中点击“高级”按钮。然后在“监视器”中设置刷新率，如果显示器能够承受，设置得越高越好。 当然最重要的是要劳逸结合。毕竟身体是革命的本钱。最后教大家一个护眼的方法，就是站在窗前看远方的景物坚持半分中，然后慢慢的把视线向回收，最后用眼睛看着窗口四个角中的一个然后在按顺时针方向逐个看窗户的四个角，完成五次后在按逆时针方向在做五次。最后闭眼深呼吸。OK完成了。马上你就会觉得眼睛舒服很多而且身体也会很舒服的哦。大家可以试试哟希望大家眼睛可以和我一样保护的很好 我的眼睛现在5.2的呵呵~~~~ 参考资料：我的计算机老师给我门的 建议 每天我们都坚持做好~~~~~ 怎样保护好你的眼睛？ 长期使用电脑的人普遍患有干眼症，即容易眼干、眼红和疲倦。专家认为这与使用电脑时眨眼次数不足有密切的关系。 当人们注视荧光屏时，眨眼次数会在无形中减少，由每分钟眨眼20～25次，减少至5～10次，从而减少了眼内润滑剂———泪液的分泌，同时眼球长时间暴露在空气中，使水分蒸发过快，造成眼睛干涩不适。长期如此就容易造成干眼症，严重的甚至会损伤角膜。 另外，电脑荧光屏由小荧光点组成，眼睛必须不断地调整焦距，以保证视物清晰，时间过长，眼肌会过于疲劳。电脑荧光屏的电磁波、紫外线、放射线、刺眼的颜色和红外线等也会刺激眼睛，引起眼睛干涩、疲劳、重影、视力模糊甚至头颈疼痛等毛病。 由于人工泪液能适当地补充并储留泪液，因此，可适当使用人工泪液产品减轻和消除干眼症所引起的眼睛不适症状。 预防干眼症最重要的是应当注意健康用眼： 1.使用电脑时，应多眨眼，每1～2小时要休息15分钟； 2.荧光屏应在视线之下； 3.为了避免反光和不清晰，电脑不应放置在窗户的对面或背面； 4.不要在黑暗中看电脑，因为黑白反差对眼睛有损害以下是保护眼睛的一些方法：保护眼睛的方法- - 眼珠运动法 头向上下左右旋转时，眼珠也跟着一起移动。 眨眼法 头向后仰并不停的眨眼，使血液畅通。眼睛轻微疲劳时，只要做2~3次眨眼运动即可。 热冷敷交替法 一条毛巾浸比洗澡水还要热一点的热水，另一条毛巾浸加了冰块的冷水，先把热毛巾放在眼睛上约五分钟，然后再放冷毛巾五分钟。 眼睛体操 中指指向眼窝和鼻梁间，手掌盖脸来回摩擦五分钟。然后脖子各项左右慢慢移动，接着闭上双眼，握拳轻敲后颈部十下。 看远看近法 看远方三分钟，再看手掌1~2分钟，然后再看远方。这样远近交换几次，可以有效消除眼睛疲劳。试试吧! 电脑一族的护眼妙招 临床上经常遇到这样的病人，他们的症状为“眼干涩不舒，甚至干燥、畏光、视物模糊”。这类病人的职业大多是计算机操作人员、文字编辑、美术工作者、教师及刺绣工人等。随着电脑在工作、生活中的普及，这种情况更为常见。他们的症状并不是病理变化所引起，而是由于用眼不当所致。 目不转睛害处多 长时间“聚精会神、目不转睛”对眼睛的危害是极大的。首先，神经高度紧张会使眼睛发胀，视神经功能慢性减退；再者，长时间近距离用眼，会促使轴性近视的发展；另外，就是眨眼动作的减少，使眼球缺乏润滑和保护作用。据统计，人正常的眨眼数为每分钟15次左右，在神情专注的时候，只有2～3次，这就使眼表面的泪液蒸发过多，而来不及得到及时的补充，久之则引起眼球表面的炎症。 这样的病人，早期检查结果往往查不出什么病，但长此以往，便可能失去健康的眼睛。对于青少年来说，长期近距离使用电脑会引起调节痉挛而看不清远处，继而造成真性近视等。而对于45岁以上的人来说，因为眼睛的调节能力下降出现老花、近距离视物疲劳，并且不能持久，如果长期注视电脑会使疲劳症状加重，还可能诱发青光眼、白内障等眼病。 劳逸结合防眼病 要预防或消除这种情况，日常应注意对眼睛的呵护，关键是要持之以恒，可从如下几个方面做起： 首先，要定时休息。如每看书或使用电脑2小时要休息10～15分钟，此时可远眺窗外景观，或转动眼球、做眼保健操等，只要不集中在近距离用眼，都有休息效果。 其次，注意滋润眼睛，多眨眼。用电脑时，最好保持15至20度的下视角，这样有助于减少眼球暴露的面积，以减少眼球表面水分蒸发。避免工作座位在空调出风口处，还可以在座位附近放置茶水，增加周围湿度。 经常锻炼。建议进行球类活动，如乒乓球、羽毛球、足球、高尔夫球等，当眼球追随目标时，睫状肌不断地放松与收缩，以及眼外肌的协同作用，可以提高眼的血液灌注量，促进眼部新陈代谢，从而减轻眼疲劳。 注意营养均衡，多吃坚果类食物。要多吃富含钙、蛋白质的食物，避免偏食，控制甜食。因为代谢糖分时，须依靠维生素B1，糖分若摄取过多，将会造成维生素B1的不足，而容易罹患视神经炎。多吃坚果类食物，多咀嚼，能加强眼部肌肉活动，增进眼部血液循环，减轻眼疲劳。 眼局部进行热敷、药熏、理疗、针灸等。可以滴一些润滑眼球、缓解眼疲劳的眼药水，如珍珠明目液、珍视明、艾唯多眼药水、人工泪液等。中医眼科认为，视物日久，导致疲劳过度，或肾阴不足，津液短少，肝血虚损，内有郁热。故可内服中成药杞菊地黄丸、明目地黄丸、养血安神片、逍遥丸等。根据病人不同情况辨证论治。 定期体检，发现眼病尽早治疗。如有近视、远视、散光等屈光不正，要在医生指导下戴镜矫正。眼胀痛、流泪等症状明显时，应及时排除青光眼、角结膜炎等眼病。 菊花茶可消除眼睛浮肿及疲劳，睡前喝太多的水，第二天早上起床眼睛就会浮肿像熊猫一样，民间有一方法可以有效解除，就是用棉花沾上菊花茶的茶汁，涂在眼睛四周，很快就能消除这种浮肿现象。 菊花对治疗眼睛疲劳、视力模糊有很好的疗效，中国自古就知道菊花能保护眼睛的健康，除了涂抹眼睛可消除浮肿外，平常就可以泡一杯菊花茶来喝，能使眼睛疲劳的症状消，如果每天喝三到四杯的菊花茶，对恢复视力也有帮助。 菊杞茶是上好护眼饮料 菊花茶中加入枸杞，两种都是中药护眼的药材，泡出来的茶就是有名的「菊杞茶」，尤其是学生常在澈夜温习功课之后，都出现眼睛疲劳的毛病，近视的人更是经常感到睛睛乾涩，常喝菊花茶能改善眼睛的不舒服。另外，还有一种形状像黑色米粒的决明子，煮成茶汁来喝，也是一种很好的护眼饮料。 </t>
  </si>
  <si>
    <t xml:space="preserve">偏瘦的男孩应该食用那些营养物品增肥进厂的男孩应如何增肥 </t>
  </si>
  <si>
    <t xml:space="preserve">康宝莱是一种细胞营养产品，帮助过很多人健康的增重，不是像平常的方法只是通过增加热量来增加脂肪，让肌肉松弛，而是通过给予身体一定的营养和热量来增加身体的肌肉群，并且改善身体亚健康的状况。我哥哥正在用这个产品，效果挺好的，人也变精神了。如果你为自己的健康着想的话，请不要用那些所谓吃巧克力喝啤酒这些高热量的方法，这样是很不健康的！！！！如果你有什么疑问的话可以跟我联系，我会介绍我哥哥给你认识，让你对产品有充分了解之后再考虑用不用。我的联系方式是 或者邮箱sheshou2baiyang@ </t>
  </si>
  <si>
    <t xml:space="preserve">2010姚基金慈善义演这男女明星是谁？大伙们有知道的麻烦你告诉我 </t>
  </si>
  <si>
    <t>王希维  娱乐没有圈《宵晚报》美美  王希维， 中国模特，拥有“新疆第一美女”“中戏校花”等多个头衔的网路美女。2008年毕业于中戏的新疆美女一出道就以全国“模特之星”总冠军的身份出现在众人眼前。黄金比例的身材以及清纯的模样给见过她的人都留下了深刻的印象。出道至今她已接拍了众多的影视剧、广告，并为《时尚》、《时尚健康》、《男人装》、《嘉人》等一系列杂志拍摄了多组时装大片。拥有中戏第一美女称号的艺人王希维，日前频繁曝光于各大综艺节目中，凭着完美的面孔、身段与效果十足的演出，俨然成为新一代综艺界的新宠儿，亮丽的表现吸引所有观众的强烈关注。语言：普通话 　　三围：85/60/88 　　鞋码：39 　　现住地：北京市东城区 　　成长地：新疆维吾尔自治区乌鲁木齐市 　　籍贯：湖南省湘潭市 　　特长：表演，主持，唱歌，驾驶，钢琴，写作 　　职业：全能艺人 　　兴趣爱好：钢琴、跳舞、唱歌 　　喜欢的：比较抒情的音乐 　　喜欢的吃的食物：只要是好吃的东西 　　喜欢的水果：芒果、西瓜 　　平时喜欢的生活方式：没事的时候在家看电视看书睡觉 　　在读的学校：中央戏剧学院表演系2004级本科生 　　模特签约公司：东方宾利文化发展中心她是一个简约而不简单的女孩！很多人说她象仙子，宛如纯洁无暇的美玉；也有人曾说她像虚拟世界角色，一颦一笑都很是动人。而她一直梦想化身精灵，汇聚天真、聪颖、清纯于一身！ [编辑本段]个人作品 电影 《男孩都想有辆车》 饰 小雪 导演：周伟（09年华表奖最佳儿童电影提名） 《无法结局》 饰 蓝玉 导演： 周伟（09年金鸡奖优秀数字电影奖） 《时尚先生》 饰 曾小姐 导演：乔梁 《马卓》 饰 于安朵 导演：周伟 电视剧 《张小五的春天》 饰 娜娜 《好运来临》 饰 齐小雅 《丑女无敌4》 饰 爱丽丝 《像傻瓜一样去爱吧》（原名《娱乐没有圈》） 饰 美美 《爱可以重来》 饰 林萌萌 杂志封面 《男人装》封面、《罄碧》封面、《母子健康》封面、《中外文化交流》封面、 《时尚健康》、《时尚COSMO》、《瑞丽》、《精品购物指南》、《悦己》、《风尚志》、《服装设计师》、《中国服装时报》最佳拍档、《风采》、《新锐》、《LADY》、《嘉人》、《体线》、《靓妆》、《炫色》 、《新娘》、《都市主妇》、 《I LOOK世界都市》、《今日佳丽》、《珠宝手饰》、《风尚志》、《男人志》、《玩家》、《心理月刊》、《爱女生》、《新旅行》、等。 广告 伊利“谷物多”牛奶广告、 移动通讯“小叮当”平面、 “松下”手机电视广告、 “瑞风”品牌汽车平面、 “利多威”品牌牛仔裤代言、 “欧迪尔”女鞋代言、 隐形眼镜平面广告、 “爱国者”MP4平面广告 “三利”床品07年代言， “Sang Jihee”服装平面广告， 中国联通“世界风”电视广告， 青海卫视宣传片头， 北京电视台文艺频道“舞者”宣传片头 金山软件网络游戏《春秋Q传》代言“春秋精灵” “草本真水”漱口水电视广告 “ 诗恩碧”护肤品平面广告 “麦趣尔”切脂冰菊电视广告 “周大福”珠宝电视广告 海南“博螯论坛”宣传片 “云南白药'牙膏电视广告 [编辑本段]社会活动 演出 中国国际时装周、国内外各大品牌发布等等时尚类活动。 娱乐节目 湖南卫视《快乐大本营》节目嘉宾 湖南卫视《天天向上》节目嘉宾 中央三《星光大道》节目嘉宾评委 辽宁卫视《到底是谁》节目嘉宾 旅游卫视《美丽俏佳人》节目嘉宾 安徽卫视《周日我最大》节目嘉宾 中央电视台《东方时尚》栏目嘉宾 北京电视台《老同学大联欢》栏目嘉宾 山东电视台《靓妆时尚行》节目嘉宾 北京电视台《时尚装苑》节目嘉宾 北京电视台《魅力前线》节目嘉宾 等 浙江卫视《越跳越美丽》节目嘉宾 主持 《e风尚》栏目主持人, 2005丝绸之路国际模特大赛总决赛主持人, 宾利2005中国区"欧陆飞驰FS"新车发布会主持人, 电视剧《随风飘扬》开机仪式主持人. “北大青鸟”新年文艺晚会主持人等。 北京电视台“奥运商品”特别栏目主持。 2006第六届中国职业模特大赛总决塞赛主持人。 2006时装周fashionlook节目外景主持人 湖南卫视《零点风云 电影》和何炅老师搭档主持. [编辑本段]荣誉 09年华表奖最佳儿童电影提名奖（《男孩都想有辆车》饰小雪，导演：周伟） 09年金鸡奖优秀数字电影奖《无法结局》饰蓝玉，导演：周伟） 2003第九届中国模特之星大赛 冠军 2003成都全国美少女选秀选拔大赛“美女甲天下”冠军 2003“CCTV模特大赛” 新疆赛区冠军 2002“新疆第二届国际汽车模特大赛”冠军 广告，移动通讯“小叮当”、“松下”品牌手机、“瑞风”品牌汽车、“利多威”品牌牛仔裤</t>
  </si>
  <si>
    <t xml:space="preserve">高手给看两把锤，看我用哪一把。第一把：所有相性三、力12、附加伤 </t>
  </si>
  <si>
    <t>你好。我是倚天区的全敏土。来发表一下意见吧。首先。在你的题目里，我没有看到，你在60级以前是加什么相性的。不过也就二个相性给你选择。那就说我自己吧，我是先土满后火。因为我是从一级就开始全敏，所以。心里就已经有了想法，就是不可能够砍来练级。所以我先加了土相，以法来练级。对于一个敏土来说。其实必杀并不是太重要。（因为用秒练级）所以应该选“第一把”武器，在天伤和所有相性三，对法伤还是能提高不少的。对于敏土来说。最好刷高点道行。（最少能保证封住你练功区的蜘蛛。）那样你就是一个高法功的土法师，而且能保证队伍的安全，保证你能认识很多朋友。在问道里没有朋友还是不行的。最后祝游戏愉快！</t>
  </si>
  <si>
    <t xml:space="preserve">IE浏览器反应缓慢?IE浏览器反应缓慢,是否与太多任务同时进行有 </t>
  </si>
  <si>
    <t>有以下几个原因1、同时进行的任务过多，导致cpu占用率高，因此处理任务较为缓慢，而ie相对来说占用资源比较大，就会打开缓慢2、ie被攻击，需要您及时使用修复软件修复黄山ie: 当然，对于系统配置一般的用户，不妨尝试maxthon浏览器，效果十分不错！</t>
  </si>
  <si>
    <t xml:space="preserve">如何解决脱发问题使头发再生 </t>
  </si>
  <si>
    <t>首先先说下内部调理，先把体内的毒素排出去，一般脱发很大部分的原因是由于血热造成的，所以用点冰糖白米、配合着黑米黑芝麻枸杞子之类的黑色谷物熬粥，经常使用可以改善内部环境；再说外部治疗，用老姜捣成汁然后加点清水熬汤，用姜水洗头，可以很好的改善头皮环境，能够刺激毛囊，可以促进头发再生。</t>
  </si>
  <si>
    <t xml:space="preserve">求超级屏捕专业版的注册码 </t>
  </si>
  <si>
    <t xml:space="preserve"> 超级屏捕(SuperCapture) 5.02 专业破解版超级屏捕标准版V4.31 标准版注册码用户方年注册码EPCMFCHKS-BGLQEFJML-FCMLDGJBE-QHBRJGEJWEasy CD Creator 5.02 Platinium－－s/n: G-332NB-MGJNH-ZFVPB </t>
  </si>
  <si>
    <t xml:space="preserve">国F。。。的WLK真的是不开了吗？ </t>
  </si>
  <si>
    <t>从版署的角度上说  年前是没有希望了  国家机关在元旦和春节之间基本处于冬眠状态 何况网易还不买版署帐 但是版署握有前置审批权 网易又绕不开  另外 现在国家正加强网络监管，从舆论上说也不适合wlk上线乐观估计，明年4-5月左右可以</t>
  </si>
  <si>
    <t xml:space="preserve">求助：关于前列腺炎我是一位前列腺炎患者，今年24岁。去年九月份检 </t>
  </si>
  <si>
    <t>中药治疗前列腺炎，尤其是慢性的列腺炎出于是一种慢性病症，使得祖国传统的药在其治疗中发挥了非常人的作用，而且前景让人乐观。中医一般把慢性前列腺炎分为五型进行辨证施治，这里我们做分别的介绍。湿热下注型：症见小便淋涩赤痛，少腹拘急，会阴部胀痛，尿道口摘白浊，舌苔黄腻，脉滑数。治宜清热利湿，方选八正散加减：木通7克，车前子10克，扁蓄10克，瞿麦10克，滑石20克，栀子10克，大黄6克，甘草5克。　脾虚湿盛型：症见小便流浊，面色不华，肢体困倦，不思饮食，舌淡苔白，脉虚。治宜健脾利湿、方选参苓白术散加减：党参10克，炒白术15克，茯苓24克，薏苡30克，砂仁7克，泽泻15克，当归10克，坤草30克，陈皮10克。气滞血痪型：症见小便涩滞会阴及小腹下坠胀痛，前列腺肿大坚硬，舌紫暗，脉弦涩。治宜活血化瘀、行气通络，方选少腹逐瘀汤：桃仁10克，红花10克，当归15克，小茴香6克，川楝子10克，乌药10克，赤芍12克，泽兰15克，蒲公英30克。肝肾阴虚型：症见尿道口常有白浊、会阴坠胀，腰膝酸软，潮热盗汗，舌红少苔，脉细数。治宜滋肝肾，清泄相火。方选知柏地黄汤加减：知母15克，黄柏10克，土地黄30克，泽泻15克，丹皮15克，茯苓30克，制首乌15克，黄精15克，白藤10克，丹参15克。肾阳不足型：症见小便淋涩挟精，畏寒，腰膝酸冷，阳痿，早泄，舌质淡胖，脉沉弱。治宜温肾壮阳，方选金匮肾气丸加减：制附片10克，菟丝子10克，仙灵脾10克，杜仲10克，黄精10克，当归15克，山药15克，茯苓24克。</t>
  </si>
  <si>
    <t xml:space="preserve">关于穿越火线的问题我的游戏进不去了啊，输入了密码按进入后就会出现 </t>
  </si>
  <si>
    <t>我建议重新下载,新的女王降临版,V1.8</t>
  </si>
  <si>
    <t xml:space="preserve">牙科全景X射线机的线性断层摄影功能是拍摄什么样的片子？ </t>
  </si>
  <si>
    <t xml:space="preserve">  众所周知,人的牙齿排列呈半弧形,普通X线摄片只能看到一部分的牙齿影象.而牙科全景片顾名思义可以看到全部牙齿的影象.在一张胶片上可以观察全部牙齿排列是否整齐.牙周.牙根以及上下颌骨的骨质情况.为临床诊断和治疗提供完整的资料.</t>
  </si>
  <si>
    <t xml:space="preserve">问道还会有天降祥瑞活动吗RT </t>
  </si>
  <si>
    <t>感觉不会有了 这次做的活动很失败2点开始不让上线后来还回档系统不够完善要是再开的话  怕还要出乱子</t>
  </si>
  <si>
    <t xml:space="preserve">关于送别的诗有哪些?(篇幅少点） </t>
  </si>
  <si>
    <t>1.别董大（唐·高适） 千里黄云白日曛，北风吹雁雪纷纷。 莫愁前路无知己，天下谁人不识君。 2.送元二使安西（唐代·王维） 渭城朝雨?徘岢荆蜕崆嗲嗔隆?劝君更尽一杯，西出阳关无故人。 3.送朱大入秦（唐代·孟浩然） 游人五陵去，宝剑值千金。 分手脱相赠，平生一片心。 4.芙蓉楼送辛渐（唐代·王昌龄） 寒雨连江夜入吴，平明送客楚山孤。 洛阳亲友如相问，一片冰心在玉壶。 5.送友人 (唐.李白) 青山横北郭，白水绕东城。此地一为别，孤蓬万里征。 浮云游子意，落日故人情。挥手从兹去，萧萧班马鸣。 6.饯别王十一南游（唐 刘长卿） 里君烟水阔，挥手泪沾巾。飞鸟没何处，青山空向人。 长江一帆远，落日五湖春。谁见汀洲上，相思愁白苹。 7.送友人（唐 薛涛） 水国蒹葭夜有霜，月寒山色共苍苍。 谁言千里自今夕，离梦杳如关塞长。 8.送灵澈上人（唐 刘长卿） 苍苍竹林寺，杳杳钟声晚。 荷笠带夕阳，青山独远归。 9.重送裴郎中贬吉州（唐 刘长卿） 猿啼客散暮江头，人自伤心水自流。 同作逐臣君更远，青山万里一孤舟。 10.江亭月夜送别二首（其二 ）（唐 王勃） 乱烟笼碧砌，飞月向南端。 寂寞离亭掩，江山此夜寒。 11.山中相送 （唐 王维） 山中相送罢，日暮掩柴扉。 明年春草绿，王孙归不归？ 12.送李端 （唐 卢纶） 故关衰草遍，离别自堪悲。路出寒云外，人归暮雪时。 少孤为客早，多难识君迟。掩泪空相向，风尘何处期？ 13.巴陵夜别王八员外 （唐 贾至） 柳絮飞时别洛阳，梅花发后到三湘。 世情已随浮云散，离恨空随江水长。 14.送柴侍御 （唐 王昌龄） 流水通波接五冈，送君不没有离伤。 青山一道同云雨，明月何曾是两乡。 15.送孟浩然之广陵 (唐 李白) 故人西辞黄鹤楼, 烟花三月下扬州。 孤帆远影碧空尽, 唯见长江天际流。</t>
  </si>
  <si>
    <t xml:space="preserve">灵魂宝石有什么用啊? </t>
  </si>
  <si>
    <t>灵魂宝石,是强化石头，用来强7J以上装备，10J以上武器的，上面的2位朋友9J武器用的是祝福，不要 忽悠 他人........</t>
  </si>
  <si>
    <t xml:space="preserve">扣分，能查到是谁举报的吗？ </t>
  </si>
  <si>
    <t xml:space="preserve">举报人是查不到的，我刚才查了一下，专栏至少有两个兄弟榜上有名，我也挺纳闷，该上榜的却没有上榜？虽然我没有举报谁。以下是楼主被举报内容2007-12-29 -110 作弊刷分 好单！好运！   2007-12-29 -110 作弊刷分 215追了好久了，一直没出。快出了吧   2007-12-29 -110 作弊刷分 马上就出，楼主好运！   2007-12-29 -110 作弊刷分 也许吧，呵呵～   2007-12-29 -110 作弊刷分  里面有，去看吧！   2007-12-29 -110 作弊刷分 维拉平了！楼主好运！   2007-12-29 -110 作弊刷分 果然是平局，楼主历害！   2007-12-29 -110 作弊刷分 最终是平局，楼主好运！   2007-12-29 -110 作弊刷分 呵呵，是够猛的！   2007-12-29 -110 作弊刷分 可惜了，没能如楼主所愿   2007-12-29 -110 作弊刷分 已经不错了！   2007-12-29 -110 作弊刷分 楼主这都能猜到，历害！   2007-12-29 -110 作弊刷分 最终比分4:4，楼主好运！   2007-12-29 -110 作弊刷分 03 热　刺 12-26 21:00 富勒姆 3 11 切尔西 12-29 23:00 纽卡..   2007-12-29 -110 作弊刷分 希望大于失望 。 楼主祝福你圣诞快乐 。 多多中奖   2007-12-29 -110 作弊刷分 别看现在的火箭状态低迷，但是相信大姚和麦迪能够带领火箭闯入季..   2007-12-29 -110 作弊刷分 可惜了，维拉没能赢下，不过也已经很不错了，楼主好运！   2007-12-29 -110 作弊刷分 可惜了，维拉没有赢下，不过已经很不错了！   2007-12-28 -110 作弊刷分 呵呵，也许吧！祝你好运！   2007-12-28 -110 作弊刷分 分胜负的比赛！   2007-12-28 -110 作弊刷分   里可以看，如果没有时间看，还可以看到有网友发..   2007-12-28 -110 作弊刷分 确实少了一些！楼主应该是中了吧？下期中个大的！！   2007-12-28 -110 作弊刷分 个人感觉体彩中心有问题，哈哈！！冲你的名字，这1000来块肯定看..   2007-12-28 -110 作弊刷分 肯定是平局了，呵呵～   2007-12-28 -110 作弊刷分 等着领奖金吧！   2007-12-28 -110 作弊刷分 看下半场了！ </t>
  </si>
  <si>
    <t xml:space="preserve">最后一个任务19是什么能获得什么奖励 </t>
  </si>
  <si>
    <t>第1关，非常简单跑玩城镇环道那张图就可以了，等于（送500金币）。第2关，和第一关差不多只是限制了时间，这图不用漂移就抓地过去就可以了。也等于（送个30天得车牌）第3关，和黑妞比赛，赢了她就OK了，稍微漂辆下喷辆下就可以了（20气球轻松得到）第4关，在规定时间内官方冰雪企鹅岛那张图就可以了不用漂移抓地就可以过，（轻松得到200经验）第5关，和胖敦对抗一次，和黑妞比赛差不多，赢了他就可以（得到个热狗手棒7天的）第6关，规定时间内完成森林木桶非常容易，稍微漂几下就过了（等于送20道具换位卡）第7关，在规定时间内完成也就是跑到蓝蓝那就可以了，稍微注意下就能得到（螺丝气球20个）第8关，按F5进入多人进行10次比赛就可以得到（600金币了）注意千万不能按菜单上的进入多人游戏。第9关，这次是和小强进行一次比赛，赢他就可以了。轻松得到（400经验）第10关，可以选择的都是气球而已，看你喜欢那种了，两个只能得到一个哦完成比赛就能（得到气球30个）第11关，也是在多人游戏房间里进行比赛但是你必须驾驶距离要40.0KM/以上才可以完成如果你不懂就一直跑总会完成的，然后获得（1000金币）和第八关相同的是，不能按菜单上的进入多人游戏。第12关，这次换蓝蓝了，和他对决一次沙漠市场地图简单抓地都过的了轻松获得（500经验^^）第13关，在规定的时间内完成沙漠绿洲这张地图，地图简单很容易就过去了然后得到（手杖15天的）第14关，这次是和葱头对决了，为什么不叫蒜头呢^ ^完成后送个车牌（100天的冰河赛道车牌）第15关，和第8关差不多也是在多人游戏房间里进行10比赛就可以了。注意千万不能按菜单上的进入多人游戏。第16关，又点难，细心点，不要漂移，必要的地方减速下就可以过去了慢慢来完成后就能得到（救护车头饰15天的）第17关，在规定时间内完成森林发夹，如果漂移不怎么会的就多抓地就能过去了给的时间是足够的，完成后（送经验600）第18关，也是在多人游戏房间里进行10场比赛注意比赛在4人以上的房间才算数，完成后会得到（2500金币）。第19关，跑完森林发夹，赢得第一名就可以了，很容易就过去了，然后获得，（防尘眼睛一个）。你做完全部任务会得到一吧钥匙别丢掉,以后还有剧情任务有用的.</t>
  </si>
  <si>
    <t xml:space="preserve">月经后2天同房，会不会怀孕呢？ </t>
  </si>
  <si>
    <t>一般不会,"前7后8"一般不怀孕(是指月经前7天,从来月经那天开始算后面8天)</t>
  </si>
  <si>
    <t xml:space="preserve">寻求一首英文歌曲,只要一首，要是谁写多的话，一律不会得到奖分的，? </t>
  </si>
  <si>
    <t>修连恩---《布列瑟农》Here I stand in Bressanone with the stars up in the sky  Are they shining over Brenner  and upon the other side you would be a sweet surrender  I must go the other way  And my train will carry me onward though my heart would surdly stay  Wo my heart would surely stay  Mow the clouds are flying by me  and the moon is the rise I have left stars behind me  they were disamondsin your skies  You would be a sweet surrender  I must go the other way  And my train will carry me onward though my heart would surely stay  Wo my heart would surely stay  我站在布列瑟侬的星空下  而星星，也在天的另一边照着布列勒。  请你温柔的放手，因我必须远走。  虽然，火车将带走我的人，但我的心，却不会片刻相离。  哦，我的心不会片刻相离。  看着身边白云浮掠，日落月升。  我将星辰抛在身后，让他们点亮你的天空 几年来我一直都最喜欢听这首歌！百听不厌！！！</t>
  </si>
  <si>
    <t xml:space="preserve">代缴税费我司替A公司缴纳税费50000元，现A公司将税费还给我司 </t>
  </si>
  <si>
    <t>你代缴时应该是借：其他应收款（或应收账款）    贷：银行存款现在收回时做相反分录即可。</t>
  </si>
  <si>
    <t xml:space="preserve">魔兽人族VS人族时怎么对付敌人大量的狮鹫？我用破法和男女巫火枪手? </t>
  </si>
  <si>
    <t>1.对手比你强很多，特别是在战略上，他用三本兵种对抗你的二级兵种，你必败无疑。2.人族内战科技很重要，对手这么多三本兵种，你怎么还用二本兵种？3.人族内战不出火枪，铁匠铺可以缓放。火枪会被顶盾步兵克死，后期被骑士肆虐。前期只需要大量步兵，中期双神秘圣地出牧师（后期升大师级使用心灵之火），后期放鸟笼出狮鹫，同时暴骑士。4.如果对手出女巫（高手不会）你才可以出破法对抗，否则在内战中没有必要出破法，因为后期骑士是破法的克星。5.在losttemple上首发大法速矿，二发山丘，三发圣骑士。6.不要把星际的思想放到魔兽中，魔兽中科技和英雄等级是决定性的，数量是次要的。7.如果对手出大量狮鹫，你可以出一定数量的龙鹰用枷锁技能锁</t>
  </si>
  <si>
    <t>请批批24期14场单01乌迪内(06)03</t>
  </si>
  <si>
    <t>01 乌迪内03-30佛罗伦31---0    我的稳胆!!!!!</t>
  </si>
  <si>
    <t xml:space="preserve">文件夹属性中的隐藏变灰色什么原因电脑中毒了,用瑞星杀了之后就成隐 </t>
  </si>
  <si>
    <t>安全模式下试试运行这个命令attrib  f -s -h</t>
  </si>
  <si>
    <t xml:space="preserve">请问30岁的女人怀孕前,有哪些准备工作?如想在年底怀孕,从9月起 </t>
  </si>
  <si>
    <t>大龄产妇怀孕前的准备工作和普通的孕妇是一样的：　　■生理准备　　1.停服避孕药一般来说，停服避孕药6个月后怀孕才好。停药后的6个月内，尽管体内药物浓度已不能产生避孕作用，但对胎儿仍有不良影响。如果停了避孕药就怀孕，将会造成小宝宝的某些缺陷。　　2.戒绝烟酒夫妇双方或一方烟酒过度，对胎儿危害极大。这其中的危害不再赘述，大龄准妈妈尤其要保持良好的习惯。　　3.合理膳食选择含有优质蛋白质的豆类、蛋类、鱼类食品及含碘丰富的食品。多吃绿叶蔬菜、水果和粗粮，这些食物中叶酸和维生素含量都很高。孕前3个月开始服用专门针对孕妇特殊需要而研制的微量营养素。叶酸是有效预防新生儿神经管畸形的水溶性维生素，既有抗贫血的性能又有利于提高胎儿的智力。　　■心理准备　　计划怀孕之前，夫妇双方应做好心理准备，要创造和谐的心理环境。调节心理平衡，善于安排适宜的生活节律，以消除容易导致心理失调的因素。夫妻间都应该加大相互间的容忍度，保持夫妇间和谐的状态，达到良好的心理平衡状态。　　■孕前医疗检查　　大龄准妈妈孕前要对自己身体各部如：心、肝、肾等做一次全面的检查。想做大龄妈妈，最重要的是了解自己的卵巢功能，把握身体机能衰退前的最佳时间怀孕。　　■全面准备迎接健康宝宝　　随着社会的进步，越来越多的女性成为职业女性。有部分女性的工作环境中有害因素会影响女性的生殖机能，进而影响胎儿的生长发育，而环境有害物质对人体的影响可达一年以上。因此，在此类环境中工作的妇女即使离开这类岗位也不宜马上受孕，应该在打算怀孕前一年调换工作岗位。长时间在电脑前工作的职业妇女可以选择液晶显示器。　　第二步　　孕期悉心呵护　　对于大龄产妇来说，最大的问题是优生优育。大龄产妇面临流产、难产发生率增高以及妊娠高血压等疾病威胁。因此女人怀孕不宜太晚，生育的最佳年龄应该是25岁到30岁之间。　　■卵子老化带来系列问题　　一个女人出生的时候就注定了她身体内有多少卵子，因为女性的原始生殖细胞在胎儿期就已经形成。理论上讲，卵子每月发育一个，如果没有怀孕就会出现月经。而卵子生存的时间越长，怀孕时间越晚，卵子受环境和污染等不良因素影响、遭到破坏的机会就越大，质量也就得不到保障，容易出现各种问题。而且随着年龄增加，卵巢功能也开始衰老蜕变，这些因素都容易发生卵子染色体老化，最终导致畸胎的发生率增高。另外，卵子结构异常还可能使宝宝出现出生缺陷、智力发育迟缓等问题，严重的还会导致流产。　　医学研究还表明，孕妇年龄愈大，将来孩子患唐氏综合征的比例也会增加。唐氏综合征又称先天愚型，是我国发生率最高的出生缺陷之一。患有唐氏综合征的孩子除了智力低下外，还会伴有其他畸形，比如：先天性心脏病、消化管畸形，许多病人在成年前还会出现白内障、精神异常等。据统计，患唐氏综合征的患者平均存活年龄只有20岁至30岁。　　■高血压糖尿病频扰　　年龄增大，孕妇出现妊娠合并症的机会增多，最常见的妊娠合并症有妊娠期糖尿病、高血压等。有的孕妇只是在怀孕期间出现糖尿病，而产后自然就恢复了。不过糖尿病和高血压对胎儿的成长不利，如糖尿病如果不能尽早控制，将来新生儿就会出现合并症，如肺发育不良、低血糖等。因此大龄产妇一定要认真做产前检查，如果发现有糖尿病要及时治疗。而通过摄入适量的钙，可以防止妊娠高血压的出现。　　■妊娠早期要做产前筛查　　大龄产妇在妊娠早期、中期，也就是怀孕的前20周，一定要到专业的产前诊断中心做产前筛查，即胎儿染色体核型分析等，可以在怀孕11到13周时做绒毛活析，或是在怀孕15到20周做羊膜腔穿刺取羊水进行检查。　　据了解，目前在北京协和医院、北京妇产医院和北京大学第三医院都有产前诊断中心。研究发现，大龄产妇的宝宝发生出生缺陷的比率比正常的产妇要高，而产前筛查可以帮助大龄产妇及时发现高危因素，如染色体异常以及遗传性疾病等，这些高危因素会随着产妇年龄的增大而增加。而且，这些产前诊断中心还能为大龄产妇提供专业的指导。　　第三步　　产前住院待产　　由于大龄孕妇可能面临骨盆比较坚硬、韧带和软产道组织弹性较小、子宫收缩力相应减弱等问题，难产的发生率高，还可能造成胎儿产伤和窒息。　　提醒：大龄产妇定期做产前检查很重要，一定要一丝不苟，严格遵医嘱。此外，最好要比其他产妇提前住院进行观察。一般来说，大龄产妇最好在怀孕38周就住院待产。　　第四步　　产后要勤锻炼　　一般来说，大龄产妇产后恢复和正常产妇没有区别。由于内分泌的改变，产后出现体重增加也是正常现象。为避免产后肥胖，产后要注意多锻炼尤其是子宫收缩锻炼，同时避免摄入过多食品，以免发生肥胖。在情绪上，要不急不躁不忧郁，保持平和的心态，每天要保证充足的睡眠。多吃一些能增加营养，帮助消化，补充维生素和矿物质的水果蔬菜。　　怀孕课堂　　夏秋季怀孕最佳　　从优生优育角度考虑，什么季节怀孕也有一定讲究。虽然一年四季都可以结婚，季季均能怀孕，但相比而言，冬、春季怀孕没有夏、秋季好。这是因为冬季室内外空气污染比较严重，春季容易患病毒性疾病。这两种情况均对早期胚胎不利。　　夏、秋季怀孕到3个月时，正值秋末冬初。这时，天气凉爽，身体舒适，同时孕妇已经过了妊娠反应期，食欲增加，加上这个季节的蔬菜、水果充裕，这对保证孕妇营养和胎儿大脑发育十分有利。到了临产期，又正好是春末夏初，天气温和，副食品供应丰富，这又为产妇增加营养，顺利地度过产褥期，使身体尽快得到康复。这个季节婴儿穿着单薄，便于护理。等到婴儿渐渐长大需要大量添加辅食时，已进入冬令时节，可避免夏天肠道传染病流行高峰。到了断奶时，已是春暖花开，丰富的新鲜蔬菜又不断上市，有利于孩子的身体健康和智力发育。医学界普遍认为，春末夏初出生的婴儿体质好，不易患病</t>
  </si>
  <si>
    <t xml:space="preserve">为什么有些文件夹是空的但却删不掉？比如C:\ProgramFil </t>
  </si>
  <si>
    <t>直说了吧！！看了前面高手说的！！    也许你没有在意有些文件是不能删除的！！这是系统给的！！不过你还得去试试下面方法！！1进入“安全模式删除”。2，在纯DOS命令行下使用DEL，DELTREE和RD命令将其删除。3，如果是文件夹中有比较多的子目录或文件而导致无法删除，可先删除该文件夹中的子目录和文件，再删除文件夹。4，在任务管理器中结束Explorer.exe进程，然后在命令提示符窗口删除文件。5，如果你有安装ACDSee，FlashFXP，Nero，Total这几个软件，可以尝试在这几个软件中删除文件夹。   以上都不能的话！！反正是空的夹不删也摆！！没有问题的！！呵呵~~~</t>
  </si>
  <si>
    <t xml:space="preserve">长了牙的大蒜有毒吗?急 </t>
  </si>
  <si>
    <t xml:space="preserve">大蒜是大众喜爱的健康食品，常被用作调味品。大蒜中含有对人体有益的微量元素和维生素C，有一定的营养和保健作用。大蒜富含大蒜素，具有抑制细菌和消毒的作用。而且，大蒜除了具有人们早已熟知的抗微生物作用外，在抗高血压、抗血栓、抗癌、抗衰老等方面也有重要的作用。 日常中，很多人买大蒜籽的时候常常会买得多点，可是买回家的大蒜籽有的时候放几天就会长出芽来，马铃薯发芽有毒不能吃许多人都知道，可是一直不知道发芽的大蒜籽能不能食用？植物生长发育过程中遇到不良环境条件时，有的会暂时停止生长，这种现象称作休眠。如芽、鳞茎、块茎类蔬菜发育成熟后，体内积累了大量营养物质，原生质发生变化，代谢水平降低，生长停止，水分蒸腾减少，呼吸作用减缓，一切生命活动都进入相对静止的状态，以便增加对不良环境的抵抗能力。有休眠期的蔬菜一出休眠期，遇到合适的生长环境就会发芽，使其块茎重量减轻，品质下降，如马铃薯的休眠期一过开始发芽，不仅薯块表面皱缩，而且产生一种生物碱，食用时对人体有害；洋葱、大蒜籽和生姜发芽后肉质会变空、变干，大蒜籽收获以后，休眠期一般为2~3个月。休眠期过后，在适宜的气温下，大蒜籽便会迅速发芽、长叶，消耗茎中的营养物质，导致鳞茎萎缩、干瘪，食用价值大大降低，甚至腐烂。所以说，发芽了的大蒜籽，虽然可以吃，但因其营养消耗，食用价值会大打折扣。 此外，休眠期的长短在同种类蔬菜的不同品种间也存在着差异。温度是控制休眠的重要因素，高温干燥对马铃薯、大蒜和洋葱的休眠有利，低温对板栗的休眠有利。 因此，我们应当利用蔬菜的休眠期，并创造条件延长休眠期，以便达到延长贮藏的目的。家庭保存办法很简单，只要将大蒜籽装在塑料袋里，再把塑料袋口封严就可以了。因为这样可使袋内大蒜籽释放出的二氧化碳散发不出去，相对减少了袋内的氧气，同时也阻隔了水分的进入，从而使大蒜籽处于适宜休眠的状态。如果能够再放到冰箱里面，在低温的环境下，能够保存得更久。参考文献资料： </t>
  </si>
  <si>
    <t xml:space="preserve">有什么丰胸产品只对胸部有效果而不会影响到体重？也就是丰胸不增肥的? </t>
  </si>
  <si>
    <t>了解下丰韵口香糖啊，还不知道这个产品啊？我告诉你啊，这个丰）韵）搭）档的丰胸组合是信誉很好的产品，效果就能说服人的，要是丰胸就要试试的！！</t>
  </si>
  <si>
    <t xml:space="preserve">竖排4个轮子的溜冰鞋有专业名称吗? </t>
  </si>
  <si>
    <t>有啊叫直排溜冰鞋</t>
  </si>
  <si>
    <t xml:space="preserve">神族是不是只能恢复护甲值而不能恢复生命值 </t>
  </si>
  <si>
    <t>当然了，盔甲电池只能加电浆护盾，正血就不行了，当然用黑暗执政官可以控制护士，不过也只能给非机械单位治疗。（SCV不能维修神族，虫族建筑与机械单位）</t>
  </si>
  <si>
    <t xml:space="preserve">为什么我的新浪微博条数和实际的不一样0分 </t>
  </si>
  <si>
    <t>应该是你之前转发过别人的微博，如果别人删除了这个微博，你这边就只剩数字了，如果对您有帮助，给我的答案一个好评哦，亲，谢谢（请进入应用“微问”里查看自己提出的问题并给出好评）</t>
  </si>
  <si>
    <t xml:space="preserve">3月1号去广州旅游，对于穿着我要怎么搭配衣服比较时尚，比较舒适呢? </t>
  </si>
  <si>
    <t>大概就牛仔裤然后再穿两件到三件衣服就够了</t>
  </si>
  <si>
    <t xml:space="preserve">如何正确认识和处理理性非理性因素论文。要求3000字...看这个 </t>
  </si>
  <si>
    <t xml:space="preserve">正确认识人类认识过程中的非理性因素 </t>
  </si>
  <si>
    <t xml:space="preserve">怎么修改我的身份证号码我注册街头篮球的身份证号码是乱填的现在想改 </t>
  </si>
  <si>
    <t xml:space="preserve">身份证好像不可以改了吧当时申请帐号的时候填的什么就是什么了 </t>
  </si>
  <si>
    <t xml:space="preserve">离合器都有什么作用？操作上有什么技巧。 </t>
  </si>
  <si>
    <t>离合器的作用　　1、保证平稳起步 　　这是离合器的首要功能。在汽车起步前，自然要先起动发动机。而汽车起步时，汽车是从完全静止的状态逐步加速的。如果传动系（它联系着整个汽车）与发动机刚性地联系，则变速器一挂上档，汽车将突然向前冲一下，但并不能起步。这是因为汽车从静止到前冲时，产生很大惯性力，对发动机造成很大地阻力矩。在这惯性阻力矩作用下，发动机在瞬时间转速急剧下降到最低稳定转速（一般300-500RPM）以下，发动机即熄火而不能工作，当然汽车也不能起步。 　　因此，我们就需要离合器的帮助了。在发动机起动后，汽车起步之前，驾驶员先踩下离合器踏板，将离合器分离，使发动机和传动系脱开，再将变速器挂上档，然后逐渐松开离合器踏板，使离合器逐渐接合。在接合过程中，发动机所受阻力矩逐渐增大，故应同时逐渐踩下加速踏板，即逐步增加对发动机的燃料供给量，使发动机的转速始终保持在最低稳定转速上，而不致熄火。同时，由于离合器的接合紧密程度逐渐增大，发动机经传动系传给驱动车轮的转矩便逐渐增加，到牵引力足以克服起步阻力时，汽车即从静止开始运动并逐步加速2、保证传动系换档时工作平顺 　　2、实现平顺的换档 　　在汽车行驶过程中，为适应不断变化的行驶条件，传动系经常要更换不同档位工作。实现齿轮式变速器的换档，一般是拨动齿轮或其他挂档机构，使原用档位的某一齿轮副推出传动，再使另一档位的齿轮副进入工作。在换档前必须踩下离合器踏板，中断动力传动，便于使原档位的啮合副脱开，同时使新档位啮合副的啮合部位的速度逐步趋向同步，这样进入啮合时的冲击可以大大的减小，实现平顺的换档。 　　3、防止传动系过载 　　当汽车进行紧急制动时，若没有离合器，则发动机将因和传动系刚性连接而急剧降低转速，因而其中所有运动件将产生很大的惯性力矩（其数值可能大大超过发动机正常工作时所发出的最大扭距），对传动系造成超过其承载能力的载荷，而使机件损坏。有了离合器，便可以依靠离合器主动部分和从动部分之间可能产生的相对运动以消除这一危险。因此，我们需要离合器来限制传动系所承受的最大扭距，保证安全。　　离合器可分为:摩擦离合器，或是利用液体作为传动的介质（即液力偶合器），或是利用磁力传动（即电磁离合器)</t>
  </si>
  <si>
    <t xml:space="preserve">阴毛多如何永去除?我老婆每次和我口交,都说我阴毛太多及长.要我自 </t>
  </si>
  <si>
    <t>褪毛霜或褪毛膏的方法最可靠了，同时方便一劳永逸；褪毛霜分面部用，身体表面用，腿部用，腋下和阴部用；还分为暂时褪毛，短期褪毛，中期褪毛，永久褪毛几种；购买时注意使用方法；你用阴部永久褪毛品即可；进口的125克的 165 元左右，180克的200元左右，牌子不说了过几天也可以补充；我这样说行吗？我自己用还指导舞蹈比赛的青年演员用。</t>
  </si>
  <si>
    <t xml:space="preserve">孕妇能吃乳清蛋白粉么？ </t>
  </si>
  <si>
    <t>孕期蛋白质食用量每天应该100克，食用鱼肉豆蛋奶可以提供蛋白质的，但是基本上量都不足100克。所以额外补充蛋白质是必要的，乳清蛋白是牛奶提炼的营养品，应该可以适量食用。另外孕期要补充铁和叶酸，其他维生素和矿物质也要额外补充，请咨询当地营养师。</t>
  </si>
  <si>
    <t xml:space="preserve">追女孩的绝招我喜欢一个女孩，向她表白，她说大学期间不想谈恋爱拒绝 </t>
  </si>
  <si>
    <t xml:space="preserve">追女孩的第一要决是心要诚,心不诚只能给自己和她人造成苦果.第二是不要太勉强.第三才是要巧.一般不能直露露的第一次约会就来句我爱你---美眉会吓晕的...追不同类型的女孩手段是不一样的: 1沉默高傲型的女孩 2浪漫幻想型的女孩 3温柔体贴型的女孩 4活泼可爱型女孩 5敏感型女孩 6比自己大的女孩 1这种女孩多得很,朋友们经常遇到.咋一下似乎颇为棘手.其实这种女孩外表冷漠,内心往往狂热,她们一般喜欢比较野一点的男孩.如果你是那种文质彬彬的男孩,相貌又不佳,可能性比较小,还是另择佳人的好.如果别人对你的评价是好酷噢!, 那你就希望大大的了!如果你第一次请没有被拒绝,那你可一定不要耽误良机欧!她们开始可能对你极其不肖一顾.这时你千万不要气馁.一定要坚持,甚至死皮赖脸.请看,请跳舞,请溜冰,到她经常去的自习室,都是好计策.一定要多找机会表达自己,多多多(当然I love you还是要留到最后说的,呵呵)...对这种类型的女孩,你的真情外露是很有吸引力的.这种女孩一般追的时间需要比较长.如果你现在马上要毕业或离开学校,看来还是不下手的好.以免浪费...呵呵.不过追到手后,她一般会死心蹋地,你将飘飘然以为自己是世界上最幸福的人了!哈哈. 2若你真的喜欢上了这样的一位女孩,我先提醒你----你要尝尽酸甜苦辣了!这种女孩似乎对精神的追求多于对物质的,其实恰恰相反.浪漫是需要金钱来营造的.你若没有足够的财力,我希望你还是再谨慎考虑一下.由于她很喜欢风花雪月,鲜花巧克力,你多送礼物最能拨动她的心弦.要想把这种女孩追到手,千万不要吝啬你的小钱.天上除了月亮,地上除了...(什么?我想不起来了,//shy)只要她想要,你都要毫不犹豫地去尽力弄到.而平时的玫瑰,零食,更是细微处见精神...总之若想追这样的女孩,平时一定要多多培养读懂女孩心思的能力.对女孩身边的室友同学,别忘了多多贿赂.她们会告诉你好多有用的信息的.而你自己的打扮则千万要多多琢磨,不要整天土里土气的.(追到女孩后,你就可以放心的露出本来面目了,因为在她眼里你已经不土了.哈哈)找她玩呢也要多到浪漫的地方去,比如春游,舞会,看爱情故事片...她慢慢的就会离不开你的关心照顾了,哈哈!这样的女孩虽然很费你的money,但是也会给你带来很多美丽的乐趣,只要你真正喜欢,你们还是能过上幸福美满的生活的. 3这种女孩是付出型的.她一旦成了你的GF,将对你体贴照顾,温柔可亲,使你感觉到爱情的温暖和可靠.能追到这种女孩,理论上你将成为过得最自在的男人.首先你要对她多多关心照顾.并不需要什么物质,而是需要一种出自内心的关心；当然你如果是浪漫的人,在节日送送鲜花礼物是万无一失的.一开始可以送一些友情性质的东东,等到你觉得可以表达的时候,就可以送玫瑰了!若你不打算这么铺张,可以在平日的闲聊中流露一些,等到时机成熟,就突然来一句和你在一起感觉真好之类的,她若不是躲避,你就可以趁热打铁,说出那句你早就想说的话.时间最好选在晚上:夜里人的防范能力较弱.若她开始躲避,千万不要逼迫,可以再默默关心,一直到她感动为止.BTW:若平时你和她接触机会不多,在她不认识你的时候就已经瞄上她了,就可以通过你和她共同的朋友,装作偶然认识,再通过几次偶遇来加深印象,然后就可以开始了.不要以为这种女孩老实,追到后就很安全了.其实这要看个人,有些女孩你一旦分手超过一定时间,有人又向她献殷勤,你可要小心罗.最好是不要让她超常时间的离开你,真不成,则要勤写信,打电话. 4这种女孩好象喜欢的人挺多的.而且在新环境里经常是最先有BF的.倒不是因为她们好追,而是她们经常要在主动位置上.若她也喜欢你,那就容易得很了,多多和她接触,再偶尔也表示一下对她好感,她就和你同步向目标走近了.若她不喜欢你(更糟糕的是,她竟喜欢上另外一个人),也不要灰心.只要你还有机会,就要去争取(当然你对她只是一般,就不必了).你可以和她先以友谊的型式存在,争取能培养和她有共同的爱好.而在这期间,你的幽默,豁达是很重要的,让她在回去的路上还想着你.若她喜欢的人对她并不感什么兴趣,那你就可以慢慢来,一直到她对你比对那个他还主动为止.这时你就可以采取明显的策略,让她真心地成为你的GF.若她和他互相喜欢,如果你觉得她值得你担当夺人所爱的罪名的话,在他们未互相倾吐之前,完全还可以来个最后一击.此时,机会很是重要.你要细心观察,在他俩闹矛盾,有误会的时候,乘虚而入(好象不太...哈哈),来个捷足先登,胜利最后将有可能属于你!(一般女孩追到手后不太会有别的想法的,哈哈)这种女孩有BF后可能还会有不知情者喜欢,你要适时通知:拜托!她已属于我!,结果应该是比较乐观的. 5这种女孩的典型特征是感情外露,想哭就哭,爱笑就笑,经常让人感觉有点荒唐.这种女孩也有人追,oldfriend未免感到好奇怪,可是听说爱情往往是盲目的.等到oldfriend看到周遭朋友的情感经历后,更理解这句话的内涵了.疯狂型女孩象一匹野马,你若自觉没有足够的能力去驾奴它,就不用考虑什么追的问题了,另择吧.若你自我感觉良好,那倒可以一试.首先你要给她造成一个你很牛的印象(管他是T还是F呢,哈哈),让她好好崇拜你.追之前你最好总结一下自己的专长,并设计显示的时间,让她不知不觉就对你仰视起来.等到有了这个良好的开头后,你就可以展开全面的进攻了.你完全不必奴颜什么膝,只要多和她约几次会(可以挑选一个比你不帅并不强的朋友护驾,哈哈),多展示你的风采,她的心就会慢慢向你靠拢.不要马上把她追到手,否则来得快,去得也快.你应该预擒故纵,让她自投罗网.你的任务是创造尽可能多的机会来接触和显示你自己的才能.等到她的心完全服你的时候再慢慢挑明---哦,原来你也喜欢她.哈哈! 6喜欢的女孩比自己大,是常遇到的问题.而女比男大,更是情侣的优良传统.对于刚入情场的新手,遇到这种情况大可不必惊慌.勇往直前就是也!不过在追求的过程中一定要注意以下几点: a: 千万不要一付小男孩样儿.即使真正成熟的女性,内心也希望自己是被宠而不是宠人者.在遇到困难或问题的时候,一定要一马当先,可别要她来保护你喔.自己的主观判断能力是很重要的,不要在你心仪的女孩面前表现得人云亦云. b: 我心理年龄比你大应该成为她有想法时你的口头禅.让她感觉这个确实比生理年龄更实在. c: 自己内心切不可有她比我大的想法.而追她时更要忘记这一点. 本人一直根据以下几点从各位前辈手中搜集的经验来追女孩，现写出以共各位朋友参考： 1. 脸皮厚：这一点是非常重要的，陈小春在古惑仔这部影片里说过一句话：一个男人如果脸皮够厚的话，那么他追女孩就已经成功了一半。嘿嘿！！后来本人百试百灵。 2.痴情：你不管再委屈都要表现的没有关系，而且你要在一个特殊的场合找一个机会对她说：“XXX（人名）我知道你不喜欢我，我也知道感情是不可以勉强的，但是，...（记住：这时你的眼神一定要温柔到顶点，然后你深情的望着她）说到：你并不能阻止我去喜欢你，我去爱你。我求你不要把我当成你的负担，你进可能的去过你自己的生活，我只希望..只是一个小小的希望（眼睛一定要湿湿的）你能让我陪伴在你的身旁照顾你、保护你..哪怕......哪怕（眼泪、这时需要眼泪，而且要非常艰难的说出）把我当成哥哥、弟弟、任何人都无所为，只要不让我离开你，（哭，一定要哭，能表现多伤心就多伤心）就够了，够了..........（喃喃自语）在这一点上记住千万不要对女孩说什么我的生命是你的，没有你我也活不了之类的话，女孩子最讨厌一个男孩子在她面前要死要活的没出息。 3.嘴甜、舌滑：在这点上我没办法教各位，只能靠各位自己。在这一点上我提醒一下：不管她穿什么衣服，化什么妆只要问了你，你就一定要说“好看”，而且还要添油加醋的大吹一翻，女孩子天生都喜欢被吹捧的。 4.稳重：这点是和第三点两者兼容的缺一不可的，少了稳重女孩子会说你是个花花公子，少了嘴甜、舌滑女孩子会说你不懂情趣。哈哈！ 5.浪漫：这点上也要靠各位自己了，选择恰当的时间给她一个惊喜就够了，在这招上有钱的大大可就沾光了，一定不要怕花钱。 6.细心：不管任何事首先要替她着想，（不要想着自己会吃亏呀..之类的）把她照顾的无微不至，你一定要让她有一种离不开你的感觉。 7总结：如果以上几点你都学会了的话，我感说一句“没有你追不到的女孩”（这句话不包括样貌差距太大，比如：男方自己长的向乌龟，女方长的象天仙），总而言之一个字“心”，用心去体会她之所想，她之所思。最后，愿天下有情人衷成眷属。 </t>
  </si>
  <si>
    <t xml:space="preserve">硬盘打不开了我的电脑C、D、E、F、G盘都打不开了，只弹出一个对 </t>
  </si>
  <si>
    <t>中毒了,杀毒后.用右键可以打开磁盘,右键-打开.如果想彻底改过来,很麻烦,要改注册表HKEY_CLASSES_ROOT\Drive\shell\open\command 建立值为%SystemRoot%\Explorer.exe ,主要是为磁盘建立关联程序,如果嫌麻烦,可以打开文件夹选项-文件类型,找到 驱动器 ,点高级 -新建 ,加 open,值为%SystemRoot%\Explorer.exe,只是一写入不能更改了,要改还得注册表.</t>
  </si>
  <si>
    <t xml:space="preserve">我从微软的WindowsUpdate下载xp安全更新程序后系统就? </t>
  </si>
  <si>
    <t>盗版的不要更新呀，不重做系统很难了</t>
  </si>
  <si>
    <t xml:space="preserve">纳格兰竞技场任务问题请问纳格兰竞技场的起始任务在哪里接的,需要满 </t>
  </si>
  <si>
    <t>在北边的嘲颅废墟的边上,去了就能看见,任务的最低级数是65,必须65以上才能接的.....</t>
  </si>
  <si>
    <t xml:space="preserve">我的坦克怎么速度慢啊~我的坦克速度慢~大麦开的，除了换猫猫没其他 </t>
  </si>
  <si>
    <t>那要看你开的是什么坦克了! 你要是轻坦克肯定快!!不换宠物也快!</t>
  </si>
  <si>
    <t xml:space="preserve">要想演奏好一首曲子,需要练习多少遍?一些著名的演奏家,他们演奏好 </t>
  </si>
  <si>
    <t>别人说练50遍你信吗？那考上大学应该看多少遍书呢？这是要看你的基本功和悟性的，基本功好，简单的曲子一便就好，难些的多练几次也就好了。基本功差，简单的曲子也要多下功夫才能弹好。悟性也是这个道理啊什么时候得到大家的认可，自己也认为满意才算数！</t>
  </si>
  <si>
    <t xml:space="preserve">问道高手进啊~~~~电脑高手。。。。。我玩问道发生这个情况吧知道 </t>
  </si>
  <si>
    <t>这个问题我也遇到过，打开游戏界面很慢是吧。有几种方法你可以试一下1；用360安全卫士修复一下2还有个最直接的方法也是最管用的，把问道删了，重新解压3打开浏览器的工具选项，点击IE选项--高级--浏览里的禁止脚本调试前画勾。</t>
  </si>
  <si>
    <t xml:space="preserve">急！我想知道宝宝什么时候出生？我的YJ是10月25号来的，在08 </t>
  </si>
  <si>
    <t>预产期计算方法是末次月经的月份加9或减3，日期加7.你的预产期应该是09年的8月2号。保持好心情！</t>
  </si>
  <si>
    <t xml:space="preserve">急!超级身份验证码忘了咋办?!!我的号密保卡掉了..想找回但是叫 </t>
  </si>
  <si>
    <t>如果你是早先注?缘馁~?,是?]有超?身份?證的,那?拥脑?你可直接用的注?缘纳矸葑C?+?陀〖フ一?如果你是后?斫ǖ奶?,那???r候有要求你填超??證了,但是你現在忘了,也可以發送你注?再~??r的身份證?,??是可以解?Q的,因?槌??證只是用?碜C明身份的一???碼,身份證就足可以證明了</t>
  </si>
  <si>
    <t xml:space="preserve">古今中外，有许多关于人生的名言名句。请写出三句并标出作者。1）_? </t>
  </si>
  <si>
    <t xml:space="preserve">1,人的生命，似洪水奔流，不遇着岛屿和暗礁，难以激 起美丽的浪花。 ----------奥斯特洛夫斯基  现实是此岸，理想是彼岸，中间隔着湍急的河流，行动则是架在河上的桥梁。  ---克雷洛夫  人的价值是由自己决定的。  ---卢梭  燧石受到的敲打越厉害，发出的光就越灿烂。  ---马克思  正如恶劣的品质可以在幸运中暴露一样，最美好的品质也是在厄运中被显示的。  ---培根  生命是一条美丽而曲折的幽径，路旁有妍花的丽蝶，累累的美果，但我们很少去停留观赏，或咀嚼它，只一心一意地渴望赶到我们幻想中更加美丽的豁然开朗的大道。然而在前进的程途中，却逐渐树影凄凉，花蝶匿迹，果实无存，最后终于发觉到达一个荒漠。  ---萨拉  人生最终的价值在于觉醒和思考的能力，而不只在于生存。  ---亚里斯多德  在命运的颠沛中，最可以看出人们的气节。  ---莎士比亚  人生是各种不同的变故、循环不已的痛苦和欢乐组成的。那种永远不变的蓝天只存在于心灵中间，向现实的人生去要求未免是奢望。  ---巴尔扎克  勤劳远比黄金可贵  ---萨迪  自己活着，就是为了使别人活得更美好。    ——雷锋  谁要是人生，他就一事无成；谁不能主宰自己，永远是一个奴隶。  ——歌德  希望是附丽于存在的，有存在，便有希望，有希望 ，便是光明。  ——鲁迅  人间没有永恒的夜晚，世界没有永恒的冬天。  ——艾青  过去属于死神，未来属于你自己。  ——雪莱  冬天已经到来，春天还会远吗？  ——雪莱  假如生活欺骗了你，不要忧郁，也不要愤慨！不顺心的时候暂且容忍：相信吧，快乐的日子就会到来。  ——普希金  宿命论是那些缺乏意志力的弱者的借口。  ——罗曼· 罗兰  世界上有两种人，一种人，虚度年华；另一种人，过着有意义的生活。在第一种人的眼里，生活就是一场睡眠，如果在他看来，是睡在既温暖又柔和的床铺上，那他便十分心满意足了；在第二种人眼里，可以说，生活就是建立功绩……人就在完成这个功绩中享到自己的幸福。    ——别林斯基  如果我曾经或多或少地激励了一些人的,努力,我们的工作,曾经或多或少或少地扩展了人类的理解范围,因而给这个世界增添了一分欢乐,那我也就感到满足了.  _______爱迪生  一个人的价值,应当看他贡献什么,而不应当看他取得什么.  ______爱因斯坦  对于我来说,生命的意义在于设身处地替人着想,忧他人之忧,乐他人之乐.  ______ 爱因斯坦  生活真象这杯浓酒,不经三番五次的提炼呵,就不会这样一来可口!  ______郭小川  辛勤的蜜蜂永没有时间悲哀.  ______布莱克  希望是厄运的忠实的姐妹.  ______普希金  假如生活欺骗了你, 不要忧郁,也不要愤慨! 不顺心的时候暂且容忍:相信吧,快乐的日子就会到来.  ______ 普希金  手莫伸,伸手必被捉. 党与人民在监督, 万目睽睽难逃脱. 汝言惧捉手不伸, 他道不伸能自觉, 其实想伸不敢伸, 人民咫尺手自缩.      ______陈毅  君子喻于义,小人喻于利.  _______孔丘  富贵不淫贫贱乐,男儿到此是豪雄.  _______程颢  我们不得不饮食、睡眠、游惰、恋爱，也就是说，我们不得不接触生活中最甜蜜的事情：不过我们必须不屈服于这些事物......     ______约里奥·居里  一个精神生活很充实的人，一定是颐和园很有理想的人，一定是一个很高尚的人，一定是一个只做物质的主人而不做物质的奴隶的人。     ---陶铸  我从不把安逸和快乐看作是生活的本身--这种伦理基础，我叫它猪栏的理想。  --爱因斯坦  但是话不行，要紧的是做。  --鲁迅  凡是新的事情在起头总是这样一来的，起初热心的人很多，而不久就冷淡下去，撒手不做了，因为他已经明白，不经过一番苦工是做不成的，而只有想做的人，才忍得过这番痛苦。     --陀思妥也夫斯基  判断一个人，不是根据他自己的表白或对自己的看法，而是根据他的行动    --列宁  有些人因为贪婪 ，想得更多的东西，却把现在所有的也失掉了。  --伊索  金钱的贪求（这个毛病，目前我们大家都犯得很凶）和享乐的贪求，促使我们成为它们的奴隶，也可以说，把我们整个身心投入深渊。唯利是图，是一种痼疾，使人卑鄙，但贪求享乐，更是一种使人极端无耻，不可救药的毛病。  --郎加纳斯  作家当然必须挣钱才能生活，写作，但是他决不应该为了挣钱而生活，写作。     --马克思  人们所努力追求的庸俗的目标--我总觉得都是可鄙的   --爱因思坦  生，亦我所欲也；义，亦我所欲也：二者不可得兼，舍生而取义者也。  --孟轲  君子坦荡荡，小人长戚戚。   --孔丘  人生应该如蜡烛一样,从顶燃到底,一直都是光明的.  _____萧楚女  路是脚踏出来的,历史是人写出来的.人的每一步行动都在书定自己的历史.  _____吉鸿昌  一个人光溜溜的到这个世界来,最后光溜溜的离开这个世界而去,彻底想起来,名利都是身外物,只有尽一人的心力,使社会上的人多得他工作的裨益,是人生最愉快的事情.  _____邹韬奋  自己活着,就是为了使别人过得更美好.  _____雷锋  人的生命是有限的,可是,为人民服务是无限的,我要把有限的生命,投入到无限为人民服务之中去.  _____雷锋  但愿每次回忆,对生活都不感到负疚.  ____郭小川  即是我们是一支蜡烛 也应该"蜡烛成灰泪始干" 即使我们只是一根火柴 也要在关键时刻有一次闪耀 即使我们死后尸骨都腐烂了解也要变成磷火在荒野中燃烧.  _____艾青  谁要是游戏人生,他就一事无成;谁不能主宰自己,永远是一个奴隶.  _____歌德  社会犹如一条船,每人都要有掌舵的准备.  ______易卜生  人生不是一种享乐,而是一桩十分沉重的工作.  ______列夫.托尔斯泰  一个人做点好事并不难，难的是一辈子做好事，不做坏事。  --毛泽东  一个人最怕不老实，青年人最可贵的是老实作风。"老实"就是不自欺欺人，做到不欺骗人家容易，不欺骗自己最难。"老实作风"就是脚踏实地，不占便宜。世界上没有便宜的事，谁想占便宜水就会吃亏。  --徐特立  生活是欺骗不了的，一个人要生活得光明磊落。 --冯雪峰  自以为聪明的人往往是没有好下场的。世界上最聪明的人是最老实的人，因为只有老实人才能经得起事实和历史的考验。  --周恩来  公正，一定会打倒那些说假话和假作证的人  --赫拉克利特  给人幸福的不是身体上的好处，也不是财富，而是正直和谨慎。  --德谟可利特  质朴却比巧妙的言辞更能打动我的心  --莎士比亚  本性流露永远胜过豪言壮语  --莱辛  真实与朴实是天才的宝贵品质  --斯坦尼斯拉夫斯基  无论乌鸦怎样用孔雀的羽毛来装饰自己，乌鸦毕竟是乌鸦。  --斯大林  阅读使人充实，会谈使人敏捷，写作与笔记使人精确。......史鉴使人明智：诗歌使人巧慧：数学使人精细：博物使人深沉；论理之学使人庄重：逻辑与修辞使人善辩     --培根  书，这是这一代对另一代人精神上的遗言，这是将死的老人对刚刚开始生活的年轻人的忠告，这是准备去休息的哨兵向前来代替他的岗位的哨兵的命令。     --赫尔岑  要热爱书，它会使你的生活轻松：它会友爱地来帮助你了解纷繁复杂的思想、情感和事件：它会教导你尊重别人和你自己：它以热爱世界、热爱人类的情感来鼓舞智慧和心灵。     --高尔基  热爱书吧--这是知识的泉源！只有知识才是有用的，只有它才能够使我们在精神上成为坚强、忠诚和有理智的人，成为能够真正爱人类，尊重人类劳动、哀心地欣赏人类那不间断的伟大劳动所产生的美好果实的人     --高尔基  我觉得，当书本给我讲到闻所未闻，见所未见的人物、感情、思想和态度时，似乎是每本书都在我面前打开了一扇窗户，让我看到一个不可思议的新世界    --高尔基  每一本书是一级小阶梯，我每爬上一级，就更脱离畜牧牲而上升到人类，更接近美好生活的观念，更热爱这本书。  --高尔基  书籍使我变成了一个幸福的人，使我的生活变成轻快而舒适的诗，好象新生活的钟声在我的生活中鸣响了。  --高尔基   </t>
  </si>
  <si>
    <t xml:space="preserve">用注射隆鼻的方式隆鼻的效果好吗 </t>
  </si>
  <si>
    <t xml:space="preserve">注射隆鼻的材料一般都是粘液状，注射进入皮肤组织后，并不会有特别明显的效果，需要用医生的巧手来进行塑形。因此医生的审美观是注射隆鼻效果的一个关键。进行塑形后，注射进入的粘液状物体会慢慢的變硬，这个时候隆出来的鼻子是最为自然美观。注射隆鼻还具有以下优势：1、安全：注射隆鼻所选安全材料，与自身肌体相溶，无副作用。2、伤害小：免除了手术的痛苦，仅用针剂注射，不留疤痕。3、操作便捷，无恢复期，不影响日常工作和生活。注射隆鼻仅30分钟左右即可完成。4、效果明显，当场即可见效注射隆鼻的效果是不错的，注射隆鼻是不需开刀，不用恢复期，安全，快速，效果持久。但是注射隆鼻虽然避免开刀，但对注射的用量和医生的手法有相当严格的要求，因此选择一家正规专家的整形医院和一位有经验丰富的医生相当关键。  注射隆鼻是美容隆鼻法，取的是其轻松可行的美容方法，并不是手术隆鼻，所以没有手术隆鼻的痛苦，不用经历开刀后的愈合等一系列过程，所以是有很多人选择注射的方法来完成隆鼻的。　　2、注射隆鼻以安全快速著称，效果立做立现，非常神奇，求美者甚至没感觉到什么就完成了，注射时间一般在30-60分钟，除了打针时稍微有些感觉，其他时候是没有痛感的，可以边注射边塑形，轻松异常。 </t>
  </si>
  <si>
    <t xml:space="preserve">东芝6100按哪个键~进入BOIS如题~还有个问题~我的电脑不按 </t>
  </si>
  <si>
    <t>方法一：打开电源开关，按住“ESC”（注意一定要在‘In Touch with Tomorrow’出现之前），听到“嘀”一声，然后按F1键，即可进入BIOS。此方法适用于如下机型系列『Tecra（740、750、780、8000、8100、8200、9000、9100）、Satellite Pro（440、460、480、490、4200、4600、6000、6100）、Portege（300、320、3000、3010、3020、3110、3440、3480、4000、4010、7000、7010、7020、7200）、Satellite（300、310、320、330、4000、4010、4020、4030、4060、4080、4100、1800、2800、5000、5100、5110）』。如果按C键，将显示选择引导途径菜单，可以选择从光驱、硬盘、网络、软盘来引导操作系统。 方法二：打开电脑电源开关，按F2键，进入BIOS。此方法适用于如下机型系列『Satellite 30、31、1710、1730、1750、3000、1400、2400』。如果按“ESC”键，将显示选择引导途径菜单，可以选择从光驱、硬盘、网络、软盘来引导操作系统。东芝5000系列的机器都是没有办法进BIOS的，可以通过TBIOS进行设置。如果是原厂装的操作系统，就有Tbios，自己装的就不一定有了。</t>
  </si>
  <si>
    <t xml:space="preserve">烦恼请问打呼噜可以治吗？该怎么治啊？都说打呼很吵了，吵别人睡不找 </t>
  </si>
  <si>
    <t>刚刚在网上看到的,希望对你有用!如何治疗打鼾 1、减轻体重：肥胖是阻塞型睡眠呼吸暂停综合征的一个重要高危因素，这是由于肥胖使颈部脂肪沉积增加，这些沉积将使上气道狭窄，从而发生呼吸暂停。减轻体重可减少呼吸暂停的发生频率，甚至基本消除呼吸暂停。 2、经常锻炼：经常锻炼有助于减轻体重，增强肌肉力量，改善肺功能。 3、取侧卧位睡姿：多数患者仰卧时呼吸暂停加重，但是侧卧位时症状明显减轻。如果长时间保持侧卧位困难的话，可以在睡衣的背部缝一个或数个（成一列状），可收到较好的效果。 4、戒烟戒酒：吸烟刺激咽部发炎，引起咽部水肿狭窄；酒精抑制中枢神经系统，使肌肉松弛、舌根后坠导致上气道狭窄，引起或加重打鼾。 5、慎服镇静安眠药：服用此类药物会引起或加重打鼾，故需在医生指导下服用。 6、保持鼻腔通畅：患者要及时治疗鼻腔阻塞性疾病，这有助于鼾症和睡眠呼吸暂停的改善。如果是过敏性鼻炎、感冒等引起鼻黏膜充血肿胀，可使用黏膜收缩剂，如果鼻中隔偏曲、鼻息肉等则应手术治疗。1、打鼾严重者，床垫不应太软，最好睡硬板床。2、枕头不宜过高，厚度在单侧肩宽为宜。3、习惯性打鼾者可在睡衣的背后缝制一个小口袋，入睡时将一个网球或小皮球放入其中，这样，可以避免仰卧入睡，从而有效的防止打鼾。4、睡前取9厘米长的葱白3根放在嘴里生嚼，连续七天可见效。5、有些药物，如：安眠药、抗组织胺药，可松弛肌肉，应尽量避免服用。</t>
  </si>
  <si>
    <t xml:space="preserve">我是单机武学刺客佣兵为二幕防御枪兵请问我和佣兵的符文之语装备哪些? </t>
  </si>
  <si>
    <t>装备不要全用符文之语，武学刺客只有铠甲、正副和副手盾牌需用符文之语。1.10或1.11版本：头盔：年级之冠头冠铠甲：符文之语刚毅，用超强15%增强防御的执政官铠甲做，符文镶嵌顺序是艾尔(1#)+索尔(12#)+多尔(14#)+罗(28#)正手武器：首选符文之语混沌，用超强15%增强伤害、+3飞龙在天的近身刃做，最好还有两个+3其他某刺客技能的属性，符文镶嵌顺序是法尔(19#)+欧姆(27#)+乌姆(22#)符文之语狂怒，用超强15%增强伤害、+3飞龙在天的近身刃做，最好还有两个+3其他某刺客技能的属性，符文镶嵌顺序是乔(31#)+古尔(25#)+爱司(5#)正手盾牌：暴风之盾统治者大盾（也可以选择不拿盾牌拿双爪）副手武器：符文之语战争召唤，用水晶剑做，属性没有要求，符文镶嵌顺序是安姆(11#)+拉尔(8#)+马尔(23#)+伊司特(24#)+欧姆(27#)副手盾牌：符文之语精神，用超强15%增强防御的统治者大盾做，符文镶嵌顺序是塔尔(7#)+书尔(10#)+欧特(9#)+安姆(11#)腰带：维尔登戈的心结秘银腰带、吸血圣王之圈吸血鬼獠牙腰带手套：卓古拉之握吸血鬼骸骨手套靴子：影舞者极速靴项链：大君之怒项链、马拉的万花筒项链戒指：双吸高抗亮金戒指+乌鸦之霜戒指雇佣兵：头盔：安达利尔的面貌恶魔头盖骨面具镶嵌8#符文拉尔（无形的）铠甲：符文之语刚毅，如果是1.10版本，就用无形超强15%增强防御的神圣盔甲做，符文镶嵌顺序是艾尔(1#)+索尔(12#)+多尔(14#)+罗(28#)，如果是1.11版本，则要用无形无前缀的神圣盔甲通过打孔公式打出4个孔再做，这样可以获得额外的防御加成bug，符文镶嵌顺序同上，注意，雇佣兵需要较高的等级才能有力量穿神圣盔甲，如果力量不够，可以把神圣盔甲换成执政官铠甲，材料的属性要求不变武器：符文之语骄傲，用无形超强15%增强伤害的巨长斧做，符文镶嵌顺序是查姆(32#)+瑟(29#)+埃欧(16#)+罗(28#)死神的丧钟锐利之斧（无形的）注意这些符文之语都需要1.10及其以上版本，而且刚毅、骄傲和精神都是天梯专用符文之语，单机还需要新增23符文之语补丁才可以做。</t>
  </si>
  <si>
    <t xml:space="preserve">月经老是推迟怎么办呢？ </t>
  </si>
  <si>
    <t>病情分析：引起月经不调有很多原因，如内分泌失调、服药、妇科炎症，还有心理原因都可以引起的月经不调。指导意见：您现在的情况还是有妇科疾病引起的症状，您还是需要针对病因治疗的，祝您早日康复！医生询问：</t>
  </si>
  <si>
    <t>垂直起降飞机的发动机布局？像F</t>
  </si>
  <si>
    <t>F-35无升力发动机，只是由主发动机的一根轴连接而转动。别的办法可以参照“鹞”</t>
  </si>
  <si>
    <t xml:space="preserve">怎样培养孩子的生活自理能力 </t>
  </si>
  <si>
    <t xml:space="preserve">孩子在家里，衣食住行，吃喝拉撒睡几乎都有父母细心照顾，在父母照料下， 孩子能独立支配的活动和事情很少，独立生活的能力，自理能力，独立学习的能力和独立处理问题的能力都较差。为此，家长要提前从以下方面做好孩子独立生活能力的准备，及早培养他们独立生活的能力。  （一）培养孩子的独立意识  要让孩子知道，自己长大了，即将成为一个小学生了， 生活、学习不能完全依靠父母和教师，要慢慢地学会生存、生活、学习和劳动， 能自己的事自己做，遇到问题和困难自己要想办法解快。要培养孩子的自我教育能力，在学习生活中，要自我观察、自我体验、自我监督、自我批评、自我评价和自我控制等，培养孩子的时间观念，让他们懂得什么时候应该做什么事并一定做好；什么时候不该做事并控制自己的愿望和行为。  （二）培养孩子生活自理能力  培养孩子衣食住行，吃喝拉撒等方面的自理能力和习惯，逐渐减少父母或其它成人的照顾，学会生存。在日常生活中，让他们学会自己起床睡觉，脱穿衣服鞋袜，铺床叠被，学会洗脸、漱口、刷牙、洗手、洗脚、自己大小便，学会摆放、洗涮碗筷、端菜盛饭，收拾饭桌；学会洗简单的衣物，如小手绢、袜子等。  （三）培养孩子学习方面的动手操作能力  教给孩子有关学校生活的常规知识，要求孩子爱护和整理书包、课本、画册、文具和玩具；学会使用剪刀、铅笔刀、橡皮和其它工具，会削铅笔，并能制作简单的玩具等。  （四）培养孩子服务性劳动的能力  要求孩子参加一些力所能及的劳动，学点简单的劳动技能，会开、关门窗，扫 地、抹桌椅，在活动、游戏或开饭前后，拿出或放回餐具、玩具、用具、其它用具和图书等。  </t>
  </si>
  <si>
    <t xml:space="preserve">奔驰SLK好，还是宝马Z4好？ </t>
  </si>
  <si>
    <t>质量差不多，看你喜欢什么样得风格了。</t>
  </si>
  <si>
    <t xml:space="preserve">开车在夜间,雾天,雪天,雨天,停车..都应该点什么灯?还有其他特? </t>
  </si>
  <si>
    <t>路灯没亮的时候开示宽灯，路灯亮了就要开大灯，雨雪天有雾天视线不好的天气要开雾灯，出事、路边临时停车要开双蹦。</t>
  </si>
  <si>
    <t xml:space="preserve">电脑的工作环境应控制在多少温度？ </t>
  </si>
  <si>
    <t>5度至30度之间吧，温度太低或太高都不好。</t>
  </si>
  <si>
    <t xml:space="preserve">眼睛有特异功能怎么办？？我的眼睛可以左眼不动，右眼球往左斜，这是 </t>
  </si>
  <si>
    <t>根本不是特异功能,而是生活中习惯造成的.不是斜视就挺好的了.不要总这样,要么别人看着会不正常的.感觉应该去医院检查一下的.</t>
  </si>
  <si>
    <t xml:space="preserve">关公能保你什么？关公能保佑你吗？他都管什么？ </t>
  </si>
  <si>
    <t>黑社会拜关二哥；警察拜关二爷；开酒店的拜关财神，结果开酒店的即要交保护费又要收白条。你说关公他到底保谁？</t>
  </si>
  <si>
    <t xml:space="preserve">有卡巴斯基杀毒软件免费的序列号吗?现在的360还有卡巴斯基杀毒软? </t>
  </si>
  <si>
    <t>有的，安装360安全卫士就可以免费获得半年序列号，但到期后就要自己掏腰包了，网上有很多这样的序列号生成器，但都被卡巴斯基官方为禁掉了，而且网上流传了一种修改注册表，还有导入序列号等办法，更新是能更新的，但在对话框中会显示出“你的序列号已经被纳入黑名单中，请尽快去经销商联系”之后就更新就不能完全更新了。现在我在用比卡巴斯基更好的杀毒软件：NOD32  2.7版本的，安装后个剩余天数貌似可以用10年，就等于是无限升级了，无限更新了。下载地址： 进去后打NOD32选第一个下载就可以了，然后根据系统要求安装，安装后不要立即重启，要自己手动重启，这样才能无限更新。祝你成功！！</t>
  </si>
  <si>
    <t xml:space="preserve">那位朋友能把我的名字做成诗啊？谢谢您赵敏 </t>
  </si>
  <si>
    <t>赵燕自古多侠英，敏捷矫健快如风。美女从来爱豪杰，丽人也做巾帼行。赵燕侠客千秋名，敏捷如电快如风。美媚不爱做女红，丽人舞剑影重重。桑门书生作华社郯城爱店</t>
  </si>
  <si>
    <t xml:space="preserve">怎么样练腹肌特别是肚脐以下的那部分 </t>
  </si>
  <si>
    <t xml:space="preserve">完美腹肌锻炼法 　　这些动作主要锻炼上、下腹。 　　躺在斜板凳上，小腿离开板凳面。双手后屈，抓紧板凳两旁。提膝，幅度越高越好。同时拉起臀部和大腿，使之离开凳面。当身体蜷起时，稍停并紧紧压榨腹肌。然后慢慢放下双腿。过程中双脚不要触及地面。 　　躺在地面，双手握拳并放在头侧的穴旁。屈起双膝，脚掌仍然平放在地面。按自己的肌肉柔软度让双膝尽量向两边地板拉开至呈青蛙屈腿姿势。 　　用上腹带动身体向上升起而非肩膀。眼望天花板，头部不要向前并尽量保持颈部稳定。收缩腹肌的过程中要保持双腿姿势稳定。 　　●这个练习主要锻炼上腹。 　　●肩膀离地越高直越好，但腰要贴着地面。 　　●只须提起肩膀。 　　●注意上身保持稳定，头部不要向膝盖方向抬起。 　　坐在板凳上，双手握凳边，上身微向后，双脚离地，保持膝曲，大腿向腹部提起，上身与下身成Ｖ字形。 　　●注意身体不要向前倾。 　　●双脚不要放在地上。 　　双手握着两边的手柄，前臂支撑身体。稳定身体后，保持双腿笔直。尽量提高双腿直至与身躯成90度或抬到最高位置，稍停并数两下，然后慢慢把腿放下。背脊必须紧挨靠背，用下腹带动双腿提升，并非用大腿肌肉。 　　●这个动作主练下腹。 　　●放下腿前保持姿势不变，数两下。 　　●注意上身保持稳定，不要向前倾。 　　躺在上斜板凳上，双手放在太阳穴旁。抬起上体，双脚弯曲，脚腕紧扣在固定加上。把右手肘向左膝扭动。再重复动作时，把左手肘向右膝扭动，每当上身抬到最高位置时应感到腹肌在收紧。 　　●这个动作主练上腹。 　　●提起身体时，将手肘向一侧膝部扭动。 　　●下身要保持稳定，双脚不要用力。 　　●不要用双手抱着头部。 　　双手握着两边的手柄，前臂支撑身体。稳定身体后，保持双腿笔直。先将左腿向胸部提起，膝关节成90度。然后慢慢把腿放下，再将右脚提起，左右脚轮流做。背脊必须紧贴凳背。用下腹带动腿部抬起，并蜚用大腿肌肉。 　　●这个动作既可锻炼下腹又可结实肋部。 　　●当脚抬至最高位置时，稍停并弯曲腹肌。这有助减少身体摆动的机会。 　　●如果用借力带缠着手掌及横杠，就能更牢地抓着横杠，避免掉下来。 　　●注意上身保持稳定，且不要向前倾。 　　躺在上斜板凳上，双手向膝盖方向伸直。利用腹肌将上身提起，保持2-3秒，再躺下。 　　●这个动作锻炼上腹。 　　●提起身体时，注意下背要靠在斜板上，头部不要向膝盖方向提起。 　　完美腹肌的秘密 　　●利用卷腹动作锻炼腹肌时，脚部要固定。 　　●动作不要快上快落。 　　●不是做得多就好，锻炼腹肌要诀是“重质不重量”。 　　●不少人做以上动作时会错用腰，肩膀或颈等部位的相对肌肉。例如你要练下腹，就要尽量放松对面的下腰肌肉。 　　●练习时必须以所练的肌肉发力，避免用其他肌肉供力。例如当我们做提腿动作来锻炼下腹时，就必须先收紧下腹肌肉，再利用该组肌肉带动双腿提起。至于练上腹时，则须利用上腹肌肉带动身体上抬。 </t>
  </si>
  <si>
    <t xml:space="preserve">请各位推荐一个外汇交易软件,谢谢! </t>
  </si>
  <si>
    <t>是外汇分析软件还是外汇交易平台？</t>
  </si>
  <si>
    <t xml:space="preserve">知道重庆的朋友们给点意见阿能讲讲重庆的气候么？还有那里的生活习惯 </t>
  </si>
  <si>
    <t>嘿嘿，我是土生土长重庆人。气候：        重庆是一座举世闻名的山城，它最突出的特点是地形起伏有致，立体感强。    重庆位于北半球副热带内陆地区，其气候特征恰如几句俗谚：春早气温不稳定，夏长酷热多伏旱，秋凉绵绵阴雨天，冬暖少雪云雾多。重庆年平均气温为18℃。1月份气温最低，月平均气温为7℃，最低极限气温为零下3.8℃。7月至8月份气温最高，多在27℃-38℃之间，最高极限气温可达43.8℃。因此，重庆与武汉、南京并称长江流域三大“火炉”。     重庆雨季集中在夏秋，年降雨量为1000-1100毫升。尤以夜雨为多。重庆亦有“雾都”之称。每年秋末至春初多雾，年均雾日为68天。重庆还是中国日照最少城市之一，年均日照时1259.5小时。7月至8月份略高，月均日照时230小时。其它月份在150小时以下。重庆三面环山，沟壑纵横，因此风速较小。但在夏季雷阵雨天气时，又一反常态，常常伴有大风，风速每秒可达10-27米。    我现在也经常在外地，跟外地比起来，总结就是，重庆湿度很大，对皮肤很好。夏天很热，冬天肯定基本是不要想看到雪的。风很小。昼夜温差很小。习惯：    重庆地灵人杰。重庆人以忠勇爱国、质直好义、勤劳朴实、豪爽刚烈的秉性。其耿直的性格，成为了重庆人性格的典型的特征，特别是与近邻成都人的小气成为了鲜明的对比，很少会有很虚伪的。你来到重庆就会有很深的体会。    重庆对外来人都十分的热情。    重庆城市的发展程度较高的，特别是成立直辖市以来，发展很快，从城市建设看上来，我敢说比很多沿海的大城市要现代化很多。城市生活很普遍，没有什么特殊的生活习惯。    重庆人喜麻辣，这个不能忘了。你总会在重庆的筵席上见到麻辣的。一些看似不辣的菜都会有麻辣味道的。重庆人很喜欢吃，好吃，各种小吃到处都有。重庆火锅享誉海外，如果能耐住一点辣的话，你肯定对重庆火锅情有独钟的。    还有就是，重庆有很多帅哥和美女哦，这个也是全国闻名的。</t>
  </si>
  <si>
    <t xml:space="preserve">“长颈鸟喙”、“珍珠细软”是什么意思？长颈鸟喙，珍珠细软，是什么 </t>
  </si>
  <si>
    <t>长颈鸟喙cháng jǐng niǎo huì解 释 颈：颈项；喙：鸟嘴。长颈项，尖嘴巴。指人阴险狠毒者的相貌出 处 西汉·司马迁《史记·越王勾践世家》：“越王为人长颈鸟喙，可与共患难，不可与共乐。子何不去？”用 法 联合式；作谓语、定语；含贬义示 例 明·瞿佑《剪灯新话·龙登灵会录》：“既已灭吴，以勾践为人，～，可与共患难，不可与同逸乐，浮海而去。”近义词 尖嘴猴腮解释越王勾践被难时多亏有范蠡跟随左右在吴国当人质，越国的事物都委托文种大夫做主。越王勾践灭掉吴国后，范蠡辞去官职泛舟五湖。临行前，找到文种，劝文种也随自己一起离开越国。文种不解，范蠡说勾践这个人脖子长、嘴巴尖如鸟嘴，可以共患难不可以同富贵。珍珠细软是古代形容精细而易于携带的贵重物品。比如金银制品，珍珠宝石等等文种不听，后被勾践所杀。</t>
  </si>
  <si>
    <t xml:space="preserve">请问一下:古代打仗时穿什么颜色的盔甲,举什么颜色的旗帜对打仗有帮? </t>
  </si>
  <si>
    <t>盔甲的话，因为主要是用铁所制，所以都是灰黑色，而多数是鳞片甲，之后就发展成琐子甲（一般是将领使用），之后都就是现在清代，与布甲混合的盔甲……而盔甲是什么色的话，基本上没多太关系，主要的是盔甲下面的衣服是什么色才是最重要，军装这东西，中国很早就有的了……而旗帜的话，也没什么可以举来帮助打仗，打仗最主要是看将领的指挥和士卒的用命，这才对战争最大的助力……是乎没有什么是唬人的东西存在……</t>
  </si>
  <si>
    <t xml:space="preserve">小学数学建筑工地计划运进一批水泥，第一次运了总数的四分之一，第二 </t>
  </si>
  <si>
    <t>180/(4/7-1/4)=560吨</t>
  </si>
  <si>
    <t xml:space="preserve">这是你什么东西啊，搏主，第一次看到这个东西，很好玩，但是不是很明 </t>
  </si>
  <si>
    <t>哈哈 随便理解吧</t>
  </si>
  <si>
    <t xml:space="preserve">我遇到坏人了，怎么办 </t>
  </si>
  <si>
    <t>遇到坏人了，怎么办------快速离开，逃离坏人......</t>
  </si>
  <si>
    <t xml:space="preserve">新剑侠情缘里面在一间密室里打三个人怎么打？我很喜欢玩新剑侠情缘， </t>
  </si>
  <si>
    <t>你先不把红玉交给那个兵，生命和内力就不会减一半。然后站在那里不动，这样无相就不会攻击你，你把那两个人干掉，在干无相（武器建议使用石化剑，打无相时就不会费哪么多劲）我也打了半天，也没打通，很理解你。</t>
  </si>
  <si>
    <t xml:space="preserve">少数民俗与禁忌哪位人士能告诉我达斡尔族的民俗与禁忌 </t>
  </si>
  <si>
    <t>达翰尔族居住在呼伦贝尔盟。莫力达瓦达翰尔族自治区是其主要聚居地，主要习俗有： 　　居住 　　　　介字房，蔓子炕：达翰尔族的村落座落在依山傍水，风景秀丽的地方，房舍院落修建整齐，多用红柳，桦木杆或柞条编织的篱笆围起来。房屋脊突出，形成'介'字，故称'介字房'。达翰尔人传统习俗以西为贵，西屋为居室，内有南，西，北三西大炕相连，组成所谓的'蔓子炕'。 　　婚俗　　达翰尔族男女青年订婚后，男方择日送彩礼到女家，首次过礼称之为'察恩特'，二次过礼称'托列'。察恩特要送７条生命：猪５口，马１匹，乳牛１头，还有白酒，糕点和奶皮等。托列则多半是未婚妻结婚时需要的布匹，和着饰等。婚前一个月左右，男方还要送小礼到女家，并一起吃'拉里粥'，以示几日后可完婚。　　婚宴上，男方陪客中一位长辈要捧一支箭致祝词：祝愿新郎新娘互敬互爱，祝愿新娘尊老爱幼并做事光明磊落，祝愿新郎带着这支箭外出行猎必能满载而归，名扬四方。 　　年俗　　达翰尔人以过年为最隆重的节庆活动。农历腊月三十，白天要祭祖、扫墓、合家吃手扒肉给长辈敬酒磕头。除夕晚间，每家要在大门前点燃篝火，长者将大块肉等鲜美食物扔进火堆，表示对火神的敬奉，并视人畜平安，五谷丰登；屋里要灯火通明，人们要通宵不眠。　　正月初一清晨，各家要尽快吃完早饭，如拜年的人来了还没吃完，被认为是'堵住了饭碗'，意味一年不顺利。　　正月初一，妇女们要互物，外出作客不论男女，均须互相敬烟，对长辈，更得行'敬烟礼'。年初一延续赠礼至正月十六，其间，妇女们唱歌、跳舞、男子则玩'波依阔'（打曲棍球）。 　　服饰　　一般是用毛朝外的狗腿皮缝制，以狗脖子皮或中皮制底，分别称作的狍皮袍则稍长些，扣子为铜质或用布条编结。达翰尔猎人穿用的是狍皮制作的毛朝外的长袍，并带上用狍子、狼或狐狸的头皮制成的毛朝外，兽耳耸立并嵌入两只眼睛的帽子，便于行猎时迷惑野兽。达翰尔妇女喜爱剌绣，常在长袍和坎肩的襟边，领口，袖口等处配饰绣花或各种图案的镶边；姑娘出嫁时，也必须穿上自做的绣花缎帮木屐。　 '奇卡密'和'塔特玛勒'。达翰尔男子春秋两季穿的狗皮袍长至膝，前面开叉。达翰尔族人冬季穿的靴子。 　　娱乐　　“波依阔”(类似现代曲棍球)、颈力比赛等是达翰尔族的传统体育项目。“波依阔”和现代曲棍球一样可以在草地上进行比赛，亦可在夜间进行，将木制的球内填充油质物，点燃后打火球，燃烧的火球在夜间东击西打、传来传去有如游龙戏珠，场面更加别致。 １、婚姻禁忌　　女子结婚年龄忌偶数，以为不吉。故常择15、17、19等奇数年龄时婚配。男无此禁忌。忌男方求婚一、两次，女方应允。以为多次求婚，方显女儿家主贵。若少次求婚便应，则显卑贱，该族俗语云“好女百人求”。故媒人求亲须多跑几次。迎亲喜车须在落日前赶到。万一落日后到，须在大门西侧挂一面镜，以代太阳。否则婚后不顺。２、生养禁忌　　孕妇不许往灶里看，不许铺熊皮，以免流产。忌男人进产房，据说男人易踩孩子。若男人无意进了产房，走后孩子有病，如鼻塞等，会认为被入产房男子所踩，必须找到他，将他的脚趾甲剪下几片，拿到产妇家和艾蒿一起烧掉，等冒烟时，将孩子抱于烟上悠几下，吐几口唾沫，说：“唾唾，邪气快跑掉！”俗信如是方可消灾除厄。产后3天内忌外人进家；1个月内产妇不许出大门或到屋外西北角供神之处。孩子出麻疹时，忌门标志为门口挂一把小草或草圈，底部绑一红布，见此标志，外人禁入。小孩麻疹期，忌炒菜、抓虱子，打猫狗、做针线、夫妻合房。不准小孩子站于门坎，以为长不高，不准小孩吃猪尾巴，以为夜间身后会有响声；小孩不吃动物脑，怕不聪明；不准小孩夜晚照镜子，怕梦见鬼。３、丧葬禁忌　　人死咽气前，全家人不准入睡，怕死者灵魂将睡者灵魂带走。忌用铁钉钉棺。有外伤者不能见尸身或灵枢，以免被“扑着”，即怕伤口发作。外姓人死后，不得从门出，必须从窗户抬出。严禁双日殡葬。未出嫁女子，孕妇、无子女的妇女及小孩死后不准埋入祖坟；孕妇死后必须火葬，否则起“旱魃”；小孩死后，必须风葬。守丧期忌打架斗殴，忌剃头号、剪指甲，忌在炕上睡觉，忌参加婚礼、娱乐活动，禁出远门及嫁女，禁夫妻同房。４、岁时禁忌　　除夕，天黑前必须将门窗糊好。是日，不许从门外向里叫人，不许照镜，否则群魔缠身，被魔鬼摄去心神。大年初一自动起床，忌被人叫醒，否则会懒惰1年。初一至初五不得打扫室内，否则会扫走福气。</t>
  </si>
  <si>
    <t xml:space="preserve">用设么洗发水能使头发直些啊昨天听人在说他用了设么洗发水头发直了好 </t>
  </si>
  <si>
    <t>沙宣垂坠直感洗发露</t>
  </si>
  <si>
    <t xml:space="preserve">上海免税商店哪些人可去免税商店购物 </t>
  </si>
  <si>
    <t>免税商店是指由国务院主管部门批准，经海关总署备案，在境内向有关符合海关免税验放规定的旅客提供免税物品的商店。免税商店供应对象主要有因公人员、远洋海员、华侨、外籍华人、港澳台同胞、出国探亲的中国公民及在国内的外国专家等。 到境内免税商店购买外汇商品，必须具备以下条件：（1）属于符合规定的供应对象；（2）特有符合规定的有效单证，即本人护照及经海关签证的“入境旅客行李申报单”或者“进口免税物品登记证”等；（3）持有从境外带入，并已向海关申报的外币；（4）符合海关对免税物品验放的规定，即旅客有准予带进免税物品的额度，并在限定物品品种、数量范围内。符合上述条件的旅客可到指定的免税商店购买免税商品。填写购物单在外汇免税商店营业窗口付款后，到海关窗口办理审核手续。经海关审核批准，即在购物单提货联加盖验讫章。旅客凭此单到提货点提货。付款和交海关审核时，均须出示符合规定的有效单证。 旅客在境内免税外汇商品经营单位购买的《限量表》第一类物品，免税总值限完税价格人民币2000元，单一品种限自用合理数量，第一类列各物品单一品种单价超出2000元的，准予免税购买一件；对征税购买的，海关予以从宽掌握。对旅客携带进境的第一类物品，和在境内免税外汇商品经营单位购买的第一类物品，可不合并计算。 机场,八万人体育场都有</t>
  </si>
  <si>
    <t xml:space="preserve">给我姐的女儿取名字有三个她是今年9月4日出生她爸姓申 </t>
  </si>
  <si>
    <t>我为此小公主取三才五格俱佳的名字如下：申蕊如   申馥宁   申颖洁 这几个名字都是琅琅上口，寓意高远，得分极高。你自己可以测试一下以上几个好名字！都是高分?。。。。?佳名必有好运！</t>
  </si>
  <si>
    <t xml:space="preserve">请问，有没有从广州去过香港机场的同学？需要多久才能到呢？ </t>
  </si>
  <si>
    <t>你可以到各大旅行社购买前往香港机场的大巴车票，我记得是100多一程的。坐那个去的话可以直达香港机场，过关的时候也不用下车，直接会有海关人员上车检查证件的。大约3个小时左右吧，不过路上的车况很难讲的。但你去买车票的时候可以告诉旅行社人员你的登机时间，让他们帮你订相应时间的车票就可以了。</t>
  </si>
  <si>
    <t xml:space="preserve">关于妇科炎症!我有一个很要好的朋友得妇科炎症了,听人说这是一种性 </t>
  </si>
  <si>
    <t>炎症可治愈，一般不回影响生育不一定停那么长性生活。一般通过传染应起，也因体质差到至感染，讲好个人卫生就行，</t>
  </si>
  <si>
    <t xml:space="preserve">洗衣水为什么容易招苍蝇？ </t>
  </si>
  <si>
    <t>臭</t>
  </si>
  <si>
    <t xml:space="preserve">阴部湿疹怎么治疗阴部出现湿疹怎么治疗啊，看起来心惊肉跳的。不敢胡 </t>
  </si>
  <si>
    <t>目前比较专业的治疗湿疹的药物有湿乐康。这个对急性湿疹和慢性湿疹效果都是非常不错的。你可以来用于治疗阴囊湿疹。</t>
  </si>
  <si>
    <t xml:space="preserve">急求答案.昨天晚上我的5173帐号还上着没问题.可是今天上的时候 </t>
  </si>
  <si>
    <t xml:space="preserve">尊敬的客户:    您好！5173回复客服03号很高兴为您服务！    请您重新注册一个5173账号，然后登陆5173，然后进入我的5173，点投诉咨询，然后填写解封账号申请表，您只需要提供两项以上的资料证明这个账号是您的即可，客服会在24小时之内为您处理。    如需帮助或投诉请与我们客服中心联系，客服中心服务热线：0579-83225173。感谢您对5173的支持！！愿您一年365天快快乐乐，平平安安!愿您度过温馨浪漫的每一天！                                            </t>
  </si>
  <si>
    <t xml:space="preserve">电脑反应极慢?我今天设置了虚拟内存，电脑反应变得极慢，是什么原因 </t>
  </si>
  <si>
    <t>没错，是显卡集成的，占用了30兆，原来是256的。解决办法是：1、加内存2、删除不必要的程序3、重装系统4、把虚拟内存让系统自己管理（同时尽量清理C：）</t>
  </si>
  <si>
    <t xml:space="preserve">认购权证如何操作，长江电力的认购权证。 </t>
  </si>
  <si>
    <t>580007不错的持有,031002也可关注!</t>
  </si>
  <si>
    <t xml:space="preserve">如果油价见顶回落，对外汇市场的影响会怎么样？选择哪个币种操作盈利? </t>
  </si>
  <si>
    <t>1． 由于受到世界第三大石油出口国挪威政府的干预，其国内工人冲突已被强行解决，而据石油输组织的报告显示，原油产量出现增加，使油价已回落于50-55美元/桶，从而减轻了美元压力，但要继续大幅回落，还有待于其他因素的消除。　　2． 昨天美国公布的10月份消费者信心指数已从上月的96.8降至92.8，同时也低于市场先前预期的94.00，再次预示着美国经济增长动力的减弱，前景的堪忧，令美元短暂下跌，但因美元多空双方近日已趋平衡，随后美元反弹，将美元指数从84.88回升至85上方，这也表明近期美元会以低位整理为主。　　3． 油价的居高不下及其不断增加的波动性，事实上已对欧元区经济增长前景构成了不利影响，这与前段时间欧元区官员一直淡化影响出现了反差。比如，在欧盟委员会的秋季经济报告中，欧盟将05年欧元区经济增长率预期由2.3%调降至2%，并在报告中承认，全球对原油的需求，尤其是中国和美国的需求，以及伊拉克危机都可能使油价维持在接近或高于每桶50美元的水平上，并将拖累全球经济增长。而面对与油价一同上扬的欧元，德国总理施罗德和法国总统希拉克均表示，上涨令人担忧，并呼吁欧盟的预算规定作出改变以使德国政府在支出上有更大的回旋余地，并希望实现欧盟经济增长的目标。另外，在美国大选上，目前两位候选人的支持率仍很接近，进一步增加了结果的不确性，令美元走势以弱为主。今天我们认为，投资者可乘美元反弹之际，继续买入非美元货币：欧元方面：欧元强劲上扬后出现跳空缺口，目前强支撑1.271，趋向指标继续表明趋势向上，建议在1.271可买入欧元，止损1.268，目标1.293，预计今天欧元波幅在1.271-1.285之间。　　日元方面：日元自突破107水平后，107位置已从强阻力转换为强支撑，目前整理于106-107，建议在107附近可买入日元，止损107.5，目标106和105，预计今天日元波幅在106-107之间。</t>
  </si>
  <si>
    <t xml:space="preserve">我想学C语言，那里有C语言免费视频下载 </t>
  </si>
  <si>
    <t>有，你用bt 软件在  上搜索你要的，好多的</t>
  </si>
  <si>
    <t xml:space="preserve">如何用本票跨行存款？我在农业银行有一笔存款，希望存到本人在工商银 </t>
  </si>
  <si>
    <t>办理本票持本人身份证在农行办理，告诉银行工作人员该笔款项支取后办理本票，银行工作人员会让你填写本票申请书，在申请书上填明收款人的名字（即你自己的名字）和你要存入的那个工行的全称，银行会根据申请书给你签发本票，然后你本人持本票交到工行，工行就会凭你的身份证给你入帐，具体你办理时银行工作人员也会告诉你的。一般费用一笔1元钱，不会有高额手续费的，你放心去办吧。一次办了下次心中就有底了。</t>
  </si>
  <si>
    <t xml:space="preserve">验血是为了检查甲状腺哪些项目？ </t>
  </si>
  <si>
    <t>"你好，甲状腺功能检查要空腹抽血检验“甲功五项”，即TT3（总三碘甲腺原氨酸）、TT4（总甲状腺素）、FT3（游离三碘甲腺原氨酸）、FT4（游离甲状腺素）、TSH（促甲状腺激素）。 希望我的回答能帮助到你。"抽血做甲功检查全套七项：T3/T3/FT3/FT4/TSH/TG-AB/TPO-AB."甲状腺功能检查主要是抽血做甲功五项检测。这个一般不需要空腹进行。如需要检查肝功能、血脂，则要空腹检查。 " 甲状腺抽血检查一般是以下内容：ft3是血清游离甲状腺素，ft4是游离三碘原氨酸 ft3能直接反映甲状腺功能 对甲亢诊断较t3 t4更为准确tsh是促甲状腺素。是为了甲功能五项检查，希望我的回答能帮助到你</t>
  </si>
  <si>
    <t xml:space="preserve">[推荐]合金坦克现在新浪里有一个游戏叫“合金坦克”，不知道大家玩 </t>
  </si>
  <si>
    <t>第6关实在太难了，先是直升机群攻击，再是中型坦克、重型坦克、超级坦克围追堵截。就算有自身是超级坦克也很难抵挡啊。</t>
  </si>
  <si>
    <t xml:space="preserve">什么运动最消耗体力 </t>
  </si>
  <si>
    <t>马拉松和一些有关体力的极限运动。</t>
  </si>
  <si>
    <t xml:space="preserve">左右脸不平均如果说右脸看上去比左脸大一点而且右脸的脸部肌肉也比左 </t>
  </si>
  <si>
    <t>两边交替来吃.不要只吃一边哦.右脸可以适当咀嚼多几口.这样坚持一段时间就可以看到两边脸比较均匀了.</t>
  </si>
  <si>
    <t xml:space="preserve">怎样进入游戏？我进入不了游戏，怎样进入？ </t>
  </si>
  <si>
    <t>很可能是由于你没将一个文件复制到你安装路径覆盖它。方法：在你的安装盘上找到CRACK文件夹，将里边的东西复制，然后粘贴到你安装到电脑的路径，即你的机子上。它会问你是否覆盖？你选是，全部。OK。</t>
  </si>
  <si>
    <t xml:space="preserve">光大银行卡没有存折可以在网上查询余额吗?看了一下个人网上银行介绍 </t>
  </si>
  <si>
    <t>可以啊，如果网络没有问题，注册是可以的，不过很多公司因为网络设置的原因，造成无法登陆</t>
  </si>
  <si>
    <t xml:space="preserve">为什么古代女子一点自己的地位都没有男子说什么，女的就要顺从，还可 </t>
  </si>
  <si>
    <t>在哪个男尊女卑的社会中,女性没有生活来源,一切都指着男人过日子,看男人的脸色,再加上当时所处的社会也不允许女性走出家门,独立,所以古代女子一点自己的地位都没有.</t>
  </si>
  <si>
    <t>高手回答破血和弱点我有件80男衣服防御174+5体</t>
  </si>
  <si>
    <t>衣服大概值500W左右 项链运气好的话卖600W没问题</t>
  </si>
  <si>
    <t xml:space="preserve">灵毛毛入仙好还是入魔好？高手请进来指点一下！！！！！！！！！！！? </t>
  </si>
  <si>
    <t>其实最简单就是毛毛的攻击和技能问题,个人觉得毛毛的技能释放比较慢,所以魔技减了唱觉得不错,可是我做为一个98的仙毛毛,只喜欢魔的2个技能:静心和还魂^^^^^^^因为我是纯灵类型加点，在FB中不能抗怪，9人只能速度9，唱时间重要性就体现了；魔静心回蓝，自己用很划算，给别人就自己吃药给别人补——自己的钱服务其他人性质，其实到了后期，练级都是群怪，所以我一个小时吃20个80蓝的时候魔毛毛一个都不吃之间相差的3到5万钱你我都不会在乎吧？说到低还是服务于FB的魔静心。仙静心我没学，因为自己是灵的，不学也比杂毛毛和血毛毛加血厉害。还有仙毛毛的元在自己单练时一直是满的，也就是说狂雷冷却了可以马上放第2次的，所以没人组偶去爆蜘蛛的时候偶自己群怪速度也不慢。技能的差别是仙气和魔衅。提供一些自己的数据供你们参考，自己说太麻烦了！个人装备，只说攻击类的，36攻魔煞，2D+5E天，法术攻击3126-3654（没换太阴，最近服务器人换太阴的人太多，避过这个高峰期再买，换+攻+持的,法器上多60+的攻，人物攻击不太清楚会多多少伤害）伤害数据以96的木蜘蛛为例:真风,7500-8050;真箭,5500-5800;羽刃,4600-5050;雷链.9200-10000;真神雷,总共10300左右(这个技能攻击很稳定,也搞不清楚原因);狂雷,15600-16200;和风,7000-8500.当然是有灵助等状态,穿单木防御20000左右,蜘蛛伤害每次70,血2090,静心叠了抗的住,不存在血少抗不住怪的 情况.另决斗玩(非PK),和FS只要静心加好,对方不用大招,胜率100%;和MG变数比较打,因为会被秒!和SS,睡眠+降F防+狂雷+定+风+链+风,用了 化血的SS已经被我蹂躏了;和YJ,加两个静心废她的宝宝,人也等于没了,和打FS一样的路线,只需要加好血;跟WX几乎没赢的,晕到死;无聊的时候想多花钱才跟毛毛打.灵毛毛攻击高,尤其是狂雷最变态.而且毛毛是个对元气需要比较多的职业,所以愿意走高攻路线的人可以选择升仙,不过放弃的就 很多了 ,比如群PK,比如想去新FB没人带(小怪秒灵毛毛)^^^^^贵再坚持,灵毛毛少,练出个超灵的,对很多不习惯的人来说是恶梦.</t>
  </si>
  <si>
    <t xml:space="preserve">我从同一信箱同时向新浪和网易信箱发邮件，网易信箱收到了，但新浪信? </t>
  </si>
  <si>
    <t xml:space="preserve">如果您没有收到朋友的信件，请先检查您自己的免费信箱是否有问题？最简单的测试办法是自己给自己发一封邮件，如果发的出去收得到的话，就说明您的免费邮箱一切正常，没有问题。另外您还要检查是否您垃圾邮件过滤设置不当造成的，请您登陆邮箱内的设置区进行调整。另外，您可以让对方测试给其他网站邮箱发邮件是否正常，如果不正常，就是对方邮箱服务器的问题。　　如果以上三点都没有问题的话，有可能是对方曾经给新浪发垃圾邮件被新浪屏蔽，请您给我们发邮件，主题为：“我收不到对方的邮件”，然后正文里面写明对方的邮件地址是什么和大致情况，我们会通过邮件和对方联系，让对方发一封测试邮件给我们，然后从中查找原因来解决问题。　　我们的联系邮箱为:webcn@ ,另外也欢迎您通过电话和我们联系，我们的客服电话为：95105670(全国统一免长途费热线) </t>
  </si>
  <si>
    <t xml:space="preserve">活力和包扎有什么区别?可以叠加吗? </t>
  </si>
  <si>
    <t>包扎是主动释放补充生命的，活力是被动增加生命上限的</t>
  </si>
  <si>
    <t xml:space="preserve">请对纵贯线四位成员的作品价值以及对中国音乐的贡献做一详细评价。谢? </t>
  </si>
  <si>
    <t xml:space="preserve">有关于"纵贯线"成员作品的价值(2010-03-12 22:04)  2009年，罗大佑、李宗盛、周华健与张震岳这些歌坛的大腕或后起之秀组成的新乐团纵贯线着实火了一把，也赚足了钞票和壕头。最后曲终人散，皆大欢喜。他们都是明星大腕，各有各的一众粉丝前呼后拥，风光无限。但是单就他们每个人在乐坛的成就和音乐风格还是想说道说道，反正闲着也是闲着，世界上最怕就是认真，套用刘大脑袋的一句名言：必须的。   若说按照人气来说，所谓人气是指受欢迎的程度和为人熟知的程度，似乎可以这样排序周华健、李宗盛、张震岳、罗大佑。周华健音质较好，形象阳光，所以拥有众多的粉丝，也是举办演唱会次数最多的，至今仍长唱不衰的乐坛人物，所以就人气而言当属头把交椅。李宗盛半路出家写而优则唱，也为众多歌迷所熟知和追捧。张震岳一贯沿着似乎是另类的音乐风格和发展，个性十足，也有部分忠实的歌迷；而歌坛大佬罗大佑似乎已是明日黄花，和着寥寥，人气也似乎与前者稍逊。   而若论才华和其作品的艺术价值，则似乎又可以按这样的顺序：罗大佑、张震岳、李宗盛、周华健。与上面的排序恰恰相反。罗大佑若论音乐才华和作品的价值估量，无论在何时何地都可称得上是华语乐坛的翘楚。他甚至能把深刻的人生哲理、严肃的思考用厚重的、很具感染力的旋律来进行表达，让你不得不唏嘘赞叹不已，他在音乐上的成就和高度似乎在一个不可跨越的位置。接下来的张震岳，表明上看他的音乐波澜不惊，貌似平淡，但若细细品味你会感受到一份来自生活和自我的真实感动，那是活生生现实而非任何的娇柔做作虚假伪善。李宗盛也是教有才华的音乐人，可惜在香港这个商业中心浸淫日久，作品中或多或少带些商业气息，从而降低了其作品的艺术价值。周华健除了有一副好嗓音外似乎其作为音乐人所创作的真正有其艺术价值的东西有但不多，也有些不错的大多是些风花雪月一类的作品，更适合称作流行”、“畅销”音乐。一个不懂音乐的人却成了音乐人。   很有趣的现象，歌星的人气与其作品的艺术价值恰恰成反比，而音乐的流行度也与其自身的价值刚好相反。不由得让人产生了这样的疑问：是不是我们听众的欣赏水平和审美情绪出了问题吗？这里或多或少是有点问题的，而媒体舆论导向的庸俗化也是功不可没的。导致一些真正有价值的东西长期蒙尘，而一些垃圾作品却甚嚣尘上，比如《两只蝴蝶》《老鼠爱大米》等，它们简直是垃圾中的垃圾，却充斥着大街小巷，简直是对中国歌迷素质的一种公开的侮辱。但是我们自己还是要擦亮眼睛，我们自己还是要敢于站出来说说真话。让这些垃圾的作品和这些垃圾的媒体见鬼去吧。yanzainantian@  </t>
  </si>
  <si>
    <t xml:space="preserve">求小说推荐。大家有大叔文推荐麻。吾比较倾向景行罪加罪此类作者的文 </t>
  </si>
  <si>
    <t>耽美不 LEE叔咯……或者 普通人生 也蛮好看……</t>
  </si>
  <si>
    <t xml:space="preserve">家里出现了一种小虫，请问哪位大虾认识，谢谢！偶尔出现1、2只，也? </t>
  </si>
  <si>
    <t>有图片就好了，匿名提问是无法上传照片的。家里如果潮湿的话会有西瓜虫的，其余的还可能有衣鱼等</t>
  </si>
  <si>
    <t xml:space="preserve">马平了杀伤力不小啊，刚才500万上九场有900多过的现在就只要2? </t>
  </si>
  <si>
    <t>国米出1可能就剩下不到100注了。。。呵呵！！！</t>
  </si>
  <si>
    <t xml:space="preserve">怎样给数码照片做相框?不需要很复杂的花样，只需简单的边框就可以。 </t>
  </si>
  <si>
    <t xml:space="preserve">请下载并安装这个软件. </t>
  </si>
  <si>
    <t xml:space="preserve">膝关节半月板损伤，会有后疑症吗？两个月前，膝关节内侧被刀子扎了一 </t>
  </si>
  <si>
    <t>可能，可以使用关节镜探查。</t>
  </si>
  <si>
    <t xml:space="preserve">哪家银行信用卡不需要上班证明 </t>
  </si>
  <si>
    <t>大部分银行都需要提供证明，除了身份证外这是必须的，暂不需要提供的银行目前还只有一家，就是工商银行的猪福卡信用卡，这种卡目前是只提供身份证就可以办得下来的，也是循环涨额度的，不过起点是十元。其他纵使说不需要提供你的工作证明就能给你办卡也是骗你的，自欺欺人，因为根本就交不上去，更不要谈什么批不批得下来了。赠人玫瑰，手有余香！如若，您对我的答案满意，请选择“对我有用”，谢谢您的采纳！！</t>
  </si>
  <si>
    <t xml:space="preserve">急！急！在广州怎样座车啊！越详细，越好！我是咸宁的，不知道乘火车 </t>
  </si>
  <si>
    <t xml:space="preserve">从湖北咸宁到广州的火车通常停广州旧火车站,但为了确保稳妥,你看一下火车票,到达站如果写着"广州", 那就是旧火车站,你出来以后,往西走(出门右手边)不远处可以找到省客运站,在那里可以坐车去东莞.到达站如果写着"广州东", 那就是天河火车站,那你下火车后,就在火车站里找广州地铁,坐地铁到天河客运站,在那里可以坐车去东莞.不过,东莞有很多的镇,不同的镇,有不同的车,你买票前一定要看清楚要去哪里.一路顺风. </t>
  </si>
  <si>
    <t xml:space="preserve">有超级泡泡的进！超级泡泡在哪领的？？？？？？？？怎么样才能获得？ </t>
  </si>
  <si>
    <t>我有个熊猫但不知道怎么获得的,不过我常帮王婆打偷瓜贼哦.我的积分有300多的.可以抽两次奖</t>
  </si>
  <si>
    <t xml:space="preserve">用英文翻译“请告诉我密码”要求翻译准确 </t>
  </si>
  <si>
    <t>请告诉我密码：Please tell me the code（或者password）！</t>
  </si>
  <si>
    <t xml:space="preserve">绝对嚣张,今晚买单场了吗，发出来看看 </t>
  </si>
  <si>
    <t>呵呵，惭愧呀~那马上发一张献丑了~</t>
  </si>
  <si>
    <t xml:space="preserve">上海普陀区城区哪里热闹 </t>
  </si>
  <si>
    <t>普陀区的话，大渡河路那块是最热闹的地方。如果您觉得正确或者采纳的话，麻烦给我好评哦，谢谢。</t>
  </si>
  <si>
    <t xml:space="preserve">一个知识问题谢谢了成语不在犯别人同样的错误,用4个字概括的话怎么 </t>
  </si>
  <si>
    <t>不再犯那就不是重蹈覆辙了 因为重蹈覆辙是指犯了同样的错误啊！不过似乎也就这个词可以用来说这类的问题 在我的记忆中你可以这么说 比如原句：为了在犯别人同样的错误那就是：为了不重蹈覆辙 或者为了避免重蹈覆辙</t>
  </si>
  <si>
    <t xml:space="preserve">有没有用闪存卡代替录像带的摄像机？现在市售的闪存卡容量高达1G~? </t>
  </si>
  <si>
    <t>暂时还不可能取代。一个dv带的全部内容，高保真的转录下来需要十几或几十G的空间，即使压缩后也高达几个G。现在的闪存卡不仅容量达不到，读写速度也达不到DV带要求。目前有些使用闪存卡的DV，闪存卡主要用于保存拍摄的相片，也可以用于压缩画质的摄像上，清晰度和分辨率比传统DV都有很大差距。</t>
  </si>
  <si>
    <t xml:space="preserve">女宝宝9个月，小便部位到大腿根一片片红，如何处理？袁医生，女宝宝 </t>
  </si>
  <si>
    <t>停用尿不湿，这是尿布疹，通风干燥，再外用抗湿疹药膏即可。</t>
  </si>
  <si>
    <t xml:space="preserve">什么叫世纪波？什么是乌龙大礼？ </t>
  </si>
  <si>
    <t>粤语“乌龙”有“搞错、乌里巴涂”等意思，它源于广东的一个民间传说：久旱之时，人们祈求青龙降下甘露，以滋润万物，谁知，青龙未至，乌龙现身，反而给人们带来了灾难。“乌龙球”源于英语的“OWN GOAL”一词，意为“自进本方球门的球”，香港球迷根据这个单词的发音，将其称为“乌龙球”。应该是“世界波”，来自广东话，“波”为英文“BALL”，广东话里“世界波”就是技惊四座，世界范围内为之一震的进球。世界波—— 足球术语；超靓入球；世界级进球</t>
  </si>
  <si>
    <t xml:space="preserve">求西方人物雕塑图片 </t>
  </si>
  <si>
    <t xml:space="preserve">西方人物雕塑图片几千张,应该有适合你的. </t>
  </si>
  <si>
    <t xml:space="preserve">汗臭和狐臭的味道一样吗?我的汗的味道跟狐臭的味道有点象,但是去医 </t>
  </si>
  <si>
    <t>狐臭极难闻，象动物园里狐狸尿的味。所以叫狐臭 !你常洗澡，常换衣服!</t>
  </si>
  <si>
    <t xml:space="preserve">如何GHOST到光盘我想制作一个GHOST启动盘,下载了一个GH </t>
  </si>
  <si>
    <t xml:space="preserve">用ghost做镜像用NERO软件或其它支持制作光盘启动盘刻录软件，选择光盘带启动盘这项，然后再软驱中插入带启动文件的软盘，将ghost文件，镜像文件导入，进行刻录。 </t>
  </si>
  <si>
    <t xml:space="preserve">关于魔塔！21层魔塔在哪里玩？ </t>
  </si>
  <si>
    <t xml:space="preserve"> 　腾讯迷你小游戏</t>
  </si>
  <si>
    <t xml:space="preserve">是不是每个男人都好色包括男孩？是不是所有的男人都好色，也包括还处 </t>
  </si>
  <si>
    <t>你总结得完全正确,男人没有不好色的,再老实的都一样.</t>
  </si>
  <si>
    <t xml:space="preserve">阿斯图里亚斯出了一款36寸的民谣面单，gs型，好喜欢这个，小小的? </t>
  </si>
  <si>
    <t xml:space="preserve">                    嘻嘻，刚出我就买了，超级萌，音色也很好。朋友看到也买了。 ,,,,,,,,,,,,,,,,,,,,,,,,,,,</t>
  </si>
  <si>
    <t xml:space="preserve">一条比较简单的句子的分析Thesentrieswereduein </t>
  </si>
  <si>
    <t>The sentries were due|| in soon.due在句中作形容词，是“预期应到的”意思整句意思为：卫兵们马上就到站岗时间了。</t>
  </si>
  <si>
    <t xml:space="preserve">你喜?g什麼遊?颉罚? </t>
  </si>
  <si>
    <t>SD敢達OL！！！</t>
  </si>
  <si>
    <t xml:space="preserve">脑筋急转弯电和闪电最大的区别是什么？ </t>
  </si>
  <si>
    <t>电要钱、闪电不要钱一个收费，一个不收费</t>
  </si>
  <si>
    <t xml:space="preserve">botox除皱效果怎么样啊？我脸上的皱纹比较多，想用这种方法，不? </t>
  </si>
  <si>
    <t>botox除皱有一定的效果，老实说，这种瘦脸针都要求特别高，一旦用量超过一点，就有可能导致面瘫，所以风险性还是比较大的。如果楼主想去皱，完全可以选择一种比较安全可靠的方式，推荐楼主可以使用法国的蓓肤雅去皱产品进行去皱，它采用了EGF+双分子玻尿酸双效祛皱科技，去皱效果堪比手术去皱或者瘦脸针，而且安全没有任何副作用，见效速度也快，是去皱美容护肤的首选方法。</t>
  </si>
  <si>
    <t xml:space="preserve">摄像头安装不了了电脑系统恢复后,摄像头安装不了了.总是提示有些文? </t>
  </si>
  <si>
    <t>将杀毒软件，木马清理软件和安全卫士等驻留内存的对注册表有保护功能的软件禁用或关闭，再在设备管理器中删除摄像头，重新安装驱动就可。如果设备管理器中没有摄像头就用光盘中的安装程序安装上驱动，然后插上摄像头系统会检测到新硬件并安装驱动，按照提示就可装上。</t>
  </si>
  <si>
    <t xml:space="preserve">一道圆的数学题，急急急，在线等在一平面内，点O到直线L的距离为7 </t>
  </si>
  <si>
    <t>[1]当r为3时，圆O上有且只有一个点到直线L的距离为4。 [2]当r为11时，圆O上有且只有三个点到直线L的距离为4。 [3]随着r的变化，圆O上到直线L的距离为4的点的个数有哪些变化？并写出相对应的r的值或取值范围。0&lt;r&lt;3  圆O上到直线L的距离为4的点有0个r=3    圆O上到直线L的距离为4的点有1个3&lt;r&lt;11 圆O上到直线L的距离为4的点有2个r=11   圆O上到直线L的距离为4的点有3个r〉11  圆O上到直线L的距离为4的点有4个</t>
  </si>
  <si>
    <t xml:space="preserve">二手房装修怎么样才最省钱大概84个平方请问我想用最简单的装修大概 </t>
  </si>
  <si>
    <t xml:space="preserve">     最简单装修也需要给接近一万吧，好想有个很便宜搞装修的栏目就是专门包装修旧房的您可以打听下，我是在电视上见过，（记不清是那个节目了）应该就花个几千元他们就能够把家以旧换新</t>
  </si>
  <si>
    <t xml:space="preserve">这是啥枪1? </t>
  </si>
  <si>
    <t>U5+消声器目前，美国特种部队都使用.45ACP的手枪替代威力较小的9mm手枪作为自卫武器，而HK公司专为美国特种部队开发的MK23 SOCOM则主要是作为战斗武器而不是自卫武器，但美国特种部队所采用的冲锋枪却仍然是9mm口径的MP5；；在使用消声器时为达到效果常常需要用亚音速弹，但9mm亚音速弹的战斗性能不佳，而45ACP弹大多本身就是亚音速的；而且由于手枪和冲锋枪所用子弹不同，对后勤供应也造成不便，因此在执行特种作战任务时，希望冲锋枪也能改用.45ACP弹。但不仅在HK公司的冲锋枪中没有.45口径的，在现役的冲锋枪中也根本没有适合拯救人质这一类的特种作战用的.45ACP口径型号。在这种背景下，HK公司开发了全新的“.45口径通用冲锋枪（Universal Machine Pistol——UMP45）”，并于1998年底交付试验。和G36一样，UMP45标志着HK公司在武器设计理念上的转变。UMP45的研制应用了G36的一些设计，不仅外形相似，而且操作规程也相同。UMP45的结构简单，并大量采用非金属材料，从而减轻了重量，降低了价格，但就保持了HK传统的优良性能和质量。与MP5相比，UMP45的采购价为850美元，而9mm的MP5则要高出300多美元，而MP5/10的价格更可以购买两支UMP45。  UMP45的自动方式不再是MP5传统的半自由枪机式，而是采用自由式枪机，为了保证射击精度采用闭膛待击。另外，为便于连发时操枪和减小射弹散布，还安装了射速减速器，把射速限制在580发/min，在发射高压弹（+P弹）时，射速会提高到700发/min。塑料制的直形弹匣容量为25发，比MP5少，这是因为.45ACP弹的直径比9mm弹大得多。另外还有设计有一种10发的短弹匣。枪管前端有一个凸爪，凸爪的设计与MP5不一样，但作用是一样的，是为了安装消声器或消焰器。枪托向右折叠后，抛出的弹壳从枪托中的孔中抛出，与G36相似。枪的分解十分简单，也与G36相似，因为这是设计时刻意采用的一条原则。UMP45的瞄具采用的是柱型准星和固定的觇孔式照门，简单实用，不过在试验中普遍反映瞄具的位置偏低。UMP45的鉴定试验小组由SWAT、SEAL及FBI的试验人员组成，他们进行了射击场、近战演习等大量试验。试验人员故意将不同型号的.45子弹装进同一个弹匣中射击，这样的方式发射了几百发后都没有出现过一次故障。经过这些试验证明，UMP45的可靠性很好，射击精度也相当高，尽管.45ACP弹的后坐力较大，但连发时的后坐力却相当低。总之，UMP45性能优秀，完全符合特种作战的要求。不过作为鉴定意见，试验小组希望HK公司在批量生产时将瞄具的位置提高一些，以便能贴腮瞄准</t>
  </si>
  <si>
    <t xml:space="preserve">在配电系统同时使用保护接地和保护接零行吗我们这里有一台630KV </t>
  </si>
  <si>
    <t>不知道你这台变压器的二次侧用于什么负荷。变压器低压侧电压1000伏，我认为采用其中性点用导线与配电盘的接地母排相连、且母排与接地相连的接地方式不好。我建议，二次侧中性点和大地绝缘（中性点端子不要引出来），低压供电系统采用三相三线制供电，所有电器设备的外壳采用接地保护。在低压配电室，安装漏电保护装置。在煤矿井下660伏供电系统中大量采用这种供电的接地方式。这种供电方式的优点是，当发生单相接地故障后，接地故障电流很小，如果漏电保护在单相接地故障发生时失灵，也不会对人员和设备造成多大危害和损失，还能带故障继续供电，所以比较安全，在井下，可大大降低电火花引燃瓦斯爆炸的危险。为了提高漏电保护装置的灵敏性，有的选择变压器二次侧中性点经阻抗和大地连接，但是低压供电系统仍然采用中性点与大地绝缘。其中，变压器二次侧中性点接地阻抗需要经过计算来取值，以便和漏电保护装置匹配。本人在工作中没采用过，具体怎么计算需要查阅一些资料，在此暂时不好详细说明。上述解答希望对你有用。</t>
  </si>
  <si>
    <t xml:space="preserve">为什么小孩子晚上总是哭个不停？ </t>
  </si>
  <si>
    <t>因为白天睡的多，到晚上就睡不着了</t>
  </si>
  <si>
    <t xml:space="preserve">主办单位与承办单位组织一个活动，我们出力，赞助商出钱，这样我们是 </t>
  </si>
  <si>
    <t xml:space="preserve">主办单位层次高，一般是上级主管单位或行业协会等团体。承办单位是具体操作机构，新闻机构，也有的是主办单位的内部部门。协办单位可以是资助商，其他关系机构或者支持单位。举例如下：2005环青海湖自行车国际大赛　组织机构   主办单位：     国家体育总局、国家广播电影电视总局、青海省人民政府   承办单位：     中国自行车运动协会、中央电视台体育中心、青海省体育局、青海互助青稞酒业有限公司   协办单位：     中国环境科学学会、中国绿化基金会、中国野生动物保护协会  又回:对呀,跟吃软饭没有什么区别,但话又说回来,你一家公司搞活动,没有主办单位,向机关部门申请,谁相信你呀?所以,主办单位其实跟担保有点象,不可缺少的. </t>
  </si>
  <si>
    <t xml:space="preserve">喜欢上一个男孩子该怎么向他表白呢？我感觉自己很喜欢和他聊天、喜欢 </t>
  </si>
  <si>
    <t>既然喜欢和他聊天,估计他也喜欢和你聊天,如果你们无话不谈,那就可以直接问他,不用有所顾忌,都不是小孩子了;如果想知道他的想法可以:第一:让你们都认识的朋友去试探,不要让他觉察;第二:欲擒故纵,越想和他说话越不和他说,让他主动来和你先说,这样你就好掌握了,愿你好运</t>
  </si>
  <si>
    <t xml:space="preserve">电脑莫名其妙开机蓝屏我的电脑开机会蓝屏，开不起来，请问是什么回事 </t>
  </si>
  <si>
    <t>几种可能：一是内存需清理灰尘，清理灰尘后装上重启就行二是病毒导致，这个只能在开机后清晰了三是软件冲突，确保自己没有装重复性功能的软件要是安全模式进不了你就重装吧</t>
  </si>
  <si>
    <t xml:space="preserve">我是女性，才30岁就脸色发黄，怎么回事？比我年龄大的人脸色都粉白? </t>
  </si>
  <si>
    <t xml:space="preserve">可能是肠胃不好； 也可能因为本身肌肤循环，净化，以及吸收机能不好导致 ；如果长期熬夜，缺乏维生素等营养脸色暗淡就是很自然的了 身体好了.气血调和了,脸色自然就会好起来.平时的饮食很重要,蜂蜜 银耳 枸杞 红枣等常常食用对养颜有很大的帮助;外用护肤品也是不可缺少的,应选择一种适合自己的产品;除此之外,服用有效的保健品也是非常重要的,南方李锦记有限公司的产品"润红胭口服液",是专门针对女性血虚的问题,根据中医益气生血,健脾助运原理,结合补血方,采用中草药制成,气血调和,运行通畅,预防和改善血气虚,内生气血外润红胭.价格一般人都可接受. </t>
  </si>
  <si>
    <t xml:space="preserve">促使人生长的生长激素到底有用吗？经北京儿童医院的推荐，我开始打金 </t>
  </si>
  <si>
    <t xml:space="preserve">    如果你符合注射生长激素的条件，也就是说自身生长激素分泌不足，那一般注射生长激素效果很好，而且副作用很小。一般自身生长激素分泌越是不足，再注射的第1、2年身高生长越显著，这叫追赶生长。如果你觉得效果不明显，建议到复查，看是不是别的原因导致身材矮，比如是生长激素受体的问题，或是体内有生长激素的抗体，而不是生长激素分泌不足的问题。注射生长激素确实很贵，如果注射后确有其效，那还比较值，毕竟身高明显长高了呀，而且你现在12岁，趁着骨骺未闭合，正是治疗的好时间。坚持吧，同时注意补钙，锻炼身体。以下是网上检索到的专家的话，供你参考。    目前国内外临床上使用的生长激素都是用基因重组高科技方法生产的，除少数产品外，多数产品的结构都与人体分泌的生长激素相一致(少数产品纯度不高，使用后可能有注射局部红肿)，从总体上说，生长激素的严重副作用极为少见，在有经验的专科医师指导下应用是相当安全有效的，但必须严格控制适应征并在治疗过程中进行监测。由于生长激素是全身的组织和细胞都会生长的激素，理论上来说可能会增加某些肿瘤发生的危险。但是目前对于生长激素缺乏的人来说，如果给他的是生理的替代治疗量，是合适的剂量。比如说如果你肚子饿了，你一下子吃两三天的食物可能肚子一定会撑，容易出问题，所以要适量。就像穿衣服一样，这个衣服应该是恰当的，如果像今天这样的天气穿皮大衣是不可以的。    有极个别儿童会在治疗初期抱怨说头痛，但这只是暂时性的，一般不会持续很长。　　在接受生长激素的治疗过程中，可能会有骨骼或者关节间的轻微不适感。这常常在治疗进行得非常顺利，身高明显增长的儿童身上出现。但如果脚部疼痛厉害的话，则需要注意。　　生长激素有促进细胞增殖的作用。然后，身高不能得到增长。这种促进细胞增殖的作用，也有可能会帮助恶性细胞的增殖，所以有人怀疑生长激素促进白血病的发病。但是，也有人说不可能出现这种情况，目前两者之间的因果关系不是很明确。　　在生长激素治疗过程中，也有可能发现甲状腺机能低下的患者。生长激素分泌不足的儿童，常常会出现潜在的甲状腺激素不足，所以在身高增长不好时期内，原本就少的甲状腺激素也在新陈代谢中被安全消耗了。但是，随着生长激素的治疗，身高增长变好后，即使甲状腺激素的量不多，也不会被新陈代谢消耗尽。　　另外还有人认为，会有极少患者由于体质的原因，造成糖尿病。</t>
  </si>
  <si>
    <t xml:space="preserve">请问乙肝疫苗打的还有效吗？用不用重打?我家的宝宝出生时打了第一针 </t>
  </si>
  <si>
    <t>有效，不需要重打。 因为我的孩子跟你的情况一样，我问过医生没事的。放心吧，不用重打的。</t>
  </si>
  <si>
    <t xml:space="preserve">微博居然登不上了，晕死，我有什么不健康的内容啊，来新浪，你和我说? </t>
  </si>
  <si>
    <t xml:space="preserve">什么是基金配送?今天听人说,买基金买错了,买成配送的了.我不明白? </t>
  </si>
  <si>
    <t>配送：基金购买前设定一定的规模,比如100亿,在认购期如果超过100亿,例如;达到200亿时,采取比例配送。你要买2万，只给你1万，剩余的1万退还给你。</t>
  </si>
  <si>
    <t xml:space="preserve">有谁知道哪个网站可以免费下载或在线观看台湾偶像剧的呀?越多网址越 </t>
  </si>
  <si>
    <t xml:space="preserve">  需要注册，免费的，       点影视，需要注册，免费，全是DVD，前半夜有点卡   ?url=WS00903206               vnet./           用户名:cnc 密码:cnc  http:www, ?url=aishangxiaomaolv    前六个网站不错，免费在线收看。第一个虽然注册，但是速度非常快，第二个速度也很快，不用注册.</t>
  </si>
  <si>
    <t xml:space="preserve">新绝代双骄3里的乐透彩票在哪买如上 </t>
  </si>
  <si>
    <t>四海，宜昌，安庆。看到一胖一瘦两个人就是了</t>
  </si>
  <si>
    <t xml:space="preserve">吃什么事物不爱长胖？ </t>
  </si>
  <si>
    <t>海带，黄瓜，豆芽，青菜，芋头，草莓，蜂蜜，等等。。。。。</t>
  </si>
  <si>
    <t xml:space="preserve">显微镜为什么高倍镜的视野暗，看见的图像大啊？ </t>
  </si>
  <si>
    <t>因为高倍镜的通光孔的口径小，进入的光线少。高倍数增加了出光的角度（增加了光线的分散程度），减少的单位面积的光通量，所以要暗，</t>
  </si>
  <si>
    <t xml:space="preserve">读《水浒传》时谈谈您对宋江的看法 </t>
  </si>
  <si>
    <t>我比较赞成金圣叹的点评. 是一个弄术数之人,心里奸诈却口声称自已志诚质朴."写李逵，岂不段段都是妙绝文字，却不知正为段段都在宋江事后，故便妙不可言。盖作者只是痛恨宋江奸诈，故处处紧接出一段李逵朴诚来，做个形击。 　　其意思自在显宋江之恶，却不料反成李逵之妙也。此譬如刺枪，本要杀人，反使出一身家数。 "</t>
  </si>
  <si>
    <t xml:space="preserve">81毫米口径M252型迫击炮为何是营属迫击炮？美军为何如此设置？ </t>
  </si>
  <si>
    <t>所谓连、营、团属迫击炮，是根据其标准建制连、营、团的攻防作战区域配属的建制内直接支援武器。一般而言口径越大，威力越大，射程越远，控制的区域范围越大。就攻防区域而言，连&lt;营&lt;团，所以配属的迫击炮的口径由连到团是越来越大。步兵排不配置迫击炮是指其建制内没有占编制的迫击炮组，作战时由连乃至营团的迫击炮提供支援，也可以根据任务需要将连、营、团的迫击炮临时加强给承担任务的排，甚至班。</t>
  </si>
  <si>
    <t xml:space="preserve">请教颠球高手颠球的要领是什么?比如用脚的什么部位,颠的时候要不要 </t>
  </si>
  <si>
    <t xml:space="preserve">1:必须全身放松,千万不要让脚僵硬! 2:颠球的时候要击球的底部中央! 3:颠的球最好不要高于膝盖 4:颠球的时候一定要集中注意力,用力要适当! 5.尽量使球往内侧旋转，也就是往你的方向转。6:坚持,坚持,再坚持! </t>
  </si>
  <si>
    <t xml:space="preserve">我在郑州富士康离职1年多了，能回去补办离职证明吗？ </t>
  </si>
  <si>
    <t>档案只要能提出来就行 原单位无理由故意不给办出档案属违法行为</t>
  </si>
  <si>
    <t xml:space="preserve">关于EQ2激活码的问题EQ2的激活码好拿吗?换什么游戏的内测号比 </t>
  </si>
  <si>
    <t>换什么全看你喜欢什么了,无所谓值或不值,只要喜欢就好.好不好拿?我申请双测试拿了3个号,你说呢?</t>
  </si>
  <si>
    <t xml:space="preserve">IwasgratefulforLissahelpingmewit? </t>
  </si>
  <si>
    <t>我很感激Lissa帮我的渡过这一切，每当我丧气准备撒手不管的时候，她就劝我说一切都会好起来。</t>
  </si>
  <si>
    <t xml:space="preserve">在你心目中，日本女孩的性格有哪些特点？ </t>
  </si>
  <si>
    <t xml:space="preserve"> 我所认识的两个日本女孩  2006-12-22　21:51:40     几年前我曾经参与了日本函馆市一个中学生代表团来天津进行交 流访问的活动。在那次活动中我结识了两个日本女孩，给我留下了深 刻印象，至今难以忘怀。       在日本代表团访问的日程安排中有一项活动，就是让20名日本中 学生走进10名中国中学生家庭，与中国的孩子同吃、同住、同娱乐， 进行面对面、心与心的交流。应该说这是一个十分难得和很有意义的 活动。分到我们家的两个女孩都是初中三年级，一个比我女儿大一岁 （我女儿那年上初中二年级），名叫胜田奈奈濑，另一个与我女儿同 岁，名叫岛香奈未。前者性格开朗，一米七的个头，是学校里的 高手。而后者则比较内向沉静，听说黑管吹得不错。两个孩子在家只 住了两个晚上，我非常注意观察她们的一举一动，并时不时与自己的 女儿做比较，结果，无论是开朗的胜田还是文静的岛香都给我留下了 很深刻的印象。我发现这两个日本孩子至少在三个方面强于我认识的 一些中国孩子。       一、举止得体，非常有礼貌。胜田和岛香是由我女儿的叔叔接 回家的。我和我爱人在小区门口迎接她们。下车后，第一件事是向我 们行了一个九十度鞠躬礼，用日语向我们问候。稍经寒喧后才去抢着 提自己的行李，然后不停地向我女儿的叔叔致谢。我想若是换成我们 的孩子，下车的第一件事恐怕是先着急搬弄自己的东西，生怕丢了什 么，早把别人晒在那了。在以后的两天里，两个日本女孩的言行举止 是那样得体，无论是起床后问早安，还是晚上睡前道晚安，都很主 动、热情。吃饭时尽管饭菜都上了桌，但是主人不落座她们决不首先 动筷子。游览鼓楼上楼梯时，由于人多比较拥挤，她俩总是让别人先 上，然后才拾级而上，看得出来一切都很自然，不是故做姿态。这和 我们一些中国孩子不管不顾，只求自己痛快方便形成了鲜明的对照。      二、日本孩子很坚强。过去常听说日本孩子很有忍耐力和意志 力，这次我亲眼所见的一件事就印证了这一点。胜田到我家后我见她 走路有些异常，因为她脸上并未露出什么，所以我也没放在心上。晚 上洗漱完后，她坐在沙发上摆弄起自己的脚来，我们走过去一看着实 吓了一跳。只见她前脚掌靠近大脚趾的地方磨破了一个足有五分硬币 大小的血泡，血泡破了，掀起了一块皮，露出嫩嫩的红肉。我女儿惊 叫着扭过脸去不敢再看了，我一边赶紧张罗着拿药箱给她做处理，同 时产生了看医生的念头。然而胜田并未在意，她冲我们摆手，从口袋 里拿出一块创可贴，熟练地撕开，接着把掀起的肉皮轻轻复原，把创 可贴中心着药的地方对准创伤面，只是在粘的一瞬间，我看见胜田眉 锁了一下， 但是马上又恢复了平常的神态。“OK”，她笑着穿上 鞋，又蹦蹦跳挑和我女儿及岛香玩耍起来。我不得不从心底赞叹这个 不满15岁的小女孩，　多么坚强的小宝贝！这点伤若是发生在中国一 些孩子身上，　那可不得了啦，大呼小叫，哼唧哎呦，没准还会哭哭 涕涕折腾到医院打上一针破伤风针呢。      三、日本孩子能力强。早有耳闻日本孩子能力强，这次接触果真 如此。离开我家的前一天晚上，我们按照天津的风俗包饺子为客人送 行，胜田和岛香非常高兴。她俩学的很认真，不一会儿就把要领掌握 自如了，包出的饺子圆鼓鼓，很挺括，完全可与国人包的妣美。      在中国学生家中做一顿日本饭是此次活动中安排的一项内容，胜 田和岛香要为我们做日本饭团和美味汤。她们先把大米蒸成中国式的 柔软米饭，米和水的比例兑得那么合适，真出乎我的意料。米饭稍为 冷却后，她们把事先带来的类似果脯的东西做馅，用米饭包住，两只 手便不停地团起来，不一会儿便做好了一个个圆圆或三角型的饭团， 然后再沾上一点儿盐，用波力海苔包好，一个个散发着诱人芳香的日 本饭团做好了。若不是她们即兴表演，很难想象这些精美饭团是出自 两个孩子之手。  　    做汤相对容易些，但也稀稠适度，咸淡适中，　很好喝。在做饭 过程中，她们有条不紊，熟练有加，看得出平时总做，尤其是岛香， 一看便知在家是个常常帮妈妈做饭的勤快孩子。我又想到我们的一些 孩子，大都衣来伸手，饭来张口，真是麦苗韭菜分不清，白糖当了咸 盐用。不少孩子甚至拿菜刀的姿势都不对，更别提切蔬菜了。      后来，我在和访问团的日本老师聊天时了解到，日本是个礼仪之 邦，从幼稚园开始便接受礼貌方面的训练，　加之家长潜移默化的影 响，使得礼仪已经融入了日本社会和家庭生活的方方面面。另外日本 的学校普遍开设生存教育和培养能力的课程，　并在假期组织开展如 “野外生存”的训练活动，旨在提高孩子们的实践能力，练就他们坚 韧不拔的性格和自强自立的精神。  　    这就是我认识的两个日本女孩．　讲了她们那么多优点，并不是 有意贬低我们中国的孩子。　在这次交流活动中，中国的孩子所表现 出的大方、待人诚恳、思维敏捷、知识面宽、感情丰富等优良品质也 给日本客人留下了深刻印象。我只想说，在构成青少年综合素质中最 为基本的素质点，如礼仪、坚强、自立、团队精神方面，我们应该多 向发达国家借鉴些教育经验，　并与中国的教育实际相结合，加强和 推动我们的素质教育工作，这是当前我们已经面临和必须解决的重要 课题之一。      感谢你们，两个令人难忘的日本女孩！  </t>
  </si>
  <si>
    <t xml:space="preserve">每天喝蜂蜜会得糖尿病吗？ </t>
  </si>
  <si>
    <t>每天喝不会得糖尿病，糖尿病服用会加重病情。常服蜂蜜对于心脏病、高血压、肺病、眼病、肝脏病、痢疾、便秘、贫血、神经系统疾病、胃和十二指肠溃疡病等 都有良好的辅助医疗作用。外用还可以治疗烫伤、滋润皮肤和防治冻伤。食用蜂蜜的注意事项 　　不宜与豆腐同食。豆腐味甘、咸，性寒，能清热散血。与蜂蜜同食易导致腹泻。同时蜂蜜中的多种酶类，豆腐中的多种矿物质、植物蛋白、有机酸等，二者同食 不利于人体的生化反应。 　　不宜与大葱、韭菜同食。韭菜含维生素C丰富，容易被蜂蜜中的矿物质铜、铁等离子氧化而失去作用。另外，蜂蜜可通便，韭菜富含纤维素而导泻，容易引起腹泻.不适宜糖尿病患者、脾虚泻泄及湿阻中焦的脘腹胀满、苔厚腻者食用。　　1岁以内的婴儿不宜食用。这是因为蜜蜂儿在花中采蜜时，难免会将一些有毒、有害的植物花粉也采集在内，吃了以后可引起中毒或过敏反应。另外，肉毒杆菌在自然界分布极广，极易在蜜蜂儿采花粉是混入蜂蜜，并在酿蜜时的缺氧环境中大量繁殖，分泌毒性极大的肉毒杆菌毒素。一旦中毒没有特效的解毒剂，死亡率极高。因此，婴儿不应吃蜂蜜。</t>
  </si>
  <si>
    <t xml:space="preserve">（求中译英）我仅能用带有中国式的英文写下这些内容，非常抱歉！（求 </t>
  </si>
  <si>
    <t>1.With extremely sorry that I can only write these words with Chinese-English .2.My English is so poor, so I spent so many time to translate these sentenses from Chinese to English .</t>
  </si>
  <si>
    <t xml:space="preserve">日本邮轮旅游价格怎么样？想去日本玩，也想坐邮轮游，但预算不多 </t>
  </si>
  <si>
    <t>邮轮游是“一价全包”型旅行方式，众信旅游有一条线路是皇家加勒比海洋神话号日韩8日游，价格是3999起（仓位的不同决定价格），很便宜，值得考虑呢~</t>
  </si>
  <si>
    <t xml:space="preserve">鼠标问题，高手指点我新作系统之后鼠标玩游戏就一卡一卡的，魔兽争霸 </t>
  </si>
  <si>
    <t>系统问题吧,安装的系统盘是不是垃圾程序过多,或者没有更新显卡或者主板驱动,挨个看一下吧..首先看看是否有过多的垃圾程序,下个超级兔子清理下其次更新下显卡驱动在不行的话,买个新的系统盘从新作以下</t>
  </si>
  <si>
    <t xml:space="preserve">乳腺癌可以治愈吗?治愈的概率是多少? </t>
  </si>
  <si>
    <t>乳腺癌术后仍有复发的可能。局部复发多在术后2年内，其中约40％发生在术后6个月内。因此，在术后半年内应每月到医院复查一次，以后每3个月复查一次。同时患者还可进行自我检查，经常触摸患侧胸壁、对侧乳房、双侧腋窝及锁骨上窝等部位，若发现有可疑的肿块，则应立即到医院检查。两年以后复发的可能性就比较小了，这时可每隔半年或一年复查一次，以防远处转移。在术后2年，如经医生检查确无复发，则可行乳房再造术。</t>
  </si>
  <si>
    <t xml:space="preserve">上海一箱4寸礼花弹要多少钱？大概多少钱一发？ </t>
  </si>
  <si>
    <t>4寸的礼花弹一般在10块左右（每颗）5寸礼花弹:16元/个6寸礼花弹:26元/个7寸礼花弹:38元/个8寸礼花弹:52元/个上面的应该是出厂价格。仅供参考。下面是零售价格（大约）4寸15-205寸22-306寸35-457寸50-708寸65-90</t>
  </si>
  <si>
    <t xml:space="preserve">win7能玩极品飞车9吗？我电脑是win7系统的，下了极品飞车9 </t>
  </si>
  <si>
    <t>win7玩极品9是没有问题的，极品13都可以玩，但14就不行了。丢失的D3DX9_26.DLL文件，可以在在百度里搜索，下载即可。别怕安装，按照安装提示，安装路径不要改，其实就是下一步，下一步···就行了。 好玩的单机游戏，星际2不错，我玩过，很棒的游戏。还有变形金刚，孤岛危机都不错，孤岛危机画面很棒，这个游戏要考验你电脑的配置了，如果你有兴趣，可以去查一下游戏要求的最低配置。我也推荐到游民星空下载，专业，安全。祝你玩得愉快！</t>
  </si>
  <si>
    <t xml:space="preserve">不获地狱怎么进去啊， </t>
  </si>
  <si>
    <t>需要先完成之前的所有主线任务，然后在地府找进食罚地狱的小鬼说话可以选择进入</t>
  </si>
  <si>
    <t xml:space="preserve">恶意行为检测不能打开我的瑞星杀毒中的文件监控恶意行为检测不能开启 </t>
  </si>
  <si>
    <t>1、开始——程序——瑞星杀毒软件——添加删除组件——修复2、如果不能修复，请用瑞星打开所有监控修复工具RAVALLMON： 这个是瑞星公司内部修复所有监控不能打开的工具，适合在用瑞星杀毒软件的修复功能不起作用的情况下使用。</t>
  </si>
  <si>
    <t xml:space="preserve">怎么投票啊我昨天刚刚来请教下怎么投票谢谢 </t>
  </si>
  <si>
    <t>打开问题排行榜，点击最新投票，即可进行投票。</t>
  </si>
  <si>
    <t xml:space="preserve">室温对体温的影响 </t>
  </si>
  <si>
    <t>"1.手术室内温度与湿度对病人体温有明显的影响。2.手术室 一般辐射占热丧失的60%，蒸发20%，传导5%，对流15%3.小儿麻醉适宜温度25度；成人适宜温度22度"（资料来源：MDSIN麦森中国区产品服务中心mdsin#com）</t>
  </si>
  <si>
    <t xml:space="preserve">中信证券.海通证券,西南证券那个好请大家给个建议:中信证券.海通 </t>
  </si>
  <si>
    <t>----选股选龙头股，中信证券是你不错的选择！</t>
  </si>
  <si>
    <t xml:space="preserve">我的电脑怎么老是自动关机呢？以前就再用，一直没什么问题，最近老是? </t>
  </si>
  <si>
    <t>楼上说的对，要先检查一下你的硬件。也可以点击我的电脑右键——属性——高级——启动和故障恢复、设置——把自动重新启动的勾去掉——确定。</t>
  </si>
  <si>
    <t xml:space="preserve">别墅烧烤炉用哪种的好呢？ </t>
  </si>
  <si>
    <t>如果是家用，可以选燃气炉，人口少可以选用带自控的电炉比较方便。</t>
  </si>
  <si>
    <t xml:space="preserve">网络兼职问题现在想自己创业，不知道怎么找，网上有很多不知道去选择 </t>
  </si>
  <si>
    <t>可以开网店来锻炼一下 ，我现在在开网店 如果有兴趣可以给我发信息 我会帮你的 ！</t>
  </si>
  <si>
    <t xml:space="preserve">懂电脑的进````我的电脑最大支持1G内存````我的电脑最大支 </t>
  </si>
  <si>
    <t>支持内存的大小和操作系统有关.XP最大支持4G,单根内存插槽1G.按你的芯片来看不是很老,那主板也不会很老,内存插槽不会只有一根的吧,一般至少有两根,那就支持2G.</t>
  </si>
  <si>
    <t xml:space="preserve">NBA球队上下半场的最高得分分别是几分？单节的最高得分又是多少分 </t>
  </si>
  <si>
    <t xml:space="preserve">单场比赛得分之最 1983年12月13日，底特律活塞队186: 184战胜了丹佛掘金队，创单场比赛得分最。 单节比赛得分纪录 单节最高得分（第一节） 50分－Syracuse（西拉克斯）（西拉克斯）客场对 旧金山武士，1962年12月16 注：1946年费城武士队成立，1949年加入NBA，1962迁往旧金山成为旧金山武士队，1971年迁往金州成为现在的金州勇士队。 50分 － 凯尔特人主场对金块，1982年2月5日 50分 － 爵士 主场对 金块，1982年4月10日 50分 － 雄鹿 主场对 魔术，1989年11月16日 50分 － 太阳 主场对 金块，1990年11月10日 单节最低得分（第一节） 4分－国王 客场对 湖人，1987年2月4日（3分－金块客场对马刺，2002年11月27日） 单节最高得分总和（第一节） 91分－爵士 （50） 主场对 金块 （41），1982年4月10日 单节最低得分总和（第一节） 18分－Fort Wayne（韦恩堡） （9） 客场对Syracuse（西拉克斯） （9），1956年11月29日 单节最高得分（第二节） 57分－太阳 主场对 金块，1990年11月10日 单节最低得分（第二节） 3分－快艇 客场对 湖人，1999年12月14日 单节最高得分总和（第二节） 9分－超音速 （46） 客场对 勇士 （45），1974年3月23日 单节最低得分总和（第二节） 19分－七六人 （8） 客场对 黄蜂 （11），1995年4月5日 单节最高得分（第三节） 5分7－勇士 主场对 国王，1989年3月4日 单节最低得分（第三节） 2分－小牛 客场对 湖人，1997年4月6日 单节最高得分总和（第三节） 90分－辛西纳提皇家队客场对 </t>
  </si>
  <si>
    <t xml:space="preserve">德国队的技术特点，打法是怎样？ </t>
  </si>
  <si>
    <t>技术粗糙，冲击力还行，我从来不看好德国</t>
  </si>
  <si>
    <t xml:space="preserve">李娜，加油！！苦尽甘来，证明中国实力，加油！！李娜，李娜加油！！ </t>
  </si>
  <si>
    <t>21:00  cctv5</t>
  </si>
  <si>
    <t xml:space="preserve">《三枪》的那些景是在哪取的啊 </t>
  </si>
  <si>
    <t>该片的外景地设在大西北甘肃张掖的地质公园里，镜头里呈现的塞外风景，被形容为“如油画一般”。</t>
  </si>
  <si>
    <t xml:space="preserve">化学有关Al与NaOH溶液反应的说法中,正确的是()A:铝是还原 </t>
  </si>
  <si>
    <t xml:space="preserve">铝和水反应的实质是2Al+6H2O=2Al（OH）3+3H2，生成的氢氧化铝附着在铝片表面，使反应进行程度比较慢，而溶液中的氢氧化钠正好和氢氧化铝在反应生成偏铝酸钠和水。促进铝和水的反应，这个反应实质上产生的氢气都是有水提供的氢离子。所以选D。方程式： 2Al+6H2O=2Al（OH）3+3H2  （1）Al（OH）3+NaOH=NaAlO2+2H2O （2）因为氢氧化铝是中间产物方程式（1）+2*（2）2Al+2NaOH+6H2O===2NaAlO2+3H2 +4H2O两边都有水，消掉四个水，最后的反应2Al+2NaOH+2H2O===2NaAlO2+3H2 </t>
  </si>
  <si>
    <t xml:space="preserve">这样的经理算不算是无故拖欠劳动者工资?算不算限制劳动者人身自由? </t>
  </si>
  <si>
    <t>像你们公司这种情况其实在很多用外来人员的公司会经常发生，但这也没有构成公司恶意欠薪，只不过是推迟发放，应该没有太大的问题，劳动部门也不会过问追查此类事件的。像小Ｐ这样的事件，是可以向公司索取经济赔偿的，而且公司是一定要支付未曾付给小Ｐ的工资报酬的。但如果公司不是开除小Ｐ（无故立即辞退），而是提前３０天书面通知劳动者本人解除劳动合同，小Ｐ就得不到公司额外的经济赔偿了。</t>
  </si>
  <si>
    <t xml:space="preserve">怎样能修改防火墙的设置我上ＭＳＮ，总是提醒你的防火墙设置阻止了Ｗ </t>
  </si>
  <si>
    <t>瑞星防火墙的设置是，双击防火墙的标志－＞设置－＞详细设置－＞规则设置，访问规则－＞增加规则，选择你要使用的程序禁止或者允许。</t>
  </si>
  <si>
    <t xml:space="preserve">吃饱后拍嗝宝宝吃饱后，我把他竖直拍很长时间，也不见打嗝，是怎么回 </t>
  </si>
  <si>
    <t>怀孕时我去听过早教课专家说，应该让宝宝近早的练习趴抬头，并且可用手顶住宝宝的脚让他往前爬，这样一是锻炼宝宝爬行脑的发育，二是可以提高宝宝的能力。不过要适当，每天练习时间不要太长。我宝宝从月子里就是这样练习的，二个月时头就可以抬起来，现在五个月就可以自己坐着了，这种早教练习对宝宝有很大的帮助。也许有人说这样不行宝宝太小受不了，这都是不科学的说法。祝宝宝健康！</t>
  </si>
  <si>
    <t xml:space="preserve">我做许愿药水任务。打最后一个怪风之细语。2章后怎么也找不到。请问? </t>
  </si>
  <si>
    <t>认真找，靠近海边的地方，风之细语的个头比其他的怪大的多。</t>
  </si>
  <si>
    <t xml:space="preserve">求各位大虾帮忙怎么跟货运讨价还价 </t>
  </si>
  <si>
    <t>那就给他们吹毛求疵了 挑毛病 根据自己的货物的多少和对货物的损坏程度进行讨价还价</t>
  </si>
  <si>
    <t xml:space="preserve">我的个性火+点5敏3体 </t>
  </si>
  <si>
    <t>这样加点挺好的,优点是速度比一般加点的法金啊敏法金啊快.加体了血也厚,防也高,生存力强.缺点就是比敏金敏水慢,相对法火,秒少,法力低.</t>
  </si>
  <si>
    <t xml:space="preserve">电脑问题以前我注销过一次宽带,今年又重新申请安装了宽带,现在是桌 </t>
  </si>
  <si>
    <t>你好！右击网上邻居——属性——你不用的本地连接——右击——属性——停用即可。</t>
  </si>
  <si>
    <t xml:space="preserve">我想开个网店，麻烦哪位给点建设，我在这谢谢你了！我想开个网店，但 </t>
  </si>
  <si>
    <t>可以先到著名的淘宝网上去注册个会员，看看他们介绍的开网店的手续！还有就是仔细考虑考虑你要做什么产品，前提是能拿到进货价的产品，网店的好处就是不用上税，而且算是直销，取消了中间环节！</t>
  </si>
  <si>
    <t xml:space="preserve">梦到下雪定有丧事吗？我梦到下雪后又下了雨是不吉利吗？ </t>
  </si>
  <si>
    <t xml:space="preserve">这个， 说不好啊。 信则有，不信则无。这个是周公解梦的网址你看看 </t>
  </si>
  <si>
    <t xml:space="preserve">请问医生高手，得了湿疹浑身痒有好办法吗？我的孩子今年8岁了，诊断 </t>
  </si>
  <si>
    <t xml:space="preserve">湿疹是由各种内外因素引起的。内因方面有精神和神经作用、内分泌失调、代谢障碍、肠寄生虫病、消化不良、急性风湿病、糖尿病、肾病和肝病等。外因方面有机械性、物理性或性的刺激。湿疹临床表现通常分急性和慢性二种；急性阶段以丘疮疹为主，慢性阶段为以表皮肥厚和苔薛样变为主的疡痒性皮肤病。湿疹一般都有下面几个共同的特点：①痒，多数是阵发性，尤其在晚上最厉害；②多形性损害，常以一形为最显著；③弥漫性；①皮肤变厚·粗糙；⑤容易复发和转为慢性。      家庭护理要点    1．对急性红肿，有大量浆液或脓液、痴皮。糜烂面和溃破面，应用冷湿敷。常用1：10000高锰酸钾溶液湿敷，使创面清洁，起到杀菌收敛及氧化作用。    2．创面渗出物多时，湿敷时应勤更换敷料，勿使吸满分泌物的敷料久停留于创面上，刺激周围的正常皮肤，致使创面扩大。    3．对大面积的湿疹，应对药物的性质、浓度和湿敷面积的大小，给以适当的注意。如面积太大，一种药物应用的时间不宜过久，以免不断吸收产生蓄积作用而中毒，或将过大的面积划分为两个区域，每一区域采用不同的药物，这样较为安全。    4．凡是有渗液或红肿的损害，均适用于湿敷，而不可用油膏。为了不妨碍病人的睡眠，根据创面情况，晚问可考虑换用氧化锌糊剂。对炎症不显著或仅有溢液者也宜用糊剂。    5．湿疹可使用的药物种类繁多，凡更换新药前，一定把以前所用药物清除干净。    6．皮质激素外用药物虽疗效肯定，但如应用的面积大，时间久，大量吸收后，可致局部皮肤萎缩，毛细血管扩张，重者引起全身副作用。    7．在更换药物时最好先在小块湿疹涂擦，观察效果，以决定是否使用。避免因药物使用不当加重病情。    8．如局部有奇痒应说服病人坚持勿抓，并在晚饭后或睡前服用抗组织胺制剂或镇静剂，局部止疹剂，避免抓伤。    9．避免再刺激。常见的外源性再刺激有搔抓，摩擦，肥皂洗，热水烫，用药不当等。内源性再刺激有饮用浓茶、咖啡、酒类或食用辣椒、鱼、虾、蟹，甚至牛奶、鸡蛋也可导致湿疹复发。其中以搔抓最为突出，其次是热水洗烫，都会使病情恶化。    10．要充分关心病人的生活、工作、心理和全身健康情况，协助病人寻找发病原因，尽可能去除病因，提高病人治疗信心。    11．湿敷法。首先采用有杀菌性和收敛性药液，通常用1：8000～1：10000的高锰酸钾溶液（注意未溶解的高锰酸钾可烧伤皮肤）浸透比创面稍大的4～6层细纱布，以不滴水为适度，将湿纱布敷于创面，根据分泌物的多少来决定更换的时间和次数，保持纱布的清洁度和湿度。如纱布比较清洁分泌物少时，可随时滴敷液保持纱布的湿度，如纱布吸收的渗出物已达半饱和程度，即将纱布更换。每日二至三次，每次可持续：至2小时。如创面红肿逐渐消退、渗液减少，创面已干燥，即可停止湿敷，改用糊剂。      注意事项    1．湿敷面积不能超过全身面积的1／3，因过度的体表蒸发可造成脱水。    2．湿敷的液体不宜过冷，否则易引起代偿性的血管扩张而致感冒。室温低时应将药液加温后再湿敷。    3．皮损如有感染者，用后的敷垫应洗净消毒（可煮沸消毒）后再用。    4．湿敷液应新鲜配制，防止因溶液变质影响效果。        </t>
  </si>
  <si>
    <t xml:space="preserve">想去台服感受一下，如何能最快的得到客户端想去台服感受一下，新的种 </t>
  </si>
  <si>
    <t xml:space="preserve">  国内教育网 下载</t>
  </si>
  <si>
    <t xml:space="preserve">谁在购男女商城上买过东西？看宣传册子上的价钱都很实惠啊！他们是送? </t>
  </si>
  <si>
    <t>我8月30号，买了个鼠标，下午打的电话，晚上就送到了。30块钱，很便宜。紫光海沙3号，本来就比中关村便宜。关键我不用跑了，坐车也得花钱，花时间。还不错！</t>
  </si>
  <si>
    <t xml:space="preserve">儿童房或者幼儿园墙面应该用什么颜色？ </t>
  </si>
  <si>
    <t>建议你选用浅绿色（苹果绿），比较养眼，保护目力。</t>
  </si>
  <si>
    <t xml:space="preserve">让暴风雨来得更猛烈一些吧！(股市路在何方)本周，虽然有新股申购资 </t>
  </si>
  <si>
    <t>我们有的就是时间,放它几年看它涨不涨.</t>
  </si>
  <si>
    <t xml:space="preserve">大家知道有哪些好看的悬疑推理小说吗？像女生寝室那样，节奏紧凑一点? </t>
  </si>
  <si>
    <t>《最完美的女孩》校园恐怖女生寝室3：诡铃作者：沈醉天故事简介：诡异铃声，听者无一幸免，因为她从阴间来电......夜半三更，谁的频频震响？最后杀掉你的人，很可能就是你自己！继441女生自杀事件，阴森诡异的南江医学院恐怖事件再次卷起！一个陌生的号码，一部盈手可握的手机，一阵随时传来的索命铃声，到底谁在散播凶咒？厄运降临，为了拯救妹妹，神秘女生苏雅步上了危机重重的生死之旅。一个个染满鲜血的祭礼，一部部梦靥般的悲剧，他的背后尽是让人难以想象的死亡怨气，种种嫉妒和贪婪的秘密徐徐地显露出来.....艺校女生《诡上身之古祭还魂》空中网原创小说冠军，出版前名为《我在停尸房工作的日子》鬼吹灯就不用说了 《超级女生死亡pk》 长篇悬疑: 超级女声死亡PK 简介：新一轮声势浩大的“非常女性PK大赛”如火如荼地开始了，却不料，恐怖事件频频发生：海选现场学音乐的女生周楚楚站在舞台上动情演唱的时候，面前突然落下了一朵蓝色玫瑰花和一具身穿粉红衣裙、跳着死亡芭蕾的女尸；周楚楚晕倒住进了医院，半夜却听到太平间的女尸呜咽而歌；重新参加大赛，新认识的好朋友甜美女生倪美媛，平白无故消失在卫生间，只留下一具穿着裙子没有皮肤的血肉模糊的躯体……恐怖事件围绕着周楚楚一件件地发生，甚至不为人知的同父异母的姐姐也横遭惨死，同时，她发现自己对比赛时候认识的帅帅的女生霍丹产生了异样的感情……沦陷在生死与感情困境中的周楚楚，该何去何从？而这一系列恐怖事件的背后，隐藏着怎样惊心动魄的过去呢？《幽冥四部曲》《无限恐怖》《十三咒》《驱魔人》降头师跟驱魔人很像，都带有情感的悬疑恐怖，至今我最喜欢的恐怖小说七根蜡烛  带有感情题材的恐怖悬疑，挺好看的鬼葬鬼葬开始看着可能有点乱，但是写的其实挺特别的，看到后面你就知道怎么回事了，我正在看，特别期待结局</t>
  </si>
  <si>
    <t xml:space="preserve">苏州哪里有学日语的?我要学的是初级.最好是周末学习或者是寒假. </t>
  </si>
  <si>
    <t>现在随着学习日语的人不断增多,价钱也是迥然不同,我个人建议去苏大学,教学质量相对好些,如果你能承受价钱的话.其次还可以考虑去图书馆对面的科技大楼,因为我当时学的初级就是在那里学的,那里的价钱还算低的,老会员可以享受打折,所以我也没换过别的地方一直在那学的,还可以免费听别班老师上的课,(去揩油撒)我经常做这种事情的呵呵~~~那里开的班很多,时间完全是配合你来的,你可以去饮马桥过去点咨询下.</t>
  </si>
  <si>
    <t xml:space="preserve">左后脑勺连着左边颈部疼一天到晚都是这样·肩膀和头总是不觉的缩不知? </t>
  </si>
  <si>
    <t>寰枢椎脱位症状：轻度(1)枕部及颈部疼痛。中度(2)斜颈及颈部运动受限。重度(3)上位脊髓损害的表现：全身肌肉紧张，手握物不稳或无力， 容易打碎水杯和饭碗；行走无力，容易跌倒；大小便无力；四肢肌肉萎缩；严重者可出现全身瘫痪，甚至危及生命。张口位X片可以清晰看见寰枢椎，医生两次诊断都说寰枢椎脱位，就趁早牵引，要不神经压太久会有损伤，三位重建没什么用的，可以不用做，如果想更清晰看到的话，不如做个MR比较好，没有辐射，看得清晰。自己就按照你说的诊断，可能会有不准。</t>
  </si>
  <si>
    <t xml:space="preserve">鱼头和鱼尾那个更有营养象普通的草鱼、鲤鱼、鲫鱼、福寿鱼，上半部还 </t>
  </si>
  <si>
    <t xml:space="preserve">淡水鱼是头好吃，海鱼是尾好吃（特别是深水鱼）。 </t>
  </si>
  <si>
    <t xml:space="preserve">有谁知到沧州哪里有跑马场？？？ </t>
  </si>
  <si>
    <t>吴桥大世界有 骑一圈10元</t>
  </si>
  <si>
    <t xml:space="preserve">拍的桃花微距光影效果有点吗？你看我拍的桃花微距拍的光影效果有点吗 </t>
  </si>
  <si>
    <t>你用微距拍的桃花，光影效果有了点，看看是否曝光有点不足。当拍摄时可否拍三张：正常曝光一张，看看是曝光过度还是不足，再进行曝光量的调节，再进行拍摄。有时在相机上看与在电脑上看是有很大差别的，这就要你自己去调整相机显示屏的亮度，使显示屏的亮度尽量与电脑显示屏亮度统一。对角线构图也不错，比上一次那张的构图好！</t>
  </si>
  <si>
    <t xml:space="preserve">Accesss数据库链接？？？我有一网站源代码，是asp+jav </t>
  </si>
  <si>
    <t>dbname="driver={Microsoft Access Driver (*.mdb)};DBQ="&amp;Server.MapPath("../DATA/ p")set conn= eateobject(" nnection")conn.open dbname这段就是连接，只是由于写在了 p中，其他asp中可能没有写，所以当你转到其他网页的时候就会提示没有数据库连接很简单，就把这段提出来，单独新建个文件，比如起名为 p，复制这段代码，保存。然后在其他的asp页面中，开头都贴上&lt;!--#include file=" p"--&gt;需要注意的是：为了防止有页面复用导致一个页面中多次打开连接报错，需要将，conn.open dbname这段改为:if  ate=0 thenconn.open dbnameend if另外，由于你所引用的数据库连接代码在一个asp文件中，需要注意相对路径的问题，如果asp页面存储在好几个目录，或者多层目录，就不能简单的复制&lt;!--#include file=" p"--&gt;这句话，这代表，你所引用的这个 p页面和需要引用的asp页面在同一级目录里，如果不在同一级就需要改变file=""里的路径，比如说，如果某个页面在相对于 p那个目录的一级子目录里，就要改为../ p另外他用了个小技巧， p其实就是数据库，只不过改了后缀，如果你改回.mdb可以用access打开的刚才提到页面复用，简单解释一下，比如说，你有一个 p，里面引用了一个 p，同时还有 p等多个页面，他们都是要读取数据库的。在 p中需要连接数据库，因此导入了一个 p，这样在这个页面中所有的ASP页面都已经连接了数据库。但是说过，你每个asp文件里都会有句连接数据库引用的代码，因此 p这个文件会在一个 p页面里引用多次，即该页面复用了。这样就意味当编译器（asp是解释型语言，就是一行一行执行的）执行到 p这里时又要连一次，执行到 p时又要连接一次数据库。但是，这里是行不通的，因为同一个conn对象（数据库连接对象）是不能在没有关闭的情况下再次打开的，因此这里会报错。所以通常在会遇到页面复用的情况下，对数据库连接会加上状态判断，即，如果数据库已经连接，则不执行连接过程，否则就连接（也就是我上面要你改的那段）</t>
  </si>
  <si>
    <t xml:space="preserve">中国领土完整吗？日本，越南，菲律賓美国日本韩国印度东盟狗为什么都 </t>
  </si>
  <si>
    <t>没有哪一个国家嫌弃自己的领土面积过多的。</t>
  </si>
  <si>
    <t xml:space="preserve">关于考研数学我是土木工程交通土建的方向,问下我该考数学几啊??? </t>
  </si>
  <si>
    <t>07土木工程学科排名前7名的07招生简章我只找到了一个-中南大学081401?岩土工程01岩土边坡与地下工程02岩土力学与地基基础03路基工程及支挡结构04软土地基处理与加固05岩土力学06岩土本构关系与数值模拟07岩土工程测试技术08岩土动力学与数值模拟09环境岩土工程 30人①101政治②201英语③301一④448材料力学或449结构力学  081402?结构工程01现代混凝土结构设计理论及应用02新型组合结构设计理论及应用03钢结构设计理论及应用04预应力结构设计理论及应用05工程结构健康诊断与加固改造06工程结构抗震技术与动力学仿真07工程结构的耐久性08现代施工技术 40人①101政治②201英语③301数学一④448材料力学或449结构力学 081405?防灾减灾工程及防护工程01建筑火灾损伤鉴定与加固02工程结构抗震减灾技术03工程结构抗风与控制04城市安全及防灾减灾05地下工程的防灾减灾06损伤诊断与安全控制自动化07安全自动检测智能仪器08结构振动测试技术 16人①101政治②201英语③301数学一④449结构力学或454单片微机原理  081406?☆桥梁与隧道工程01桥梁结构分析及设计理论02隧道与地下结构设计理论与应用03桥梁结构自动化设计理论与应用04列车-桥梁系统振动响应分析理论05桥梁结构极限承载力分析理论与应用06桥梁病害分析与防治07桥梁结构风致振动分析理论与应用08桥梁与城市美学09桥梁结构损伤、加固与健康检测10桥涵水文灾害预测及防治11桥梁抗震 48人①101政治②201英语③301数学一④448材料力学或449结构力学 看样子,好一点的学校土木工程都会考数学一.</t>
  </si>
  <si>
    <t xml:space="preserve">描写岛的诗歌有哪些啊？最好的关于岛居生活的 </t>
  </si>
  <si>
    <t xml:space="preserve">履信池樱桃岛上，醉后走笔，送别舒员外，兼 寄宗正李卿考功崔郎唐 白居易樱桃岛前春，去春万枝。忽忆与宗卿闲饮日，又忆与考功狂醉时。岁晚无花空有叶，风吹满地乾重叠。蹋叶悲秋复忆春，池边树下重殷勤。今朝一酌临寒水，此地三回别故人。樱桃花，来春千万朵，来春共谁花下坐。不论崔李上青云，明日舒三亦抛我。 奉和虢州刘给事使君三堂新题二十一咏·花岛 唐 韩愈 蜂蝶去纷纷，香风隔岸闻。欲知花岛处，水上觅红云。镜中别业二首（一作镜湖西岛闲居） 唐 方干 寒山压镜心，此处是家林。梁燕窥春醉，岩猿学夜吟。云连平地起，月向白波沈。犹自闻钟角，栖身可在深。世人如不容，吾自纵天慵。落叶凭风扫，香粳倩水舂。花期连郭雾，雪夜隔湖钟。身外无能事，头宜白此峰。 登蒲州石矶望横江口潭岛深迥斜对香零山 唐 柳宗元 隐忧倦永夜，凌雾临江津。猿鸣稍已疏，登石娱清沦。日出洲渚静，澄明皛无垠。浮晖翻高禽，沉景照文鳞。双江汇西奔，诡怪潜坤珍。孤山乃北峙，森爽栖灵神。洄潭或动容，岛屿疑摇振。陶埴兹择土，蒲鱼相与邻。信美非所安，羁心屡逡巡。纠结良可解，纡郁亦已伸。高歌返故室，自罔非所欣。 宿江叟岛居 唐 张乔 一家烟岛隈，竹里夜窗开。数派分潮去，千樯聚月来。石楼云断续，涧渚雁徘徊。了得平生志，还归筑钓台。 咏岛 唐 薛能 孤岛如江上，诗家犹闭门。一池分倒影，空舸系荒根。烟湿高吟石，云生偶坐痕。登临有新句，公退与谁论。 题红云岛 宋 喻良能 红云覆绝岛，望之心神开。弱水不负舟，何由至蓬莱。吾欲烦巨鳌，为载三山来。不然骑鲸去，一醉流霞杯。 方干岛 宋 徐天佑 平生心事白鸥知，一卷云庵处士诗。占得镜中奇绝处，只缘身值广明时。 徐凫岛 宋 王时会 绝壑搀空云与平，横飞寒瀑万年声。杖藜平过人间险，独向千山顶上行。 沙门岛 宋 宋无 孤屿压沧海，风涛直下危。蛟人依蜃市，鱼女祭龙祠。月黑悄牛财，波红蝶蝀垂。登临有奇观，感慨但言诗。 蓬岛山 宋 刘?? 轧轧笋舆过翠微，路经蓬岛锁云霏。雨从半岭岩窝出，云在行人脚下飞。 岛夷行 唐 施肩吾 腥臊海边多鬼市，岛夷居处无乡里。黑皮年少学采珠，手把生犀照咸水。  宿岛径夷山舍 唐 陈陶 百里遵岛径，蓬征信?回。暝依渔樵宿，似过黄金台。缺啮心未理，寥寥夜猿哀。山深石床冷，海近腥气来。主人意不浅，屡献流霞杯。对月抚长剑，愁襟纷莫开。九衢平如水，胡为涉崔嵬。一饭未遑饱，鹏图信悠哉。山涛谑细君，吾岂厌蓬莱。明发又驱马，客思一裴回。 和刘?西湖十洲·松岛 宋 舒坦 亭亭古干对沧浪，雨洗风飘老吹香。晚岁何人同寂寞，水西我有读书堂。 和刘?西湖十洲·月岛 宋 舒坦 何人骑鹤上瀛洲，清影明波正九秋。吹罢玉笙端不见，满空桂子有谁收。 游李少师园十题·松岛 宋 范祖禹 孤屿何亭亭，苍松郁相对。池中蛟龙起，天际风雨会。 和刘太守十州诗·松岛 宋 陈? 影参岸柏童童绿，叶蔽汀兰澹澹香。斤斧不来人迹远，养成千尺势堂堂。 和刘太守十州诗·月岛 宋 陈? 月明偏照海边洲，绿水回环漾素秋。斗转参横群动息，桂花零落遣谁收。 李思训画长江绝岛图 宋 苏轼 山苍苍，江茫茫，大孤小孤江中央。崖崩路绝猿鸟去，惟有乔木搀天长。客舟何处来，棹歌中流声抑扬。沙平风软望不到，孤山久与船低昂。峨峨两烟鬟，晓镜开新妆。舟中贾客莫漫狂，小姑前年嫁彭郎。 题战岛僧居（在江之心） 唐 杜荀鹤 师爱无尘地，江心岛上居。接船求化惯，登陆赴斋疏。载土春栽树，抛生日餧鱼。入云萧帝寺，毕竟欲何如？  陕下厉玄侍御宅五题·吟诗岛 唐 姚合 幽岛藓层层，诗人日日登。坐危石是榻，吟冷唾成冰。静对唯秋水，同来但老僧。竹枝题字处，小篆复谁能。 偕诸将游海岛 明 袁崇焕 战守逶迤不自由，偏因胜地重深愁。荣华我已知庄梦，忠愤人将谓杞忧。边衅久开终是定，室戈方操几时休？片云孤月应肠断，桩树凋零又一秋。 游秦皇岛 现代 老舍 青山西北净无埃，风自东南远海来。天外舟归烟一缕，滩头浪卷雪千堆。潮连国际歌声起，水绕田园诗境回。灯塔长明不冻港，层楼今为海员开。松岛湾（诗人芭蕉游此未敢题诗） 现代 老舍 一湾三百岛，岛岛锁春烟。碧浪连沧海，横云遮远帆。松涛香雨后，鸥影乱风前。未敢题只字，芭蕉尊自然。  </t>
  </si>
  <si>
    <t xml:space="preserve">前天同事买了个荣威550，看起来不错，和思域卡罗拉、轩逸比有什么? </t>
  </si>
  <si>
    <t xml:space="preserve">数字化程度很高，配置较高、外形漂亮，空间大、乘坐舒适，综合来看还是不错的车。 </t>
  </si>
  <si>
    <t xml:space="preserve">报考公务员要求不要求学位证有毕业证没有学位证可以考吗有没有限制谢 </t>
  </si>
  <si>
    <t>看职位的报考条件而定。没有要求要学位证，就可以报考。特别说明要学位证的，那就不能报了。</t>
  </si>
  <si>
    <t xml:space="preserve">别人说我脾虚，将来就是糖尿病我到安利的店里买东西，一个安利的专家 </t>
  </si>
  <si>
    <t>虽然糖尿病人不能吃糖，但是这不能倒推为多吃甜食会得糖尿病！其实糖尿病的起因并不是因为吃甜食过多，它属于一种代谢上的疾病，内分泌紊乱。人如果脾虚、肾虚严重，可能得的病是多方面的，因为人的内脏就是五行相生相克的理论，某一个脏器太强或太弱，都会形成循环上的影响，所以我建议你，如果你的体重超标，那么就努力减肥，以减少患糖尿病的风险，别的，就不要有什么思想压力了。安利是营养品，是不错的东东，但不能迷信它，不同体质、不同病症的人，不可能都适合吃安利的。比如癌症患者，越吃安利的补充营养方面的越不好，要知道，癌症的主要成因是人体自身的免疫系统大幅度减弱，这个时候“坏”细胞吸收营养的能力比“好”细胞要强几百甚至几千倍，一味的补充营养，你说是给谁补呢？只会让“坏”细胞越来越强大的。而身体没有什么疾病，但体质较弱的人，我想是适合服用的。</t>
  </si>
  <si>
    <t xml:space="preserve">请高手看看000917电广传媒怎么样。我准备进一批。 </t>
  </si>
  <si>
    <t>一支垃圾股，你还要进，选其他的进吧！</t>
  </si>
  <si>
    <t xml:space="preserve">最近有什么好看的电视剧吗?什么类型都可以.谢谢 </t>
  </si>
  <si>
    <t xml:space="preserve">国产剧《奋斗》 生死十日 周恩来在重庆 闯关东 港台剧《太极》 最美丽的第七天 天幕下的恋人 律政新人王II 强剑 飞短流长父子兵 野蛮奶奶大战戈师奶 秀才爱上兵 恶作剧2吻 至尊玻璃鞋 日韩剧《坏爱情》 黄金新娘 谢谢 快刀洪吉童 尚道，上学去 不汗党 </t>
  </si>
  <si>
    <t xml:space="preserve">证书丢失怎么办？我开通了网上银行后，就随便在一家网吧上了网，然后 </t>
  </si>
  <si>
    <t xml:space="preserve">你这样把证书留在网吧（而不是自己的家的电脑）是比较危险的。现在可取的做法是，带上身份证和银行卡去银行柜台。先注销原来的网上银行（以证书丢失为由，不需要理由也可以注销）；然后重新填单申请、再次开通网上银行；最后，在自己家里的电脑重新下载证书，就可以重新进行网上交易了。记住，要早点办理，防止别人在网吧窃取你的账号和证书进行交易。　　　　　　　　　　　　　　　　　　　　　　　?▂▃▄▅▅▄▃▂?　　　　　　　　　　　　　　　　　　　　　　?　　　　　　　　　　?　　　　　　　　　　　　　　　　　　　　　　?　　　●　　　●　　　?　　　　　　　　　　　　　　　　　　　　　　?　　 ▄　 ?　 ▄　　 ?　　　　　　　　　　　　　　　　　　　　　　?　/ / / ╰┴╯　\ \ \ ?　　　　　　　　　　　　　　　　　　　　　　?▇▆▅▄▃▂▂▃▄▅▆? 　　　　　　　　　　　　　　　　　　　　　　　 欲达则不速。  </t>
  </si>
  <si>
    <t xml:space="preserve">两个月宝宝打HIB会发烧吗？我家宝宝现在有66天了，在07年的1 </t>
  </si>
  <si>
    <t>打HIB和百白破是同时打的，一针左屁股，一针右屁股，三联针每次都是这样的，打百白破有的宝宝会发烧，如果超过38.5度就用泰诺林退烧。糖丸不能同时吃，提前或者错后几天都没有问题。</t>
  </si>
  <si>
    <t xml:space="preserve">21级的中锋55000积分怎么分配?什么训练和技能都没有+谁给个 </t>
  </si>
  <si>
    <t>分球￥12000+盖帽抢断￥12000+卡位￥12000+SS传球￥7000+勾手￥5000=￥48000还有7000块你还能买俩件衣服，或者学学FREETLY里面的各种花样篮球。FREETLY里面的花哨动作可延后购买，一定先把技能买满。训练没的买头，老实说55000这点小钱买训练真是不够看等你过30及再买训练吧</t>
  </si>
  <si>
    <t xml:space="preserve">重庆哪个医生的镶牙技术好？有镶牙经验，但是上次就以为那医生原因导 </t>
  </si>
  <si>
    <t>重庆新时代有个老医生做的还可以  这老头经验丰富 几十年临床经验了 重庆市江北区渝澳大道69号（鸿恩寺立交桥旁新城绿洲）乘坐116路、117路、124路，139路、145路、411路、602路、809路、859路、870路、881路、BRT01路，至黄桷园车站下车，朝鸿恩寺立交桥方向步行100米，至新城绿洲小区大门口即可见。自己可以去那里看下</t>
  </si>
  <si>
    <t xml:space="preserve">5173的帐号可以注销掉吗？我现在不玩网游了，所以不需要5173 </t>
  </si>
  <si>
    <t>一般是没人注销的 帐户你放着不用就可以了帐户是可以封停的要解封 还要去官网先下载并填写《5173会员解封帐号申请表》，并以附件形式发送到指定邮箱才能解封的如果想要封停可以致电5173客服电话联系，工作人员会回复的</t>
  </si>
  <si>
    <t xml:space="preserve">人的头部受到一般的撞击后会有什么损伤比如说撞到门这样硬的表面，智 </t>
  </si>
  <si>
    <t>你好头部外伤对人体的损伤 主要在于对脑神经组织的损伤轻者 脑挫裂伤 也许没损伤重者 脑出血或脑疝等资料坚实的颅骨，就像一个天然的头盔保护着我们的大脑，尽管如此，大脑仍然容易受到各种外伤。50岁以下的人中，脑外伤是常见的致死和致残原因，脑外伤也是35岁以下男性死亡的第二位原因（枪伤为第一位）。大约一半的严重脑外伤患者不能存活。 复方海蛇胶囊即使颅骨没有穿透，头外伤时大脑也难以避免损伤。突然的头部加速，与猛击头部一样可引起脑组织损伤；头部快速撞击不能移动的硬物或突然减速运动也是常见的脑外伤原因。受撞击的一侧或相反方向的脑组织与坚硬而凸起的颅骨发生碰撞时极易受到损伤。加速-减速损伤有时也称为对侧冲击伤。 中国脑病网 严重的脑外伤会牵拉、扭曲或撕裂脑内的神经、血管及其他组织。神经通路受到破坏，或引起出血、水肿。颅内出血和脑水肿使颅腔内容物增大，但颅腔本身不能相应扩大，其结果是颅内压力升高，脑组织进一步遭到破坏。颅内压力增加将脑向下推移，迫使上部的脑组织和脑干进入与之相联的孔道，这种情况称作脑疝。小脑和脑干可从颅底的孔道向脊髓移位。因为脑干有维持呼吸和心跳的重要功能，所以脑疝常常是致命的。 海蛇胶囊有时看来很轻的头部外伤也可能引起严重的脑损伤。老年人头伤后尤易引起大脑周围的出血（硬膜下出血），服用抗凝药物预防血栓的人也是外伤后硬膜下出血的高危人群。 心脑心管专业网站--中国脑病网 脑损伤常引起不同程度的永久性功能障碍。这主要取决于损害是在脑组织的某个特定区域（局灶性）还是广泛性的损害（弥散性）。不同区域的脑损害可引起不同的症状，这些特殊的局灶性症状有助于医生确定损伤部位。局灶性症状包括运动、感觉、言语、视觉、听觉异常等症状。而弥散性脑损害常影响记忆、睡眠或导致意识模糊和昏迷。</t>
  </si>
  <si>
    <t>8]威灵顿凤凰3</t>
  </si>
  <si>
    <t>我买31.看来 浪费了！！！！！！！！！！！</t>
  </si>
  <si>
    <t xml:space="preserve">电力行业现在的行情很看好吗？为什么电力行业总体在涨，这和人们的现 </t>
  </si>
  <si>
    <t>电力能源的生产是国家建设、生产生活必要的基础，在所有的建设中，电力先行。电力建设要超前，随着国家基本建设的不断投入和人们生活水平的提高，都需要大量的电力能源供应，电力行情看好体现在两个方面：1、虽然由好几家电力公司经营，但因电能的生产特点、地区限制，行业垄断的总格局还没有被打破。2、从国计民生之大局考虑，电力还要由国家统管，分地区经营，还不能彻底市场化经营。所以，行情根据政策的放宽总的来讲是看好的。</t>
  </si>
  <si>
    <t xml:space="preserve">生活过的好无聊啊，没有意思，都没有活下去的勇气了，唉！ </t>
  </si>
  <si>
    <t>既然，不能依靠。就只能去依附生活。为了生存而生活。生活，并不需要勇气。只要认为自己还存在留恋生活的信念。就不能因为生活中的无聊而去放弃生活。无聊是一种心态。是一种心灵空虚。既然无聊，就总得找些事情做。对生活不积极，是自己的消极的表现。如果自己不能产生积极性，就不能怪生活，生活是客观存在着。他人为什么却能体会出生活的有趣。而自己不能呢。关键还是自己的心态。总的来说，是自己导致的。如果你认为生活无聊，那么就让自己成为生活的主人，让自己去掌控属于自己理想的生活。世界万物一切都在发展，都在运动。自己也不能例外。不能让自己的惰性充斥自己的生活。做人，总得主动，要学会去主动寻找，学会主动探求。生活本身就是一段过程，由完多个结果组成，而这些结果有时候只需要自己一伸手就能得到，结果的背后还未知的结果，找到一个结果，就解决了一个生活迷题，这就是乐趣。生活重在学习，生活时刻充满未知的东西，为了探求结果，学习便开始了。一切都是学习过程。人永远是对未知的事物感到好奇。而这好奇便是生活的动力所在。一句话，主动的去生活，便会使生活有趣许多，因为这时生活充满了未知。</t>
  </si>
  <si>
    <t xml:space="preserve">我的电脑的有些文件的扩展名不能更改，怎么回事？如果修改的话就提示 </t>
  </si>
  <si>
    <t>估计是你设置了显示文件的扩展名的缘故，如果显示了扩展名，在文件更名时，可在修改的文件名后再输入 .原文件扩展名 就可以了。你也可在资源管理器中点菜单“工具”-“文件夹选项”-“查看”中将“隐藏已知文件的扩展名”勾选上，这样重命名时就可以不输入文件扩展名了。</t>
  </si>
  <si>
    <t xml:space="preserve">怎样查硬盘是否有坏道,还有如何处理这方面的问题?可以介绍几款好用? </t>
  </si>
  <si>
    <t>坏道的表现 硬盘使用久了就可能出现各种各样的问题，而硬盘“坏道”便是这其中最常见的问题。硬盘出现坏道除了硬盘本身质量以及老化的原因外，主要是平时在使用上不能善待硬盘，比如内存太少以致应用软件对硬盘频繁访问，对硬盘过分频繁地整理碎片，不适当的超频，电源质量不好，温度过高，防尘不良，震动等。 硬盘坏道分为逻辑坏道和物理坏道两种，前者为软坏道，通常为软件操作或使用不当造成的，可用软件修复；后者为真正的物理性坏道，它表明你的硬盘磁道上产生了物理损伤，只能通过更改硬盘分区或扇区的使用情况来解决。如果你的硬盘一旦出现下列这些现象时，你就该注意硬盘是否已经出现了坏道： (1)在读取某一文件或运行某一程序时，硬盘反复读盘且出错，提示文件损坏等信息，或者要经过很长时间才能成功；有时甚至会出现蓝屏等； (2)硬盘声音突然由原来正常的摩擦音变成了怪音； (3)在排除病毒感染的情况下系统无法正常启动，出现“Sector not found”或“General error in reading drive C”等提示信息； (4)FORMAT硬盘时，到某一进度停止不前，最后报错，无法完成； (5)每次系统开机都会自动运行Scandisk扫描磁盘错误； (6)对硬盘执行FDISK时，到某一进度会反复进进退退； (7)启动时不能通过硬盘引导系统，用软盘启动后可以转到硬盘盘符，但无法进入，用SYS命令传导系统也不能成功。这种情况很有可能是硬盘的引导扇区出了问题。 如果出现上述错误，你就需要加倍小心，这说明你的硬盘已经出现坏道了！ 硬盘坏道的修复 1.修复逻辑坏道 首先从最简单的方法入手。借助Windows下的磁盘扫描工具，在资源管理器中选中盘符后单击鼠标右键，在弹出的驱动器属性窗口中依次选择(如图1)(图)“工具→开始检查”，将扫描类型设定为完全扫描，并选择自动修复错误，然后点击开始，扫描时间会因磁盘容量及扫描选项的不同而有所差异(如图2)(图)。 如果逻辑坏道存在于系统区导致无法正常启动，我们可以使用Windows 98/Me的启动盘，在DOS提示符下键入：Scandisk 盘符，按回车，一旦发现坏道，程序会提示你是否要Fix it(修复)，选择Yes开始修复，许多因系统区出现逻辑坏道无法正常启动Windows的问题一般都可以用此方法解决。 因为Windows 98/Me在很大程度上只是自动修复逻辑坏道，而不能自动修复物理坏道，所以，事实上第1种方法往往不能奏效。如果碰见物理坏道我们应该怎么办呢？ 2.用Scandisk检查物理坏道 对于物理坏道Scandisk就无能为力了，它只能将其标记为坏道以后不再对这块区域进行读写操作，物理坏道具有“传染性”向周边扩散，导致存储于坏道附近的数据也处于危险境地。 用Scandisk时在查到坏道时停止，注意观察Scandisk停止时会数值，如22%，假设硬盘总容量为2GB，2GB×22%=0.44GB，硬盘出现坏道的起始位置大致为440MB处，由于硬盘坏道易向周边扩散，所以必须留足够的缓冲区，将硬盘第一个分区容量设定为400MB，其余1.6GB按200MB为单位分为8个区，使用Scandisk检查所有分区，将无法通过Scandisk检测的分区删除或隐藏，以确保系统不再读写这些区域。其余相邻的分区可合并后使用。分区、隐藏、删除、合并等操作可使用图形化界面的PartitionMagic或DiskMan等工具软件进行。 3.用软件隐藏物理坏道 用PartitionMagic5.0/6.0对硬盘进行处理。PartitionMagic可以在不破坏数据的情况下对硬盘重新分区、动态改变分区大小、改变分区的文件格式、隐藏或显示已有分区等等。将PartitionMagic5.0/6.0的DOS版拷在软盘上，用Windows 98/Me启动盘引导系统，运行软盘上的PQMAGIC.EXE。 然后进行扫描硬盘，可以直接用PartitionMagic中Operations菜单下的“check”命令来完成，标记了坏簇后，可以尝试着对它进行重新测试，方法是在Operations菜单下选择“Advanced/badSector Retest”；把坏簇分成一个(或几个)区后，再通过HidePartition菜单项把含有坏道的分区隐藏，以免在Windows 98/Me中误操作。 特别提示：如果没有经过格式化而直接将有坏道的分区隐藏的话，那么该分区的后续分区将由于驱动器盘符的变化而导致其中的一些与盘符有关的程序无法正确运行。解决的办法是利用Tools菜单下的DriveMapper菜单项，它会自动地收集快捷方式和注册表内的相关信息，立即更新应用程序中的驱动器盘符参数，以确保程序的正常运行。 4.修复硬盘0扇区坏道 对于硬盘0扇区损坏的情况，虽然比较棘手，但也不是无可救药，我们在这里给大家介绍两种方法。 第一种方法：我们借用DiskMan这个软件来修复。具体方法如下： ①在纯DOS模式下运行DiskMan，在“硬盘”菜单中选择驱动器符号，这时主界面中显示 该硬盘的分区格式为FAT32，起始柱面0，起始磁头1，总容量为2GB； ②然后依次进入“工具→参数修改”(或按F11)，在弹出的修改分区对话框中，将起始柱面的值“0”改为“1”； ③按确定退回DM主界面并按F8保存修改结果。修改后需要重新格式化硬盘。 第二种方法：我们用部分人比较熟悉的Pctools9.0软件中的DE工具。具体方法如下： ①用Windows 98/Me启动盘启动，运行Pctools9.0目录下的DE.EXE，先进入Options菜单，选Configuration(配置)，按空格去掉 Read Only(只读)前面的钩(按Tab键切换)，保存退出； ②接着选主菜单Select(选择)中的Drive(驱动器)； ③进去后在Drive type(驱动器类型)项选Physical(物理的)，按空格选定，再按Tall键切换到Drives项，选中 Hard disk(硬盘)，然后选 OK回车； ④之后回到主菜单，打开Select菜单，这时会出现Partition Table(分区表)，选中并进入，之后出现硬盘分区表信息； ⑤如果硬盘有两个分区，l分区就是C盘，该分区是从硬盘的0柱面开始的，那么，将1分区的Beginning Cylinder(起始柱面)的0改成1就可以了； ⑥保存后退出； ⑦重新启动，按Delete键进入COMS设置，选“IDE AUTO DETECT”，可以看到CYLS比原来减少了1，保存退出，重新分区，格式化，至此大功告成。 提示：在修改之前先将硬盘上的重要资料备份出来，而且Pctools9.0不能在用FAT32分区的硬盘和Windows下运行，但可以在FAT16硬盘中运行。修复后一定要在CMOS中重新侦测硬盘，再分区和格式化，因为只有对硬盘作格式化后才会把分区表的信息写入1扇区(现在作为0扇区了)。 5.低级格式化修复坏道 上述所有办法都不能奏效，又不甘心硬盘就此报废，你就可以考虑使用低级格式化处理硬盘故障。但低级格式化会重新进行划分磁道和扇区、标注地址信息、设置交叉因子等操作，需要长时间读写硬盘，每使用一次就会对硬盘造成剧烈磨损，对于已经存在物理坏道的硬盘更是雪上加霜，实践证明低格将加速存在物理坏道的硬盘报废，而对于逻辑坏道，则根本无须使用低格程序作为修复手段。另外低格将彻底擦除硬盘中的所有数据，这一过程是不可逆的。因此低格只能在万不得已的情况下使用，低格后的硬盘要使用Format命令进行高级格式化后才能使用</t>
  </si>
  <si>
    <t xml:space="preserve">我是血盟主为和我的盟的名称没出现我的ID名上我见他门盟名称都出先 </t>
  </si>
  <si>
    <t>那是9C的系统问题 以前也发生过 建议你重立盟</t>
  </si>
  <si>
    <t xml:space="preserve">我国最大的鱼场是哪个？ </t>
  </si>
  <si>
    <t>我国最大的鱼场在舟山群岛嵊泗列岛海南岛山东半岛</t>
  </si>
  <si>
    <t xml:space="preserve">楼上卫生间漏水，如何让楼上做防水？楼上住了新邻居，最近卫生间从楼 </t>
  </si>
  <si>
    <t>我家也碰上了这个问题，是开发商送的精装修，原因是当初楼上做防水时没有做好，也可能是防水高度不够。我家是多出了一个没有完全封闭的地漏。    结果是：将卫生间所有装修都拆了，除了顶子和一米2以上的瓷砖。1、地面全部拆了，重新挖出垫层，直到楼板。2、至少涂两层防水材料。3、进行24小时闭水实验。如果还没漏到你家，哈。就可以了。不过，到时，你家至少5－7天不得安静。前一两天拆的时间，更吵人。不过，还是早点叫楼上的修，要不你家的瓷砖会变色的。再说：他家的防水也应该在保修期内，好像是三年，原来是两年。</t>
  </si>
  <si>
    <t xml:space="preserve">9月10日模拟盘口竞猜结果A赢盘如下:星期天买足彩50小浪花51? </t>
  </si>
  <si>
    <t>原来渔翁撒网式并不是什么好事，两场的走盘才会令我出现输盘，无奈呀！</t>
  </si>
  <si>
    <t xml:space="preserve">安全锁锁上为什么不能合石头啊?不小心上了6个时的安全锁,这样我怎 </t>
  </si>
  <si>
    <t>...又是一个被锁头害得朋友，同情ing。完美安全锁的规则基本是这样的：你设定的时间是你每次上线的时间。也就是说，比如你设定成1个小时，意思就是每次你打退之后再上线之后的1小时之内你是不能进行任何活动的，不能买卖，不能拍卖，===很多功能的使用都禁止了，除非你在线时间超过了1个小时，锁标记不再闪烁，你才可以正常使用所有功能。所以，很多朋友在没有完全看懂说明之后就稀里糊涂的设置了很多时间，最终给自己造成了很大的麻烦。LZ设定的是6小时，意味着你上线这段时间绝对不能大退，否则大退之后上线，时间仍然是6小时，中间还要保证不要条线，否则效果一样。PS：那些设置了24小时的玩家真是痛苦，只有把号连续挂机24小时后才能使用功能，修改时间也是3天之后才能生效。无限同情LZ中。</t>
  </si>
  <si>
    <t xml:space="preserve">与天共一色（谜友一）谜不好，开心就好！ </t>
  </si>
  <si>
    <t>蓝海</t>
  </si>
  <si>
    <t xml:space="preserve">电涡流式传感器与激光传感器哪种精度比较高？ </t>
  </si>
  <si>
    <t>二者的原理不同，精度指标各有千秋，具体原理你可以到网上查一下。电涡流式传感器例如KD2306注重的是分辨率，分辨率相当高，而线性度偏低一点。激光传感器例如ZLDS100注重的是线性度，而分辨率对于激光传感器来说意义并不大。选哪种的话要看具体应用情况</t>
  </si>
  <si>
    <t xml:space="preserve">洗点符怎么使用.?众所周知,洗点符只能洗当前重的技能点,不能洗以 </t>
  </si>
  <si>
    <t>我狂汗,哥们,你这个怕是完全复制我在论坛里发的吧,无语.把分给偶就算老,嘿嘿,不然偶要高你抄袭</t>
  </si>
  <si>
    <t xml:space="preserve">我想在平安保险公司上汽车保险，想详细了解一下保险的项目和保费情况? </t>
  </si>
  <si>
    <t xml:space="preserve">    如果要详细了解保险项目和保费的话，你可以上网到平安保险公司的网址：  看看啊！或者拨打当地的客服热线电话咨询。因为各地的保费费率并不完全一样，比如深圳和内地的费率就不相同的。</t>
  </si>
  <si>
    <t xml:space="preserve">金色卷叶做什么用的？ </t>
  </si>
  <si>
    <t>目前看来没什么作用，你可以在游戏中，随便点宠物的合成技能，然后点中间的查询键，把金叶拉近框里查询它能做什么用，这叶子卖店才几十元钱。</t>
  </si>
  <si>
    <t xml:space="preserve">韩服法师加点最后一个是智力还是魅力？左边从上往下是力量敏捷体质右 </t>
  </si>
  <si>
    <t>str力 dex敏 con体 int 智 wis精 cha魅</t>
  </si>
  <si>
    <t xml:space="preserve">请问怎么加盟金苑女装 </t>
  </si>
  <si>
    <t>这个要因地域而异，比如在石家庄，金苑服饰一共有八家店，还是不错的，当然，我建议你在当地市场去了解一下，如果没有太多的加盟店，而且大家生意还好，我建议你做</t>
  </si>
  <si>
    <t xml:space="preserve">04年的中兴皮卡现在能值多少钱?04年的中兴皮卡用来做教练车,跑 </t>
  </si>
  <si>
    <t>手续齐全，车况良好，在广东顺德地区市场价为2万元左右，谢谢关注新浪汽车。</t>
  </si>
  <si>
    <t xml:space="preserve">"丈二和尚摸不着头脑"是怎么来的? </t>
  </si>
  <si>
    <t xml:space="preserve">通常是说"丈二金刚摸不着头脑." “丈二金刚”指寺庙中比较高大的诸天、罗汉等塑像。原义:一丈二尺高的金刚(塑像),我们摸不着他的头脑(脑袋) 比喻:(某件事情)令自己摸不着头脑. </t>
  </si>
  <si>
    <t xml:space="preserve">千千静听怎么没有声音想用千千静听听听音乐，显示播放，可就是没有声 </t>
  </si>
  <si>
    <t>千千静听没有声音，建议先重新安装一遍你的电脑中的声卡试试！！</t>
  </si>
  <si>
    <t xml:space="preserve">多元函数积分学D={(x,y)/x^2+y^2&amp;lt;1},∫∫ </t>
  </si>
  <si>
    <t>换到极坐标系(r,theta)，x=r*cos(theta), y=r*sin(theta)积分区域为0&lt;r&lt;1, 0&lt;theta&lt;2π，dxdy=r*dr*dtheta∫∫根号下a^2-x^2-y^2dxdy=∫∫根号下(a^2-r^2)rdrdtheta=2π∫根号下(a^2-r^2)rdr从而可以得到∫根号下(a^2-r^2)rdr=1/2这个积分很容易，积出来可以求出a=1.23341</t>
  </si>
  <si>
    <t xml:space="preserve">小妹的单子，请哪位高手帮忙缩水，先谢了哈亚特兰22日21:00罗 </t>
  </si>
  <si>
    <t>韩依罗我用中保13?湍憧s水,就是說你的原始?稳?在包中二等的情?r下,在?取中一等1 : 3331133333(30)0(31)(10)2 : 0111133333(30)0(31)(10)3 : 0331131133(30)0(31)(10)4 : 3111131133(30)0(31)(10)5 : 3131131303(30)0(31)(10)6 : 0311131303(30)0(31)(10)7 : 0131133103(30)0(31)(10)8 : 3311133103(30)0(31)(10)9 : 0131131330(30)0(31)(10)10 : 3311131330(30)0(31)(10)11 : 3131133130(30)0(31)(10)12 : 0311133130(30)0(31)(10)13 : 0331133300(30)0(31)(10)14 : 3111133300(30)0(31)(10)15 : 3331131100(30)0(31)(10)16 : 0111131100(30)0(31)(10)你的原始共1024注,共2048元縮水後128注 共256元 16注小?褪?祝你好運!</t>
  </si>
  <si>
    <t xml:space="preserve">应该怎样理解？错在哪里了？　3、有三个人去住旅馆，住三间房，每一 </t>
  </si>
  <si>
    <t>呵呵，这是一道老题目了。实际上题目的实质在于偷换概念。三人住宿共花费27元（30元-老板找回的3元，每个人花费9元，合计27元）这27元中老板得到25元，小弟私吞2元（25+2=27元）而让你困惑的：“三人付出的27元+小弟私吞的2元=29元，比30元少了1元”，请注意：这27元中已经包含了小弟私吞的2元（25+2=27）！所以把27元加2元得出的29元再与30元比较就大错特错了。所以“29元”属于偷换概念，这也是让你感到困惑的原因所在。你明白了吗？</t>
  </si>
  <si>
    <t xml:space="preserve">我在公司里把打卡记录，工资发放记录发到私人邮箱里，这样安全吗？ </t>
  </si>
  <si>
    <t>想安全就自己保存好了，下个加密王试试，安全，可靠</t>
  </si>
  <si>
    <t xml:space="preserve">关于茶叶公司的帐务处理问题茶叶公司以前交的是定额税，所以也没有建 </t>
  </si>
  <si>
    <t>1、税务局要求会计上做账,首先需要做一份可实施的财务制度,然后按总账和明细账建账,必不可少的账有现金日记账、银行日记账、固定资产明细账、总账、应收账款三栏式的、应付账款三栏式的、费用明细账、应交税金明细账、原材料明细账。2、茶叶公司自己生产茶叶的话，基本成本就是生产茶叶过程中所领用的原材料（包括主料和辅料）、工人的工资、车间的其它费用、车间管理人员的工资、车间的水电费、车间机器的折旧费。另外变动成本就视每个公司的具体情况而定。</t>
  </si>
  <si>
    <t xml:space="preserve">飞机的升力系数是什么,一般有多大? </t>
  </si>
  <si>
    <t>在飞行器的仿真计算中，升力求解的一般表达式是Y=Cx*q*S，其中q为动压，S为参考面积，Cx即为升力系数升力系数一般通过理论计算和风洞试验得到。是马赫数、攻角、侧滑角等的函数，其大小与参考面积的选取有直接关系（飞机一般选取机翼面积为参考面积），升力系数是一个无量纲的值，具体的数值不好说，个人给个参考范围0.1到10.0。</t>
  </si>
  <si>
    <t xml:space="preserve">北京市有多少家网吧没有什么说明，想知道北京有多少家网吧，谁知道？ </t>
  </si>
  <si>
    <t>网吧有２４００家，其中只有２００家是合法经营</t>
  </si>
  <si>
    <t xml:space="preserve">怎样才能买到《每天进步一点点》着本书？ </t>
  </si>
  <si>
    <t>直接打电话到读者部定购，</t>
  </si>
  <si>
    <t xml:space="preserve">小王走路从来脚不沾地，这是为什么？ </t>
  </si>
  <si>
    <t>小王走路从来脚不沾地，这是为什么？----因为他穿鞋了。脚不沾地，鞋沾地。</t>
  </si>
  <si>
    <t xml:space="preserve">不战而屈人之兵？怎么读？A不战而屈，人之兵。B不战而,屈人之兵.? </t>
  </si>
  <si>
    <t>不战/而屈人之兵。这是出自《孙子兵法》里面的话。从整句来看就容易理解意思了。“百战百胜，非善之善者也，不战而屈人之兵，善之善者也”。意思是百战百胜都不算是好中之好（也就是说不是最好），不通过战斗就令对方的军队屈服才是好中之好（也就是最好）。“不战而屈人之兵”中的屈是使动词，不战而能令人之兵屈。</t>
  </si>
  <si>
    <t xml:space="preserve">如何判断皮肤黑的是否健康?同上!谢谢. </t>
  </si>
  <si>
    <t xml:space="preserve">皮肤颜色变化预示疾病 　　肌肤的不同颜色，会提示你肌肤和身体的健康状况。健康的肌肤首先要有光泽，同时还要细腻，色泽红润，柔软而富有弹性。 　　研究院广安门医院皮肤科宋萍大夫说，肌肤的颜色和光泽能反映肌肤的营养情况，也能反映内在脏腑的健康状况，可以说是我们身体的警报。  　　警惕异常肤色隐藏疾病 　　暗黄色警报；脾胃不合积毒素     肌肤出现暗黄，发灰的颜色，在都市女性中较常见，暗黄色所预示的身体问题不能忽视。 　　颜色分析；     肌肤的暗黄色是对你近段时间以来繁重压力及体内毒素淤积的直接反映。从中医角度来说，肌肤出现暗黄，发灰的颜色，也反映了体内脾胃不合。宋萍介绍说，职业女性一旦忙起来，饮食就没有规律的时间和合理的营养，很容易造成脾胃不和，贫血等问题。尤其是在消化不良，血需的情况下，最基本的日常供给达不到，肌肤不能得到营养。如果再多愁善感，忧虑，则“思虑伤脾”，从而使肌肤也逐渐变的暗淡，发黄。 　　治疗方法； 　　如果肌肤的暗黄色已经持续一段时间了，那么就需要你先从内部下手，从调节脾胃开始了。 　　每天要尽可能的多喝水，清洁肠胃，在饮食上即使很难作到按时吃饭，但至少要保证饮食的质量。一定要减少吃油腻和甜食的次数和量，佛则很容易伤及脾胃。多吃青菜，水果的同时，可以适当地吃一些瘦肉，坚果和豆制品。 　　同时，对待外在肌肤也要多细心些。减少使用化妆品，尤其是厚厚粉底的次数，要特别注意彻底清洁肌肤和补水。由于暗黄的肌肤缺水很严重，所以洗脸，沐浴时都要用保湿，滋润的产品，还要多用蒸汽或毛巾敷脸。 　　另外，无论是饮食还是外用，都要尽可能的摄取维生素。比如，维生素c能够抑制色素沉着，排除肌肤组织中的毒素；而维生素e能抵御游离基侵害肌肤，使肌肤中的血液明亮干净；维生素A可以改变老化的肤质和黯沉肤色。 　　灰黑色警报；肾虚老化易长斑 　　肌肤的颜色越暗越深，反映的问题也就越严重。如果说，肌肤出现暗黄色只是中级警报的话，那么你仔细照镜子，发现最近肤色很不干净，灰突突地甚至发黑，脸还总有些深深浅浅的斑点，这时的肌肤问题已相当严峻。 　　颜色分析； 　　灰黑色的肌肤在提示你，它正在渐渐丧失活力，日晒，污染，身体和心理压力产生的自由基，阻碍了肌肤自身正常的新陈代谢，正在加速肌肤老化。 　　紫外线中的长坡UVA对肌肤的伤害非常大''特别是在春天。很多人不注意春天的防晒，甚至长时间直晒太阳。宋萍表示，肌肤老化，失去活力很重要的原因就是由于紫外线长时间照射，即使在室内工作的人，如果不注意防晒，UVA还是会透过玻璃折射近来，伤害肌肤。肌肤发灰黑色则是肾虚的反映。 　　治疗方法； 　　女性来说，无论心情多糟，压力多大，熬到多晚，香烟和咖啡也是绝不可取的，它们对肌肤的伤害是潜移默化的。不妨养成和绿茶的习惯，尤其在这样的天气里，舒心提神，还能清肠排毒。排毒的同时，不妨自己煲一锅活血补肾汤，放入地黄，当归，枸杞，黑芝麻，桑葚等，一周喝3—4次，肌肤颜色会有很明显的改善。 　　体内温补的同时还要强化肌肤屏障，阳光灿烂的日子一定要防晒。外出的时候，可以选择同时防UVA和UVB的防晒霜，如果是向阳的办公环境，在室内也抹一点防UVA的防晒霜。 　　如果肌肤已经出现了灰黑色，建议您不要再说用化妆品，洗脸和沐浴的时候尽量选择含有维生素，特别是维生素E的产品，可以再一定程度上阻碍皮肤微血管循环的自由基，维持肌肤的活力。不过，倘若肌肤的灰黑色很深，甚至已经开始长斑，千万不要置之不理，更不能自己乱抹东西，一定要及时就医。 　　颜色分析； 　　肌肤出现红色，应该说是肌肤颜色警报中最普遍的。肌肤发红的原因很多，主要分为两种类型，一是天生的，二是环境诱发的。 　　到了夏天，人体新陈代谢会加快，有些人由于血液流速加快，皮肤散热，肌肤会出现潮红。宋萍表示，这种红色虽然并不健康，但是肌肤发红的人大都属于内热型的热盛体质，精力，体力充沛的年轻人最多见。 　　除了天生是热盛体质，肌肤发红最普遍的原因是肌肤在营养不足，自身抵抗力严重下降时，由外界环境诱发的过敏反映。比如最近易失眠，经长熬夜；常吃油腻，辛辣的东西；工作，生活压力太大，心情非常糟糕等等，这些因素都会直接伤害肌肤的健康。一些过敏体质的人，遇到花粉，柳絮，灰尘等，也都会造成过敏感性肌肤发红，脱皮，发痒。 </t>
  </si>
  <si>
    <t xml:space="preserve">2011年黄道吉日搬家老公62年4月26日生属虎，我68年7月2 </t>
  </si>
  <si>
    <t>夫：62（壬寅）年4月26日生属虎妻：68（戊申）年7月28日生属猴儿子：94（甲戌）年2月15日生属狗阳历2011年7月27日～8月份除了下面的日子，没有你们可以举行“入宅仪式”（入住）的日子。 阳历2011年7月27日～8月份你们搬家（入住）的最佳吉日：阳历2011年8月16日、8月20日或8月30日。分析如下：1、阳历2011年8月16日，农历（阴历）七月十七（癸卯）日11：00～12：59：癸卯日是夫生肖的贵人；癸卯日和妻生肖五合；癸卯日和儿子生肖六合。“入宅仪式”时请生肖属鸡的亲朋好友暂时避开。2、阳历2011年8月20日，农历（阴历）七月二十一（丁未）日9：00～10：59或19：00～22：59：丁未日和夫生肖五合；丁未日是妻与儿子双方生肖的贵人。“入宅仪式”时请生肖属牛的亲朋好友暂时避开。3、阳历2011年8月30日，农历（阴历）八月初二（丁巳）日清晨1：00～2：59或17：00～18：59：丁巳日是夫生肖的贵人；丁巳日和夫生肖五合；丁巳日是妻生肖的禄；丁巳日和妻生肖六合。“入宅仪式”时请生肖属猪的亲朋好友暂时避开。阳历2011年7月27日～8月份适宜你们可以搬家（入住），但对全家人助益不大（无助无害）的日子：阳历2011年8月4日、8月8日、8月11日、8月13日、8月25日或8月31日。1、阳历2011年8月4日，农历（阴历）七月初五（辛卯）日清晨3：00～4：59或7：00～8：59。“入宅仪式”时请生肖属鸡的亲朋好友暂时避开。2、阳历2011年8月8日，农历（阴历）七月初九（乙未）日5：49之后。“入宅仪式”时请生肖属牛的亲朋好友暂时避开。3、阳历2011年8月11日，农历（阴历）七月十二（戊戌）日15：00～16：59。“入宅仪式”时请生肖属龙的亲朋好友暂时避开。4、阳历2011年8月13日，农历（阴历）七月十四（庚子）日清晨1：00～2：59或15：00～18：59。“入宅仪式”时请生肖属马的亲朋好友暂时避开。5、阳历2011年8月25日，农历（阴历）七月二十六（壬子）日清晨1：00～2：59或17：00～18：59。“入宅仪式”时请生肖属马的亲朋好友暂时避开。6、阳历2011年8月31日，农历（阴历）八月初三（戊午）日清晨5：00～6：59 或15：00～16：59。“入宅仪式”时请生肖属鼠的亲朋好友暂时避开。搬家的日子通常是指：举行“入宅仪式”的日子，最好在“入宅仪式”前把所有、家具就定位、床、书、衣服、等杂物（锅、碗…）整理好，封门（把门关好），等“入宅仪式”的吉日开门、上香祭祖、开火（点火）或放鞭炮…等，在当天入住。 “入宅仪式”指，在吉日时： 1、在吉日时，开新宅的门。 2、在吉日时，开新宅的门后，准备好祭祖的所有事宜（布桌与祭品）。 3、准备好祭祖的所有事宜（布桌与祭品）后，上香祭祖,是点香祭祀祖先。 4、点香祭祀祖先后，插好香后，香在燃烧时，就可以在空暇时开炉火和烹饪。“入宅仪式”没严格规定要开炉火和烹饪。 5、香火过二分之一，就可以烧纸钱。 6、烧纸钱后，香还在燃烧时，就可以放鞭炮了。“入宅仪式”没严格规定要放鞭炮。 7、“入宅仪式”礼成（完成）。 恭喜乔迁之喜，祝事事大吉。</t>
  </si>
  <si>
    <t xml:space="preserve">sina+sinb+sinr=0,cosa+cosb+cosr=? </t>
  </si>
  <si>
    <t>sin²a+cos²a=1(sinb+sinr) ²+(cosb+cosr) ²=1sin²b+2sinbsinr+sin²r+cos²b+2cosbcosr+cos²r=11+2(sinbsinr+cosbcosr)+1=1cos(b-r)=-1/2要灵活运用基本的三角函数公式</t>
  </si>
  <si>
    <t xml:space="preserve">问题：婚姻像围城，里边的人想出来，外边的人想进去。您的看法？有的 </t>
  </si>
  <si>
    <t>那是不幸福的人才会想出来。就像莫文蔚的歌里所唱的“感情说穿了，一人挣脱的一人去捡”。什么事情都是这样的，有失才有得，有得才有失。</t>
  </si>
  <si>
    <t xml:space="preserve">长春肝病哪家医院治疗专业？ </t>
  </si>
  <si>
    <t>长春的肝病有很多权威的医院 推荐你去这家吉林省长春市绿园区普阳街2715号听说那里治疗不错，你可以去看看，长春市普阳街2715号。</t>
  </si>
  <si>
    <t xml:space="preserve">书本,什么是"32开","16开"? </t>
  </si>
  <si>
    <t>原始纸张长边对折4次，割开后为16张，即6开，因为对折后的数字是成倍增加的，在对折4次后再加折1次，割开后为32张，即32开。以此类推。因普通白纸，与专用纸（特殊用纸）的原始纸张，规格不同，剪裁后的尺寸也就有所差异。</t>
  </si>
  <si>
    <t xml:space="preserve">春雨谜语：十年磨一剑　国名一：） </t>
  </si>
  <si>
    <t>意大利</t>
  </si>
  <si>
    <t xml:space="preserve">韩式风格的，郑州摄影哪家好？ </t>
  </si>
  <si>
    <t>因为技术所以诞生了工作室郑州这边工作室也挺多的、但是也有不少商家冒充摄影工作室真正玩技术的:米夏摄影，相信郑州本地人大都知道另外还有苏拉这样全国性质的也还不错具体自己去沟通吧</t>
  </si>
  <si>
    <t xml:space="preserve">怎么看金币！又怎么可以获得！卡通赛车中的金币怎么看？怎么获得？ </t>
  </si>
  <si>
    <t>你点你能买的 金币赛车 选好有点 购买 出来一个筐 下面有个金币余额那里的钱 就是你的你可以买 新浪U币卡 或在 飞行期里建个房间 挂银币 1500银能换个金你点你能买的 金币赛车 选好有点 购买 出来一个框 下面有个金币余额那里的钱 就是你的你可以买 新浪U币卡 或在 飞行棋里建个房间 挂银币 （1500银能换1个金币）到连连看也可以,每小时10000银币!!!</t>
  </si>
  <si>
    <t xml:space="preserve">我33岁，还是处男，说出来很丢人的，因为以前读书晚，本科毕业都2? </t>
  </si>
  <si>
    <t>这没有什么呀!不要给自己太大的包袱,不要太在意其他人大谈性怎样怎样,每个人的处事方式不同,只是你之前的青春都交给了学习而已,如果你碰到一个你心仪的人,你就把你的经历告诉她,我想她会理解的.毕竟你这人能杜绝花花世界静下心来读书的人太少了,她应该珍惜你才对!</t>
  </si>
  <si>
    <t xml:space="preserve">3求高手！！！帮忙解答一下新会计准则单选题，谢谢啦！！！7.企业 </t>
  </si>
  <si>
    <t xml:space="preserve">7.企业在材料收入的核算中，需在月末暂估入账并于下月初红字冲回的是（ A   ）。 A.月末购货发票账单未到，但已入库的材料 B.月末购货发票账单已到，货款未付但已入库的材料 C.月末购货发票账单已到，货款已付且已入库的材料 D.月末购货发票账单已到，货款已付但未入库的材料 8.下列经济业务或事项中，不属于负债的是（ D  ）。 A.预收账款 B.应交的教育费附加 C.应付职工薪酬 D.贷款计划 9.新准则中，下列属于企业会计所得税处理方法的是（ C  ）。 A.应纳税款法 B.利润表债务法 C.资产负债表债务法 D.递延法 </t>
  </si>
  <si>
    <t xml:space="preserve">如何清除flash库中没使用的元件？有些元件制作出来之后并没有在 </t>
  </si>
  <si>
    <t>在库的上面空白部位按或键，看到“选择未使用的元件”，点击之后，所有未使用的元件都将被选择，你可以一次性把这些元件删除，不过我建议你在制作完一个flash之后，并经过多番测试之后，你再作这一步，因为这些元件删除之后，无法恢复。</t>
  </si>
  <si>
    <t xml:space="preserve">想去无印良品逛逛，武汉的无印良品在哪里啊？ </t>
  </si>
  <si>
    <t>中南财大的西苑有一家，规模不大。 亲，如果我的回答能帮到您，别忘了点“有用”哦，谢谢O(∩_∩)O国广有一家</t>
  </si>
  <si>
    <t xml:space="preserve">晋商和徽商各有什么特点？ </t>
  </si>
  <si>
    <t>我没有什么力度来说，但是从我经验来说！山西商人胆识可嘉~而且生意循规蹈矩！安徽商人更精通算计和不怕辛苦！</t>
  </si>
  <si>
    <t xml:space="preserve">插硬盘接口时要注意些什么？ </t>
  </si>
  <si>
    <t>首先，要确保没插反，有些人反插了还要用力插。。。那样很容易坏的其次，插拔的时候要保持水平基本就这么多了</t>
  </si>
  <si>
    <t xml:space="preserve">新华百货并未冲击布林线上轨，量减价也增，明日将暴涨吗？ </t>
  </si>
  <si>
    <t>长线可以守的，最近新华百货老大楼旁新建的商业楼已经接近完工。是个利好消息。</t>
  </si>
  <si>
    <t xml:space="preserve">请问王兴俊老师000858请问您000858到年底合理的价值为多 </t>
  </si>
  <si>
    <t>年底之前肯定会有表现，突破前高，到达45元以上有望实现！</t>
  </si>
  <si>
    <t xml:space="preserve">世界上最大的国家是哪个? </t>
  </si>
  <si>
    <t xml:space="preserve">世界上最大的国家-----俄罗斯。位于北半球。与中国在北面接壤。 又叫前苏联，因为它之前叫苏联。 俄国全称为俄罗斯联邦或俄罗斯。它地跨亚欧两大洲，领土包括欧洲的东部和亚洲的北部，面积为1110万平方公里，占世界陆地面积的1／8强，是世界上面积最大的国家，其领土呈长方形，东西跨经度170多度，最长距离达1万多公里，南北跨纬度约40度，最宽距离达4000多公里。疆界长约5万公里，其中海岸线长约4万公里，濒临太平洋、北冰洋和大西洋三大洋和多个边缘海。  </t>
  </si>
  <si>
    <t xml:space="preserve">我女儿老是挠头发是怎么回事？我每天都给她洗澡，但她却不停的挠头， </t>
  </si>
  <si>
    <t xml:space="preserve">你天天给宝宝洗头有没有用洗发水呀，光用清水是洗不干净的，把宝宝的头发扒开看看，是不是长痱子了或疹子，这样子的话宝宝痒肯定会挠，只不过她不会说罢了．不过有的时候宝宝很烦燥又得不到大人的安抚的时候，是会揪自己头发的，这样子你可以抱换宝宝，安慰一下，或者用玩具吸引一下她的注意力看是不是会好些．我宝宝有时候烦燥的时候也会揪自己头发的．一般安慰一下就好了．看我宝宝的主页 </t>
  </si>
  <si>
    <t xml:space="preserve">死灵最好的鞋是骨髓行走吗？RT。。。最好的手套和盾呢？我现在拿的 </t>
  </si>
  <si>
    <t>是最好的鞋子，最好的手套是死灵套装的重型手镯，盾的话就那几个专用暗金装备，反正死灵的每件装备最好有加技能的最好了。看你要练什么的。</t>
  </si>
  <si>
    <t xml:space="preserve">怎样为企业培养未来的高层管理者？ </t>
  </si>
  <si>
    <t xml:space="preserve"> 一个优秀的高层管理者可以在很大程度上增加企业成功的概率，那么企业要怎样培养优秀的高层管理者呢？针对此研究基础上，总结首先，要及时发现企业中有潜力的员工，并对他们进行培训。他们往往具有很强的成功欲望、能够高效的完成任务、具有很好的与人沟通的能力以及很好的团队协调能力。其次，在开发培训当中进一步筛选具有独到战略眼光的人才，给与他更多的机会接触企业各个部门的工作，明确公司运营的流程。最后是现任高层管理者的积极参与，站在前辈的的立场上帮助他解决问题。</t>
  </si>
  <si>
    <t xml:space="preserve">房屋风水最近买了一套复式六楼顶楼的房子,坐北朝南长方形但从图纸上 </t>
  </si>
  <si>
    <t>恭喜你  风水不错呀！</t>
  </si>
  <si>
    <t xml:space="preserve">老男人都很龌龊吗?他们都很色吗?他们到底有没真正的爱情呀?还是只 </t>
  </si>
  <si>
    <t>也不是说会是这样的,也有真爱的,结婚的时候很随便的找了个人结婚,等结了婚,有了孩子才遇上了那个另他心动,想跟她过一生的人,但是对妻子和孩子有责任,不得不搞起了婚外情,这种事情也是有的,毕意世界这么大,无其不有呀,你说对吗?不过婚外情真的不好.很不好.会让很多的人受伤,也会让很多的付出代价的.</t>
  </si>
  <si>
    <t xml:space="preserve">公司给外地户口员工办理社会保险需要那些证件 </t>
  </si>
  <si>
    <t>新参保单位（含以经参保的单位新参保职工、城镇个体工商户）一、  提供以下相关材料：1、  身份证复印件（二份）；2、户口簿复印件（需经户籍管理部门签章，二份）3、彩色一寸近照（三张）；4、工资花名册复印件（虚单位盖章，一份）5、劳动合同书（需劳动保障行政部门签证，一份）；6、需办理政策性补缴年限的还应提供补缴年限的劳动合同书（要劳动保障行政部门签证的），城镇个体工商户要提供连续年限的工商营业执照（复印件需工商行政管理部门签章）》二、  办理以下社会保险事务：1、填制《企业职工养老保险登记表》（需单位盖章、参保职工签字，一试三份）；2、填报《参保单位职工社会保险增加花名册》3、办理《职工养老保险手册》4、签订《企业职工工伤保险费和生育保险费同城托收无承付协议书》5、建立职工档案</t>
  </si>
  <si>
    <t xml:space="preserve">隋朝统一的社会历史条件是什么？ </t>
  </si>
  <si>
    <t>（2000年春季）结合史实分析隋朝统一的社会历史条件。【剖析】 本题为综合性问答题。虽以隋朝为切入点，但却只涉及魏晋南北朝时期。它的综合性主要体现在需要把政治、经济、民族关系各方面的内容加以汇总，以是否有利于隋朝统一为标准进行重新审视，有利的内容即为其社会历史条件。因此，解题的关键在于熟悉史实并能全面地加以分析。魏晋南北朝时突出的政治现象是士族地主把持政权，其势力到南朝末年已经衰落，自然有利于南北统一。在经济上南方的开发尤其醒目，得到开发的南方与不断恢复的北方之间必然有一种相互交流的要求，这就必然促使南北统一。这一时期的民族大融合，以北方各民族为主，以南方各族为次，南北之间均以汉族为主体，客观上更容易形成为一家。如此说来，各方面的历史条件均已具备，本题的答案自然组织起来了。【参考答案】 三国时，江南初步开发。从西晋末年起，北方大批农民南迁，带来了先进的生产工具和技术，使南方生产水平不断提高。北魏统一后，黄河流域的经济得到恢复和发展。南北社会经济的恢复和发展，促进了南北之间的相互交流，从经济上奠定了南北统一的基础。北方少数民族在经济和政治上受到汉族文化的影响，北魏孝文帝的改革，加速了封建化的进程，促进了民族大融合。重建统一的多民族的封建国家成为各族人民的共同要求。东晋以来，南方士族地主占有特殊地位，是南方割据政权的社会基础。南朝时，士族势力逐渐衰落，这也为南北统一创造了条件。</t>
  </si>
  <si>
    <t xml:space="preserve">求Paypal客服电话，希望Paypal客服解答关于Paypal? </t>
  </si>
  <si>
    <t>如果企业账户直接注册paypal账户的话，会很麻烦，一般需要工商营业执照，还需要有公司的账户中有美金账户的功能等。所以一般建议客户先注册高级账户，之后可以免费升级企业账户。集成paypal很麻烦，需要有专业的客户顾问指导您。随时集成注册账户我来指导您。随时恭候您。</t>
  </si>
  <si>
    <t xml:space="preserve">刘备是不是刘邦的后代？有的说是，有的说不是，到底是不是呢，请高手 </t>
  </si>
  <si>
    <t xml:space="preserve">刘备汉景帝之子中山靖王刘胜的后代景帝是文帝之子文帝是高祖刘邦之子所以说是刘邦的后代 </t>
  </si>
  <si>
    <t xml:space="preserve">上海哪里有买香蕉水?我只要一点点就可以了，去油漆~不知道哪里有买 </t>
  </si>
  <si>
    <t>建筑材料店，买涂料、油漆的商店。</t>
  </si>
  <si>
    <t xml:space="preserve">思想家请进来你的数据准确,参考价值很高,佩服 </t>
  </si>
  <si>
    <t>谢谢,不过还没完.再看看吧.看看我的比分能不能猜对,如果对的话,你们可要大力宣传我呀,呵呵.</t>
  </si>
  <si>
    <t xml:space="preserve">海南租车自驾游都计划了好久说要冬天去海南看海，刚好我和我男朋友有 </t>
  </si>
  <si>
    <t>哈哈，我7月去的海南，租的就是捷程自驾的车，我是在海口取车，三亚还车的，都是在机场办手续，他们会适当收一点费用，他们说就是收点油钱，服务很热情，车是新车，我还特意打开前盖看了一下发动机，手续也很齐全，保险什么的都有，还是很满意的，你也可以放心选择！！</t>
  </si>
  <si>
    <t xml:space="preserve">8858,急!今天就要答案!快啊!急!在线等!1.已知:四边形A </t>
  </si>
  <si>
    <t>（作图看看）由图可知：(OC+OD+DC)-(AO+AD+DO)=4因为ABCD为平行四边形所以AO=OC所以化简得DC-AD=4又因为DC+AD=48/2=24所以得出AB=DC=14        AD=10</t>
  </si>
  <si>
    <t xml:space="preserve">11月12日啥星座啊！ </t>
  </si>
  <si>
    <t>11月12日是天蝎座的。</t>
  </si>
  <si>
    <t xml:space="preserve">把电脑整个盘格式化,再装系统.为什么电脑还是有有病毒?出现一个对 </t>
  </si>
  <si>
    <t>确定整个硬盘都格式化后肯定不会有病毒 建议立即装杀毒软件 及时升级杀毒软件及系统补丁 系统运算慢则可以添内存条到512M~1G 再装windows优化大师 如果是组装机的话则可能是各种硬件上搭配得不好 组装机还是要请教专门人员的 品牌机则一般没这种问题</t>
  </si>
  <si>
    <t xml:space="preserve">宝宝六个月了！ </t>
  </si>
  <si>
    <t>好漂亮的宝宝!俺的七个半月!</t>
  </si>
  <si>
    <t xml:space="preserve">游戏到底让不让玩家玩?我有内测号就是进不了游戏...不是说网络连 </t>
  </si>
  <si>
    <t xml:space="preserve">公测的时间还没定下来，内测的发现的问题现在在做修改，正在完善游戏~请玩家耐心等待~对于给你带来的不便，我们非常抱歉，也请您关注主页  </t>
  </si>
  <si>
    <t xml:space="preserve">大脚插件现在能更新吗？今天打开大脚插件提示说有新版本，但是前个星 </t>
  </si>
  <si>
    <t>现在NGA能上了.我也更新了,应该没事吧..............</t>
  </si>
  <si>
    <t xml:space="preserve">抽奖翻翻乐抽中奖品为什么奖品没到我仓库?我仓库都空的? </t>
  </si>
  <si>
    <t>由于近期大量玩家进行命运新干线获得物品领取操作，导致物品发送程序发放物品的需求数量巨增，玩家游戏内购物或商城购物获得时间出现延迟的情况较多，预计玩家购物或获得物品发送可能会有24小时至48小时的延迟时间，由此给您带来的不便请见谅。ps:请放心，无论玩家通过王族购物，还是参加翻翻乐、五连星，玩家获得物品的日志在后台是不会发生任何变化的，只是物品会出现延迟送出的情况。(系统应该送出的物品绝对一件物品都不会少给的)如果您在48小时内仍未收到物品，请及时与我们联系，客服将人工提交GM进行处理即可，祝您游戏愉快。</t>
  </si>
  <si>
    <t xml:space="preserve">惠普probook4326S内存1G，我现在想要加一条2G的内存? </t>
  </si>
  <si>
    <t>最大4G内存有2个插槽，现在1G只用了1个，增加内存直接把新内存插上就行。内存条上的内存称为物理内存，用来临时储存程序运算需要的文件，物理内存不够用的时候会有一部分文件储存到硬盘上，这部分被占用硬盘称为虚拟内存。物理内存读取速度远比虚拟内存快，所以对于物理内存太小经常不够用的电脑，加装内存条确实明显提升电脑运行速度。反之，内存够用情况，你多加内存也毫无意义</t>
  </si>
  <si>
    <t xml:space="preserve">一个极限题目求x趋近于零时，x^(1/x)的极限[(a^x+b^ </t>
  </si>
  <si>
    <t>x^(1/x)的定义域是x&gt;0，所以只能求x=0处的右极限。解答如下：</t>
  </si>
  <si>
    <t xml:space="preserve">冲值卡的问题~刚买的冲值卡，填完信息后点确定，说：卡库无此卡！！ </t>
  </si>
  <si>
    <t>你最好是确认一下，那个卡能否充值你玩的这个游戏。输入卡号时仔细一点。如果还是显示卡库无此卡，就肯定是假的。</t>
  </si>
  <si>
    <t xml:space="preserve">英国曼彻斯特大学怎么样我想去英国曼彻斯特读书,曼彻斯特城市大学和 </t>
  </si>
  <si>
    <t>位于英格兰北部的工业、科技、交通重镇曼彻斯特，离首都伦敦仅三小时车程，机场、铁路、高速公路，可与世界任一城市相连。以其悠久的历史，雄厚的教学和科研实力闻名于世。其前身是创立于1851和1824年的英国著名的曼彻斯特维多利亚大学和曼彻斯特理工大学，这两所世界一流学府经过上百年的独立发展，终于于2004年10月合二为一，成为今天的曼彻斯特大学，同时以32000在校生的规模稳坐英国最大大学交椅；两强联盟为曼大进升为世界顶级名校奠定了坚实的基础，它将继续成为全球优秀学生的首选之地，也必将为号称英国“知识之都”的曼彻斯特市注入新的活力。 显著特色 1． 教研成果杰出：迄今共培养出23位诺贝尔奖得主，占英国诺贝尔奖总数的1/4强。在最新的英国政府RAE研究评比中，曼大有80%的科目被评为5* 或5，在泰晤士报评选的英国院校研究总体排名中雄居第6位，世界200强大学中，雄居第43位。 2． 专业设置广泛：涵盖生命院、商学院、理工学院、医学院、艺术和社会科学院（包括法学）；其开设的学科种类繁多，数量远远超过一般大学。学校的医学、药理学、心理学、生命科学、计算机、电子、法律、商科、航空制造、建筑设计、音乐及艺术等课程都为世界一流水准。提供从大学预科，本科，硕士，直至博士生的全方位课程。 3． 教研设施一流：其分子细胞生物学综合中心是全英最优秀的生物科学中心；人文科设施非常精良，新建有造价600万英镑的音乐与戏剧学院。各项体育设施也十分卓越，2002年英联邦运动会游泳等项目的比赛就是在曼大的水上运动中心举行的。 4． 曼彻斯特商学院：欧洲最大的商学院之一，在全英及欧洲商学院排行中均名列前茅；设有会计、金融、市场营销、人力资源、国际商务、管理心理学、MBA等全方位课程。 5． 地理位置优越： 位于曼彻斯特市中心，交通极其便利。乘火车到伦敦仅需 3个小时，通往曼彻斯特国际机场仅需30分钟。而曼彻斯特作为英国第二大城市以及欧洲学生人口最多的城市，不仅历史悠久，而且拥有欧洲最发达的商业区；同时拥有除伦敦之外的最大的China Town,是人们工作，学习及生活的首选之地。 住宿安排 学校提供全年自炊式宿舍；宿舍均有电话、Internet接口、电视室、厨房、厕所、浴室及洗衣房。无论环境还是设施均为英国大学一流水准；单人房每周住宿费用从55英镑-85英镑不等；学生可以根据个人需要自由选择。 该大学位于曼彻斯特市（Manchester）市中心。众所周知，曼城还是世界最有名气的足球队之一——曼联队的故乡！它也是个科技城市。令该市引以自豪的是，这里是世界上许多最重要的技术公司所在地，而且仍然是在世界上确有重要地位的科研中心之一。该市周围是美丽的田园风光，附近有著名的四大天然景区,即皮克高原、柴郡平原、奔宁山脉和兰开厦沼地。 曼彻斯特是英国最生机勃勃和重要的城市之一，也是国际公认的技术、工业和学习中心之一，备受英国本国和海外学生的青睐。在流行文化、尤其是音乐、时装、设计、当然还有足球等方面可与伦敦相媲美。而且，生活费用较低，人们普遍热情、好客，在这两个方面要优于伦敦。该市的中国城之大仅次于伦敦，这里各种风味的地道中国餐馆比比皆是。 凉爽和湿润很好地概括了曼彻斯特的气候。夏季气温多维持在10-18摄氏度；出门的人们总不忘带上一把伞，因为雨不知什么时候就会来了。</t>
  </si>
  <si>
    <t xml:space="preserve">女生学什么专业比较好？ </t>
  </si>
  <si>
    <t>我觉得吧，还是经管类比较好，作为一个工科男，连男生的就业都这么堪忧，何况女生？所以还是经管类比较好</t>
  </si>
  <si>
    <t xml:space="preserve">小不忍则乱大谋，是吧？我们线，有一个司机，我家街坊。最近，连续五 </t>
  </si>
  <si>
    <t>你们公司不会是为了省打杂的钱,轮流罚司机义务干活吧他还会回来当司机的，否则现在就不是公司大院打杂而是在他家打杂了。。。。。。如果是揪住乘客的裤带不放，事儿就更大啦！    这个事说明你们公司真的很正规，对待投诉能秉公处理，不纵容、不偏袒，很难得，所有的企业、部门都这样就好了！    如果生活中遇到问题去投诉移动、银行、派出所，人家都直接不吊咱，所有的问题都是咱们的问题，结论总是咱们不讲理，然后人家才不跟咱们讲理，才动手。。。 无奈啊</t>
  </si>
  <si>
    <t xml:space="preserve">如何将幻灯片模版的颜色变浅一些阿？喜欢它的图案但不喜欢它的颜色谢 </t>
  </si>
  <si>
    <t>可以把模版以图片形式拷出来，不过比较麻烦。１、你可以试着只选定模版，上面不要有其它东西，然后保存为web页，会生成一个文件和一个文件夹，在文件夹中会有这个模版的图片，然后在photoshop里进行修改就可以了。２、不过有的模版是由不同图层组成的，会生成许多张图片，需要在photoshop里重新合成，有点麻烦。也许还有其它更简便的方法，我目前还没想到。欢迎大家共同研究！</t>
  </si>
  <si>
    <t xml:space="preserve">excel自定义颜色在哪里，前几天还用过，现在找不见了 </t>
  </si>
  <si>
    <t>在工具--选项--颜色--修改</t>
  </si>
  <si>
    <t xml:space="preserve">600018,16元的成本价，该怎么操作？大盘再这么跌，小股民怎 </t>
  </si>
  <si>
    <t>算那点钱喂狗了，咱们散户坚持就是胜利，股市总有一天要涨起来的，要不然那些机构大户都会失业，你说可能吗？</t>
  </si>
  <si>
    <t xml:space="preserve">创业做什么项目做什么项目 </t>
  </si>
  <si>
    <t>科科出状元,不管你想做那一行,只要全心全意投入到你要做行业中来.你都会成为成功的人士.其实做计算机这个行业也不错吧!上述意见只提供参考,最终权还是在你那里.</t>
  </si>
  <si>
    <t xml:space="preserve">专业体检中“热代谢检测(全身)”是检什么方面的？想做一个全面体验 </t>
  </si>
  <si>
    <t>检测组织细胞热代谢值，解析您的机体功能状态！    其原理是利用远红外辐射接受人体细胞新陈代谢过程中红外线辐射信号，以特定规律和测量方法，重建对应于人体所检查部位细胞新陈代谢强度的热分布图像，并加以断层，测量出热辐射源的深度和数值。对机体内部由于功能异常而产生的0.01相对热辐射强度的变化,只须几分钟就可测量到，灵敏度高，对人体早期组织细胞的微小病理改变的检测率在80%以上，从根本上解决了以往远红外技术不能测量物体深部热源的世界性难题。红外热成像技术与现有诊断技术相比，是一次质的飞跃，既有解剖的形态诊断又可实现生理的功能诊断，将系统检查和动态显示做到有机的统一，可对人体全身各部位进行扫描，这种扫描系统的优点是被动接受人体的热辐射，不像其他医学影像设备需要X射线、超声、放射性核素、强磁场等通过人体，因而对人体无损害，简便经济。因此，用该检测手段开展健康评估，疾病的预测、治疗效果的监测，是实现早预防、早诊断、早治疗有效的检测手段</t>
  </si>
  <si>
    <t xml:space="preserve">最近中央台少儿频道《中国动画》演《憨八龟的故事》，大家觉得《憨八? </t>
  </si>
  <si>
    <t>还不错啦！！最开始听的时候还没有什么，不过觉得词还是比较轻松的</t>
  </si>
  <si>
    <t xml:space="preserve">台式机硬盘改成一个80G的、台式机用的硬盘，能不能改成供本本使用 </t>
  </si>
  <si>
    <t>可以，不过要买个硬盘盒，把硬盘装上去才行的。</t>
  </si>
  <si>
    <t xml:space="preserve">Excel我想做一张这样的表格，将表格中最下面一行的（合计，金额 </t>
  </si>
  <si>
    <t>详见附件,已经帮你搞定了我是将其分成两列,然后将中间的线条不显示.另外,其它的格式也帮你调整了一下.</t>
  </si>
  <si>
    <t xml:space="preserve">XP系统的光盘现在大家都用什么版本的XP光盘电脑公司SP3的市场 </t>
  </si>
  <si>
    <t>这不最近 蕃茄 的被查了,雨林的官网不能下了,不过你用迅雷 还是能搜着的,不过我不是老相信,怕不干净.</t>
  </si>
  <si>
    <t xml:space="preserve">什么是什么我的Q名叫什么我同学问我Q名叫什么我说我Q名是什么他不 </t>
  </si>
  <si>
    <t>就跟“打死也不说”差不多吧。。。我的Q名叫：“什么”， 我同学问我Q名叫什么？ 我说我Q名是“什么”， 他不名白我的意思。“什么”朋友，哈哈。。。。。。。。。</t>
  </si>
  <si>
    <t xml:space="preserve">谁见什么人说什么话？ </t>
  </si>
  <si>
    <t>答案：翻译</t>
  </si>
  <si>
    <t xml:space="preserve">白痴问题这周是兑换仙桃的最后一周么 </t>
  </si>
  <si>
    <t>不是，现在还是每天可以兑换3个6千年蟠桃，到11号可以换9千年的了88张魅力换一个</t>
  </si>
  <si>
    <t xml:space="preserve">我的皮衣需要清冼,请问在大庆东风新村在哪有正规一些的皮衣保养店? </t>
  </si>
  <si>
    <t>新马特！</t>
  </si>
  <si>
    <t xml:space="preserve">猪对人类有什么用处？（每个人只能说一样。）（每个人只能说一样。多 </t>
  </si>
  <si>
    <t>锻炼身体滴（溜猪玩儿）</t>
  </si>
  <si>
    <t xml:space="preserve">因为长智齿加上火倒置长智齿的地方牙龈肿痛，请问吃什么药能缓解肿痛? </t>
  </si>
  <si>
    <t>1、目前有肿痛症状，处于急性炎症期，可以口服螺旋霉素、甲硝唑及芬必得等抗炎对症治疗。2、如果经常反复发炎，建议到医院口腔科进行检查，拍牙片，了解智齿生长情况，如果牙位置不正无法萌出，则应尽早拔除，以防感染再发。</t>
  </si>
  <si>
    <t xml:space="preserve">我的术士光武杖消失了我用系统送的材料打了一把122级的土系光武杖 </t>
  </si>
  <si>
    <t xml:space="preserve"> 呵呵。你的问题是不是由于网络太卡或者身上装满物品，回城导致掉了？ 如是绑定的，可以与客服沟通处理的。 其它不属于绑定的应帮不了忙了吧 ~-~</t>
  </si>
  <si>
    <t xml:space="preserve">小狗大概多大可以生小狗我家小狗才9个月 </t>
  </si>
  <si>
    <t>要到一岁半才可以生！但最好还是2岁以后再让狗狗生小狗！</t>
  </si>
  <si>
    <t xml:space="preserve">DVD机放光盘可以通过电脑的液晶显示器看吗？具体怎样做？ </t>
  </si>
  <si>
    <t>可以办到的！请看下图。楼主可以去购买一台视频设备，一般是电视盒、电视卡。将影碟机作为视频源头，通过电视盒、电视卡转换成特定的信号，通过、或不通过电脑主机处理后，把信号输送到显示器进行观看。这样的设备，一般在150-500元之间。尽管可以实现，但是我不推荐你这样做。如果你的电脑不能播放DVD光碟，你可以去购买一台DVD光驱，价格也差不多，省去不少麻烦。电视盒、电视卡、DVD光驱在电脑城都有销售。</t>
  </si>
  <si>
    <t xml:space="preserve">141期R9奖金预测如题：350元左右。 </t>
  </si>
  <si>
    <t>可怜我防的四个豪门冷门一个不出：阿森纳31，多特蒙德30，AC30，巴萨10.不防的时候冷门嗖嗖的出，希望能保本吧，256的单</t>
  </si>
  <si>
    <t xml:space="preserve">什么是和谐社会？现在一直说和谐社会，那其本质是什么呢？ </t>
  </si>
  <si>
    <t xml:space="preserve">     简单地从字面上说，和谐是指“配合得适当和匀称”，社会是指“由一定的基础和上层建筑构成的整体，也叫社会形态”。因此，所谓和谐社会，就是指构成社会的各个部分、各种要素处于一种相互协调的状态。按照这样的标准来衡量，所以社会主义和谐社会，应当是各方面利益关系得到有效的协调、社会管理体制不断创新和健全、稳定有序的社会。具体说，就是 一种民主法治、公平正义、诚信友爱、充满活力、安定有序、人与自然和谐相处的社会。       社会主义和谐社会的特点，第一，通过调动一切积极因素来增强全社会的创造活力；第二，通过协调各方面的利益关系来维护社会公平；第三，通过营造良好的社会氛围来形成良好的人际环境；第四，通过加强民主法治建设来维护稳定；第五，通过处理好人与自然的关系来保证可持续的发展。       构建社会主义和谐社会的提出不是偶然的。在经济持续高速增长、人均GDP已经达到1000美元的同时，中国社会内部各种利益关系的多元化、人际关系的复杂化以及与自然关系的紧张化也日趋明显，由此而产生的矛盾和冲突也越来越多，社会风险也越来越大。换言之，中国社会的各种不和谐现象越来越突出。所有这些不仅影响着小康社会的建设的进程，更有悖于中国共产党的宗旨和社会主义的性质。不难看出，建设 社会主义和谐社会，实际上是中国社会发展的客观要求。同时，这也说明我们对社会主义认识的深化，即社会主义不仅是民主的和富裕的社会，而且还是各方面协调发展的社会。</t>
  </si>
  <si>
    <t xml:space="preserve">MM高手小鸟都来看看啊。。。。。。。。。。。。。在完美世界国际版 </t>
  </si>
  <si>
    <t>我是86mm，狂潮 的 ，体力属性点看不出问题，建议你弄点加体加血的装备，我现在有3300多血，体才103，装备加成有很多。mm下副本比较关键，打怪不是主要的，所以血多点没坏处。</t>
  </si>
  <si>
    <t xml:space="preserve">进来野马需要加方向吗，我觉得，野马和PD一样，转向都是很灵活的 </t>
  </si>
  <si>
    <t>个人喜好啦~</t>
  </si>
  <si>
    <t xml:space="preserve">东风风神的车子，发动机是自主研发的吗？ </t>
  </si>
  <si>
    <t>东风风神发动机就是采用了PSA集团开发的TU5JP4发动机，与东风标致、东风雪铁龙车型上装备的发动机一样。后来，东风自主研发风神e-TECO系列三款发动机，东风乘用车自主研发发动机，很强大哦！</t>
  </si>
  <si>
    <t xml:space="preserve">股票一手一手地卖与几手一起卖，产生的费用一样吗？ </t>
  </si>
  <si>
    <t xml:space="preserve">当然有差别了，除非你买的股票都是几十元一股或者更高价钱的股票。 主要原因：佣金一般是千分只一到千分之三，但有最低收费，每笔交易5元。 假设一个股票10元，你买1000股，一共10000元，佣金一般20元左右（按千分之二计算），但你如果分10次买，就是50元佣金了（每次5元）。 </t>
  </si>
  <si>
    <t xml:space="preserve">北京朝阳区比较好的中学排名怎样？ </t>
  </si>
  <si>
    <t xml:space="preserve">1北京市朝阳外国语学校2北京市第十六中学3北京爱迪学校北京澳大利亚国际学校4北京市新源里中学5北京市世青中学6北京工业大学附属中学初中部7中国红十字基金会北京拔萃双语学校8北京陈经纶中学9北京市第八十中学管庄分校10北京市私立北方中学11北京80中（北京八十中，北京第八十中学）12北京市第八十中学体育运动学校13北京工业大学附属中学高中部14北京市私立正则中学15北京市三里屯一中16北京市第十七中学17北京市第七十一中学18北京化工大学附属中学19北京市奶子房中学20北京市第九十四中学21北京市枣营中学22北京市北苑中学23北京市陈经纶中学分校24北京教育科学研究院附属实验中学25北京劲松一中26北京市日坛中学27北京市五路居第一中学28北京市草场地中学29北京市八里庄第三中学　30.。。。。。。更多：  </t>
  </si>
  <si>
    <t xml:space="preserve">请朋友们帮我想个公司的名字本人是刚毕业一年的大学生,工作了一年积 </t>
  </si>
  <si>
    <t xml:space="preserve">    看看这几个名字，经测算都是“吉利”的名字：名：大恒笔画和五行分别：3(火) 10(水) 此企业名数理为 13 ，其暗示的信息：天赋吉运，能得人望，善用智慧，必获成功 。(吉)企业名：大昌笔画和五行分别：3(火) 8(金) 此企业名数理为 11 ，其暗示的信息：草木逢春，枝叶沾露，稳健着实，必得人望 。(吉)企业名：天宝笔画和五行分别：4(火) 20(火) 此企业名数理为 24 ，其暗示的信息：锦绣前程，须靠自力，多用智谋，能奏大功 。(吉)物华天宝 成语发音：wù huá tiān bǎo 成语释义：物华：万物的精华；天宝：天然的宝物。指各种珍美的宝物。 成语出处：唐·王勃《秋日登洪府滕王阁饯别序》：“物华天宝，龙光射牛斗之墟。” 企业名：浩博笔画和五行分别：11(水) 12(水) 此企业名数理为 23 ，其暗示的信息：旭日升天，名显四方，渐次进展，终成大业 。(吉)企业名：元浩笔画和五行分别：4(木) 11(水) 此企业名数理为 15 ，其暗示的信息：谦恭做事，必得人和，大事成就，一门兴隆 。(吉)</t>
  </si>
  <si>
    <t xml:space="preserve">请教：花盆里的蚜虫如何清除？我家花盆里出了许多白色的蚜虫，有的已 </t>
  </si>
  <si>
    <t>用烟蒂泡水，喷洒即可</t>
  </si>
  <si>
    <t xml:space="preserve">眼药水过期时间不长，还可以继续使用吗？眼药水过期时间不长（3个月 </t>
  </si>
  <si>
    <t>眼科用药，除了全身用药外，主要途径，就是结膜囊，局部滴眼。粘膜吸收。正常结膜囊的PH值呈中性偏弱碱性，任何药物的配置，都必须有一定的效期，超过时间后，PH值随温度改变而改变，滴用后刺激结膜囊，眼红，流泪。 同时，细菌滋生，如果，结膜有破损，可以引起感染，使炎症加剧，如果，遇到霉菌感染，很难治疗。眼药水类的药物，分子稳定性差，一般不超过一年。当然，自己手里的眼药水，可以存放到冰箱里，3——5度即可。抗菌素眼药可以到失效期后10天。其他药物过期，中止使用。眼药膏类，因药物稳定性好，期限定的长一些。利福平类，不使用，不要溶解它，放冰箱保存。使用期一个月。激素类，过期，坚决不用。</t>
  </si>
  <si>
    <t xml:space="preserve">我应该放弃吗?我爱了一个女孩子,但她已经有男朋友,我昨晚同她说我 </t>
  </si>
  <si>
    <t>女孩子在婉转的拒绝你,并希望继续和你做朋友.她不想因此失去你的友情.如果你真的爱她,你就慢慢的等在她的身边,但是千万不要再向她提感情的事,这样会让她讨厌你.你可以陪在她身边,也许有一天她会爱上你,也许她会和别人结婚,现在你只有等....</t>
  </si>
  <si>
    <t xml:space="preserve">从花卉市场买一大束花送给一位阿姨,怎么快递给她?阿姨是对我一生帮 </t>
  </si>
  <si>
    <t>这为老兄可以进这里看看 中国鲜花速递网 希望有点用！</t>
  </si>
  <si>
    <t xml:space="preserve">手机支持卡拉OK,怎么把歌曲下载进去? </t>
  </si>
  <si>
    <t>可以通过篮牙,红外,数据线都可以传输,也可以购买一个读卡器,或者还有一个办法,如果您是移动用户的话,那就开通GPRS,在网上找个网站输入您手机号就可以直接传输到您手机了.这种方法是最花费钱的.主要看一下您的手机是否支持以上功能.选自己最方便的下载.</t>
  </si>
  <si>
    <t xml:space="preserve">help,请教以下两题1.1.Lastweekwewenttot </t>
  </si>
  <si>
    <t>cash register 为固定詞?意思收銀机</t>
  </si>
  <si>
    <t xml:space="preserve">组FB的问题打算组人去MLD，但由于FB冷门，没人认我。请问我去 </t>
  </si>
  <si>
    <t>MLD门口的集合石可以拉人的。现在小副本基本很少人去，去也是有大号带的，组人非常困难。建议你进个工会，或者平时多交些朋友，熟人多了情况会好起来的。朋友少的话，进入外域之前是比较郁闷的，大多数时间是自己独自打怪练级</t>
  </si>
  <si>
    <t xml:space="preserve">帐号问题你好！我是网通二区的一个玩家，今天游戏维护以后我上号发现 </t>
  </si>
  <si>
    <t xml:space="preserve">这里没有官方人员,如果你的号被盗请去官方论坛发帖解决! </t>
  </si>
  <si>
    <t xml:space="preserve">09003期图看看 </t>
  </si>
  <si>
    <t>里昂对阵的是法甲鱼腩，浪费了啊，切尔西不是必杀赔率，这样的赔率主队投注量多应该是个1，13.好运！！！</t>
  </si>
  <si>
    <t xml:space="preserve">电脑电源灯闪烁开不了机早上按正常那个情况插上电源插上显示器电源点 </t>
  </si>
  <si>
    <t>你的系统卡在一键还原那里，不能下去进入系统，肯定是系统出现问题了，你的红色指示灯在闪烁，就是系统在读硬盘，找系统文件，但是没有找到，所以就一直闪烁不停。不知你自己做过系统的一键还原没有，其实很简单。你可以利用你电脑的一键还原功能，还原系统，你的电脑正停在一键还原这里，你把光标（就是那个白色长条），用方向键选择到“一键还原”，按回车键确定，然后按照提示一步一步用回车键确定进行，就可以把你的系统还原过来。</t>
  </si>
  <si>
    <t xml:space="preserve">怀孕后出血的原因?我已确诊为怀孕,因为检查出来是阳性,怀孕天数不 </t>
  </si>
  <si>
    <t>考虑是先兆流产的迹象，孕妇发现自己有先兆流产的迹象应尽快到医院检查，以明确病因和胎儿的状况， 但要尽量减少不必要的阴道检查，以减少对子宫的刺激。如妊娠反应阳性，结合体温和B超检查认为适合保胎时，应在医生的指导下进行保胎治疗；如阴道出血量多于月经量，或其它诊断查明胎儿已死亡或难免流产，应尽早终止妊娠，防止出血及感染。</t>
  </si>
  <si>
    <t xml:space="preserve">CAD技术基础 </t>
  </si>
  <si>
    <t>买一本cad基础书就行了，学起来蛮简单的</t>
  </si>
  <si>
    <t xml:space="preserve">600019,600005,000876今天可以进吗？哪个好点，? </t>
  </si>
  <si>
    <t>我觉得600005不错</t>
  </si>
  <si>
    <t xml:space="preserve">孕妇怀孕期间经常和丈夫吵架会给胎儿带来哪些影响？请问孕妇在怀孕期 </t>
  </si>
  <si>
    <t>孩子受情绪的影响 一是出生了不好带，二是，影响孩子的健康发育，所以孕妇要保持一个良好的情绪</t>
  </si>
  <si>
    <t>函数y=2sin（π/3</t>
  </si>
  <si>
    <t>y=2sin（π/3-x）-cos（π/6+x）= 2sin（π/3-x）- sin(π/2 - (π/6+x))= 2sin（π/3-x）- sin（π/3-x）= sin（π/3-x）所以最小值为-1</t>
  </si>
  <si>
    <t xml:space="preserve">请问亚麻跌资源社区的网址是多少可以日本亚麻跌的网址 </t>
  </si>
  <si>
    <t xml:space="preserve">请教关于简化画法（重发）太粗心了，忘记贴图，重新来吧。在左图中， </t>
  </si>
  <si>
    <t>在左图中，中间黑色的圆弧是过渡线。红色的两道细实线是表示法兰上孔的位置的简化半圆（点划线）的圆心位置。一般熟悉法兰结构的都知道圆心是圆柱体轴线和法兰盘平面的交点，为了连接的方便，法兰盘上常常有有一凸起的平面凸台，红线就是说明简化画法的圆心不是凸台平面和圆柱体轴线的交点，而是有孔的平面和轴线的交点。这也是常识，所以很多法兰简化画法都没有画出圆心位置。在右图中，圆柱的断裂边界上面的画法和下面的画法是有不同的表示意思的。上面的画法是表示完全断开，所以在断开画法的时候就是用上图的画法来表示断开的。下面的画法是表示没有完全断开，所以局部剖切的时候用波浪线表示剖切边界。在圆柱体画断开图的时候就不能用波浪线来表示断开边界。</t>
  </si>
  <si>
    <t xml:space="preserve">为什么问题审核不了？ </t>
  </si>
  <si>
    <t>时间延时，等一下就好了</t>
  </si>
  <si>
    <t xml:space="preserve">为什么我的声卡播放MID格式的音乐没有声音?播放其他格式的音乐没 </t>
  </si>
  <si>
    <t>需要安装＂波表合成＂库文件才可以，MID文件大都是通过声卡自带软或硬波表库里面的乐器音效信息才可以播放音频的，ＭＩＤ文件里只是一些乐器搭配信息，是不能单独放出声音来的你可以到网上搜搜，找找波表库或音色库试试</t>
  </si>
  <si>
    <t xml:space="preserve">怎样进行家庭投资理财的报酬计算？ </t>
  </si>
  <si>
    <t>可以使用实际报酬率和超额报酬率两项指标来衡量家庭理财的收益水平。 　　家庭理财实际报酬率是指剔除了通货膨胀因素的年度家庭理财收益率，是对家庭理财实际收益水平的真实度量。当我们辛苦一年，到年终进行家庭理财成绩盘点时，如果投资理财没能 跑赢通货膨胀，资产的实际价值在下降，家庭财富缩水了。 　　投资理财的超额报酬率是指家庭理财收益率大于一年期银行储蓄利率的超出部分，是对家庭理财水平高低的度量。如果家庭理财超额报酬率大于零，说明家庭金融投资组合卓有成效，跑赢银行储蓄，取得了超额利润；如果超额报酬率低于零，说明投资理财组合水平较低，还不如全部“家庭”拿去储蓄的收益。 　　家庭理财实际报酬率=年度家庭理财总收益/家庭资产总投入-当年通货膨胀率 　　家庭理财超额报酬率=年度家庭理财总收益/家庭资产总投入-1年期储蓄利率 　　如果家庭理财实际报酬和家庭理财超额报酬率两项指标均大于零，表明家庭理财不仅完成了家庭资产保值的目的，而且取得了超过银行储蓄利息率的超额利润。</t>
  </si>
  <si>
    <t xml:space="preserve">c盘格式化后要不要安装主板驱动程序？不安装会有什么后果 </t>
  </si>
  <si>
    <t>你格式化后（一般是重装系统），C盘的驱动没有了，如果不安装主板驱动，你就听不到声音，看不了视频。声卡、显卡驱动是不能不安装的（主板驱动包括了这些）。</t>
  </si>
  <si>
    <t xml:space="preserve">求助啊。。。。。。。我最近一年里老是频繁遗精，去看医生说我有点前 </t>
  </si>
  <si>
    <t>遗精遗精就是指在没有性交或手淫情况下的射精。在入睡后做梦时遗精为梦遗，不在做梦时遗精称为无梦遗精，清醒状态下遗精则为滑精。据统计，约８０％男子有过遗精现象。遗精是未婚男子的一种生理现象。男孩子到了青春期，性器官逐渐发育成熟，睾丸开始不断地产生精浆。精子和精浆混合起来就成了精液。当精液在体内积聚到一定数量再贮存不了时，常常会通过遗精的方式排出体外。这就是中医所讲的“精满则溢”的道理。遗精没有规律性。一般来讲，一个月遗精５－６次属于正常现象。如果遗精次数过多，或在有正常性生活的情况下仍有遗精，以及在清醒状态下遗精，均属于不正常现象。不政党遗精党见于遗精者思想过分集中在性问题上，或有手淫的不良习惯。另外，包皮过长、尿道炎、前列腺炎以及身体虚弱，劳累过度敢可以引起遗精。遗精次数过多者可服六味地黄丸，金锁固精丸。也可采用“提肛法”治疗，即在每晚睡前收缩肛门１０－２０次（深吸气时收缩，呼气时放松，一收一放为一次）。</t>
  </si>
  <si>
    <t xml:space="preserve">指甲上有深紫色的点是怎么回事，开始以为是碰的，后来新长出来的也有 </t>
  </si>
  <si>
    <t>病情分析：可能是紫绀。紫绀的原因有可能是缺氧（这是最大的原因。）如果是这种情况的话，就和肺脏有关系。也有可能是血液中的血红蛋白太多。在这种情况下，人是健康的也会有紫绀。只要平时没有心慌，心悸，气短，等表现，就因该不是心脏的问题。如果有的话，就要重视了。最好去做个检查。诚心为您回答，希望可以帮助到您，赠人玫瑰，手有余香，好人一生平安，有用的话，给个好评吧O(∩_∩)O~</t>
  </si>
  <si>
    <t xml:space="preserve">请问现在哪些军校直接对高考生陆、海、空后勤军校不算 </t>
  </si>
  <si>
    <t xml:space="preserve"> ·解放军炮兵指挥学院  ·解放军石家庄陆军指挥学院·解放军沈阳炮兵学院 ·解放军空军工程大学 ·解放军徐州空军学院·解放军工程兵指挥学院 ·解放军蚌埠坦克学院·解放军防化指挥工程学院·解放军西安通信学院·解放军理工大学 ·解放军合肥炮兵学院 ·解放军南京炮兵学院·解放军信息工程大学 ·解放军郑州防空兵学院 ·解放军军事交通学院 另外给你一个网址有空你可以参考;            </t>
  </si>
  <si>
    <t xml:space="preserve">鲁迅的感情生活？ </t>
  </si>
  <si>
    <t xml:space="preserve">    1906年7月6日，鲁迅尊母命与朱安结婚，两个人完全没有感情基础，后来的情形就是将其一生、形同陌路。鲁迅考虑过离婚，但那个年代，被休的女人是备遭人们鄙夷和唾弃的，情形大都十分悲惨。善良单纯的朱安侍奉鲁迅的母亲鲁瑞，把许广平看做姐妹，视周海婴如己出。1947年6月29日凌晨，朱安孤独地去世了，身边没有一个人。朱安的墓地设在西直门外保福寺处，没有墓碑。她在这个世界上了69个春秋，在孤独与寂寞地度过了四十多年的漫漫岁月。    鲁迅最珍爱的女人，是他在北京师范大学兼职时的左翼学生刘和珍，她的被杀令鲁迅心如刀割。他的一篇《纪念刘和珍君》，写得悲痛欲绝，犹如寒夜里的一声凄厉的狂哭。作为刘和珍的同学，许广平扮演了一个刘和珍的替身的脚色，她在鲁迅最伤痛的时刻出现，竭尽劝慰之能事，这多少补偿了鲁迅对于旧爱的无限迷恋。     鲁迅还有两位忘年交：一位是日本人增田涉，还有一位就是萧红。我们着重谈下萧红。鲁迅在后期极其矛盾和焦躁的战斗时期，唯一的情感线索，涉及了东北女子萧红。奇怪的是，当鲁迅对绝大多数陌生人都拒之门外时，萧军萧红几乎是唯一受到接纳的，鲁迅的这一“例外”出乎许多人的意料之外。鲁迅最初对两萧的态度极为冷淡，直到收到萧红的"抗议书"才发生戏剧性突变，他的回信充满了罕见的、《两地书》所没有的挑逗性暗示，从此他对萧氏“青眼有加”，百般关照，直到死前数月，还向红色汉学家斯诺竭力推荐萧红，称她“是当今中国最有前途的女作家，很可能成为丁玲的后继者”云云，毫不掩饰对她的一片怜惜和钟爱。     鲁迅与萧红、许羡苏、弟媳羽太信子都没有地下恋情。终其一生，他的生活是极其寂寥的。与许广平的恋情多少弥补了他的感情生活。然而，走进他内心的人却很少，鲁迅的情感世界始终被一层迷雾所笼罩。     没有人走进去，或许他自己也难以走出来！2007-08-11揭幕的位于广州市图书馆鲁迅与许广平雕塑合像</t>
  </si>
  <si>
    <t xml:space="preserve">我的语法不好怎么办呀？ </t>
  </si>
  <si>
    <t xml:space="preserve">    最好选择归类式记忆，将类似的一些用法归类起来进行记忆，效果比死记硬背要好得多。    还有，不要一味地钻语法书，活学活用。    不要放弃任何一个学习的机会。    多记一些书本上的经典句子，切忌将口语与书面混为一谈，一些口语不免与语法背道而弛的。</t>
  </si>
  <si>
    <t xml:space="preserve">宝贝突然不吃，怎么办宝宝十个月，一直都吃米粉和奶粉。胃口好，一天 </t>
  </si>
  <si>
    <t>不要紧,小孩饿不着的,饿了他会吃的,实在心痛吃点味道蛋的</t>
  </si>
  <si>
    <t xml:space="preserve">263企业会议都有哪些功能呢？ </t>
  </si>
  <si>
    <t>功能特齐全，例如短信提醒；预约会议；智能电话薄，主要是给参加会议人发通知、预约时间，发起会议什么的，这些功能都比较人性化。还有很多很多呢，建立楼主去263的官网上面详细了解一下。</t>
  </si>
  <si>
    <t xml:space="preserve">麻烦大家帮我看看！！！在淘宝网看到三双鞋，都很喜欢，大家帮我看看 </t>
  </si>
  <si>
    <t>要看你的穿衣风格，我比较喜欢红包那双，简单才是百搭</t>
  </si>
  <si>
    <t xml:space="preserve">得了强直性脊柱炎有什么好的治疗呢 </t>
  </si>
  <si>
    <t>强直性脊柱炎的治疗患者应该到正规的医院去才行，患者可以试试采用“超导可视拨针微创疗法 ”是历时十余年的时间，经过我院专家组的长期不懈努力，将临床与科研相结合的漫长探索，对各项风湿骨病生理病理的深入研究，研发出拨针疗法，成为国内医学领域首家采用创新技术应用于临床实践的首家医院，并且真正做到了不开刀、无痛苦，快速有效治疗颈、肩、腰、腿痛等风湿骨病。强直性脊柱炎患者可以用药物治疗，临床治疗过程中，药物治疗是治疗强直性脊柱炎的常见方法之一。药物治疗主要有两大分类：一般药物和生物制剂。非甾体抗炎药、柳氮磺吡啶等皆属于一般药物，这一类药物可迅速改善患者腰髋背部疼痛和发僵，减轻关节肿胀和疼痛及增加活动范围，无论早期或晚期AS患者的症状治疗都是首选的。强直性脊柱炎患者可以采用理疗，在患病期间可以根据自己的病情适当的理疗，并且治疗的效果在短期较明显。比如热水浴、水盆浴或淋浴、矿泉温泉浴等热疗方法、红外线照射、超声波、微波、蜡疗、热水浴、离子导入等，对关节疼痛的缓解和活动比较有利，还可以预防畸形。相信大家也能想到，理疗其实和饮食调理差不多的，只能作为辅助的治疗方法。理疗的优势在于这是相对安全的方法，但是却很容易复发。</t>
  </si>
  <si>
    <t xml:space="preserve">心肌炎为何输液9天后还变严重了？小孩得心肌炎，医生开了5%葡萄糖 </t>
  </si>
  <si>
    <t xml:space="preserve">   引起心肌炎的原因很多，诸如病毒、细菌真菌、寄生虫、免疫反应以及物理、化学因素等均可引起心肌炎。如果治疗了这么久的效果还不明显，那就应该考虑调整治疗方案。</t>
  </si>
  <si>
    <t xml:space="preserve">实况９国语版啥时出．实况足球９国语版啥时出，很想她． </t>
  </si>
  <si>
    <t>很长．</t>
  </si>
  <si>
    <t xml:space="preserve">怎样才能早睡早醒？ </t>
  </si>
  <si>
    <t>但是，如果你已经习惯了做“夜猫子”，就算早早上床恐怕也很难进入梦乡，只会翻来覆去地睡不着。解决这种问题最好的方法就是逐渐提早就寝时间，每晚提早10~15分钟。也就是说，如果你一般习惯半夜12点睡觉，那么可以第一天晚上11点45分上床，第二个晚上11点半上床，第三个晚上11点15分……逐步调整昼夜醒睡的循环节律，让自己慢慢养成早睡早起的习惯。</t>
  </si>
  <si>
    <t xml:space="preserve">石家庄到杭州多少公里? </t>
  </si>
  <si>
    <t>１３７１公里左右</t>
  </si>
  <si>
    <t xml:space="preserve">有没有部落鬼服和战歌的联盟一样每天在线的部落不超过49个人的? </t>
  </si>
  <si>
    <t>9区阿古斯！！！！！！！！！！！！！！！！塞泰克还有点人。 我玩阿古斯的时候建个了小号部落下午4点多吧在线20多人3个70的！  联盟人多拍卖23000-26000！也就说这服联盟=别的一般服务器的LM+BL人数的总和</t>
  </si>
  <si>
    <t xml:space="preserve">又到情人节啊，我苦啊，大家给出出主意送什么呢？ </t>
  </si>
  <si>
    <t>我准备了黄金国度的魔晶，希望老婆这次不要说我没创意。</t>
  </si>
  <si>
    <t xml:space="preserve">有没有血腥/暴力/阴暗/诡异/类动漫？ </t>
  </si>
  <si>
    <t>Gunslinger Girl《黑街二人组》(Noir)  madlax 陆军情报部三课  剑风传奇 全金属狂潮SRT 攻壳机动队 原PO咱口味差不多，这些都是你没列出来的，暂时想起这几个还不错的。又想起一个GUNGRAVE 这5分真难拿啊，竭诚为您服务其实好多作品还没动画化，许多漫画也相当好啊，很多，很多</t>
  </si>
  <si>
    <t xml:space="preserve">111天男宝口腔溃疡贫血我还是那个111天有口腔溃疡和贫血的男宝 </t>
  </si>
  <si>
    <t>你好。哪个牌子的维生素C无所谓。每天可以喂50-100毫克就可以。可以与铁剂一起溶解到奶量。口腔溃疡可能主要在于感染，喂不喂B族维生素都问题不大，需要注意溃疡面卫生，可以用棉签沾点生理盐水等方法清理溃疡面，可能有利于恢复。</t>
  </si>
  <si>
    <t xml:space="preserve">显示情况异常不知道微博为什么变成这样。想变回来！各位大神帮帮忙 </t>
  </si>
  <si>
    <t>你可以试试换个浏览器~~估计是你浏览器浏览图片文字的量太大了~~试过有用别忘给个采纳哈~</t>
  </si>
  <si>
    <t xml:space="preserve">可能是什么病症血常规检查正常，但发热，头痛，并无其他病痛，可能会 </t>
  </si>
  <si>
    <t>可能有炎症，嗓子痛不通，看看是不是咽炎。</t>
  </si>
  <si>
    <t>知道1</t>
  </si>
  <si>
    <t>RMB一起可能要2~3W吧~~</t>
  </si>
  <si>
    <t xml:space="preserve">喝蜂蜜水能减肥吗?或者有什么方法能快速减肥的啊 </t>
  </si>
  <si>
    <t>单喝蜂蜜水是不能减肥的，快速减肥就是吃减肥药和严格控制饮食。但是我们主张健康绿色减肥，是要加强身体锻炼，适当减少饮食，甜食不能吃，米面少吃，多吃新鲜蔬菜水果，每天晚上吃完饭后要快走一小时，在走十分钟的时候身上出汗，坚持走一小时，持之以恒你可以达到最满意的身材。</t>
  </si>
  <si>
    <t xml:space="preserve">男朋友到现在还没有钱该怎么办？？？？？？？？ </t>
  </si>
  <si>
    <t>没钱是一个很现实的问题，虽说钱不是万能的，但在现代社会中没钱却令人寸步难行。人都说爱是不能拿金钱衡量的，你很难从一个两手空空囊中羞涩的男人那里体验到被爱包围的幸福。不知道对于你来说，有钱是个什么概念？有车，有房，由存款？还是满足生活日常支出就好？一个男人如果珍爱你，他会为了你去奋斗的，但你也不要对他要求太高，因为爱是两个人的事，所以钱也要两个人来挣才行。你不能只把幸福寄托在男人身上，这样一旦他达不到你的要求，你会很失望，干着急却没法左右现实情况。其实幸福是要靠两个人共同携手努力创造的，只要你们相互爱护，互相搀扶，共同努力，还有什么美好是无法创造的呢！</t>
  </si>
  <si>
    <t xml:space="preserve">请问：新买的手机第一次充电，没有SIM卡能充电吗？我给我爸新买了 </t>
  </si>
  <si>
    <t>可以没有问题因为你只是针对电池。因为电池在出厂时都会带有百分之20到30的余电所有的电池二次电池都这样，电池有自放电的缺点所以长时间不用的充电电池隔一段时间都要补电一次，第一次充电要在电池余电放完再充电，充10-12小时再用完再充10-12小时，激活电池这样有利于电池的使用寿命。</t>
  </si>
  <si>
    <t xml:space="preserve">关于PS2直读芯片现在买PS2机器如果加直读芯片是要单加钱的吗？ </t>
  </si>
  <si>
    <t>应该是110000左右</t>
  </si>
  <si>
    <t xml:space="preserve">帮忙配个主机，列个清单价格在2500元以内，不包括显示器，光驱和 </t>
  </si>
  <si>
    <t xml:space="preserve">配件名 数量 单价 品牌型号 CPU 1 440 Intel Pentium E2160 主板 1 499 七彩虹 C.P31AK Ver2.0 内存 2 145 金士顿 DDR2 800 1G 硬盘 1 330 希捷 160G SATAII 8M(7200.10/ST3160815AS)(雷射) 显卡 1 499 七彩虹 镭风3650-GD3 CF黄金版 256M V12 机箱 1 160 佑泽 酷仔T18 电源 1 190 金河田 劲霸ATX-S300(行业版) 价格总计:2408.0     </t>
  </si>
  <si>
    <t xml:space="preserve">喝酒要注意什么礼仪？ </t>
  </si>
  <si>
    <t>饭前颂主名 饭后赞主 不挑剔食物可褒奖 斋戒的客人可以不开斋 就近而食 劝告不懂吃饭礼节的人 禁止连续不断地往口里喂枣及其它 除非同伴 从盘子边缘吃 不要从中间吃 不能倚靠着吃饭 用三个指头吃饭 在饮料中吹为可憎 坐下喝水比站看喝水更好 在毫无准备的情况下，被推举出来提议祝酒可能是非常令人紧张的。此时最好的解决办法就是说出你的感受。祝酒辞从来用不着太长。如果当你在毫无准备的情况下被叫起来致祝酒辞，你可以说一些简单的话摆脱困境，如“向肯致意，上帝保佑你。”或“向出色的朋友和伟大的老板，格里塔致意。” 但是如果你想表现得更有风度，更有口才，你就会想增加一些回忆，赞美，以及相关的故事或笑话。然而，祝酒辞应当和与场合相吻合。幽默感极少会显得不合时宜，但是在婚礼上的祝酒辞应该侧重于情感方面，向退休员工表达敬意的祝酒辞则应当侧重于怀旧，诸如此类。 在餐会上，致祝酒辞通常是男主人或女主人的优先权。如果无人祝酒，客人则可以提议向主人祝酒。如果其中一位主人第一个祝酒，一位客人可以在第二个祝酒。 在仪式场合，通常会有一位酒司仪，如果没有，组委会主席，会在就餐结束，开始发言前，致必要的祝酒辞。在不太正式的场合，可以在葡萄酒和香槟酒上来之后，就提议祝酒。祝酒者并不必要把酒杯里的酒喝干。每次喝一小口足矣。 你可能根本不碰包括葡萄酒在内的各种酒精饮料，甚至敬酒时也是如此。当酒传递过来时，你当然可以谢绝，在祝酒时举起装着苏达水的高脚杯。过去，除非是酒精饮料，否则不祝酒，但是今天各种饮料都可以用来祝酒。无论如何，你应该站起来，加入到这项活动之中，至少不应该极端失礼地坐在座位上。 “食礼”系饮食礼仪、饮食礼制、饮食礼义、饮食礼俗、饮食礼貌、饮食礼节等概念的通称。其中，饮食礼义是人们在饮食活动中应当遵循的社会规范与道德规范；饮食礼制是被国家礼法所肯定的饮食典章制度和重要经籍；饮食礼义是筵席时为表示某种敬意而隆重举行的各种仪式；饮食礼俗是与礼义、礼制、礼义相关并且在民间流传已久的饮食风习；饮食礼貌是餐饮活动中表示敬重与友情的日常行为规范。饮食礼节是饮食礼仪的节度和饮食礼貌的综合评价。总之，作为"礼"的一个重要组成部分，食礼是饮膳宴筵方面的社会规范与典章制度，餐饮活动中的文明教养与交际准则，赴宴人和东道主的仪表、风度、神态、气质的生动体现。 食礼的涵盖面很广，可按多种方法进行分类。如按时代划分，有原始社会食礼、奴隶社会食礼、封建社会食礼、资本主义社会食礼和社会主义社会食礼；按民族划分，有汉族食礼和少数民族食礼；按阶层划分，有宫廷皇家食礼、官府缙绅食礼、军营将士食礼、学院士子食礼、市场商贾食礼、行帮工匠食礼、城镇居民食礼和乡村农夫食礼；按地域划分，有东北地区食礼、华北地区食礼、西北地区食礼、华东地区食礼、中南地区食礼和西南地区食礼；按用途划分，有祭神祀祖食礼、重教尊师食礼、敬贤养老食礼、生寿婚丧食礼、贺年馈节食礼、接风饯行食礼、诗文欢会食礼、社交游乐食礼、百业帮会食礼和民间应酬食礼种种，形式和内容丰富多彩。上自帝王将相，下至黎民百姓，无不与之发生广泛的联系，无不倚靠它进行社会交际。 自古以来，中国就是“礼仪之邦”、“食礼之国”。懂礼、习礼、守礼、重礼的历史，源远流长。据《礼记礼运》记载："夫礼之初，始诸饮食。"而最早出现的食礼，又与远古的祭神仪式直接相关。对此，《礼记礼运》又有一段概括性的描述，其大意是：原始社会的先民，把黍米和猪肉块放在烧石上烤炙而献食，在地上凿坑当作酒樽用手掬捧而献饮，还用茅草扎成长槌敲击土鼓，以次来表示对鬼神的敬畏和祭祀。后来食礼由人与神鬼的沟通扩展出人与人的交际，以便调节日益复杂的社会关系，逐步形成吉礼、凶礼、军礼、宾礼、佳礼等“先秦五礼”，奠定了古代饮食礼制的基石。 食礼诞生后，为了使它更好的发挥“经国家、定社稷、序人民、利后嗣”的作用，周公首先对其神学观念加以修正，提出“明德”、“敬德”的主张，通过“制礼作乐”对皇家和诸侯的礼宴作出了若干具体的规定。接着，儒家学派的三大宗师--孔子、孟子、荀子，又继续对食礼加以规范，补充进仁、义、礼、法等内涵，将其拓展成人与人的伦理关系，“以礼定分”，消患除灾。他们的学生还对先师的理论加以阐述、充实，最后形成《周礼》、《仪礼》、《礼记》三部经典著作，使之成为数千年封建宗法制度的核心与灵魂。由于强调“人无礼不生、事无礼不成、国无礼则不宁”，食礼与其他的礼，就成为奴隶社会和封建社会贵族等级制度的社会规范及道德规范，维系压迫、剥削制度的思想工具。不过，古代食礼中也有一部分积极健康的内容，这就是人与人之间的行为准则和筵席、餐饮上的礼尚往来。在长期的流传过程中，它被广大劳动人民群众所接受，演变成各种合理的饮食礼仪与礼俗，成为中华民族优秀的传统之一。 “食礼”系饮食礼仪、饮食礼制、饮食礼义、饮食礼俗、饮食礼貌、饮食礼节等概念的通称。其中，饮食礼义是人们在饮食活动中应当遵循的社会规范与道德规范；饮食礼制是被国家礼法所肯定的饮食典章制度和重要经籍；饮食礼义是筵席时为表示某种敬意而隆重举行的各种仪式；饮食礼俗是与礼义、礼制、礼义相关并且在民间流传已久的饮食风习；饮食礼貌是餐饮活动中表示敬重与友情的日常行为规范。饮食礼节是饮食礼仪的节度和饮食礼貌的综合评价。总之，作为"礼"的一个重要组成部分，食礼是饮膳宴筵方面的社会规范与典章制度，餐饮活动中的文明教养与交际准则，赴宴人和东道主的仪表、风度、神态、气质的生动体现。 食礼的涵盖面很广，可按多种方法进行分类。如按时代划分，有原始社会食礼、奴隶社会食礼、封建社会食礼、资本主义社会食礼和社会主义社会食礼；按民族划分，有汉族食礼和少数民族食礼；按阶层划分，有宫廷皇家食礼、官府缙绅食礼、军营将士食礼、学院士子食礼、市场商贾食礼、行帮工匠食礼、城镇居民食礼和乡村农夫食礼；按地域划分，有东北地区食礼、华北地区食礼、西北地区食礼、华东地区食礼、中南地区食礼和西南地区食礼；按用途划分，有祭神祀祖食礼、重教尊师食礼、敬贤养老食礼、生寿婚丧食礼、贺年馈节食礼、接风饯行食礼、诗文欢会食礼、社交游乐食礼、百业帮会食礼和民间应酬食礼种种，形式和内容丰富多彩。上自帝王将相，下至黎民百姓，无不与之发生广泛的联系，无不倚靠它进行社会交际。 自古以来，中国就是“礼仪之邦”、“食礼之国”。懂礼、习礼、守礼、重礼的历史，源远流长。据《礼记礼运》记载："夫礼之初，始诸饮食。"而最早出现的食礼，又与远古的祭神仪式直接相关。对此，《礼记礼运》又有一段概括性的描述，其大意是：原始社会的先民，把黍米和猪肉块放在烧石上烤炙而献食，在地上凿坑当作酒樽用手掬捧而献饮，还用茅草扎成长槌敲击土鼓，以次来表示对鬼神的敬畏和祭祀。后来食礼由人与神鬼的沟通扩展出人与人的交际，以便调节日益复杂的社会关系，逐步形成吉礼、凶礼、军礼、宾礼、佳礼等“先秦五礼”，奠定了古代饮食礼制的基石。 食礼诞生后，为了使它更好的发挥“经国家、定社稷、序人民、利后嗣”的作用，周公首先对其神学观念加以修正，提出“明德”、“敬德”的主张，通过“制礼作乐”对皇家和诸侯的礼宴作出了若干具体的规定。接着，儒家学派的三大宗师--孔子、孟子、荀子，又继续对食礼加以规范，补充进仁、义、礼、法等内涵，将其拓展成人与人的伦理关系，“以礼定分”，消患除灾。他们的学生还对先师的理论加以阐述、充实，最后形成《周礼》、《仪礼》、《礼记》三部经典著作，使之成为数千年封建宗法制度的核心与灵魂。由于强调“人无礼不生、事无礼不成、国无礼则不宁”，食礼与其他的礼，就成为奴隶社会和封建社会贵族等级制度的社会规范及道德规范，维系压迫、剥削制度的思想工具。不过，古代食礼中也有一部分积极健康的内容，这就是人与人之间的行为准则和筵席、餐饮上的礼尚往来。在长期的流传过程中，它被广大劳动人民群众所接受，演变成各种合理的饮食礼仪与礼俗，成为中华民族优秀的文化传统之一。</t>
  </si>
  <si>
    <t xml:space="preserve">牛王能否复活我带人qhkc，牛王被人杀了。有这样一种说法，做救老 </t>
  </si>
  <si>
    <t>没有办法的，我用修改器也没有发现有可以修改牛王的。以后小心不要杀了就可以了</t>
  </si>
  <si>
    <t xml:space="preserve">这是什么鸟?这是什么鸟？怎么喂养？ </t>
  </si>
  <si>
    <t>很像猫头鹰的幼鸟。</t>
  </si>
  <si>
    <t xml:space="preserve">深圳什么地方目前有办艺术画展的？我一个朋友很喜欢绘画之类的艺术（ </t>
  </si>
  <si>
    <t>到深圳布吉大芬油画村吧,太多的字画了!经常有画展.你们要细看10天都看不完.</t>
  </si>
  <si>
    <t xml:space="preserve">网上开店什么网站比较正规,而且如果网上和实体店同开的话会不会好些? </t>
  </si>
  <si>
    <t>淘宝吧你可以找厂家提供图片给你你卖出去货了  才进货或者他们代理发货这样就不需要你有任何的投入了</t>
  </si>
  <si>
    <t>活着！！！01帕尔梅06</t>
  </si>
  <si>
    <t>我死了，郁闷</t>
  </si>
  <si>
    <t xml:space="preserve">双人被如何清洗？我的双人被子是白色的，平时都有被罩，可是毕竟已经 </t>
  </si>
  <si>
    <t>被子是不能清洗的，只要晒晒太阳就可以了，夏天不用时，在保存的时后多放一点樟脑丸就行啦。如果真是很脏，那肯怕只能扔掉了。</t>
  </si>
  <si>
    <t xml:space="preserve">关于汉代时宦官『中行说』汉文帝时，宦官　中行说　护送公主到匈奴和 </t>
  </si>
  <si>
    <t>对于说此人,以前看&lt;汉书&gt;时,对他只是一笔而过.当时就认为此人非益类.自从看了&lt;汉武大帝&gt;后,才知霍去病的死因,和他的奸诈.《史记。匈奴列传》载：中行说降匈奴，“单于甚亲幸之。初，匈奴好汉绍絮食物，中行说曰：‘匈奴入众不能当汉一郡，然所以强者，以衣食异，无仰于汉也。今单于变俗好汉物，汉物不过什二。而匈奴尽归于汉矣’。”中行说是西汉文帝时陪嫁公主的侍者，也即是西汉王朝和亲政策的执行者，他对西汉和亲政策的目的理当十分清楚，上引中行说所言与其说是中行说为使匈奴免遭臣服而进献的计策，不如说是道出了西汉和亲政策的目的,即西汉企图通过“岁奉”等方式送予匈奴大量中原产品，以求改变匈奴的消费结构，从而使匈奴在经济上依赖西汉，直到臣服于西汉，这是和亲政策的目的和主要手段之一。中行说为宫廷大太监,因和亲之策,与公主一同去了匈奴,却助纣为虐,帮了匈奴二代单于(军臣,伊稚邪).在漠北一战,他献计伊稚邪单于,以瘟疫陷害汉军.霍去病也是误喝了"酒泉"之水,而英年早逝的.中行说不仅仅是汉奸,更对汉人残暴不仁,害死了一代名将,罪大恶极.</t>
  </si>
  <si>
    <t xml:space="preserve">初二数学问题已知点D(0,2).直线l为y=2x+b过A(3,5 </t>
  </si>
  <si>
    <t>很容易得到b=-1,y=2x-1.有两种情况可以讨论!第一种,DQ和OP平行!那么DQ的斜率也是k,可以写出方程是y=kx+2所以可以得到Q(3/(2-k),(4+k)/(2-k))因为OD=2,所以计算Q到y=kx的距离D=2/√(k^2+1)&lt;2,所以一定可以在直线y=kx上找到一点使它和Q点的距离是2,所以这种情况是可能的,但是你根本解不出来!太让人作呕了!第二种,OD和PQ平行!那么要想是等腰梯形,只有OD中点和PQ中点的纵坐标相同!设PQ的横坐标都是a,那么有!ka+2a-1=2,所以a=3/(k+2)也有解!所以把PQ写出来就行了,所以共有两种情况,且都有解,且都很难算!</t>
  </si>
  <si>
    <t xml:space="preserve">雪女,雨兽,云兽哪个物理防御高,哪个魔防御高.我是72级小木,比? </t>
  </si>
  <si>
    <t>问道里物理防御和魔法防御是一个概念。唯一能影响二者使他们不同的就是人的相形点和宝宝的抗形点。我个人觉得雪女和雨比较好，云因为是物理攻击，无法兼顾血，速，攻击，不推荐。雪女和雨都可以2t2m，这样可以兼顾。当然得是有技能的，无技能的不提。</t>
  </si>
  <si>
    <t xml:space="preserve">睡觉时发出声音？我睡觉时会发出“额额额…”的声音，这另我很困惑( </t>
  </si>
  <si>
    <t>和我一样， 以前上课的时候打瞌睡，发出这种声音，惹来全体师生白眼。这是属于打鼾的一种。发生这种声音的原因是睡眠不充足，以及睡觉姿势不正确。症状是憋气并发出“嗯……嗯……”的哼哼声。旁人碰一下后，马上急促的呼吸几下就正常了，但一会又反复。解决方法：每天都必须保持充足的睡眠，睡觉姿势是胸口朝上，不要自己压到了自己，这样坚持一段时间之后就会有所好转。  希望这个答案会对你有帮助。</t>
  </si>
  <si>
    <t xml:space="preserve">抢滩登陆OL问题抢滩登陆OL下载后怎么都是更新失败啊求救 </t>
  </si>
  <si>
    <t>下个更新包就行了</t>
  </si>
  <si>
    <t xml:space="preserve">为什么完美说了电话绑定要开的怎么还不开啊是不是想赚密保钱啊a </t>
  </si>
  <si>
    <t>已经开了，去官网绑上就OK，可能是你不知道怎么弄</t>
  </si>
  <si>
    <t xml:space="preserve">今天适合加仓吗？我想加广发系的基金。 </t>
  </si>
  <si>
    <t>看来还是有人对广发情有独终,对广发念念不忘,真是希望广发要有所表现了,我也是在广发赚了点.通过分红及调整了,在这一轮也应该表现一下了.目前应该还有上升的空间.</t>
  </si>
  <si>
    <t xml:space="preserve">600249不是今天送股吗?为什么我的帐户没显示送了股啊?还是那? </t>
  </si>
  <si>
    <t>除息日和新增股上市流通同日不是一天，明日为新增股上市流通同日，今晚收盘新增股会到户。</t>
  </si>
  <si>
    <t xml:space="preserve">为什么183club叫183club有什么意义吗 </t>
  </si>
  <si>
    <t>我知道183取谐音是一把伞，一把伞可能是和他们有关的制作公司或是俱乐部的名字，而且他们的身高也都是183，就取了这个名字。这是183自己说的，千真万确！！</t>
  </si>
  <si>
    <t xml:space="preserve">安装烤瓷牙后应该注意什么我安装了上下几乎满口的烤瓷牙，大夫一直让 </t>
  </si>
  <si>
    <t xml:space="preserve"> 做了烤瓷牙后，应如何保护？     烤瓷牙受到超过它的应力范围的压力会碎瓷，所以不要咬太硬的食物，比如核桃一类的东西；再者镶牙初期与修复前相比，上下牙尖对位不同，要缓慢进食，以免咬伤颊舌粘膜；还有烤瓷牙与基牙的接合处容易聚集菌斑，形成牙石，应注意清洁，牙缝间可用牙线自洁，并定期到医院检查、洁牙。     配戴烤瓷应注意什么？     初戴烤瓷时有轻度不适感，患者应耐心练习使用，逐渐适应；     初戴时应吃软的食物，适应后再吃正常食物；     保持口腔清洁，养成餐后刷牙的习惯；     烤瓷牙配戴不合适或压迫粘膜引起疼痛者，应及时复诊修理。  </t>
  </si>
  <si>
    <t xml:space="preserve">关于AMD和Intel处理器的问题现在这两个公司的处理器哪个更好 </t>
  </si>
  <si>
    <t>1、同等价格的CPU，一定是AMD的更好2、在AMD生产出45NM的CPU后，英特尔的发热量小优势不再存在3、英特尔最好的CPU比AMD最好的CPU好点，（但是现在貌似最强的CPU是AMD的12核）4、AMD的CPU兼容性更强，比如红警，你可以试一下，尤里的复仇英特尔的奔腾酷睿是不是不能跑！5、AMD的CPU升级更容易些，对老式配件利用更好6、传说英特尔的CPU好超频（不知怎么，我没感觉出来）</t>
  </si>
  <si>
    <t xml:space="preserve">哪个大哥知道怎么把我52级小龙变大龙？？？哪个大哥知道请给我说下 </t>
  </si>
  <si>
    <t>52?的?不能?成大?，而且這是第二章才有的，要?成大?要去做任?詹拍茏?成大?，?成大?後你不能打?哦，打了就?小了！</t>
  </si>
  <si>
    <t xml:space="preserve">如何成为一名心理专家我本身是学经济的，去年会计专业本科学历毕业， </t>
  </si>
  <si>
    <t>学会规划自己的未来------要考虑将来准备从事什么职业（当然一份好的工作是需要扎实的知识基础和丰富的社会经验来作为后盾）；还要知道和了解这份工作需要哪些方面的知识和技能，还有从事这方面事情的身份及资格（如你想做心理咨询师，就得弄清心理学的诞生和发展，自己要是一个心理健康并且很会调解自己的人等）；最后就要靠自己去实践------事情必须做得细致，多观察，掌握人的心理特征）；</t>
  </si>
  <si>
    <t xml:space="preserve">核电反应堆里的锆干什么用的？ </t>
  </si>
  <si>
    <t xml:space="preserve">     反应堆里的燃料不是简单地放置的，尤其是压水堆，燃料都是以芯块的形式排成棒束，每个芯块都有包壳。问题就在这个包壳上。包壳是什么做的？锆合金。锆合金截面小，在高放射性下结构性能好，所以用它来。但它有个致命缺陷，这次的爆也就是这个缺陷导致的：高温下，锆水反应生成氢。      最开始反应堆失控后，温度就开始急剧上升。然后堆里成一锅粥了，锆合金就跟水发生了大规模的锆水反应，生成了大量的氢。于是一回路里氢越聚越多，最后在高温的作用下，爆了。 </t>
  </si>
  <si>
    <t xml:space="preserve">有关肛门的问题我老公的肛门里长了许多毛，我不太喜欢，老公说他也不 </t>
  </si>
  <si>
    <t>呵呵，应该不是肛门长毛，而是肛门口周围长毛吧？不喜欢就可以用脱毛霜脱了呀，对身体是没有任何的影响！就象脱了脚上的毛一样。祝你好运！！！</t>
  </si>
  <si>
    <t xml:space="preserve">换尿布，发现宝宝的尿没被吸进去，怎么办？宝宝最近半夜哭醒，起来换 </t>
  </si>
  <si>
    <t>赶紧换尿布，这事不能耽误！影响睡眠都是小事，关键是潮湿、摩擦或宝宝皮肤对化学物质敏感都可能引起尿布疹！跟楼上一样，我家宝宝也用的是帮宝适绿帮，很不错的。吸收量大，尿液不会渗出，透气又干燥，这样宝宝就不会有机会患上尿布疹了。再有就是帮宝适更换频率低，不会打搅睡觉的宝宝，我家宝宝几乎半夜就没有换过尿布。</t>
  </si>
  <si>
    <t xml:space="preserve">耳膜穿孔有治吗？ </t>
  </si>
  <si>
    <t xml:space="preserve">这些资料不知能否对你有所帮助，你先看看再问问耳科的专家吧。 在耳朵的深处，外耳道的尽头，有一灰白色。半透明的膜，它是外耳道与中耳的分界处，负责传导声波从而产生听觉，又称鼓膜。耳膜可因炎症，外伤或爆炸所产生的巨大声响而发生穿孔。耳膜穿孔可以施行手术修补，以恢复听力。 　　耳膜受外伤破裂，如果没有感染，多数可以自然愈合。假如几个月后仍不能愈合，则可考虑行耳膜修补术。耳膜分为紧张部与松弛部，对耳膜紧张部的小穿孔，手术方式简单，在医院门诊就可施行。 　　如属于耳膜大穿孔或松弛部穿孔，要根据具体情况而定，需对中耳乳突进行检查手术后，才能决定是否可以进行耳膜修补，这种手术医学上称为鼓室成形术。 　　对于单纯耳膜修补术，必须具备下列条件： 　　①必须在耳流脓停止2～3个月后。 　　②耳膜穿孔位于紧张部。 　　③中耳与鼻咽相通的咽鼓管要通畅。 　　④耳聋性质是传导性而非神经性耳聋，这一点通过听力测定就可以。 </t>
  </si>
  <si>
    <t xml:space="preserve">谁有好的工程招投标评分办法？要简单实用的，三套。现在就几套评分办 </t>
  </si>
  <si>
    <t>投标都是暗箱操作，哪里有什么简单实用的评分呢？！</t>
  </si>
  <si>
    <t xml:space="preserve">买东西我想买一些关于种植蔬菜和管理的光盘，不知哪可以买到，我是天 </t>
  </si>
  <si>
    <t>电驴 搜索一下</t>
  </si>
  <si>
    <t xml:space="preserve">猎人怎么把宝宝收了 </t>
  </si>
  <si>
    <t>你可以解散宠物，或者离宝宝一定距离他就会自动消失了。比如在逃跑的时候，你的宝宝在打架，你跑了，宝宝可能就没了。你要口哨再召唤出来解散是不是彻底放弃，要看清楚在你做飞机的时候也会自动消失</t>
  </si>
  <si>
    <t xml:space="preserve">关于手语世界上的手语都是一样的吗 </t>
  </si>
  <si>
    <t>是不同的。别说不同国家手语不同，就是中国各个地区，比如上海和浙江的聋哑人群落之间，手语也是不一样的。手语也有“方言”，而且似乎比语言方言问题更严重。现阶段国家统一推行的手语方案在各个地区都不易推行，尤其是偏远地区。记得央视的一个“千手观音”专访里，他们的手语老师王晶就提到过，自己学的就是“正规”手语，结果在后来跟聋哑人接触的过程中发现不是那么一回事儿。她的“正规”手语很多残疾人朋友看不懂。逼得她只好去学聋哑人朋友们自己的“方言”。另外，电视新闻上所谓的“手语主持人”打的手语很多聋哑人看不懂，因为他们生活中并不使用那样的手语。且我们国家的“手语主持人”的镜头经常是被缩小在电视下方，不像国外是整屏演示，聋哑人朋友们根本看不清楚他们的手语细节和口型，可以说这种手语节目没有起到真正的交流的作用。以上拿不出来出处，只是原来在聋哑人的论坛上看过一些。</t>
  </si>
  <si>
    <t xml:space="preserve">社保多缴养老金就会多吗? </t>
  </si>
  <si>
    <t>是这样的。按照新的基本养老金计发办法，参保人员每多缴一年，养老金中的基础部分增发一个百分点，上不封顶，能够形成“多工作、多缴费、多得养老金”的激励约束机制，而且个人账户养老金的计发考虑了退休人员平均余命的实际情况 。</t>
  </si>
  <si>
    <t xml:space="preserve">谁能翻译一下？召唤一只golems，释放一只bonespirit </t>
  </si>
  <si>
    <t>这个绝对是不存在的，千万不要相信。</t>
  </si>
  <si>
    <t xml:space="preserve">WINXP的系统,256的内存,虚拟内存最大可以设多少? </t>
  </si>
  <si>
    <t>我建议设置为512M—2000M 转移到非系统盘。</t>
  </si>
  <si>
    <t xml:space="preserve">tea的介绍泰国明星TEA介绍 </t>
  </si>
  <si>
    <t>泰国小天王TAE!!大家关注下```姓名:Suttawart Settakom  昵称:TAE  姓名 Sattawat Sathakorn  小名 TAE  英文名字 TAE  昵称 TAE  生日 1982年4月26日   金牛座  身高 174CM  体重 60KG  生肖 狗  宗教 佛教  籍贯 泰国有四分之一中国血统  出生地 Karnchanaburi  学历 高中 Sethabutrbampen School  个性描诉 开朗、风趣  家庭成员 父母亲和妹妹(父母亲都是老师,妹妹小tae三岁是篮球队员)  兴趣 听音乐、画画、唱歌、打电动  收集品 与英国-曼彻斯特联队有关所有商品 (海报、球衣、球鞋、球员画像等)  最喜欢的颜色 黑、蓝、白  最喜欢的食物 米饭(尤其是台湾的排骨便当)  最喜欢的地方 郊外  最喜欢的演员 周星驰(听不懂国语但是看过七次食神)  最喜欢的歌手 Tata Young  最喜欢的音乐类型 POP  最喜欢的动物 狗、鸟  最喜欢的运动 篮球、足球(最喜欢英国-曼彻斯特联队)  最想做的事 1.当导演拍电影 2.到曼彻斯特联队的主场奥脱福球场(Old Trafford Stadium)亲自体验阳光与汗水  最大的愿望 『竭尽所能,做好每一件事』  口头禅 TAE不帅,tae好可爱  爱情观 女朋友是需要受保护的  最讨厌的事 说谎话的人  座右铭 『不要期望别人会记得自己为他所作的，但要记得别人为自己所作的』、『把握每一天』</t>
  </si>
  <si>
    <t xml:space="preserve">激活码在哪里激活账号的？ </t>
  </si>
  <si>
    <t xml:space="preserve">请参看官网公告《六脉神剑》封测激活码使用详解，具体链接如下： </t>
  </si>
  <si>
    <t xml:space="preserve">我在钱庄换金子的元宝一直没有换到，现在不想换了，怎么去下来啊我在 </t>
  </si>
  <si>
    <t>点查询。。然后撤单</t>
  </si>
  <si>
    <t xml:space="preserve">账号异常登录怎么办？ </t>
  </si>
  <si>
    <t>修改密码！啊！</t>
  </si>
  <si>
    <t xml:space="preserve">我怎样删除黑名单的人名全部删除我已经拉如黑名单，但不知如何删除 </t>
  </si>
  <si>
    <t>右键单击黑名单中的头像选择删除就是了！</t>
  </si>
  <si>
    <t xml:space="preserve">好孩子推车集团公司在什么地方。它的联糸电话是多少有谁知道。正确地? </t>
  </si>
  <si>
    <t>联系方式 上海地址：中国上海淮海中路300号香港新世界大厦48楼电话：+8621-53828888传真：+8621-53826666 　53827799邮编：200021昆山地址：中国江苏省昆山市经济技术开发区李箕路电话：+86512-57871888传真：+86512-57671558邮编：215331</t>
  </si>
  <si>
    <t xml:space="preserve">注册会计师是做什么？国际会计师是做什么？ </t>
  </si>
  <si>
    <t xml:space="preserve">注册会计师是依法取得注册会计师证书并接受委托从事审计和会计咨询、会计服务业务的执业人员。只要有一定数量的专职从业人员，其中至少有五名注册会计师；并不少于三十万元的注册资本；而且符合国务院财政部门规定的业务范围和其他条件。就可以组成负有限责任的会计师事务所以其全部资产对其债务承担责任，进行独立审计工作。 国际会计师是指通过国际会计认证机构认证的、懂得国际会计准则和运作模式的会计师，拥有国际会计师的身份即 获得法律赋予执业资格权利 可在国际范围内执业 的会计师 。而国内的注册会计师只是 国内承认的执业资格，其执业范围只在国内。 在国际上不被认可。证书的含金量和就业范围明显不如国际认证的证书。 </t>
  </si>
  <si>
    <t xml:space="preserve">有方有圆，有红有绿(猜一成语) </t>
  </si>
  <si>
    <t>形形色色</t>
  </si>
  <si>
    <t xml:space="preserve">有玩过速录机的吗？效果咋样？ </t>
  </si>
  <si>
    <t>不好不能有一点噪音 必须夜深人静了不知道你和我用的一样吗 我用的那个给先设置一大堆的东西 语音需要先录入很麻烦 我不用了 那还是我们老师给我的 听说很贵呢</t>
  </si>
  <si>
    <t xml:space="preserve">什么样的沙发质量好?哪个牌子的性价比高？ </t>
  </si>
  <si>
    <t>在挑选沙发、软床时，应注意表面要平整，而不能高低不平；软硬度要适中，既不能太硬，没有什么弹性，也不能太软，一坐就塌下去。挑选方法是坐一坐，用手摁一摁，平不平，弹簧响不响，如果弹簧铺排不合理，致使弹簧咬簧，就会发出响声。其次还应注意绗缝有无断线、跳线，边角牙子的密度是否合理。我最近在曲美家具买了个新沙发，是新板体验心动特价的那个活动，都是环保的进口板材，EO级标准的，他们的家具质量不错，现在打六折，性价比高。我以前也没听说过这些进口板什么的，听售货员讲了讲确实不错。</t>
  </si>
  <si>
    <t xml:space="preserve">怎样保护皮肤使皮肤不松懈我才20岁可皮肤却老化了，松松垮垮的没弹 </t>
  </si>
  <si>
    <t>多吃蔬菜，多喝点汤。</t>
  </si>
  <si>
    <t xml:space="preserve">关于血盟仓库!??请问血盟仓库是否只有盟主才可以取出物品?盟主有 </t>
  </si>
  <si>
    <t>你自己说出了答案了只有盟主可以使用，不过盟主可以给予使用权利</t>
  </si>
  <si>
    <t xml:space="preserve">浩方里进入局域网后为什么显示不一样？进入局域网后，有的人建的地图 </t>
  </si>
  <si>
    <t>“局域网游戏”和“当地局域网游戏”是由于你的电脑所在的地区和你进的房间的地区不同的原因，具体哪个相同哪个不同我忘了，不好意思。英文的local什么的与IP地址有关，不用管它。至于还有12房的人竟然有时进13个人，我就不知道是怎么回事了，可能使VIP会员特权吧（有钱能使鬼推磨，呵呵:-D)。</t>
  </si>
  <si>
    <t xml:space="preserve">男人都色吗？ </t>
  </si>
  <si>
    <t>我的理解是，好色是男人的天性，其实也是女人的天性呀，女性也喜欢英俊潇洒的男人的呀。</t>
  </si>
  <si>
    <t xml:space="preserve">昨夜第一次玩外围，小挣200，呵呵~~图2第一次玩，下小点，感觉 </t>
  </si>
  <si>
    <t>注意控制!要有节制!!勿以恶小而为之，别再碰外围了，心态很难控制的，我感觉你买足彩就够大了啦，全力研究周中的14场比赛，如果幸运中了今后就收手吧</t>
  </si>
  <si>
    <t xml:space="preserve">这种情况在风水上怎么破解新买的房子所在的小区听说未完工前吊死过人 </t>
  </si>
  <si>
    <t>不近吊死之处无妨!</t>
  </si>
  <si>
    <t xml:space="preserve">谁知道元旦配RGP多少钱，说一下 </t>
  </si>
  <si>
    <t xml:space="preserve">朋友，你好，我来说一下，治~~疗近视的方法很多，你要根据自己的实际情况和医生的检查结果，选择一个最适合自己的治疗方式。合~肥~普~瑞~眼~科~医~院~有个近视治疗全方位解决方案活动，有安徽省著名眼科专家坐诊，你可以到他们官~~网预约下，选择一个适合自己的治疗方案。目前治疗近视的方法主要有，INTRLASER飞秒激光 ，希望我的回答可以帮到你 </t>
  </si>
  <si>
    <t xml:space="preserve">切~@一般内测号都比较好得但是诛仙这样很不公平一些玩家根本就没机? </t>
  </si>
  <si>
    <t>我坚决同意!!!!我看早点公测好!!</t>
  </si>
  <si>
    <t xml:space="preserve">一定要看：散户是怎么被银行骗的!昨天天天基金网上有篇帖子叫“一定 </t>
  </si>
  <si>
    <t>啊？！原来银行可以从这方面获得利润增长点？！</t>
  </si>
  <si>
    <t xml:space="preserve">一体化标准孔板和一体化孔板都有哪些差别？ </t>
  </si>
  <si>
    <t xml:space="preserve">       孔板流量计要送热风，热风炉离高炉一般比较近，且弯头较多。过去曾使用标准孔板，因直管段不够长而误差较大。本仪表因为有均压环和多个取压口，需要2D长的直管段即可。安装在热风炉送风管上之后，应用情况非常满意，已经有三十几座热风炉装上了环形孔板流量计，运行3年多没有故障。孔板是测量流量的差压发生装置，配合各种差压计或差压变送器可测量管道中各种流体的流量。节流装置包括环室孔板，喷嘴等。节流装置与差压变送器配套使用，可测量液体、蒸汽、气体的流量，它广泛应用于石油、化工、冶金、电力、轻工等部门。孔板安装在封闭管道中，按节流装置的原理，测量液体、气体和蒸汽流量的检出元件。标准孔板是一块具有圆形开孔的金属薄板,圆孔壁与孔板前端面成直角,安装时孔板轴心与管道轴线同心。</t>
  </si>
  <si>
    <t xml:space="preserve">?什麽我喝牛奶会肚子痛呢？每次喝玩牛奶我的肚子就会不舒服了 </t>
  </si>
  <si>
    <t>乳制品中的主要碳水化合物是乳糖。象我这种喝牛奶没影响的人喝完牛奶后，乳糖是经小肠乳糖酶分解，然后被我吸收掉了。但是如果有乳糖不耐受症的朋友身体里就缺少乳糖酶，乳糖到达下部肠道，会造成肠道的渗透压增高，同时细菌把乳糖分解产生大量的氢和二氧化碳等等，这些都会刺激肠道，引起肚子痛还有拉肚子。 喝牛奶就不舒服的人有很多，尤其是黄种人和黑种人偏多，白种人发生这种情况的概率在5%—30％之间。而亚洲很多人世世代代都是以植物性蛋白补充为主，缺乏乳糖酶缺乏的人可以高达90％以上。 不过先天性的乳糖不耐受症比较少，很多是因为没有有坚持喝奶才导致的。很多孩子断了母乳后，就不怎么再喝牛奶、吃奶制品了，乳糖酶的耐受性就一点点降了。 如果您就是一喝牛奶就不舒服的朋友，又想补充乳制品，那可以少食多餐，或者把牛奶用水冲淡点喝，可以减轻一些乳糖不耐受的症状。再有就是用酸奶来代替了，因为这些发酵乳里的20%—30%的乳糖已经被降解了，很易于消化吸收。而且，乳酸菌还能够在肠道中帮助分解乳糖及蛋白质，促进消化的。</t>
  </si>
  <si>
    <t xml:space="preserve">90游历任务,战场游商在哪里啊,怎么找 </t>
  </si>
  <si>
    <t xml:space="preserve">1.纯粹是个人运气!出现的几率非常低,如果运气好遇到了,那你就发财了,完美不会让你那么轻易遇到游商的. 2.之所以说你会发财,是因为你可以1J买战场游商的天宝逆龙鳞.一转手就是几十倍的.所以每次战场一定带足钱啊! </t>
  </si>
  <si>
    <t>二问Y</t>
  </si>
  <si>
    <t>运八改为空中加在技术上没有什么问题，关键是现在能受油的机型和战机数量不多。中国在加油机上是有软肋的，而空军目前也仅是国土防空型，谈到这里就有点郁闷，实际上现在在训练中真正用于受油的机型也仅是歼八。限于原因，也就不细谈了。由轰六所改装的空中加油机，相对于由运八运输机改装的方案，更适合低速性能较差、失速速度较高的受油机，也就是歼八，而在我国初步研发加油机的时间内，也只有歼八才配得上空中受油。当然，现在局势有不小的改观。运八如改加油机，也有合适的可匹配的受油机，但是歼十对空军来说也是过渡机型，未来的空军战斗机方案肯定让人想不到。楼上隐士说的第5点其实才是最重要的，空军的高层领导一直以来根本就没有一套完善的战略发展蓝图，钱也花了，弯路也走了，战斗力也没上去。这点和海军差远了，刘华清上将对我海军的建设和规划实在是功不可没的，海军也始终是一步一步稳步前进。而空军不是好高鹜远就是短视，看看历任的司令员吧，从第一任到现在，整个一个.............汗!在我国的武器研发中，有时候并不是技术上不行，很多项目的下马都是一些技术以外的原因造成的，有时甚至就是领导的好恶造成的。（估计要被删）</t>
  </si>
  <si>
    <t xml:space="preserve">金一直加2灵2敏的加法有道理吗? </t>
  </si>
  <si>
    <t>我建议到40或50级以后加全敏,毕竟到后面PK的时候起决定作用的是道行和速度,我以前练的就是这么加的,实际上到后期了伤害还是主要是装备上的差距,灵加的多不一定就打的多,你可以考虑考虑.</t>
  </si>
  <si>
    <t xml:space="preserve">高达之最!!!!!不怕死的就进来请超级机战迷回答以下问题.装甲最 </t>
  </si>
  <si>
    <t>汗~~~~~问题好多的说!!装甲最厚的高达是?RX-78-GP02高达.装甲不用说,GP02的盾可是能抵挡得了核武器的冲击.它的盾之所以那么大那么厚是因为里面有冷却器，一旦盾受损就意味着这个高达会由于高温而无法运作…… 因此RX-78-GP02高达需要厚重的盾和装甲来保护.速度最快的高达是?RX-78-GP03D虽然GP03D不是高达,但其核心部分是RX-78-GP03S高达.500G的加速度,这可是高达史上堪称的最强加速度!!!!!最庞大的高达是?还是RX-78-GP03D不说体积,其长度(不算炮长)就有140米左右,是高达SEED里的流星号的两倍.总之就是大啦~~~~~(废话,被PIA飞)攻击力最强的高达是?也是RX-78-GP03D(不是偶偏心啊~~~虽然偶很喜欢GP03D)作为宇宙空间据点防卫用机体,当然需要超强的攻击力.具有超长炮身メカ主炮一门，巨型机械臂两支，高出力bean-sword两支，武器柜两门，其中储藏了大量实体飞弹类武器，搭载I-field发生器，360度球幕视角，1台GP03D就能发挥7个中队左右的战力.射程最远的高达是?射程有两种:有效射程和最大射程.最远的最大射程是任何实体弹枪炮,因为实弹在宇宙中能飞无限远,所以最大射程最远的高达是任何一部高达(基本上任何高达都搭载有实弹武器).而有效射程最远的高达应该是F91.其狙击光束枪的有效射程为400km.最酷的高达是?无可厚非,当然是RX-78-GP03D啦!!!!!!!(纯属个人喜好)哪些高达拥有特殊能力(气屏,分身等)? 这个不太清楚,小弟我的知识面实在是有限.只知道高达SEED的闪电高达有海市蜃楼系统,可以隐身.还有高达G里的高达貌似也有特殊能力.最强的王牌机师是谁?什么军衔?这个很难说,每一系列的高达都有王牌机师,要将他们拿来比较的话,除非他们亲自打一场~~汗.不过个人认为最强的应该是阿姆罗,他可是最强的NewType,只要阿姆罗驾驶上RX-93-2 Hi-v高达,100个基拉(驾驶强袭自由)+200个阿斯兰(驾驶无限正义)+400个小鸟(驾驶命运)也打不过他.阿姆罗是少尉.高达史上集数最多的是哪一部(不算OVA)?应该是高达SEED系列,两部加起来有100多集呢!高达史上出场机种最多的是哪一部?小弟知识面窄,这个不太清楚.不过个人认为应该是高达SEED系列,作为一部骗钱的作品,当然需要出多几部机体,才能更多地骗取偶们高达迷的血汗钱.附图:RX-78-GP03D</t>
  </si>
  <si>
    <t xml:space="preserve">夫妻之间是不是应该经常交流沟通?我老公下班回来不是看电视就是玩电 </t>
  </si>
  <si>
    <t>不会啊，我老公就不是。而且也经常交流。夫妻之间经常交流不仅可以解决小分歧，还可以增进感情。试着和他沟通，告诉他你的不满（要婉转）再告诉他你的期望。如果爱你，会试着为你改变的。    祝你们幸福！</t>
  </si>
  <si>
    <t xml:space="preserve">类似《梦里花落知多少》的好看的青春小说 </t>
  </si>
  <si>
    <t>后来我们都哭了夏有乔木雅望天佳期如梦何以笙箫默莲叶何甜甜落落清欢这辈子就你一个青青子衿左耳指间欢颜致我们终将逝去的青春原来你还在这里半是蜜糖半是伤蔷薇醒了茉莉开了 最熟悉的陌生人可以跳舞的鱼眉飞色舞 QQ 兄妹 冰淇淋恋爱了</t>
  </si>
  <si>
    <t xml:space="preserve">现役军人违法会受到法律的制裁吗?为什么震惊全国的"远华"大案查处 </t>
  </si>
  <si>
    <t>　　对于部队内部出现的经济犯罪的报道，国家出于维护军队光辉形象的需要，一般都是保密的。或者另取渠道处理，如转业、降职（衔）等。　　远华案中有没有军人，我肯定的说：有。但犯罪的情节不一定大，起到的作用可能很小。军队内部就可以解决了，因为部队系统有自己的法庭，无需地方插手，否则，人丢大了。</t>
  </si>
  <si>
    <t xml:space="preserve">华光的前景怎么样？ </t>
  </si>
  <si>
    <t>如果有改股票的话，还是先离场比较好，目前走下跌</t>
  </si>
  <si>
    <t xml:space="preserve">这期九场销售量好高啊九场元,五千零四十二万三千六百六十六元RMB </t>
  </si>
  <si>
    <t>经济不好。搏彩业就越发达。。。。</t>
  </si>
  <si>
    <t xml:space="preserve">小孩今年6岁了，最近身上老有风疹，前两次自行消失掉了，这次吃了药? </t>
  </si>
  <si>
    <t>风疹风疹是一种较轻的发疹性的传染病。大都发生在冬春之间，以1～5岁小儿较为多见。因疹细小如沙故又称之为“风痧”。现代医学认为，本病是由风疹病毒所引起。风疹病儿和带毒者是主要传染源。风疹病毒存在于患儿的鼻、咽，口腔中。从潜伏期后3～5天至皮疹隐退后都有传染性。风疹病毒可随咳嗽喷出体外，漂浮在空气中，若被未患过风疹的小儿吸入，就有可能患病。中医学认为本病主要由于外感风热时邪，邪毒由口鼻而入，风热与气血相博，毒热蕴于肌表，外发于皮肤所致。常见症状为小儿感染风疹病毒后，经9～18天的潜伏期开始出现一般感冒症状，如发热、恶风、咳嗽等，发热1～2天后即在全身出现疹点，一般由面部延及躯十和四肢，往往一天内即布满全身，有瘙痒感。唯手足心较少或无疹。疹细小色淡红，稀疏，稍微突起，疹点多在3大内迅速消退，一般无色素沉着，可有细小的脱皮。[治法]：疏风清热，透疹金银花10 薄荷8 牛蒡子6 菊花10 板蓝根12 连翘10蝉衣6 紫草8 赤芍9 丹皮8 红花4 紫花地丁10</t>
  </si>
  <si>
    <t xml:space="preserve">普洱茶饼和沱茶怎么样弄开来泡茶喝？ </t>
  </si>
  <si>
    <t>如果没有专用工具，用改锥也可以，把它撬下来一块然后就可以了</t>
  </si>
  <si>
    <t xml:space="preserve">相亲的烦恼参加工作这几年，自己谈了一个男朋友，后来分手了。父母就 </t>
  </si>
  <si>
    <t xml:space="preserve">我是这么看的 男生肯去相亲 一般是两种人 一种是情商比较低的 找不到女朋友 另外一种是看看年纪不小了 应该找一个结婚了 而这时候身边又没有合适的 所以才会去 第一种人因为情商较低 不太会哄女孩子 而且比较沉默寡言 所以会让人觉得比较闷 交往的时间长一点 会觉得比较没有意思第二种人呢 只是为了结婚而结婚 而要是想找个女朋友 这类人完全有能力去酒吧夜店等娱乐场所消遣而这两种人有一个共同的特点就是 都不太愿意在恋爱上面浪费什么时间 所以直奔主题 有时候甚至会让你受不了如果你想找个人赶紧嫁了 那么你应该适当的转变一下你的思维方式 认真地在你相亲的对象里面进行筛选 如果你只是想先找个男朋友 结婚不结婚的再说 更甚者想找回年轻时恋爱的感觉 那我劝你对相亲这件事情还是不要抱太大希望了 </t>
  </si>
  <si>
    <t xml:space="preserve">与血色十字军的战争的任务在最后一个任务中,北方的废塔在哪?我应该 </t>
  </si>
  <si>
    <t>是在村子的东北方向，你看下地图，有个小湖，湖的右边有条路向上的，路一直向上就分成两条，右边的是去血色修道院的，最好是40级左右再去；左边的路一直向上走，就看见了，如果自己等级不高，建议你在频道里找人组队一起去做</t>
  </si>
  <si>
    <t xml:space="preserve">毕业季大学快毕业了，如何享受最后相聚的时光？？？？？ </t>
  </si>
  <si>
    <t>都要经历分别的很多同学都是聚会吃饭这是少不了的可以再走走校园在校园里合影和老师聊聊天大家互相倾诉心里话等等~~~</t>
  </si>
  <si>
    <t xml:space="preserve">USB接口USB1.1接口和2.0接口的传输速度分别是多少？ </t>
  </si>
  <si>
    <t xml:space="preserve"> USB1.1的传输速度是12Mbit/秒,而USB2.0的速度则是USB1.1的40倍,达到了480Mbit/秒</t>
  </si>
  <si>
    <t xml:space="preserve">南通有多少家企业南通企业没有建网站的企业 </t>
  </si>
  <si>
    <t>南通1254556家企业，没有网站的企业354698家企业。</t>
  </si>
  <si>
    <t xml:space="preserve">谁给个号 </t>
  </si>
  <si>
    <t>呵呵帐号qdcd1651  密码LMPt4I注意大小写系统有区分！给个最佳谢谢给你了</t>
  </si>
  <si>
    <t xml:space="preserve">求！朴刀怎么使用！！！！！！！ </t>
  </si>
  <si>
    <t xml:space="preserve">  你要是突朴刀带雷 突晕2倍WS或2倍JC+2方＋WS   盾朴刀带冰 C3或C5冰住2倍盾＋C3基本死人</t>
  </si>
  <si>
    <t xml:space="preserve">前两天和朋友去了趟西溪湿地那边，发现现在的文一西路变化很大，沿线? </t>
  </si>
  <si>
    <t>我是浙江理工大学的老师，那边规划应该是叫西溪科技岛，最近好像又有个说法叫未来科技城，学校这块的规划我还算了解，除了理工大学外，还有杭州师范大学、阿里巴巴商学院等，整个高教园区的规划有10平方千米，定位为综合性大学城，可容纳3万多学生。</t>
  </si>
  <si>
    <t xml:space="preserve">梦中的小屋是谁唱的? </t>
  </si>
  <si>
    <t>梦中的小屋歌手:张宏顺 梦中的小屋作词 作曲 演唱:雪中火7688(张宏顺)----这一夜睡的很甜美再没有现实中的伤与悲梦中的你真的很美梦中的我向着你飞不愿醒来在梦里陶醉在梦中的小屋相依相偎暖暖地炉火透人心扉伴着我们快乐的酒杯梦中的小屋请干一杯谢谢你让我忘记伤悲梦中的爱人请干一杯谢谢梦中的你陪我醉梦中的小屋请干一杯你就是我生命的依归梦中的爱人请干一杯约定时间下次再会</t>
  </si>
  <si>
    <t xml:space="preserve">她为什么会问我这样的问题我和她以前是同事，我从去年这个时候开始追 </t>
  </si>
  <si>
    <t>，如果你问她现在的感觉，那么她现在的感觉相当的复杂和矛盾，而这种复杂和矛盾是你和她都没有办法去妥善处理的。首先：她很爱你，而且是真心爱你，她可以为了你付出自己的一切，这从她能够把自己给你，就能看出来！其次：她不敢爱你，因为你们的年龄差距，让她不敢爱你，让你们之间的爱不可能有美满的结果。对于她爱你，我想你现在能够很明确的感觉到。而她不敢爱你，你虽然也能感觉到，但是你不是很明白为什么会这样是吧？原因有以下几条：1、她比你大四岁，这四岁是你家人不可能同意的；2、她比你大四岁，这四岁会让她或你的朋友说她“老牛吃嫩草”；3、她比你大四岁，打个比方：她35岁的时候，你只有31岁，35岁的女人已经开始呈现出老态来了，而31岁对男人来说还是精力非常旺盛的时期，这个时期又是男人最为吸引年轻女性的时期，你此时能不能坚持爱她这个你自己都没有把握！（朋友，这个问题是她整个忧虑的根本，也是你没有办法跨越的沟坎）以上是她现在不能爱你的原因，第三条原因是你通过任何办法都无法让她释怀的。所以，朋友，我觉得你们还是应该把这份爱放在心底，让她成为你永恒的记忆吧！敞开你的心扉去接受其他的感情吧！祝你幸福！</t>
  </si>
  <si>
    <t xml:space="preserve">求教野性德的极品装备刚刚为我的野性德小号在团里申请了一个位置想请 </t>
  </si>
  <si>
    <t>part1:楼上别废话part2:如果你要爆击的话，我说一套比较好弄到的，就是说不包括你会在大型raid中会和贼冲突的。武器：无坚不摧之力副15敏（龙人更好）+凶猛石像头：雷德之眼副8敏（弗洛的眼罩 更好）项链：暗月护符肩：高地皮甲护肩披风：黑爵士斗篷+70护甲（有钱就买移形，不值）胸：嗜血胸甲+100生命（玛法里奥的祝福 更好，但不加爆击）护腕：巡林者护腕（这个其实不容易）副9力量手：暗影豹皮手套副7敏腰：高地皮甲腰带腿：打击之深渊皮甲护腿副8敏（黑暗之心短裤 是更好的）鞋：高地皮甲长靴副7敏戒指1：痛苦指环戒指2：朱利奥指环饰品1：黑手饰物饰品2：变形符文（不加爆击）然后再洗成纯野d，爆击在36%多左右，攻击强度也在970左右，熊护甲在8000左右比较好用。</t>
  </si>
  <si>
    <t xml:space="preserve">一般纳税人和小规模纳税人的区别是什么?听说一般纳税人比小规模纳税 </t>
  </si>
  <si>
    <t xml:space="preserve">1、一般纳税人与小规模纳税人的主要区别是： （1）计税办法不同 一般纳税人按照销项税（即销售货物或增值税劳务，销售额×税率，税率为17％或13％）－进项税（即购买货物或增值税劳务并取得增值税专用发票等专门凭证，按凭证所载税金??也就是供货方的销项税）计税纳税； 生产企业小规模纳税人按照销售货物或增值税劳务，销售额×税率（税率为6％）计算纳税； （2）开票权不同 一般纳税人可购买增值税专用发票并可自行向购货方开具，开票销项税率为17％或13％； 小规模纳税人不可以购买增值税专用发票及自行向购货方开具，如需向购货方开具的，报税务机关申请代开，销项税率为6％； （购货方是一般纳税人的，需凭增值税专用发票作为进项税抵扣） 2、小规模纳税人企业的增值税率是4％.    小规模纳税人工业企业的增值税率6％.   商业就是买货进仓不用经过加工就可以直接比高于买价的价格出售.如超市、店铺等。 工业企业就是买材料来经过工人的各工工序加工成为产成品，然后在市场上销售。如服装厂、食品厂、纸箱厂。 </t>
  </si>
  <si>
    <t xml:space="preserve">怎样治疗牙痛 </t>
  </si>
  <si>
    <t xml:space="preserve">    孝心可嘉！最好到医院咨询一下专家！小偏方治牙疼　　一、牙髓炎、牙周炎、牙痛?将大蒜捣烂，温热后，外敷疼处。　　二、虚火牙痛?冰糖１００克，清水１碗，放入锅里煮成半碗，一次服完，每日２次，有清热退火止牙痛之效。　　三、风火牙痛?白菜洗净捣烂用纱布挤汁，左牙痛将菜汁滴入左牙右牙痛将菜汁滴人右牙，数量少许不宜多。　　四、风虫牙痛?独头蒜去皮，放炉上煨热，趁热切开，外熨痛处，蒜凉了再换，连续数次有效。　　五、蛀牙痛方?味精与温开水１比５０溶化后，含液然后吐出，连续数次，牙痛会减轻或消失。　　六、牙痛方?白酒与食盐１０比１，化开后含食盐溶液吐出?不下咽，连续数次，牙痛可立止。　　七、消炎止痛方?陈醋１２０克，花椒６克用水煎开放凉，含漱数次可消炎止痛。</t>
  </si>
  <si>
    <t xml:space="preserve">qq里的图画怎样收藏到qq里?我点右键了没有收藏到qq里这项 </t>
  </si>
  <si>
    <t>1：右键如果没有这个选项的话 你把这张照片另存为--存到桌面上，保存的格式为JPG或者原始格式2.回到QQ的聊天窗口点击发表情那个按钮出来一些表情，右下角有个--表情管理----添加---浏览--选择刚才保存在桌面上的那个图片就OK了 ----确定</t>
  </si>
  <si>
    <t xml:space="preserve">865芯片组支持c2.0的CPU吗？谢谢 </t>
  </si>
  <si>
    <t>865芯片大多造了478针主板（有少量775针的），塞扬2.0肯定是478针的，能支持是肯定的。但是这个400前端的CPU太次了，用800前端的奔腾4C.E系列的产品才正好！</t>
  </si>
  <si>
    <t xml:space="preserve">再请朋友们来看一下不想玩奇迹了，巨没劲！装备、技能什么的也看不顺 </t>
  </si>
  <si>
    <t>玩过奇迹传奇么?来  看看吧,大连开的,很不错</t>
  </si>
  <si>
    <t xml:space="preserve">对这游戏..GM....无语我的游戏帐号被人盗了N次了,这都不算 </t>
  </si>
  <si>
    <t>不要在任何网吧充卡，事实证明没有任何一个网吧是没毒的。我在家里上游戏现在都是用的软键盘。</t>
  </si>
  <si>
    <t xml:space="preserve">嘿，11月份泰山那边冷么？晚上在山上一件军大衣能度过么？？？山上? </t>
  </si>
  <si>
    <t>亲啊 现在上山已经羽绒服加军大衣了 您要去多穿啊 一百左右住宿有点冷，可能再穿毛线衣。价格不高冷死了，山上有店</t>
  </si>
  <si>
    <t xml:space="preserve">什么时候再开新区啊？？ </t>
  </si>
  <si>
    <t>刚开的新区呀 西南6才开1天呢!!</t>
  </si>
  <si>
    <t xml:space="preserve">仙剑ol什么时候开始内测啊？ </t>
  </si>
  <si>
    <t>时间具体未定。内测申请今天刚刚结束。具体内测时间请关注仙剑官方网站和新浪游戏仙剑ol专题站点</t>
  </si>
  <si>
    <t xml:space="preserve">海洋的水蒸发、水汽输送、降水，此降水是参与地表淡水资源补给的吗？? </t>
  </si>
  <si>
    <t>不只是海水，地表水的蒸发、降水（雨雪霜雹等）是地表淡水的主要来源。而地球上的海水总体积达13.7亿立方千米，占地球总水量的97%，因此可以说海洋是地表水的主要来源。海水虽然含有许多无机盐（咸水），但是，能够随气温升高而蒸发的只有水，所以如果忽略大气污染的话降水（雨雪霜雹）是不含无机盐的水（淡水）。</t>
  </si>
  <si>
    <t xml:space="preserve">冲值错了怎么办?我冲元宝~由于疏忽写错帐号了~~怎么半~~?能找 </t>
  </si>
  <si>
    <t>上帝与你同在。。。阿门</t>
  </si>
  <si>
    <t xml:space="preserve">怎样遗忘职业!谢谢具体坐标在哪找谁谢谢 </t>
  </si>
  <si>
    <t>西门85,44,传点到西门附近,贴着墙壁走,85,44处会有个MM,移民申请处,点就可以了，但是要3思</t>
  </si>
  <si>
    <t xml:space="preserve">新凉席的蠕虫为何比旧的多? </t>
  </si>
  <si>
    <t>旧凉席使用过了,在使用过程中经常清洗,所以很少有虫子反之,新凉席没使用过,原生态的虫子就会留在凉席上了</t>
  </si>
  <si>
    <t xml:space="preserve">我想学画电路图，请问哪位大哥有视频教程或者有什么好书推荐吗？我没 </t>
  </si>
  <si>
    <t>你可以学powerlogic.同是可以在网上去找关于这一方面的知识。因为你没有基础，所以也不好给你说，你可以看一下这种图是不是你要的那种，[ 这个就是用powerlogic画的</t>
  </si>
  <si>
    <t xml:space="preserve">人要是触电了，应该怎么办？身边的人要是触电了，应该怎样对他进行急 </t>
  </si>
  <si>
    <t>1 切断电源2 对心脏、呼吸停止的做心肺脑复苏 心电监护48小时，心律失常的抗心律失常药治疗3 防止急性肾衰4 有烧灼伤的必要时，外科治疗</t>
  </si>
  <si>
    <t xml:space="preserve">中国人，你为什么不愤怒？就是这个月，美国脱口秀主持人在节目中采访 </t>
  </si>
  <si>
    <t>傻孩子。。。杀光所有中国人以后谁借给你钱吖。。。</t>
  </si>
  <si>
    <t xml:space="preserve">　　沪深股市今日意外低开并快速下探后震荡回升，上证综指再创新高，? </t>
  </si>
  <si>
    <t>振荡洗盘在一定的程度上缓解了回调的压力,市场分歧加大,但做多的势力强劲,资金充足,上攻势力还在继续,回调在一两天内还不能实现.风险在加大.谨慎乐观.</t>
  </si>
  <si>
    <t xml:space="preserve">什么叫苏打粉？ </t>
  </si>
  <si>
    <t xml:space="preserve">苏打粉中文名： 苏打粉 英文名： baking soda 英文简写： b.s 分类： 膨大剂 苏打粉又称『小苏打』、『梳打粉』或『重曹』,化学名为『碳酸氢钠』,英文名 baking soda,简称b.s,也是西点膨大剂的一种。它是一种易溶于水的白色碱性粉末,在与水结合后开始起作用释出二氧化碳co2,在酸性液体中（如果汁）反应更快,而随着环境温度升高,释出气体的作用愈快。苏打粉在作用后会残留重碳酸钠,使用过多会使成品有碱味。苏打粉与油脂直接混合时,也会产生皂化,强烈的肥皂味会影响西点的香气和品质,使用时需留意。 苏打粉也经常被用来做为中和剂,例如巧克力蛋糕。巧克力为酸性,大量使用时会使西点带有酸味,因此可使用少量的苏打粉做为膨大剂并且也中和其酸性,同时,＂苏打粉也有使巧克力加深颜色的效果,使它看起来更黑亮″。西点中加入＂过量″的苏打粉,除了使西点有上述破坏风味或导致碱味太重的结果,食用后会使人有『心悸、嘴唇发麻、短暂失去味觉』等征状。 </t>
  </si>
  <si>
    <t xml:space="preserve">有谁知道怎么治疗腹痛、腹胀吗？ </t>
  </si>
  <si>
    <t>首先要确定是什么原因引起的腹痛，腹涨，然后才能对症治疗，你先看看下面有关引起腹痛、腹胀的吧。 腹痛腹胀常见于下列疾病：1．急性胃肠炎――腹痛,以上腹部及脐周为主,呈阵发性痉挛性疼痛,伴食欲减退,腹胀,恶心呕吐,急性水样腹泻,或伴有发热、头昏、软弱,多由酗酒、刺激性或不洁食物和药物引起。2．慢性胃炎上腹部胀闷不适或疼痛,尤以进餐后尤甚,饭后饱胀、嗳气、吞酸嘈杂,食欲减退、恶心、舌淡无味、大便溏薄,或有贫血、消瘦。3．消化性溃疡病――上腹疼痛作胀长期反复发作,呈周期性,持续几天、几周或更长,继以较长时间的缓解,以春秋季节发作者多见;疼痛与饮食之间有明显的相关性和节律性,十二指肠溃疡的疼痛好在两餐之间发生,进食后可缓解,胃溃疡的疼痛常在多后1小时内发生,1～2小时后逐渐缓解;伴唾液分泌增多、反胃、嗳酸嗳气、恶心呕吐。4．细菌性痢疾――发热,体温多在38℃以上,恶心呕吐,继以阵发性腹痛、腹泻,腹痛以脐周及左下腹为著,每天排便10～20次,呈脓血便、量少,里急后重感明显。多为夏秋季节发病,有饮食不洁史。5．过敏性紫癜――皮肤紫斑,下肢及臀部多见,对称分布、分批出现、大小不等、紫红色、高出皮肤;50%患者伴有腹胀腹痛,位于脐周及下腹部,可伴有恶心呕吐便血等;膝踝等大关节游走性疼痛或明显红肿痛。多见于儿童与青年,起病前1～3周常有上呼吸道感染史。6．泌尿系结石――上腹部或背、腰或肋腹部疼痛,较剧烈,疼痛向下腹部、外阴部、大腿内侧等处放射,伴排尿困难、恶心呕吐、大汗淋漓、虚脱,历时数分钟至数小时,可见血尿,或有尿急、尿频、尿痛。7．急性病毒性肝炎――－右上腹发胀隐痛,可触及肿块,皮肤巩膜发黄,小便色黄,食欲减退、恶心呕吐、厌油,可伴有畏寒、发热、乏力。8．慢性肝炎--患肝炎日久不愈,超过半年,右上腹隐痛作胀,可能及包块,有压痛,食欲不振,乏力倦怠,或有皮肤黝黑、蜘蛛痣,手掌发红如猪肝色。9．肝硬化----腹胀,右上腹隐痛,有或无肿块,食欲减退,体重减轻,疲倦乏力,腹泻;鼻衄、牙龈出血、皮肤瘀斑、瘀点,面色黝黑,蜘蛛痣,手掌发红如猪肝色;发热,皮肤巩膜发黄,腹壁血管显露,腹水。多数患者有肝炎病史数年。10．慢性胆囊炎、胆结石――反复发作上腹作胀疼痛,呈持续性隐痛剧烈刀割样疼痛,多因饱餐或过食油腻辛辣引起或加重,伴有恶心呕吐,胃部灼热,嗳气反酸,部分患者右上腹触及囊性包块。11．慢性胰腺炎--上腹部钻痛或钝痛,常较剧烈,迅速加重并持续较长时间,部分病人左上腹或脐部可触及包块,有压痛,伴有消化不良、食欲减退,厌食油腻,体重减轻。既往有急性胰腺炎发作病史。12．子宫肌瘤――女性，下腹部坠胀疼痛,部分病人触及包块,腰酸不适;月经周期缩短、量多、经期延长、不规则阴道流血、白带增多;或有尿频、便秘、大便不畅、不孕。13．慢性盆腔炎----女性，下腹部坠胀疼痛,腰骶部酸痛,常在劳累、性交后及月经前后加剧;白带增多,月经增多或月经失调;有时有低热,疲乏或精神不振,周身不适,失眠。14．痛经--行经前后或月经期下腹疼痛、坠胀,疼痛程度不一,多持续2～3日缓解。有时伴有恶心呕吐、腹泻、头晕乏力等,严重时面色发白,出冷汗或虚脱。15，先兆流产----妊娠28周前,出现阴道出血,下腹坠痛。早期流产,先出现阴道流血,后出现阵发性下腹痛;晚期流产,先有腹痛,腹痛系阵发性宫缩样疼痛,后有阴道出血,出血不多。16．阑尾炎先有上腹或脐周疼痛,数小时后转移至右下腹部,压痛明显,有时可触及包块,可伴有发热、恶心呕吐或有腹泻。17．胃下垂---常见于女性,瘦长体型者。上腹饱胀不适,常于餐后,多站立或劳累后加重,厌食、恶心、嗳气,亦可有腹泻、便秘或交替性腹泻及便秘,有时有深部腹隐痛,或有站立性昏厥,低血压,心悸乏力等。18．慢性非特异性结肠炎----腹痛,为轻到中度痉挛性痛,多在左下腹及左侧腹部,便次增多,可为粘便、粘液便、粘液血性便等,多因饮食不当、受凉感冒、月经周期或胃肠道感染而使病情加重,病情轻重不一,起病缓慢。</t>
  </si>
  <si>
    <t xml:space="preserve">炸山采石填海需要省政府同意吗？如此破坏生态环境的事需要省政府同意 </t>
  </si>
  <si>
    <t>当然需要政府有关认可文件的了,要到国土资源局和安监局以及政府有关部门申请,你可以去当地的政务大厅或者政府办公室咨询.</t>
  </si>
  <si>
    <t xml:space="preserve">神兽问题打神兽的时候3个人一起打行吗，网上说2人以上会被龙破坏装 </t>
  </si>
  <si>
    <t xml:space="preserve">打神兽最好是两个人去，要是3个或4个人去那真的是比较危险。首先就是在路上的怪就能破坏你的装备，你还没走到顶层装备就坏了，还怎么打神兽。在说你到了顶层一回合你也杀不了神兽呀！所以你还是找个魔和你去好了，那样比较安全。找个等级高点的魔去杀很轻松的。 </t>
  </si>
  <si>
    <t xml:space="preserve">哪里有好看的免费电影网站啊？不要卡的，要高清晰，而且影片要新，多? </t>
  </si>
  <si>
    <t xml:space="preserve">帮我儿子改名子?我儿子(阳历)是1999年7月29日下午2点18 </t>
  </si>
  <si>
    <t>我觉得梁辰昊这个名字很好，应该可以，不过，“昊”的含义是好，只是念音为去（四）声，美中不足。我给个“博”字，梁辰博，你看怎样？</t>
  </si>
  <si>
    <t xml:space="preserve">割肉、套牢、补仓各是什么意思，炒股还有哪些常用术语 </t>
  </si>
  <si>
    <t>割肉_亏本卖出套牢_亏本很多,又不想卖补仓_加仓操作,减少成本</t>
  </si>
  <si>
    <t xml:space="preserve">有多少新浪的竞争对手在看热闹?这两天看到留言多多,不知道有多少根 </t>
  </si>
  <si>
    <t>呵呵~照楼主的意思，是女人就可以躲起来了？：）如有冒犯之处还请见谅~</t>
  </si>
  <si>
    <t>水箱漏水(急救)车子冷车(包括热车)打着火后开个7</t>
  </si>
  <si>
    <t>不要随意更换水箱盖，不同车型冷却系统的设计压力不一样，采用的水箱盖亦不一样，小管滴水属于正常卸压。</t>
  </si>
  <si>
    <t xml:space="preserve">小孩额头磕伤了昨天缝了两针,怎样不留疤痕?我小孩子1岁半,女孩, </t>
  </si>
  <si>
    <t>我的小孩前年也磕伤了额头,缝了三针,真是心痛啊,医生告诫我拆线前千万不能自己乱用药,定时到医院换药就行了,拆线后只要用生理盐水消毒,不用急,小孩的新陈代谢快,都会自己好的.另外试试一种薰衣草的疤痕灵,我的女儿就是用了这种效果很不错,现在不仔细看都看不出来了.祝你的小孩也和我的一样.</t>
  </si>
  <si>
    <t xml:space="preserve">求助！！！我桌面的图标为什么一点击就刷新？请高手帮帮忙 </t>
  </si>
  <si>
    <t>呵呵，可能是你的键盘的“F5键按进去了，敲打一下此键识识，         还不行，扒了键盘线识识   还不行可能就是系统的事了，             进一下“最后正确配置“识识一识  也就是开机的时候按F8键，进入一个选项菜单，选些项 然后回车</t>
  </si>
  <si>
    <t xml:space="preserve">免费邮箱如何修改昵称? </t>
  </si>
  <si>
    <t xml:space="preserve">修改昵称 </t>
  </si>
  <si>
    <t xml:space="preserve">考研英语作文，大小作文的要求分别是什么？字数啊？写作要求是什么？ </t>
  </si>
  <si>
    <t>小作文120，大作文200，先写大作文</t>
  </si>
  <si>
    <t xml:space="preserve">是打完路霸那个任务每个人都能得到一块大地结晶吗???谢谢 </t>
  </si>
  <si>
    <t>只要接任务的号才会得到大地结晶，没重头接任务的人是不可得到的</t>
  </si>
  <si>
    <t xml:space="preserve">通州到廊坊的路好走吗？开车怎样走？ </t>
  </si>
  <si>
    <t>去廊坊啊 你走火县那边吧 到永乐店 然后到柴厂屯 再一直走 到廊坊开发区 你 会途经大学成  其实很好走的 到那边一问 也就知道了 路况也 不错</t>
  </si>
  <si>
    <t xml:space="preserve">游戏不能授权是咋回事谁知道啊亲们说说求解求解 </t>
  </si>
  <si>
    <t>最新系统的问题，这个无论是刷2.0还是3.0都会出现，解决方法如下：1、所有游戏在硬盘中的删除掉，用光盘玩不会提示该问题。2、买100%的刻录盘而不是压盘。这样就可以复制到硬盘玩了。如果以前的是压盘那么全部只能光盘运行玩了。3、看看还能不能刷自制系统，刷自制以上所有麻烦事全部解决。</t>
  </si>
  <si>
    <t xml:space="preserve">明天如何操作，请各位老师指导，谢谢 </t>
  </si>
  <si>
    <t>600179 黑化股份  短线启动趋势转强,前高有一定的压力需量能的配合来突破,适当留意继续持仓.600219 南山铝业  随盘震荡重聚人气,但是可能仍要面对震荡调整,十日均线上续持.** 明天有3.6元的四川成渝780107新股申购,会影响股市流动资金需要小心.</t>
  </si>
  <si>
    <t xml:space="preserve">tan20'+tan40'+根号tan20'*tan40' </t>
  </si>
  <si>
    <t>此题应为tan20°+tan40°+√3tan20°*tan40°=tan(20°+40°)(1-tan20°*tan40°)+√3tan20°*tan40°=√3-√3tan20°*tan40°+√3tan20°*tan40°=√3</t>
  </si>
  <si>
    <t xml:space="preserve">sap咨询顾问是干什么的 </t>
  </si>
  <si>
    <t>在飞速发展的信息时代，企业竞争实力的积聚更加依赖于信息技术和管理技术的有机结合。越来越多的企业采用SAP这种先进的集管理和信息技术于一体的管理理论，在实践中取得了良好的效果，帮助企业实现合理的资源配置。向客户提供SAP咨询与实施等服务，根据国内企业的实际特点，为企业SAP上线提供最佳保证。</t>
  </si>
  <si>
    <t xml:space="preserve">卡塔复式30是否中2个一等奖?(32元中R9)阿斯科vs都　灵卡 </t>
  </si>
  <si>
    <t xml:space="preserve">恭喜恭喜!!你是中了2注 任9?觯?310算全?Φ哪??你?瓦x30就是中2注 (如全選就是中3注).这样的情况去年 由於球?龇e雪我也遇到過, 確定中了2注,?放心好了! 再次恭喜了！ </t>
  </si>
  <si>
    <t xml:space="preserve">请问咒术的成功率和什么有关？全体石化、昏睡等咒术和使用者的什么有 </t>
  </si>
  <si>
    <t>和自身技能等级有关,等级越高命中越高.和对方抵抗等级有关,等级越高命中越低.命中率:单&gt;强&gt;超.另,装备上加的抗对人物的咒影响不大,对宠的咒攻影响很大.还有,就是看你的RP了.补充一下：还和属性与种族有关，加自己属性的祈祷后命中率上升。变身后命中率上升。</t>
  </si>
  <si>
    <t xml:space="preserve">孩子要钱买垃圾食品，怎么办？您好：每天孩子去上学总吵着要钱，就是 </t>
  </si>
  <si>
    <t>学会让孩子理解钱、支配钱，他才会更珍惜钱。可以和孩子把一个阶段（比如一个礼拜）的可支出金额和要支出的项目告诉孩子，让他当一个礼拜的家，让他懂得量入为出的道理。另外，在家吃饱的情况下，鼓励他把用来买垃圾食品的钱攒起来，去买自己更喜欢的物品。让他做比让他听有时候更管用。</t>
  </si>
  <si>
    <t xml:space="preserve">关于一首歌的评论！昨夜梦里有个地方红叶森林的牧场隐约听见有人吹着 </t>
  </si>
  <si>
    <t>没听过，不知道</t>
  </si>
  <si>
    <t xml:space="preserve">关于兽人的一些问题请各位高手指点我是49F的新手现在想练一个兽人 </t>
  </si>
  <si>
    <t>暴君有自己很好的狀?B,能做肉盾破?恼叩臓?B都是?楣?舻?是一??很好的打手</t>
  </si>
  <si>
    <t xml:space="preserve">长期服用优甲乐有什么副作用吗? </t>
  </si>
  <si>
    <t>"优甲乐"是左旋甲状腺素,用于治疗甲状腺功能低下,粘液性水肿,甲状腺切除术后替代性治疗的药物,属于内分泌制剂.长期服用如果剂量掌握的准确,使人体的新陈代谢在正常范围的话,对人体没有副作用.如果长期大量服用,即会产生心慌,失眠,烦躁,多汗,颤抖(尤其是手指颤抖),食欲亢进等症状.长期服药的患者一定要检测甲状腺功能,根据T3,T4,TSH的化验指标来调整用药.</t>
  </si>
  <si>
    <t xml:space="preserve">鼻子鼓气时，耳内响一直延续耳朵内用鼻子鼓气时会发生丝丝响声，而且 </t>
  </si>
  <si>
    <t>你好：可能是你精神太过紧张了呢。先注意多休息，少吃辛辣，刺激性强的食物，多喝水。多远动，增强自身的免疫力！愿你早日康复！</t>
  </si>
  <si>
    <t xml:space="preserve">问价！请问，现在电信2的A类风速、战神，涡轮和小件各是什么价钱？ </t>
  </si>
  <si>
    <t>500W450W一件3000W</t>
  </si>
  <si>
    <t xml:space="preserve">2011年1月的周六或周日什么时候搬家最好男主人1969年5月2 </t>
  </si>
  <si>
    <t>2011年1月份搬家黄道吉日：公元2011年01月01日 农历11月(小)27日 星期六 山羊座 冲狗(庚戍)煞南    公元2011年01月14日 农历12月(大)11日 星期五 山羊座 冲猪(癸亥)煞东    公元2011年01月23日 农历12月(大)20日 星期日 水瓶座 冲猴(壬申)煞北    公元2011年01月27日 农历12月(大)24日 星期四 水瓶座 冲鼠(丙子)煞北    公元2011年01月29日 农历12月(大)26日 星期六 水瓶座 冲虎(戊寅)煞南   避开您们生肖的冲日和自家大门朝向的煞向后可任选搬家吉日。吉时：避开15-17点的冲时后任选。 恭?帜乔乔ㄖ玻?(一)「六组物品」先入宅 迁移(搬家)前要先准备下列六类日常之必须品: 1.米:用「米桶」装八分满的米.米桶裏放一个红包,内藏纸币,茶叶及九个铜钱(或硬币). 2.水:用「水桶」装七分满的水(水要从「旧居」处取). 3.碗筷:为家中每人准备一套新碗筷,双数为吉. 4.畚箕,扫帚一对,上面绑红布. 5.为家中每人准备一套新的内衣裤,枕头及床单. 6.旧有火炉,锅子及风扇. 搬家时将上述六类日常用品於择定的吉时先搬进新居的厨房,然后其他物品才可搬进新宅.如恐迁移后水土不服,另可携带一块旧居的泥土及姜入新宅.而要远行(出国)之人带点米及泥土随行,对克制水土不服听说颇为灵验的. 乔迁离开旧宅之前,应在房间留下一个「旧的钱包」,内放五枚硬币,在厨房留下「两个鸡蛋」及「一封红包袋(利是)」(「红包袋」(利是)内放「柏叶」及双数币值的「纸币」一张).「最后一件物品」或「最后一个人」要离开旧宅时,记得在旧宅之门前先洒一些米,然后才锁门离去. (二)祭拜新宅「地基主」搬入新宅后,当天下午黄昏时分,依习俗通常要祭拜「地基主」(第琪子).听说「地基主」为「土神」或「宅神」,每栋房子都有,祭拜「地基主」能保家宅平安.或说:「地基主」为宅地的先住者,俗称「开基祖」.因后来宅第被别人侵占或沦落别人居住,俗信应祀拜之,始免於祸害.传说中的「地基主」,身材不高,祭拜时要在厨房门口或新宅之「后门」处,且摆放供品的桌子不宜太高. 祭拜「地基主」的供品如下: 1.家常饭菜(俗称「便菜饭」):一碗饭,一肉,一菜及一汤. 2.酒三杯. 3.红烛一对. 4.三柱香. 5.寿金,刈金及土地公金等「纸钱」. 待「三柱香」已燃烧三分之一以上时,即可在新宅大门口旁,焚烧「纸钱」(寿金,刈金,土地公金).烧完纸钱,收拾供品,祭拜「地基主」的仪式即算完成. 四,迁移(搬家)民俗喜忌 人们於「婚丧喜庆」时为祈求吉祥徵兆,自古以来民间即流传著一些喜忌的习俗.迁移(搬家)时,亦有一些 应注意的民俗喜忌: 1.搬家当天尽量说些吉祥话. 2.搬家当天家人不可哭哭啼啼的,不可乱发脾气,不可打骂小孩子. 3.搬家时不可和别人打招呼. 4.搬家当天不可午睡,也不可在新宅午睡,否则日后易生病. 5.搬家当天晚上,就寝前,应先躺下五分钟左右,随即起床再工作一下,表示「睡了还要再起床」(平常小孩睡新床亦然,先躺一下,就要其起床,不可直接入睡,表示「躺下还要再起来」),否则日后易生病. 6.搬家当天,宜在新宅煮一些开水及将电风扇在家中四方吹拨,以求「风生水起」. 7.当天晚上宜煮些甜汤圆,甜品,全家共食,表示一家团圆,甜甜蜜蜜之意. 8.搬家时要严防动到「胎神」.家中妇女有身孕时,尽量不要搬家. 万一非搬不可时,要让有身孕的妇女先行离开旧宅现场,且在旧宅每搬动一物,先用「新扫帚」扫一扫,如此可避免动到「胎神」.(「通书」均有记载每日「胎神」所占的位置,可参阅「胎神逐日所占游方定局」) 四,结语为应忙碌,异动,日趋频繁的现代工商社会,人们迁移(搬家)之需,整理「迁移(搬家)入宅择吉」的相关资料,希望对准备迁移者有所帮助,都能避凶趋吉,阖家平安.</t>
  </si>
  <si>
    <t xml:space="preserve">晒单了2hy欢迎大家HP </t>
  </si>
  <si>
    <t>好单......一定能中...........</t>
  </si>
  <si>
    <t xml:space="preserve">亚都加湿器怎么样的，在哪里买有没有人买过亚都加湿器的，看到好几个 </t>
  </si>
  <si>
    <t>苏宁，国美，家电市场，淘宝，京东，西拓网，这些地方都可以买的啊，实体店的话比较贵点，但是能看到东西的，网上买的话可以便宜很多的，我最近看到有人说西拓网还可以的，你要不去看看好了</t>
  </si>
  <si>
    <t xml:space="preserve">对新开的BB用品的几点疑问1.开窍丸：喂食后有可能增加仙宠技能栏 </t>
  </si>
  <si>
    <t>1有失败率2一般都可以3不可以，一个宝宝用多个但就一个有用</t>
  </si>
  <si>
    <t xml:space="preserve">如何设置台式电脑密码锁 </t>
  </si>
  <si>
    <t>1点击电脑桌面左下角的《开始》再进入《控制面板》。2进入控制面板后找到《用户账户》再打开《用户账户》。</t>
  </si>
  <si>
    <t xml:space="preserve">去澳洲留学一定要用中介吗? </t>
  </si>
  <si>
    <t>我的建议是：直接跟学校联系，要知道现在澳洲的大学都是很欢迎留学生的，所以一般都是很热情，有问必答，你可以浏览大学的网址，得到一切相关信息，这点澳洲大学做得是相当好。二，查看澳洲移民局网站， ，上面有所有来澳签证得信息，只要你资料准备充分得到，大使馆来电询问得时候不要露出马脚一般来说根本没问题。如果你有不清楚的地方，我建议你直接打电话给澳洲移民局，他们都会很耐心热情地回答你，虽然越洋电话费是贵点，但总比中介费便宜很多吧，想想多划算。我们办移民都是采取这种办法的，不清楚就查网站，再不清楚就打电话询问，省了好多钱啊。当然，你的英文功底要好，如果不行的话，还是交给专业人员比较好一点。</t>
  </si>
  <si>
    <t xml:space="preserve">我发现我的买彩心态越来越不好了怎么办?我发现我现在有点赌博心理了 </t>
  </si>
  <si>
    <t>要放正心态,象我一样,一期最多买四五十块.不要在自己的承受范围外买彩.</t>
  </si>
  <si>
    <t xml:space="preserve">20万左右的车排行榜，20万左右买什么车好，各位帮忙分析一下现在 </t>
  </si>
  <si>
    <t xml:space="preserve"> 20万左右买什么车好相信有很多选择，对于楼主而言，在20万左右买什么车好的能只纠结于两款车实属不易了，哈哈。八代雅阁在长年一来一直稳坐国内中高级轿车市场的销量冠军宝座，之所以蒙迪欧－致胜能够与其抗衡，是因为它具备了很强的竞争实力。首先在售价上装备了2.3L发动机和6速手自一体变速器的蒙迪欧－致胜豪华版售价为19.48万元，而装备2.0L发动机和5速自动变速器的八代雅阁售价却为20.28万元。另外，在轴距上蒙迪欧－致胜为2850mm，八代雅阁为2800mm，也就是说蒙迪欧－致胜能够为后排乘坐提供更为舒适更加宽敞的乘坐空间。其它在舒适性配置上，蒙迪欧－致胜拥有DVD音响系统、无钥匙进入系统、一键式启动系统、大屏幕彩色仪表盘等等一系列豪华配置，而八代雅阁在这些方面却平淡无奇。所以，仅仅对于这两款车而言，20万左右买什么车好，蒙迪欧致胜应该是更有购买优势</t>
  </si>
  <si>
    <t xml:space="preserve">旺旺英语怎么样才可以订报？到哪里注册？找不到。 </t>
  </si>
  <si>
    <t>先要注册，注册它的信箱，每天打开就可以收到了。</t>
  </si>
  <si>
    <t xml:space="preserve">全国二卷一道填空题写出空间中的一个四棱柱为平行六面体的两个充要条 </t>
  </si>
  <si>
    <t>想不通你为什么要写"全等的"呢?什么样的四边形算是全等的呢?你估分可以这样估,算上限的时候就把这个算对,下限就算错.我觉得你的答案是错的,希望阅卷老师给你分,呵呵两问的话对一问就给你一问的分.放心吧</t>
  </si>
  <si>
    <t xml:space="preserve">求教，怎样通过邮箱互传照片。和朋友旅游回来，照片已经存入电脑，但 </t>
  </si>
  <si>
    <t>1.把你的照片压缩一下（右击你放照片的文件夹→添加压缩文件→输入压缩文件名→确定），进入邮箱，写信→输入对方qq号→添加附件（如果超过不知道多少M，添加超大附件）→添加完毕后直接发送。2.把你的照片压缩一下（右击你放照片的文件夹→添加压缩文件→输入压缩文件名→确定），进入qq聊天窗口，把你的压缩包直接拉到跟你好友的聊天窗口，叫他接收一下，即可。</t>
  </si>
  <si>
    <t xml:space="preserve">《老人与海》中的老人叫什么? </t>
  </si>
  <si>
    <t>老人年轻的时候叫：圣地亚哥后来就叫老人了........</t>
  </si>
  <si>
    <t xml:space="preserve">百合花开花期放置室内可以吗？百合花香味对人体有害还是有益？ </t>
  </si>
  <si>
    <t>百合花香味对人体有害还是有益，从总体来讲，百合花它所散发出来的香味能提高人的中枢神经的兴奋度，这无宜对维持人的良好精神状态是有益的；而如果室内放的花太多，花香过分浓烈，人在里面待的时间又过长，就会促使人过度兴奋而影响睡眠。所以说，百合花的香味对人是有利有弊，其实在花卉中像合花同样情况的花有很多，人们并没有将它们拒之门外。我们可以扬长避短，将百合花放在客厅或书房里，数量上也不必过多，如果适当放一点在卧室内，起到调节一下卧室主人的情绪也不是坏事。万事不过度，适可而止。</t>
  </si>
  <si>
    <t xml:space="preserve">我的配置能玩吗~``看下图 </t>
  </si>
  <si>
    <t>呵呵,,当然能玩啦`我看,你的内存总量应该是512MB吧`有32MB被集成显卡占用呵~为了达到游戏的最佳效果,我介意你加一张独立显卡~双128的就OK了呵,不是很贵,好点的也就三百左右吧~</t>
  </si>
  <si>
    <t xml:space="preserve">男友结婚新娘不是我其实和他分手已快两年,当初分手时两家闹的很厉害 </t>
  </si>
  <si>
    <t>怎么说你好呢？！刚才很认真地看了你前面的故事，很佩服你能对一个男人注入了那么深厚的感情，一次次反反复复，为了挽回自己的初恋，放下了自尊，放弃了自己的前途和下半辈子的幸福，真是佩服。但另一方面，你觉得这种男人值得你这么爱吗，就我的观点，我很瞧不起他，连自己的女朋友都保护不了，都不敢娶回家，你还能指望他什么呢，你还能指望他给你幸福吗？婚姻是为了什么，不就是为了能给自己下半辈子的生活找个依靠，找点快乐，找个幸福的晚年吗？！这些你认为他能给你吗？初恋虽然让人难以忘怀，但试想一下，硬是把初恋边为婚姻，硬是让一个不能给予你幸福的男人给你幸福，这么做是不是太傻了，这么做是不是对得起养你这么大的父母啊，哪个父母不希望自己的儿女过得幸福呢？我觉得你该好好反省一下吧，这种男人真的不值得你爱，如果10个人中有9个认同我的观点，那你的观点肯定是错的，如果不相信，那就打个赌吧，但我不希望和你打赌，因为我们做为女人，有多少青春可以用来做赌注啊，劝告一句：好好珍惜自己的未来，爱情不是人一生的唯一追求！！！</t>
  </si>
  <si>
    <t xml:space="preserve">任务高手进！！！！！有没有什么比较好做的任务，可以拿+++命中的 </t>
  </si>
  <si>
    <t>加命中的首饰护手 命中+3-5 [忍者任务]。表彰的戒指 攻防敏精神回复各+5，必杀、反击、命中、躲闪各+1，魅力+10，耐久300 [李贝留斯任务]。情比金坚戒 石化+5、必杀+5、命中+5法兰城之地下竞技场：轻量级攻击+0~1、防御+0~1、比杀+0~1、反击+0~1、命中+0~1），中量级 +0~2、防御+0~2、比杀+0~2、反击+0~2、命中+0~2重量级 +1~3、防御+1~3、比杀+1~3、反击+1~3、命中+1~3当得到B、C、D路线三种冠军之环后，和凯尔琼说话可以可以换到一个冠军的徽章（攻击+1~5、防御+1~5、比杀+1~5、反击+1~5、命中+1~5），带上后得到称号"三冠王者"。水龙护身符：攻+65防+45敏+20精神回复+5全部抗性+10必杀命中+5生命魔力+200梦幻想专辑：必杀躲闪命中反击+10梦幻想海报：必杀躲闪反击命中+5真爱之魂：必杀+15命中+10</t>
  </si>
  <si>
    <t xml:space="preserve">请问600273还会跌吗？ </t>
  </si>
  <si>
    <t xml:space="preserve">可以中线持有 好股 现在还不到抄底时 2800点附件或许是低吸的好时机！ </t>
  </si>
  <si>
    <t xml:space="preserve">很久以前我冲了一张新手卡，现在冲一张150点的点卡怎么进不了绿服 </t>
  </si>
  <si>
    <t>新手卡只能冲一次，而且是新开帐户第一次冲如果是绿F还要冲300点有价值的卡才能进去</t>
  </si>
  <si>
    <t xml:space="preserve">心理测验！！想问问看大家是否看过类似的心理测验：X问一位朋友：“ </t>
  </si>
  <si>
    <t>A.贱兔：　　　代表聪明，滑头，但又讨人喜欢。B.威尼熊：　　代表傻，但傻得可爱。C.樱桃小丸子：代表单纯，善良。D.小叮当：　　代表聪明，善良。E.咖啡猫：　　代表聪明，懒惰。F.米奇：　　　代表聪明，正直。</t>
  </si>
  <si>
    <t xml:space="preserve">虚空龙BUG据说可以不用声望使BUG拿是么? </t>
  </si>
  <si>
    <t>做了前置任务后   虚空龙声望达到中立~~~确保你有280的坐骑  这时去找NPC 莫奈德(就是给你一开始任务那个)   他会给你个任务~~然后你会发现  你骑鸟到 龙喉要塞 或者灵翼浮岛时  你的鸟变成了虚空龙  而你变成了兽人 但是出了这2个区域就会回复原样~~~BUG是  有某个地方 ( 具体在哪不是很清楚  我2次都是从浮岛飞日蚀要塞时出的BUG)  当你飞出浮岛范围后  你发现  你已经变回原样  而你还是骑的虚空龙!  而且无论你飞到哪   都一直是虚空龙  除非你下鸟~~~当然  你下了鸟再骑   你的鸟还是鸟  不是龙</t>
  </si>
  <si>
    <t xml:space="preserve">实习期受工伤怎么办？在实习期因工作受工伤可以获得哪些赔偿？ </t>
  </si>
  <si>
    <t>只要存在劳动关系，确实是工伤的话，应该就可以享受工伤待遇的吧。据工伤认定结论及《工伤事故处理协议》，单位应承担各项工伤待遇。</t>
  </si>
  <si>
    <t xml:space="preserve">我该如何理解，该怎么办？我们都是初恋，她接受我后我们只在一起不久 </t>
  </si>
  <si>
    <t>我也觉得是没有安全感啦。女孩子的青春很宝贵的，如果等了你五年，然后你最后选择了别人，而她最后耽误了自己的幸福，更何况你们还没有感情基础。我觉得她的建议不错啊，两人先做朋友，互相了解，有一些基础，等你回来了，男未婚，女未嫁，那在一起也是无可厚非的事嘛！</t>
  </si>
  <si>
    <t xml:space="preserve">为什么男人都喜欢看外表？为什么男人都喜欢看外表儿选择另一半？而很 </t>
  </si>
  <si>
    <t>从另一方面说，男人看的是女人对她自己的态度。如果一个女人不仅不打扮，甚至还有点拉踏，谁会喜欢，就算她很有内涵，那也得有机会了解才行。那怕女人不漂亮，只要把自己收拾好，性格开朗却不张扬，肯定很多人喜欢。</t>
  </si>
  <si>
    <t xml:space="preserve">仙3外转大家的平均等级都50++了！我怎么还没有称胃啊 </t>
  </si>
  <si>
    <t>称号不是根据等级划分的,以下是全部称号获得方法三：称号一览 -------------------------------------------------------称号名称　　诗文 -------------------------------------------------------赛孟尝　　　昔有孟尝君散尽千金礼食客，今有煌大仙一贫如洗为佳人。 神练狂徒　　冬练三九，夏练三伏，锲而不舍，乃成狂徒。 作弊专家　　练级作弊，各有千秋；英雄来历，莫问源流。 虚不受捕　　不耐江湖风波恶，只恨囊中钱太少；止血一株随处见，危急时候救命　　　　　　来。勇猛无匹　　一夫当关，万夫莫开，肉垫我做，送死你去。 东方不败　　日出东方，唯我不败。 大富翁　　　元宝个个不舍用，留得铜钱听雨声。 风流剑客　　少年青衫群芳过，任是无情也动人。 左右逢源　　左右逢源，人见人爱，好一副七窍心、福缘身！ 无情剑客　　此生不是风流命，最难消受恐龙恩。 五灵宗师　　百川汇水，自为我用，来者不拒，灵气千重。 百变仙人　　穷则变，变则通，变化无常理，亦可诞仙人。 呼风唤雨　　吟风颂雨装风雅，呼风唤雨真名士。 护花使者　　取次花丛懒回顾，半缘修道半缘君。 锦心绣口　　生得一张玲珑嘴，论尽天下亦无忧。 江湖散人　　闲来混混武林，无事走走江海，人生最难闲散，我自许多趣味。 财神爷　　　若非一番狠工夫，哪得财神从天降。 情圣　　　　一失足情爱障难脱，再失手桃花债满身。 侠之大者　　江湖一夜心不老，英雄仗剑天下行。 道法仙师　　道法世无双，终可成仙师。 委靡难振　　妖魔鬼怪阻挡行路，呼风唤雨许多功夫，时时神气尽，天天补药进。 无影神偷　　闻君珍宝无数，故踏飞龙而来。 妙手空空　　一双妙手掏包无数，两袖空空一贫如洗。 悬壶济世　　人在江湖飘，哪能不挨刀；手中千金洒，身上血光消。 圣手药王　　步步小心毒气难防，神气归元药王称圣。 拚命三郎　　拼得一身剐，敢把皇帝拉下马，岂无眼，多少妖魔也不怕。 驱灵大师　　符法天下知，邪灵退散；神功不可挡，鬼怪难逃。 肥肥必杀　　古有怪物名肥肥，眼如铜钟、腰若水桶，因暴饮暴食，为祸乡里，人人　　　　　　得而诛之，不杀数百不足以称英雄。 神出鬼没　　身法世无双，鬼神难测；偷袭非君子，不禁小人。 霉星高照　　福兮祸所倚，祸兮福所致，少年英豪遭天妒，霉星高照笼乌云。 家财万贯　　小心翼翼积存银钱，招财进宝为讨老婆。 聚宝宗师　　七巧玲珑，八面顺风，如星璀璨，如日当空。 仙术通天　　自颛顼绝地通天，凡人再难登仙，若然道术有成，通天亦在眼前。 众志成城　　众人一心，其利断金，合击虽难，无坚不摧。 药仙　　　　体弱难重振，久病自成医，用药如神助，筋骨若仙人。 真.南盗侠　万里青天，奇珍无数，凭此手一双！老子平生，江南江北，最爱空空　　　　　　曲。 阎王敌　　　医死人，肉白骨，阎王也难敌！ 国士无双　　英雄一世，未必风流，自古名将如美人，不许人间见白头。 拿法看后面的诗就知道啦^.^下面是全部称号的拿法初级称号：赛孟尝：金钱小于50且累积100次神练狂徒：所有人等级到99作弊专家：所有人等级99而精、气、神达到999虚不受补：使用止血草达到300次萎靡难振：使用还神丹达到300次无影神偷：煌使用飞龙探云手"成功"达到100次妙手空空：煌使用飞龙探云手"失败"达到100次悬壶济世：煌使用洒金笺达到300次圣手药王：煌使用五毒归元达到200次拼命三郎：任一人使用物理攻击达到3000次勇猛无匹：任一人爆击达到300次东方不败：连胜场达200场且无逃跑、无战斗失败纪录大富翁：金钱达到9999999风流剑客：2位女主角好感度大于90左右逢源：与所有人好感度达到60以上无情剑客：2位女主角好感度小于20驱灵大师：捉鬼小游戏全过关肥肥必杀：杀死肥肥达到300个神出鬼没：偷袭成功150次霉星高照：被偷袭成功答100次家财万贯：总物品种类达90%聚宝宗师：合成过全部物品五灵宗师：煌用摄灵法阵吸取怪物死亡数达1000个百变仙人：煌变身超过50次呼风唤雨：煌改变环境超过100次护花使者：煌援护成功达100次锦心绣口：与NPC对话超过5000次江湖散人：游戏时间超过100小时仙术通天：火、风、雷、土全仙术全学且练到顶级众志成城：打出全部合击高级称号：道法仙师：驱灵大师、五灵宗师、百变仙人和呼风唤雨四个称号均得到药仙：虚不受补和萎靡难振两称号均得真-南盗侠：无影神偷和妙手空空两称号均得阎王敌：悬壶济世和圣手药王两称号均得国士无双：拼命三郎、勇猛无匹和东方不败三称号均得财神爷：大富翁、众宝宗师和家财万贯三称号均得情圣：风流剑客、左右逢源和护花使者三称号均得侠之大者：锦心绣口、赛孟尝和江湖散人三称号均得通关一次,得到所有的称号心得很多玩家都反映通关一遍不能将所有的称号都获得，但我用我的实践证明这并非完全不可能。现将我的心得与大家分享。    由于每个称号都是以非常非常变态的方式获得,要想获得所有的称号难度可想而知.对于想获得所有的称号的玩家须做好心理准备,而且你必须满足以下条件:1。有超乎寻常的耐心,别人两三天能通关,我就得玩上半个多月,大约一天过一个场景吧；2.冒着键盘鼠标被敲坏,光驱冒烟,腰酸背疼,手背肌肉拉伤,视力急剧下降的风险去玩；3.准备一个修改器(不论你如何喜欢或如何憎恨修改,反正要上一个备用)；4.多次使用SAVELOAD大法达50次以上；5.有练级的癖好（或有喜欢玩网游的背景）6。可能见不到完美结局了；7.强制你去学某种法术。    正文：以游戏进行顺序将一些需要技巧性才能获得的称号排序（声明：本人不太喜欢修改，整个游戏中，我仅仅修改了两处。为了得到作弊专家，我不得不修改；为了让人人都有机会学法术，我修改了法术书的数量）1.无情剑客：（2位女主角好感度小于初始值20）刚开始在绿罗嶂入口，王蓬絮第一次加入队伍时（此时温慧也在队伍中），两人好感度都不是很高（大约在20~25之间，具体数与前面在蜀山的好感度选项有关），然后让两人死相应的回合数（大约4，5次，死一次好感度减1），“无情剑客”就会出现。2.赛孟尝：（购买物品后金钱小于50，且累积100次）游戏中，有时在某个迷宫中会得到很多鼠儿果，止血草（可用来得“虚不受补”的称号）这些价格低于50之类的东西,花点耐心将它们集满到99极大值，然后到新的城镇场景中，将身上现有的钱用来买没有的装备（可用来得“家财万贯”的称号），将钱花到低于50。接着就卖东西：先卖2个鼠儿果（止血草）,再买1个鼠儿果（止血草）,你会发现钱又低于50了。如此重复99次将99个鼠儿果(止血草)卖光，“赛孟尝”就出现了。3.神出鬼没：（偷袭敌人成功达150次）由于场景中有些敌人速度比你快，所以很难偷袭敌人成功。配合“驱魔香”可提高偷袭敌人成功的几率。我在此提供一个很容易偷袭敌人成功的地点：阳属性雷脉----厥阴心包入口处，有个怪物好像跟墙过不去似的，老往墙里钻，不被我偷袭才怪呢。反复进出刷怪,就老打他。4.酶星高照：（被敌人偷袭成功达100次）场景中有些敌人速度比你快，所以你就专找这些敌人偷袭你（背着敌人跑要比背着敌人站着不动被偷袭成功的几率大）。5.虚不受补：（使用止血草给任意人达到300次）游戏前期，打某些怪会掉止血草，就老打他（顺便练练级），他就老掉止血草，集满到99极大值。对于练过级的玩家来说，怪物对你构不成威胁，打你会MISS，那就给每人发个止血草，然后按“R”键，重复上回合命令就行了。（你知不知道拿药当饭吃也能吃饱。老按“R”键好累。还有，键盘会不会坏掉？？）6.萎靡难振：（使用还神丹给任意人达到300次）参考上面得“虚不受补”的方法。7.无影神偷：（煌使用飞龙探云手“成功”达到100次）专找掉物品多的怪下手。（你身上东西越多，我偷得就越爽）8.妙手空空：（煌使用飞龙探云手“失败”达到100次）专找无物品的怪下手（例如：蜀山古道的柳仙人），配上补气的装备，然后按“R”键100次即可。9.悬壶济世：（煌使用洒金笺达到300次）必须学“洒金笺”才能得到该称号。在渝州遇见景天，他会教你学“洒金笺”和“倾国银弹波”中的一招，由于马上会在蜀山跟长卿学得“剑神”，而且比“倾国银弹波”强，所以建议选学“洒金笺”，然后配上补气的装备，如：追风头带，凝气腰带，多次使用“洒金笺”。（我钱多，就拿它当纸钱撒）10.圣手药王：（煌使用五毒归元达到200次）配上补气的装备，如：追风头带，凝气腰带，多次使用“五毒归元”。11.拼命三郎：（任一人使用物理攻击达到3000次）在我方人员不会出现死亡的前提下，装备上攻击力最差的武器，用物理攻击打血量较多的怪，可以在一场战斗中进行很多次物理攻击。按“R”键，重复上回合命令会方便些。（多次使用可达到锻炼肌肉的效果？）12.勇猛无匹：（任一人爆击达到300次）配上加爆击率的装备，如：龙骨吊坠，天河水石，蟠龙玉佩，摘星手套，绿玉戒指，多次使用物理攻击。13.东方不败：（连胜场达200场且无逃跑、无战斗失败纪录）14.驱灵大师：（捉鬼小游戏全过关）共四关，过完即可获得称号。出场费为40000，买机关后剩下的钱是归自己的，连击一次会加700，时间限制在200秒，剩余的时间越多，得到的奖励也越多，多一秒加40。建议多多使用机关组，合理设计，使之能够连续触发，用尽量少的钱。最好购买便宜，去血量少的装置，以便达到最多的连击次数。15.大富翁：（金钱达到9999999）挣钱最快的方法：多次进行捉鬼小游戏（见“驱灵大师”），不过需要技巧，弄不好会亏本。嫌麻烦可使用修改器。（为了钱去捉鬼，亏我想得出。可谓高风险，高回报）16.护花使者：（煌援护女主角成功达100次）当女主角血量低于10%，处于濒死状态时，煌站中间点击援护命令可实施援护。需要注意的是：煌只能帮女主角抵挡物理攻击，不能抵挡法术攻击。如果处于濒死状态的女主角的防足够高，怪物用物理攻击会MISS，若煌帮女主角抵挡，煌将不会去血，该女主角的好感度也不会增加，但也算是一次成功援护；反之，如果处于濒死状态的女主角的防不够高，怪物用物理攻击会去血，若煌帮女主角抵挡，煌将会掉一定的血，该女主角的好感度会增加1，并是一次成功援护。建议：人为的将某个女主角处于濒死状态（依你所希望出现的结局而定），使用一次杀伤力弱的合击技，目的是在不将怪物全杀死的前提下，达到将怪物的神全部吸光的效果，防止怪物用法术将我方处于濒死状态的女主角击死，使怪物只能用物理攻击。其余的人都防，因为在煌在攻击的同时不会援护女主角，但在防状态时，几乎100%会援护女主角。17.左右逢源：（与所有人好感度达到60以上）赠送，合成物品均可增加好感度。18.风流剑客：（2位女主角好感度大於90）多次援护女主角成功（见“护花使者”）和赠送，合成物品均可增加好感度。19.肥肥必杀：（杀死肥肥达到300个）肥肥即是仙三中的肥魔宁，拿着大棒的。我在此提供一个很容易杀肥肥的地点：里蜀山内城----燎日宅邸前面处的肥肥，100%全是肥肥，不断的从旁边的屋子进出刷怪，再配上紫幽粉，很容易可得到该称号。20.家财万贯：（所有类型的物品都达到相应类型物品总数的90%）仔细寻找场景内可拾得或获得的物品，尤其是一些买不着的物品（如佩戴，图谱，花种，尸块，美食方，梦溪杂录），并把不可返回的地图场景内（如京城）的装备药品，且身上和物品栏里都没有的买齐。注意：光使物品达到所有物品总数的90%，不一定能得到“家财万贯”的称号。经本人研究，当所有类型的物品都达到相应类型物品总数的90%时，才能得到称号。理由如下：“家财万贯”这个称号是我在里蜀山内城在燎日宅邸屏风后开了一个宝箱后得到的，里面只有金蛊王和太极护符是我原来没有的。如果按照“物品达到所有物品总数的90%”的说法，我只差两件物品就满足“物品达到所有物品总数的90%”的条件，于是我重新读了开宝箱前的存档，在里蜀山内城武器店内买了五件我原来没有的装备，按道理应该会得到“家财万贯”这个称号，但结果是它并没有出现。我便怀疑是不是得到金蛊王后使仙宝类物品数达到仙宝类物品总数的90%（或者是得到太极护符后使佩戴类物品数达到佩戴类物品总数的90%）。望有兴趣的玩家验证。提示：得到“家财万贯”的称号后，会发现装备佩戴类物品栏内多了一个“上软员工卡”（气+5%，神+5%，速+1）。21.聚宝宗师：（合成过全部物品）对于未沿用通关存档的玩家来说，由于“梦溪杂录152页”等一些物品要到最后几个迷宫内才能拿到，此时雷元戈并不在队伍中。因此要想得到这个称号的关键是必须打出温慧结局，这样雷元戈才能在队伍中合成物品。沿用了通关存档，并且获得了“梦溪杂录152页”等这些物品的玩家，在游戏一开始就有了这物品，所以不需考虑上述问题。22.五灵宗师：（煌用摄灵法阵吸取怪物死亡数达1000个）由于需要使用“摄灵法阵”，所以会影响结局（使用次数太多，有可能出现隐藏结局，而不会出现王蓬絮结局）。对于想玩出多种结局的玩家，建议不要轻易使用，当有五，六个怪时才使用“摄灵法阵”，以便在最少的次数内吸取最多的怪。（我可以很明确地告诉你，我将“五灵宗师”“百变仙人”“呼风唤雨”三个称号都获得后，“摄灵法阵”的使用次数都还没有达到360次，所以在拿到三个称号的同时又能仅通关一次玩出三种结局是有可能的：通过修改好感度，a.当?鼗酆酶卸雀哂谕跖钚酰纱シ⒁亟峋趾屯跖钚踅峋帧４耸笨赏ü黾印吧懔榉ㄕ蟆钡氖褂么问?60次以上触发隐藏结局，控制好“摄灵法阵”的使用次数在360次以下可触发王蓬絮结局；b.当王蓬絮好感度高于?鼗郏蘼邸吧懔榉ㄕ蟆钡氖褂昧硕嗌俅危豢纱シ?鼗劢峋郑?23.百变仙人：（煌变身超过50次）当五灵轮五种属性的槽或多或少都蓄了一点（不一定要蓄满）时即可变身。由于需要使用“摄灵法阵”，所以会影响结局，五种属性的槽或多或少都蓄了一点使就变身。24.呼风唤雨：（煌改变环境超过100次）当五灵轮某种属性的槽蓄满后，即可将当前战斗环境改变为该种属性的环境。25.锦心绣口：（与NPC对话超过5000次）（听别人说话好累）26.江湖散人：（游戏时间超过100小时）（我认为你如果照我说的去做，游戏时间不超过100小时才怪，除非你用修改）27.作弊专家：（所有人精、气、神达到999或以上）其实等级未必要到99级，只要你精、气、神的值够变态就行，但这必须作弊才出得来.如果你狂吃银杏果，舍利子，女娲石涨精、气、神的值也行，反正也要修改物品数，狂点鼠标也在所难免。你如果憎恨作弊的话，不如先修改，待作弊专家称号获得后，再修改为初始值。我就是这样子做的。28.神练狂徒：（5个人等级都到99）得到这个称号的关键是雷元戈和王蓬絮的级数是否都达到99级。尤其是想打出隐藏&amp;蓬絮结局（注意：打这两个结局的话，由于不具备发动合击技----天魔往生诀的条件，自然无法得到“众志成城”的称号，望玩家权衡得失）的玩家，这两个结局雷元戈始终不会在队伍中，所以要在雷元戈最后一次出现在队伍中时（从月光城迷宫出来，离开施洞时），将他的级数炼至99级。想打出温慧结局的玩家也须注意，王蓬絮不会出现在最后的队伍中，所以要在王蓬絮离开队伍时（从盘古之心迷宫出来时），将她的级数炼至99级。不愿修改的话，你就慢慢炼吧。（技巧：当队员重新加入队伍时，他的级数会自动升至与当前队员最低级数相同的值。例如：当前队伍中南宫45级，温慧44级，蓬絮42级，星璇突然加了进来，他的级数会自动升至与最低级数----蓬絮的42级相同的值：42级）29.仙术通天：（任一人五种属性的仙术全都学且都练到4级）建议用修改器将五种属性法术书的数量改多一些，这样每个人都能学满五种属性的仙术，不存在法术书分配不均匀的问题。30.众志成城：（打出全部合击）要想得到这个称号的关键是必须打出温慧结局，才具备发动合击技----“天魔往生诀”的条件。隐藏结局和王蓬絮结局由于不具备发动合击技的条件，自然无法得到“众志成城”的称号，望玩家权衡得失。注意：关于合击技----“断空噬地”的问题。该合击技需在月光城与风灵兽兽状态对决时，风灵兽使“束缚咒”时可让温慧定住，几率较小，不妨多试几次（被定后不能换阵形，所以一开始就要摆好阵）。据说月光城中一种形状为棺材的怪物也会“束缚咒”，但本人未亲自验证过。全游戏中只有月光城（不可返回）中可打出该合击技，不要错过了。31.药仙：虚不受补和萎靡难振两称号均得32.真.南盗侠：无影神偷和妙手空空两称号均得33.阎王敌：悬壶济世和圣手药王两称号均得34.国士无双：拼命三郎、勇猛无匹和东方不败三称号均得35.情圣：风流剑客、左右逢源和护花使者三称号均得36.道法仙师：驱灵大师、五灵宗师、百变仙人和呼风唤雨四个称号均得到37.财神爷：大富翁、众宝宗师和家财万贯三称号均得38.侠之大者：锦心绣口、赛孟尝和江湖散人三称号均得全徽章要点，作为以前某人发表的那篇贴的补充　　这个游戏里许多徽章的获得条件都是做某件事达到若干次，这种条件只需要耐心就可以达成，这里就不多说了。　　首先说一下全徽章对于剧情发展的几点限制——想必大家也都明白了——那就是：雷、风、土魔法都要给南宫，遇到景天应该学洒金笺，并且到最后应该是王蓬絮好感较高。关于『无情剑客』和『护花使者』：　　这两个徽章都应该在游戏初期拿到，对于前者，理由是很明显的，后期要合成物品并且要拿『风流剑客』，不能把好感弄太低。而『护花使者』应作为『无情剑客』的副产物出现，因为涉及到女角的濒死，通常这是难于把握的状态（后面还会提及），若刻意为之，比较棘手。　　参考意见：在上登云麓时先让温慧挂掉，不复活，不补血，这样每场战斗开始时都只有１滴血，这时实施援护是最顺手的（注：主角血不可少于６０％），战斗结束前再让她挂掉。由于无法获得经验值，也就不存在升级补满血的问题。如此反复直到拿到『护花使者』为止。好感会由于死亡而下降，又会因援护而回升，等到出登云麓时，大约控制在１０～１９之间。至于王蓬絮，绿萝嶂的蝴蝶仙会出『水镜』，故意叫絮儿去打上了镜子的怪物，就会挂掉。絮儿的初始好感大约是２０，所以死一次就行，不可太过，毕竟到最后还要是她的好感高才行。关于『赛孟尝』：　　这也应该是初期拿的徽章，因为后期拿『大富翁』要堆积金钱。怎么拿就不多说了。关于『众志成城』：　　这个徽章比较麻烦之处在于有些合击涉及到濒死问题，濒死是比较难于把握的状态，就算你满血是９９９，濒死所容许的ＨＰ值也只能在１和９９之间，稍微把握失当，就会被真的打死，更何况还不能补血。要达到这种状态可以利用双溪的食人花，以及初期为了拿『无情剑客』而牺牲絮儿的机会。　　另外『断空噬地』这个合击技需要温慧被定身，能够定身的怪物尽管很多地方都有，但同时雷元戈在场的只有月光城一处（棺材似的怪物普攻带定身）。看来也只有换上烂装备让敌人来定的打法了。补充说明：防御姿态时被普通攻击定身的机会较小，因此等敌人进攻时不要一味防御，最好干点无关的事情，例如使用『雨润』等等关于『聚宝宗师』：　　此徽章要求合成所有物品，关键之处在于有些赠品是通过表情符号选择来获得的，如果选错便得不到：　　　　（１）渝州钓鱼支线——要选左边的，否则学不到打某尸块的技能　　“乾坤一掷”，（当然若继承三代尸块，这个问题还不是很大。）并且　　温慧好感会上升，不利于进入温慧结局。　　　　（２）仙兽召唤的支线——要选右边的，否则拿不到梦溪１２８页。　　　　（３）发现玉红草时——要选右边的，否则拿不到子母锤图谱。关于『家财万贯』：　　捡到的东西不能卖光，要到各处商店及商人处收购物品，这都不用多说了。要注意的几点是：　　　　（１）每到一处新的地方，都应及时收购当地商店的物品，特别是　　在从阳性雷地脉（少阳三焦）进入到妖界以前，一定要将蜀山『藏真』　　防具铺的物品收购一遍，而从阴性雷地脉（厥阴心包）出来之前，也要　　将里蜀山『六界法宝密藏』防具铺的物品收购一遍（当然能偷到的物品　　除外）。这时卖的物品如若错过，今后没有机会买到。相反的，京城虽　　然只有一次进入的机会，却不必特意备钱收买其中物品，因为后来还可　　以在里蜀山买到。　　　　　（２）战斗中我方『乱』的状态是收集物品的大忌，这时角色无法　　控制，可能会把某些珍稀物品投掷出去。因而对于会施加『乱』状态的　　怪物，要速战速决。目前笔者已知的这种怪物有：阳名百纳的虚耗（象　　个破老头）和锁妖塔的菜刀婆婆会下『鬼降』，而少阳参天的精灵夕瑶　　则是普通攻击中附带『乱』。　　　　（３）接到支线时应尽早完成，有些支线过了时机便会消失。完成　　支线的每一环节前最好先存档。　　　　（４）事先为王蓬絮准备一套『离队装』，打护法尊王前换上。</t>
  </si>
  <si>
    <t xml:space="preserve">我国哪里可以冲浪? </t>
  </si>
  <si>
    <t>海南三亚，那里有培训班的，适合初学者还有青岛那里也可以</t>
  </si>
  <si>
    <t xml:space="preserve">蒸馒头的时候，为什么会产生皮？一直不知道，想得到一个科学的解释。 </t>
  </si>
  <si>
    <t xml:space="preserve">馒头是用蒸的,蒸的时候会有水汽,水汽会覆盖在馒头的表面,与面粉发生融合,淀粉分子间相互粘结,就会结一层皮.里面的没结皮是因为水汽进去不了,就算进去了也结不上.因为没有空气让它释放多余的成分.你也可以试试将一个馒头放N天,让它完全释放掉水分,你看看是不是硬邦邦的. </t>
  </si>
  <si>
    <t xml:space="preserve">街头篮球为什么我分球按了A后有时人站着不动…… </t>
  </si>
  <si>
    <t>终于有跟我碰到有相同的问题了，你看下你楼下的那个帖子就知道了。</t>
  </si>
  <si>
    <t xml:space="preserve">切割机的发展趋势如何？ </t>
  </si>
  <si>
    <t>专用数控切割机的发展。数控管材切割机适用于各种管材上切割圆柱正交、斜交、偏心交等相惯线孔、方孔、椭圆孔，并能在管子端部切割与之相交的相惯线。这种类型的设备广泛应用于金属结构件生产，电力设备、锅炉业、石油、化工等工业部门。数控坡口切割机是行内比较高端的产品之一，此类型设备的回转坡口切割功能可以满足焊接工艺中不同板材开不同角度坡口的要求。随着我国造船业的发展，船厂在国内率先引进和使用了数控等离子切割机。随着技术的发展，国内外船厂纷纷配备具有回转坡口切割功能的数控等离子切割机，以满足高技术、高附加值船的建造要求。激光切割机具有切割速度快，精度和切割质量好等特点。激光切割技术一直是国家重点支持和推动应用的一项高新技术，特别是政府强调要振兴制造业，这就给激光切割技术应用带来发展机遇。在国家制定中长远期发展规划时，又将激光切割列为关键支撑技术，因为它涉及国家安全、国防建设、高新技术的产业化和科技前沿的发展，这就把激光切割提升到很高的重视程度，也必将给激光切割机的制造和升级带来很大的商机。 前几年，国内在销的激光切割机大部分为国外进口产品，国内产品所占份额甚小。随着用户对激光切割技术特点的逐步深入了解和示范性采用，带动了国内企业开发、生产激光切割机。数控切割机的发展。从几种通用数控切割机应用情况来看，数控火焰切割机功能及性能已比较完善，其材料切割的局限性（只能切割碳钢板），切割速度慢，生产效率低，其适用范围逐渐在缩小，市场不可能有大的增加。等离子切割机具有切割范围广（可切割所有金属材料），切割速度快，工作效率高等特点，未来的发展方向在于等离子电源技术的提高、数控系统与等离子切割配合问题，如电源功率的提升可切割更厚的板材；精细等离子技术的完善和提高可提高切割的速度、切面质量和切割精度；数控系统的完善和提高以适应等离子切割，可有效提高工作效率和切割质量。</t>
  </si>
  <si>
    <t xml:space="preserve">便携式投影仪价格、便携式投影机报价怎么样？我想购买一台家庭使用的? </t>
  </si>
  <si>
    <t xml:space="preserve">建议你最好咨询生产厂家，他们的价格才更实惠，服务也更有保障。我知道在深圳那边有一家专业生产便携式投影机的厂家，叫深圳市图美时代科技有限公司，是专门生产和经营便携式投影机的。上个月我也在他们那边买了一台家用的便携式投影仪，给我的价格很实在，比一般的卖家便宜了几百块钱，投影效果很不错，晚上在家看电影可以投到120寸，整个墙壁都投满了，跟在电影院里看电影差不多，色彩很鲜艳，也很清楚，能连接电脑同步显示，连接AV接口或闭路接口可以看电视，还能把电影拷到U盘插在投影机上直接播放，爽极了！而且找厂家购买售后服务你大可放心，因为是厂家，如果后期有什么问题，可以直接联系他们换货或者保修，都是很有保障的。希望你能购买自己喜欢的东东。 </t>
  </si>
  <si>
    <t xml:space="preserve">男人喜欢会音乐的女人吗？要是一个女人会音乐是不是很迷人的？要是你 </t>
  </si>
  <si>
    <t>我现在只能对你说我会喜欢钢琴的!但要是碰到我真正喜欢的人,无论她是喜欢哪种音乐的,我也喜欢,这就是真正的喜欢!</t>
  </si>
  <si>
    <t xml:space="preserve">法莱绒是棉吗？会不会起静电呢？ </t>
  </si>
  <si>
    <t>只要是毛绒类的都会有静电毛衣还有静电呢 没有哪个大哪个小的 要没静电的就是全棉的了</t>
  </si>
  <si>
    <t xml:space="preserve">新手FS求解小问题一二我刚都70不久，身上除武器外全PVP装，武 </t>
  </si>
  <si>
    <t>我从到70到T6五件用了4个月，速成。这其中，花费20000G冲起来了FM和裁缝，这是法师提高法伤最快速的途径了。虽然现在都删了吧。亲友团是必须的，有人说混卡拉赞，我们服务器的特点就是亲友团2小时结束，不是亲友团基本到埃兰就解散了，能打穿的团少之又少。说白了，能力的人互相之间都有固定团，没有谁愿意带小白来。弄大量G去买T5甚至T6都是可行的，但是耗费巨大，T5的五件加上相应散件一套下来估计要3到4万G吧。T6我们服务器更是13万G。还有，你是PVP装备混上来的，如果你觉得自己操作很好，那你做到如下几条了么。首先，你要全程吃药，宝货药水和药剂，伤害不够药来凑，如果很吝啬只能最后一无所获。第二，插件齐全，工作到位，积极努力。第三，该做的什么都做好。羊，驱散都别慢了。最后，还是要问，你操作真的很好了么。冰环的边缘范围掌握的如何，相聚2码的两个被羊的怪，能不能做到一个起来的时候冰环控制住不让它打治疗的同时，冰不到另一个怪。这是YX副本里法师的生存之道，反正这个我练了2月多。</t>
  </si>
  <si>
    <t xml:space="preserve">03年买的奥德赛车，前后8年，车身险就不能买？？？ </t>
  </si>
  <si>
    <t>可以啊，小车是说8年以上不能买商业险全保，但也要看具体情况啊，如果车况好可以买的</t>
  </si>
  <si>
    <t xml:space="preserve">什么是博客 </t>
  </si>
  <si>
    <t xml:space="preserve">博客，数字新时尚，通过文字、图片、声音、视频、无线等，尽情展示自我、分享感受、参与交流，美好你我生活。Show you,share me,人人都可以博客，人人都需要博客。 “博客”（Blog或Weblog）一词源于“Web Log（网络日志）”的缩写，是一种十分简易的傻瓜化个人信息发布方式。让任何人都可以像免费电子邮件的注册、写作和发送一样，完成个人网页的创建、发布和更新。如果把论坛（BBS）比喻为开放的广场，那么博客就是你的开放的私人房间。可以充分利用超文本链接、网络互动、动态更新的特点，在你“不停息的网上航行”中，精选并链接全球互联网中最有价值的信息、知识与资源；也可以将你个人工作过程、生活故事、思想历程、闪现的灵感等及时记录和发布，发挥您个人无限的表达力；更可以以文会友，结识和汇聚朋友，进行深度交流沟通。 “博客”当然是个大家都陌生的名词，因为这个中文名字还是博客中国的王俊秀灵机一动的产物。博客的英文名词就是“Blog或Weblog”（指人时对应于Blogger），又一个典型的网络新事物，你查阅最新的英文词典也不可能查到。该词来源于“Web Log（网络日志）”的缩写，特指一种特别的网络个人出版形式，内容按照时间顺序排列，并且不断更新。 但是，正因为简单，要解释清楚，反而十分复杂。定义五花八门，一百个人就有一百种观点。至今缺乏严谨的定义，也还没有收入任何主要的词典之中。因此，还是集思广益，让我们先从各个角度来看看这个概念的含义： 博客（Blog）最普通的名词解释 博客（Blog，weblog的缩略词，由Peter Merholz发明） 1、 名词，有时为了区分也称博客网站（网页）。指网上写作的一种特定形式和格式。由按时间倒序排列的文档组成的栏目，两侧通常还可以有补充材料，频繁更新，一般大量使用链接。 一般有战争博客（Warblog，Matt Welch发明）、日记博客（Journal blog和Diary blog），知识博客（Knowledge Log、Klog、K-Blog）、新闻博客（News blogs）、专家博客（Pundit blog）、技术博客（Tech blog）、群体博客（Group blog）、移动博客（Moblog）、视频博客（Videoblog）、音频博客（Audioblog）、图片博客（Fotolog）、法律博客（Blawg）、文摘博客（Digest blog） 由此还衍生出大量新词汇，比如博客世界（Blogosphere）、博客精英（Blogerati）、博客链接（Blogroll）、法语博客（Froglogs）、语言博客（Linguablog）和小猫博客（Kittyblogger，指写些日常琐碎内容的博客）等。 2、 动词，在blog上写文章。 博客（Blogger） 名词，拥有blog网站或者在blog上写作的人。 对于博客的严谨定义举例 《市场术语》中对Blog这样描述：“一个Blog就是一个网页，它通常是由简短且经常更新的Post所构成；这些张贴的文章都按照年份和日期排列。Blog的内容由个人喜欢。可从有关公司、个人、新闻，或是日记、照片、诗歌、散文，甚至科幻小说的发表或张贴。许多Blogs是个人心中所想之事情的发表，其它也有非个人的Blogs，那是一群人基于某个特定主题或共同利益领域的集体创作。Blog好象对网络传达的实时讯息。撰写这些Weblog或Blog的人就叫做Blogger或Blog writer。” 《网络翻译家》对博客（Blogger）的概念解释为： 网络出版（Web Publishing）、发表和张贴（Post——这个字当名词用时就是指张贴的文章）文章是个急速成长的网络活动，现在甚至出现了一个用来指称这种网络出版和发表文章的专有名词——Weblog，或Blog。一个Blog就是一个网页，它通常是由简短且经常更新的Post所构成；这些张贴的文章都按照年份和日期排列。Blog的内容和目的有很大的不同，从对其他网站的超级链接和评论，有关公司、个人、构想的新闻到日记、照片、诗歌、散文，甚至科幻小说的发表或张贴都有。许多Blogs是个人心中所想之事情的发表，其它Blogs则是一群人基于某个特定主题或共同利益领域的集体创作。Blog好象对网络传达的实时讯息。撰写这些Weblog或Blog的人就叫做Blogger或Blog writer。在网络上发表Blog的构想使于1998年，但到了2000年才真正开始流行。起初，Bloggers将其每天浏览网站的心得和意见记录下来，并予以公开，来给其它人参考和遵循。但随着Blogging快速扩张，它的目的与最初已相去甚远。目前网络上数以千计的 Bloggers发表和张贴Blog的目的有很大的差异。不过，由于沟通方式比电子邮件、讨论群组更简单和容易，Blog已成为家庭、公司、部门和团队之间越来越盛行的沟通工具，因为它也逐渐被应用在企业内部网络（Intranet）。目前有数个网站可以让网友设立帐号及发表Blogs，最有名的是： 。 各类人士对博客的不同理解和定义 更多关于博客的形象比喻和定义： * 博客概念主要体现在三个方面：频繁更新（Frequency）、简洁明了（Brevity）和个性化（Personality）（Evan Williams） * 博客是每周7天，每天24时运转的言论网站，这种网站以其率真、野性、无保留、富于思想而奇怪的方式提供无拘无束的言论。（佩姬努南的解释） * 博客是互联网上最新的发展潮流，是继E-mail、BBS、ICQ（IM）之后，出现的第四种网络交流方式。 * 博客是用带着索引的文字进行对话的咖啡屋。（Rebecca Blood著《博客手册》（The Weblog Handbook）） * 博客就是一个人未经编辑的声音（The unedited voice of a person）（戴夫·温纳（Dave Winer）） * 博客（Weblog）是这样一个按照时间顺序摆列的集合，集合中的元素是被公开发布，并能够通过互联网被访问到的独立的思想泡泡（thought bubbles），博客中的每条内容是博客们当时在想什幺的思想快照。（James Snell） * 博客之于知识，就像Napster之于音乐，Linux之于软件（博客中国） * 博客代表着“新闻媒体3.0”：旧媒体（old media）→→新媒体（new media）→→自媒体（we media）（Dan Gillmor） * 博客是媒体的开放源代码运动 * 博客是内容的开放源代码运动 * 博客——知识经济2.0（姜奇平） * 博客是一个“快捷易用的知识管理系统”（Dylan Tweney） * 博客是“个人主页2.0”（博客中国） 还有博客们的七嘴八舌，也很有启发： * 博客是新型的“协同媒体” * 博客是“不停息的网上旅程” * 博客是“个人网上出版物（社区）” * 博客是“网络中的信息雷达系统” * 博客是“人工搜索引擎”，是“专家过滤器” * 博客是“自组织网络生态” * 博客是“草根记者”…… * 博客是网络时代的个人“读者文摘” * 博客是以超级链接为武器的网络日记 * 博客是信息时代的麦哲伦（博客中国） * 博客是信息奶牛，吃的是“信息草”，挤出来的是“信息奶”。 * 博客代表着新的生活方式和新的工作方式，更代表着新的学习方式。通过博客，让自己学到很多，让别人学到更多。 * 一些人为摘录的新闻吧 * 因为把信息进行了分类和筛选发布，所以很“有用” * 通常用来广播信息 * 一种学习工具 * 简单到傻瓜也会建立 * 最个人化的电子日记 ... * 一种与小群体进行经常性沟通的形式 * 不就是一个HTML编辑器吗？ * web 出来就有了，不是新东西 * 迅速/便捷地出版 * 经常更新甚至包括亵渎语言的发泄地，自言自语的场所 * 可能是下一代印刷杂志的发展方向，保持随时更新 * 一种好工具! * 只不过是作者个人描述自己生活和日常事件的短评，当然还包括一些有趣的发现和到其他网站的推荐链接 * 未来的网上随笔 * 将发展并变成一个强大的、极便宜的电子学习（e-Learning）工具 * 有人把它形容为网络上的雷达系统 * 女孩子的私人好朋友 为什么要博客! 博客的精神是：自由表达，开放宽容，个性张扬，专业精神。 为什么要写博客呢？是为了把自己的事情暴露给大家看？是为了吸引别人的注意？是为了赶时髦？是为了显示自己的有那么一点点写东西的能力和时间？还是为了别的什么原因？ 都不是！是因为我们有各种各样的想法，我们需要把这些想法表达出来、释放出来。 在没有自己的博客之前，我们也会经常流连于各种bbs灌水、qq聊天，这些都是我们的想法在自我释放的一种表现，可是这些都是杂乱的，使本来零碎地想法更加的支离破碎，甚至面目全非，消失无踪。博客的出现，让我们可以不断的把自己的以前的和每天激发的一些想法或者感受整理放在自己的博客上，每次在写文章的时候，又总会有新的想法激发出来。虽然一些想法一些思考只是皮毛，没有什么深度，但是当下笔去写的时候每次都会使自己对某个小小的问题有了更多的一点点思考，再写博客的时候我感觉到了一种满足感，一种想法得以释放思考得以延伸的满足感。生活中每天的一个小小的事情都会引起我们的思考，甚至是和朋友的聊天中一个小小的火花迸发。督促自己努力、把一时的想法变成观点，争取在生命中的每天里留下点什么，这也是我们写博客的目的之一。这样我们就能督促自己每一天不要浑浑噩噩，时光流逝无痕无声无息，写博客也是在自己的每一天上留下了一道浅浅的思考得划痕。 不止如此，通过写博客、记录自己的想法可以帮助我们实现这样的目的： 记录生活，在自己的每一天上留下思考的划痕； 整理思路，固化知识，获得更多更好的想法； 分享，将自己的有些想法、经验与人分享； 交流、提高，通过交流产生更多的思维火花，相互提高； 交友，互相鼓励，一路同行。 如果说博客网站是一个舞台，那么我们所有的博客都是其中的舞者，把自己有价值的真实的一面展示在网络世界中，相互交流沟通； 如果博客仅仅为了写日志，那么它是一面镜子，镜子中展现的是我们真实的自己；如果它是一个自由媒体，我们可以把自身感觉有价值的信息通过博客这个工具发布，与网友共享。 </t>
  </si>
  <si>
    <t xml:space="preserve">谁能详解四轮驱动？关于汽车四驱 </t>
  </si>
  <si>
    <t>一般工程车辆为后驱,轿车为前驱动.越野车为四驱动,即前后轴都有动力输出,简单来说,四个轮子都被发动机驱动.</t>
  </si>
  <si>
    <t xml:space="preserve">后卫怎样投3分才更准啊 </t>
  </si>
  <si>
    <t>最有效的方法加３分的技能～　也可以自己找找手感，看自己在哪个位置投的比较准，我比较喜欢在发球的位置投３分　在没分防守的情况下平均投１０个进６个左右，再就是出手要快</t>
  </si>
  <si>
    <t xml:space="preserve">简述人口因素在社会发展中的作用及其意义 </t>
  </si>
  <si>
    <t xml:space="preserve">我国是一个人口大国，人口数量多，增长快，人口素质低；由于人口众多，不仅造成人均资源的数量很少，而且造成住房、、就业等方面的很大压力。每年新增加的国民生产总值有相当一部分被新增加的人口所抵消，从而造成社会再生产投入不足，严重影响了国民经济的可持续发展。因此，认真分析研究我国目前的人口发展现状和特点，采取切实可行的措施控制人口的高速增长，已经成为我国目前经济发展中需要解决的首要问题。笔者就此问题作一简单的分析，不妥之处，盼同仁斧正。 一、我国人口发展的特点 1.人口发展的三个历史阶段 我国人口发展可以划分为三个历史阶段：①1949年以前，由于生产力水平低下，生活消费品数量远远不能满足消费者的需要，人口的增长十分缓慢，呈现出高出生率、高死亡率、低自然增长率的特点；②新中国成立后到70年代后期，由于社会安定，人民生活水平迅速提高，医疗卫生条件的改善，人口增长势头迅猛，呈现出高出生率、低死亡率、高自然增长率的特点。1949年人口死亡率为20％，1973年为75％；自然增长率1949年为16‰，1973年为20‰；③80年代以来，由于国家实行计划生育国策，控制了人口的增长，人口的自然增长率明显下降，呈现出：“低出生率、低死亡率、低自然增长率”。如1992年，人口出生率为18.24‰，死亡率为6.64‰，自然增长率为11.6‰，1996年人口自然增长为11.44‰。 2.人口发展地区之间的不平衡 我国人口的发展在不同的地区呈现不同的特点，总的说来，农村地区人口发展的速度高于城市，西部地区人口的发展速度高于东部地区。由于人口发展的地区差异，造成农村劳动力过剩，大批农村人口涌进城市。 二、我国的人口现状 1.人口数量大，净增人口多 1953年，我国人口总数为6亿多，1964年为7.2亿，1982年为10.3亿，1990年达11.6亿，1996年达12.24亿。根据计算机仿真模拟，2025年前后，我国总人口将达15亿～16亿，近年来，由于计划生育成效显著，人口的自然增长率明显下降，但由于人口基数大，每年仍净增人口1500多万。 2.人口素质低 人口素质低下，是我国目前人口问题的主要方面。人口素质低下，一方面表现为人口的身体素质不高。根据国家卫生部公布的一项资料显示，目前我国有5500多万残疾人，平均每20人中就有一个残疾人。另一方面，表现为全民族的文化素质不高。据1990年统计，大学文化程度的占0.14％，高中文化程度的占0.18％，初中文化程度的占2.33％，文盲、半文盲的达15.88％。在许多偏僻的农村，由于经济贫困，儿童失学率较高，文盲的数量还有增加的趋势。 三、人口问题对策 1.控制人口数量是前提 （1）由于人口数量多，人均资源数量相对越来越少，我国耕地、森林、草场等资源的绝对数量都居世界前列，但人均资源的数量很少。如我国人均耕地仅为0.09公顷，相当世界平均水平的1/4；我国森林覆盖率为13.94％，低于世界平均水平的30％；我国江河径流量人均仅有2450立方米，相当于世界人均水平的23.5％，我国多种矿产资源的人均占有量仅为世界的1/3。 我国是世界上生产粮食、棉花最多的国家，油菜籽、猪牛羊肉的产量也居世界第一位。糖料、大豆、茶叶、花生的产量均居世界前列。但人均拥有量都很低。1992年我国粮食总产量是44258万吨，1949年粮食总产量11318万吨，增长了约3.9倍；1992年人口总数为11.7亿，1949年为5.4亿，增长了2.2倍；1949年人均粮食消费量为209千克，1992年人均粮食消费量为380千克，人均粮食消费增长幅度不到2倍。 （2）由于人口数量增多，对自然环境的破坏日趋严重因为人既是生产者，也是消费者，人的发展必须同社会经济发展相适应，同资源利用和环境保护相协调。由于人口的高速增长，人们从自然环境中摄取的物质和能量不断地增加，从环境中摄取的物质和能量的数量在许多地区已经超过了自然环境的承受量，滥垦滥伐，毁林开荒，土地荒漠化、盐碱化现象严重，荒漠化面积不断增加；过度抽取地下水，使地下水位下降，并引起地面下沉；工业和农业排放出来的“三废”严重污染环境，城市人口的不断膨胀，造成交通拥挤、汽车废气、噪声的污染不断加剧，生态环境日益恶化。 （3）由于人口增长快，造成教育、就业紧张，社会不安定因素增加。 在一定的社会发展时期，一定的生产力条件下，社会各项事业所需要的劳动人口数量总是一个可以计算的有限数量。由于人口增长快，目前劳动年龄的人口远远多于社会所需要的数量，尤其是农村，人口过剩问题严重。大量农村富余人员涌进城市，造成城市流动人员的急剧增加，不仅造成教育、就业的紧张，也给社会增添了许多不安定因素。 因此，实行计划生育，控制人口的增长，是协调我国人口与环境的首要问题。 2.提高人口素质是关键 在控制人口数量增长的前提下，提高人口素质是人口问题的关键。只有全面提高了人口素质，才能在利用自然、改造自然中，遵循客观发展规律，在自然规律及经济规律指导下，合理地利用资源，保护环境，保证生态环境的良性发展，才能使可持续发展战略真正落到实处。人口质提高了，人们对人口与资源的认识也随之而提高，人们能自觉地树立正确的人口观、资源观和环境观，从而能够更加自觉地实行计划生育，控制人口的增长。人口素质提高了，能够积极推动我国社会主义现代化的建设步伐，加快我国民主与法制的完善进程，促进我国人民生活水平的提高。 江泽民同志在党的十五大报告中指出：“我国现代化建设的进程，在很大程度上取决于国民素质的提高和人才资源的开发。建设有中国特色的社会主义、必须着力提高全民族的思想道德素质和科学文化素质，为经济发展和社会全面进步提供强大的精神动力和智力支持，培育适应社会主义现代化要求的一代又一代有理想、有道德、有文化、有纪律的公民。发展教育和科学，是提高人口素质的基础；坚持用邓小平理论教育广大人民，深入持久地开展社会主义道德教育、民主法制教育、纪律教育，引导人们形成正确的世界观、人生观、价值观和道德观，为社会主义现代化建设培养更多的高素质的有用人才。” 3.加强法制建设和建立社会保障体系 自从80年代以来，我国实行了计划生育的政策，人口的增长在一定程度上得到了有效的控制。但由于我国人口基数大，每年净增人口多；而且由于各地区经济发展的不平衡，人口增长的地区差异也很显著。在广大农村，尤其是偏远的经济落后的地区，偷生、超生现象仍很严重。加强法制建设，把人口发展工作纳入法制轨道；依法办事，对违反计划生育法规的依法处理。同时，建立必要的的社会养老保障体系，使孤寡老人老有所依，老有所养，这是做好我国人口工作的重要保证。 综上所述，只有控制人口数量，提高人口素质，使人的自身生产与物质资料生产相适应，使人的素质水平与生产力发展水平相适应，在制度上和法律上保证人口政策的贯彻实施，才能从根本上实现可持续发展战略，并促进社会的发展和进步。 </t>
  </si>
  <si>
    <t xml:space="preserve">检查六项激素多囊因为患有痤疮多毛所以希望检查性六项激素和做b超我 </t>
  </si>
  <si>
    <t>如果你查Fsh、LH、E2的基础值，来月经的2-3天查比较好，查孕激素是在下次月经来潮前一周左右才有意义，或是月经延期时查也可以，查泌乳素，雄激素和月经的时间无关，但查泌乳素最好在上午10-11点抽血，且头天晚上不同房，不熬夜，因为泌乳素是一种应激激素，很多情况会影响它。所以这么专业的问题你百度是没用的，把自己交给大夫吧，看病医从性很重要。</t>
  </si>
  <si>
    <t xml:space="preserve">万能的微博求助啊求助从巴西电影《中央车站》和中国电影《落叶归根》? </t>
  </si>
  <si>
    <t>单单从感情的表达来说吧，中国比较含蓄，特别是陌生人之间的相互帮助点到即止；而中央车站中可以看出巴西导演在对应感情方面，同样是陌生人之间，却将感动贯彻到最终，升华到善与恶的思考中去。希望对你有所帮助</t>
  </si>
  <si>
    <t xml:space="preserve">怎么帮手机通讯录导到iPad </t>
  </si>
  <si>
    <t>你可以在你的手机里和电脑里都下载一个QQ通讯录、然后用QQ通讯录将您的联系人备份到网络上，然后在用电脑将联系人从网络上下载过来。QQ通讯录通过QQ同步助手，将本地联系人列表备份到网络，在需要时，用户可以便捷地将名片从网络恢复到手机，在网页上的QQ邮箱、电脑上的QQ、WAP网络管理页面可以便捷管理您的通讯录。</t>
  </si>
  <si>
    <t xml:space="preserve">如何成佛?成佛后有什么功能? </t>
  </si>
  <si>
    <t>如何成佛?孝养父母、奉事师长、慈心不杀、修十善业，信愿念佛、求生净土。往生西方极乐世界后即成佛。成佛后有什么功能?具无量福慧，住无量劫，于无量世界普度众生。南无阿弥陀佛</t>
  </si>
  <si>
    <t xml:space="preserve">性交之后阴茎肿痛、肚子疼痛怎么办？ </t>
  </si>
  <si>
    <t>抽查太用力，女人来劲是速度第一，力量第二</t>
  </si>
  <si>
    <t xml:space="preserve">我儿子的身高能长到多高?我身高是1.60米,妻子身高是1.68米 </t>
  </si>
  <si>
    <t>他要是加强锻炼和营养跟得上，16岁还能长六公分左右，到17岁就长的低潮了，18岁以后就不怎么长了。</t>
  </si>
  <si>
    <t xml:space="preserve">谁帮我评点一下这篇作文啊初二的，40分作文，主题是小伙伴，我想对 </t>
  </si>
  <si>
    <t>我认为比较差</t>
  </si>
  <si>
    <t xml:space="preserve">在拍拍网上面买手机安全吗?手机质量怎么样? </t>
  </si>
  <si>
    <t>不要买，都是假货了，我就是买了，一点都不好，便宜是便宜</t>
  </si>
  <si>
    <t xml:space="preserve">旅行的意义是什么旅行的意义是是寻找和丰富生命的体验，是脚下的路， </t>
  </si>
  <si>
    <t>寻找开心，快乐！！！</t>
  </si>
  <si>
    <t xml:space="preserve">怎样查询对方QQ的IP地址？能否知道其最近一次上线的IP地址 </t>
  </si>
  <si>
    <t>你可以用QQ2006珊瑚虫版本的,这个版本知道对方的IP地址,还能检测到对方是不是真的不在线,如果对方隐身,用珊瑚虫的"如来神掌"功能,就能让隐身的对方显示出来.至于你说的"能否知道其最近一次上线的IP地址 ",则基本上没有可能.因为显示的是当时的在线状态和IP地址,过后的一般的是没有记载的.</t>
  </si>
  <si>
    <t xml:space="preserve">这样的男人简直就是禽兽不如姐姐突然失去记忆了,但是奇怪的是他却隐 </t>
  </si>
  <si>
    <t>不要在理它了,它是一个不值得交往的人..相信你姐姐过些时候就会自己恢复的.而且我可以很负责任的告诉那个人的老婆,那个人连人都不会做了,它如何做个好老公.</t>
  </si>
  <si>
    <t xml:space="preserve">洗衣机什么牌子好，什么牌子的洗衣机好？请高手进！！！ </t>
  </si>
  <si>
    <t>推荐美的美的洗衣机，美的大品牌，质量挺不错的，售后也很周到，全国联保，方便快捷。洗衣机方面有小天鹅的技术做基础，拥有领先的驱动控制、结构设计、工业设计等核心技术优势，我家那台用5年了，没坏过，质量满意。</t>
  </si>
  <si>
    <t xml:space="preserve">插不进去怎么办?说来不好意思,我和女朋友想作爱,试了好多次也没有 </t>
  </si>
  <si>
    <t>这个问题大多出现在新婚男女之间./关键是要和你的老婆做好准备,不要心急,好的前戏可以使她充分的投入进去相信应该会有好的效果/如果真是因为她的原因,比如闭锁,那就需要去医院治疗///</t>
  </si>
  <si>
    <t xml:space="preserve">取保候审是不是就没什么事了?我出点事,现在是取保候审阶段,是不是 </t>
  </si>
  <si>
    <t>取保的案子，案情都不严重，如果能成功办理取保，一般最后不判实刑，缓刑的可能性会比较大。</t>
  </si>
  <si>
    <t xml:space="preserve">街舞书有哪位知道有关于街舞入门方面的书籍 </t>
  </si>
  <si>
    <t>你好!    要跳街舞你必须把你对的感觉培养出来`     节奏感和身体的协调度是跳街舞的前提```     如果你一点都不会的话最好不好自学啊`     去专业点的舞队学学基础再自己专研啊```    目前中国没有什么关于街舞的教学书籍     推荐地址:     只有一本原北舞堂的管理者秋山写的一部关于街舞起源及分类的书     名字叫&lt;不羁的灵魂&gt;售价是29.8元人民币,各大新华书店均有销售(我就是那买的)     这本书主要介绍了目前国际街舞以及亚洲街舞的现状,主要介绍了poppin lockin 和breakin的起源,风格分类,动作名称,和部分动作的教学     书籍一般很难把动作完完全全的描述出来,因为那需要占用大量的页数,所以还是建议你搜索一下街舞的教学视频,毕竟breakin的教学视频还是很好搜的,不像poppin lockin,来来回回就那么几个教学,还得靠自己摸索     百度搜索教学视频     然后下载到电脑里     有好多呢，能看明白以下给你一些启示:你可以买一些教学的光碟回来自已学学或到专业的培训班去学，以下是我知道的一些资料，如果有什么问题可以给我发消息，我也在学，可以互相交流一下。 机械舞，运用身体各部位的肌肉和关节，随着音乐的节拍，加上自己丰富的想像力，创造出令人惊讶的舞步。属于难度较高的街舞类型． 《POPPIN滑步基本教学》--- 供初学者参考！！！ （1） 原地滑步： 预备姿势：两脚并立，两臂自然下垂。 动作过程：左脚提踵，身体重心落在前脚掌上，在左脚压脚跟后右脚伸直向后滑行一足之距，接着脚尖离 地后，屈腿向前移行至原位，右脚提踵，同时右脚呀脚跟，接着完成右脚为支撑脚、左脚向后滑行的动作 。两脚交替进行原地滑步。 练习提示：原地滑步的结合单臂，双臂向前波浪和上下波浪等进行练习。平时应该加强徒步或负重提踵训 练，以提高掴踝关节及脚趾的力量。 （2） 前滑步： 预备姿势：同上 动作过程：首先左脚腿伸直朝脚尖方向前滑一步，接着左脚提踵，右脚伸直并朝足尖方向前滑一步。此时 左脚压脚跟，右脚完成提踵动作，两脚交替向前滑行。练习提示：前滑步的脚尖方向可以朝正前方或外侧 方。 （3） 后滑步： 1.压脚跟后滑步： 预备姿势同上。 动作过程：左脚提踵，在压脚跟时，右脚伸直，全脚掌向后平滑、当右足尖滑至左脚跟处时，使脚尖点地 ，脚跟提起，脚背与地面垂直，接着右脚压脚跟，左腿伸直全脚掌向后平滑，使足尖滑至右脚跟处，使脚 尖点地，左脚跟提起，脚背与地面垂直，左右脚交替完成后滑动作。 练习提示： 动作要点是一个脚跟触地，另一个脚跟即提起，反复交替进行。当向后平滑的脚停止滑动后，脚尖点地， 脚背与地面垂直。当动作熟练后可加大后滑的步幅。练习时注意控制身体重心。 2.提踵后滑步 预备姿势：两脚并立，手臂自然下垂。 动作过程：左脚为支撑脚右腿膝关节伸直，全脚掌后滑至左脚脚跟处，同时左脚提踵。左腿膝关节伸直全 脚掌后滑至右脚处，同时右脚提踵。左右脚交替后滑。 练习提示： 滑行时提踵的同侧肩向上提肩，配合单臂关节逆向传递手法。 （4） 横滑步： 1.压脚跟横滑步 预备姿势：两足左右开立，脚尖超前，相距一足。 动作过程：脚尖朝左，提踵同时足跟靠拢右脚跟处，当左脚压脚跟时，右脚伸直，全脚掌向右平滑一步脚 尖向前，可以向右连续完成横滑动作。 练习提示：向左、右横滑的次数可根据动作的需要随意滑行。 2.双提踵横滑步 预备姿势： 两脚左右开立，脚尖成八字，两臂自然下垂。 动作过程；（以向右横滑为例） 人体重心向右移动，当向右挺胯时两脚跟提起，以右脚带动左脚向右移动一足之距，使两脚跟提踵靠拢， 右脚再向右横移一步，还原成预备姿势。 练习提示：动作要点是腰胯带动身体重心移动。 3.交*横滑步 预备姿势：两脚左右开立，左脚尖向左，两臂自然下垂。 动作过程：（以向右横滑为例）左脚提踵，脚跟靠近右脚跟处。在左脚压脚跟时，右腿伸直，全脚掌向右 横滑一步。接着两脚前脚掌迅速地使脚尖超内。当左脚在右脚前交*一步时（脚尖超右），两脚前脚掌继 续碾地，使左脚尖超左同时提踵，这时右脚尖已转向正前方。准备开始第二次交*横滑步。 练习提示：这种滑步的要点在于前脚掌的碾地动作，要使两脚移动路线在两条平行线上，初学者先进行朝 一方向的滑动练习，熟练后完成左右两侧的交*横滑步。 4.转身横滑步 预备动作：同上 动作过程：左脚提踵同时使足尖超左，当左脚脚跟向右脚阻弓靠拢时，左脚压脚跟，右腿伸直向左横滑一 步。此时左脚跟触地，右脚提踵，左脚伸直转动至右脚尖旁，身体向右后方转体180度，接着右脚跟触地 ，左脚提踵，右腿伸直向右横滑一步。用此法反复完成动作。 练习提示：动作关键是压脚跟同时另一腿作滑行动作。 （5） 棱形滑步：.....     哈哈!还是看视频吧!我给你地址如下:       (很多的哦!)好了,就这些,希望对你有所帮助.</t>
  </si>
  <si>
    <t xml:space="preserve">奢品聚有没有补货这个功能？就是说，我看中了一款东西，结果买的时候 </t>
  </si>
  <si>
    <t>可以的，不过你得联系他们的售后客服说明白，如果确实有货的话，我相信奢品聚肯定会帮你补货的。</t>
  </si>
  <si>
    <t xml:space="preserve">这个赛季的欧洲冠军杯决赛在哪儿举办? </t>
  </si>
  <si>
    <t xml:space="preserve">本赛季欧冠决赛将于2007年5月23日在希腊首都雅典举行. </t>
  </si>
  <si>
    <t xml:space="preserve">看看这把70的枪卖多少？有图 </t>
  </si>
  <si>
    <t>最低能卖509，就是不好卖。。。。。。。。。。适当降价吧</t>
  </si>
  <si>
    <t xml:space="preserve">一般情况下，新上映的电影会在电影院放多久啊 </t>
  </si>
  <si>
    <t>一般情况都是半个月，不能可能人气多好看的影片能维持一个月或者更久吧。。。。呵呵  希望这次五一的时候  泰坦尼克号在电影院里还有的看</t>
  </si>
  <si>
    <t xml:space="preserve">你最信任的人出卖了你，你会怎么办？ </t>
  </si>
  <si>
    <t>出卖也就算了，关键是有没有卖个好价钱先~~~~~~最信任的人连俺的价钱都没开好，真白信任了~~~~~~</t>
  </si>
  <si>
    <t xml:space="preserve">安全期怎么算阿安全期怎么算呢，安全期真的不会怀孕吗。事后还需要吃 </t>
  </si>
  <si>
    <t>安全期是月经前后七天,这些天正是排卵期,做爱是最容易怀宝宝的,其它天数为安全期,有百分之一的机会中奖</t>
  </si>
  <si>
    <t xml:space="preserve">路由器复原后再装adsl上网，为何在开机时很慢我原来同我哥用tp </t>
  </si>
  <si>
    <t>我认为那你的路由器没有关系的。你最好看看得现在的拨号设置。你时不是开机自动拨号的。如果是的话，把它设置回来后重启，再重新设置。</t>
  </si>
  <si>
    <t xml:space="preserve">我家宝宝爱吐舌头我家宝宝两岁零三个月了，他小时候就爱张着嘴巴，也 </t>
  </si>
  <si>
    <t>我感觉你应该告诉孩子，让孩子也注意到这个问题，现在孩子应该很懂事了。</t>
  </si>
  <si>
    <t xml:space="preserve">爱问回答中，如何加入图纸内容，或者以链接的形式发图纸(图纸格式是? </t>
  </si>
  <si>
    <t>首先你要将要发的图纸做成图片（JPEG格式）。然后你回答问题后，在回答内容下边有“上传相关文件：”单击“浏览...”然后选择你已经做好的图片。最后“提交回答”。就OK了。</t>
  </si>
  <si>
    <t xml:space="preserve">没有时间找女朋友怎么办？哎，天天早出晚归的为了生活而奔波，没有多 </t>
  </si>
  <si>
    <t>每时间找，那就在工作中找啊！比如你接触的客户，工厂，同事，同事的朋友，都可以成为你的对象！要么就要同事朋友介绍也可以。最后要么网恋了，但是自己得把握准哦，网上骗子很多的！总之，自己得想找，然后目标定位得准确，和自己相配就很快能找到的！</t>
  </si>
  <si>
    <t xml:space="preserve">为什么在地球上看到的星星是黄色的? </t>
  </si>
  <si>
    <t>是黄的</t>
  </si>
  <si>
    <t xml:space="preserve">360下载后不能安装是什么原因360安全卫士下载完毕然后点击图标 </t>
  </si>
  <si>
    <t>这种情况一般是电脑已经被种植了某些木马，而这些木马具备了屏蔽360或者阻止360正常安装的功能，所以你的360无法安装，或者以前安装的现在也无法启动。你可以先到360网站上下载“顽固木马专杀”，安装后杀毒，然后就可以安装360了。</t>
  </si>
  <si>
    <t xml:space="preserve">什么原因引起的足跟痛？ </t>
  </si>
  <si>
    <t>、随着年龄的增长，足跟长期慢性的磨损，同时足跟是承受人体压力时间最久的部位，老年人得足跟经历过无数的摩擦和冲击，所以很多老年人用以发生足跟骨刺。据临床观察，有的老人是两足同时或一前一后发病，但大部分发生在单侧，一般是在早晨刚下地走路时候最严重。对于老年人治疗病情上，比较建议保守的治疗方法，这样对中老年人得身体也是有好处的，药物总的来说是有刺激的，对脾胃肾有一定的影响。可以借鉴中医的外用方法，中如药性的足跟痛安康膏，对老年人来说是很不错的方法。足跟痛又称脚跟痛，是由于足跟的骨质、关节、滑囊、筋膜等处病变引起的疾病。常见的为 跖筋膜炎、跖腱膜炎、足跟脂肪垫炎、跟骨滑囊炎等往往发生在久立或行走工作者，长期、慢性轻伤引起，表现为跖筋 膜纤维断裂及修复过程，在跟骨下方偏内侧的筋膜附丽处骨质增生及压痛 ，侧位X 射线片显示跟骨骨刺。但是有骨刺不一定有足跟痛，跖筋膜炎不一定有骨刺。</t>
  </si>
  <si>
    <t xml:space="preserve">RO中，要结婚需要几级？为何NPC说要注意成长问题，我37级， </t>
  </si>
  <si>
    <t>网络游戏里去问这个问题</t>
  </si>
  <si>
    <t xml:space="preserve">股票入门的基础知识用好股道怎样？ </t>
  </si>
  <si>
    <t>好股道终端有推演平台和百宝箱，推演平台，为你提供最新的免费实时行情资金流数据、大单力度、资金强度、资金通道等其他炒股软件收费的指标。情绪引擎，也是很好的一个，可以面对市场、大盘为你及时提示是否风险区，具有很好的指导作用；通过政策解读、散户情绪判断大形势，通过板块资金流向判断板块，赢庄器，能够判断产业资本坐庄，实现跟庄和赢庄。以24小时在线互动交流，想问什么对方就会给你指导，上班时间进行咨询也不会被人发现哈。不管你是股道中人人还是小小菜鸟，好股道百宝箱都能帮上你，股市直播、市场观察可以给你很全的最新股市资讯，藏经阁，自修室则是很好的学习炒股的平台，学习实践操作都不误。</t>
  </si>
  <si>
    <t xml:space="preserve">如何培养3岁8个月宝宝专注力 </t>
  </si>
  <si>
    <t>我不知道这位家长有没有接触过蒙台梭利教育，或者有没有亲自参观过蒙台梭利教室。如果您有以上我说的几种经验，您会发现，每一个在蒙台梭利教室里的孩子都能自由地走动、自如地选择和更换课程、与同学交谈、以及在教室中走动观察其他孩子的工作。全神贯注学习数学的蒙台梭利孩子甚至不会注意到周围儿童的低声细语。这是因为他所选择的教材就像一个谜，一个他们亲自挑选的谜，因此他们会集中全部精力和注意力去解决。注意力集中的持续时间会随孩子的年龄和练习的增加而增长，直至孩子年满五岁。注意力最高的蒙台梭利的孩子，能够在相当长的时间内专注于课程的学习，只有在遇到无法解决的困难时才会转移注意力。孩子在家也可以享受到蒙氏的环境，家长可以模拟蒙氏教室，在家中分区域摆放一些玩具或者教具，让孩子拿去、操作。</t>
  </si>
  <si>
    <t xml:space="preserve">会计证没参加年审,现在该怎么办?我2000年初在深圳考的会计证和 </t>
  </si>
  <si>
    <t>你继续教育办了么？如果没参加继续教育，2年内还可以找培训学校帮你补继续教育同时补年审，如果超过2年了，他们那里也不能补的，需要重新办会计证，原来的就作废了。上次我有个同学因为错过年审，我们咨询的结果是这样的。</t>
  </si>
  <si>
    <t xml:space="preserve">初盘看09期德甲和意甲！只看澳门盘！拿初盘相同盘口作比较！01、 </t>
  </si>
  <si>
    <t>支持！！参考中</t>
  </si>
  <si>
    <t xml:space="preserve">爱情VS面子我最近很痛苦，我女朋友把我甩了，但是不出一天，她又后 </t>
  </si>
  <si>
    <t>你和她和好把！！！感情是慢慢培养的</t>
  </si>
  <si>
    <t xml:space="preserve">外国人的子女在中国的学费是多少?我的朋友是新西兰人.他想把他的子 </t>
  </si>
  <si>
    <t>全日制学校外国学生收费都是一样的（因学校不同而不同）我有个同学他们学校就有外国学生。</t>
  </si>
  <si>
    <t xml:space="preserve">gm介绍下王者世界中巫女的特点!~介绍下王者世界中巫女的特点 </t>
  </si>
  <si>
    <t xml:space="preserve">巫女 “巫女能够保护我方成员” 从小侍奉神明的柔弱巫女们，体力和攻击力都很低。但是巫女的治愈能力在战斗中是不可或缺的。只要保护好巫女，就不用担心其他佣兵的体力问题了。 见习巫女-&gt;巫女-&gt;巫后-&gt;出云阿国 </t>
  </si>
  <si>
    <t xml:space="preserve">心电图显示,1窦性心动过速,2,完全性右速支传导阻滞是什么意思 </t>
  </si>
  <si>
    <t>病情分析：患者可确诊为窦性心动过速+不完全右束支传导阻滞。偶有心脏隐痛，持续时间几秒，多不考虑器质性心脏病变。指导意见：1.不完全性右束支传导阻滞在正常人中也可存在，多不提示器质性心脏病变，若非突然出现，可不予治疗。2.窦性心动过速可停心得安，尝试使用倍他乐克。监测心率。3.心脏隐痛可能因心跳快引起，根据您的症状不考虑心脏器质性问题，必要时行心超检查。若疼痛剧烈可含服麝香保心丸。可以服用中药配合治疗。</t>
  </si>
  <si>
    <t>JMM请帮我看一下排了吗我的月经周期为35天，8号</t>
  </si>
  <si>
    <t>由强阳转弱阳是排了,不用在补功课,你都抓住最好的时机了,祝你好孕</t>
  </si>
  <si>
    <t xml:space="preserve">如何组队和离开队伍？？？我不知道怎么操作，请答！！ </t>
  </si>
  <si>
    <t>按快捷键"c"后,里面有組隊/离队等功能,你可把它拖到快捷?r上,后按?底旨托?</t>
  </si>
  <si>
    <t xml:space="preserve">给位绿服的大大，请问在绿F练那种战斗职业找钱快点？佣兵，暴君，暗 </t>
  </si>
  <si>
    <t>开始肯定是工匠，加上绿服呆市场时间不计点的原因，建议你最快速冲击工匠，能做蛋，就意味着赚钱的开始。然后再练一个收集每天4个小时收收收，工匠做做做，钱就哗哗哗的来了。。。。。有了钱不就是想干什么就干什么么~~~~最好能有一个席林伙伴一起玩。</t>
  </si>
  <si>
    <t xml:space="preserve">我女友不喜欢ML，也害怕ML，我该怎么办我女友不喜欢ML，她说没 </t>
  </si>
  <si>
    <t>超级频繁的做爱真的会死人的，不过正常频率的就没问题了。年轻人一星期4到5次正常。如果你们做爱最好还是采取些避孕措施，安全套是首选，因为安全套是最健康简单的了。你可以买杜蕾丝、杰士邦等品牌的超薄型号，戴上后感觉也挺好的，而且还有浮点型、螺纹型等等，也挺有趣的。你如果实在不想带套，可以让她服用长效避孕药，副作用小一点。如果什么措施都没有就做了，又在易受孕期，可以在事后让女友服用紧急避孕药，不过这种药不女性身体不太好有些避孕药确实不好，但是也有一部分副作用小，紧急避孕药我建议你用“安婷”，长效避孕药就不太清楚了，我就让我女友吃了一次安婷，还是意外，射精后没拔出来套子掉进去了。你可以买一小盒杰士邦动感三维避孕套试一下，实在不喜欢再让她吃长效避孕药。你可以和她一起上网，看看有关健康网站，让她了解一下事实，尽信书不如不读书。她要实在不想做，你就软磨硬泡，不过不要始乱终弃。呵呵！</t>
  </si>
  <si>
    <t xml:space="preserve">魔力宝贝210级该去哪练级了？10级以后不知道要去什么地方练级！ </t>
  </si>
  <si>
    <t>10级可以去森林练级的，1线2线人都很多，采红云很快的，不行也可以去南海，南海很近，也方便，就在森林下面，一般都有人开拓的，挨个线换一下就看到了，那里箱子也很多，怪物很简单，虽然怪物少了点，但很适合单练双练的人去，因为怪物就是15-25级火焰鼠还有蘑菇，攻击也不高，离城很近可以随时回来补魔，很赚钱的。</t>
  </si>
  <si>
    <t xml:space="preserve">介绍蜜蜂的养殖技术？ </t>
  </si>
  <si>
    <t xml:space="preserve">养蜂具有少，见效快、收益大的特点。其技术要点如下： 　　一、场地选择　　场地周围2.5公里的半径范围内应具有充足的主要蜜源和辅助蜜粉源，而且主辅蜜粉源应搭配适宜；场地宜选择在南向的近山坡地，阳光充足，背有高山为屏，上有自然遮荫，夏季通南风，冬季阻北风，且土质肥沃，蜜源植物生长旺盛，花期长，水量充足，交通较便利。　　二、蜂群的选购　　1、购买时间：北方宜在4～5月份，此时正当蜂群繁殖期，挑选比较稳定，且外界环境好，饲养易成功。　　2、挑选方法：在巢门口观察，凡是工蜂出入勤奋，采集蜂带花粉比例较多的，一般是有生气的好群。然后开箱检查，如工蜂安静不惊慌，说明性情温顺；如蜂王体大。足粗，身高胸宽、腹部长而丰满、全身密披绒毛、产卵灵活迅速而不惊慌，说明蜂王年轻健壮，产卵力强。 　　3、蜂群的排列：依场地大小、养蜂多少和季节情况而定。有四种排列方式：单箱排列，双箱排列、交错排列、三箱排列　　三、饲养　　1、补助饲养：即在蜜源缺乏时所进行的人工饲喂。其方法有：①补饲蜂蜜。可用蜂蜜加温水二成稀释（结晶蜂蜜，需稍加水煮溶）。稀释后的蜂蜜，可采用灌脾的方法或者倒人框式饲养器内饲喂蜜蜂。②补饲糖浆。糖浆是以白糖加水五成，经加热充分溶解后凉至微温，最好在糖浆中加入0.1％的柠檬酸，以利于消化和吸收，此时不宜用红糖。　　2、奖励饲养：在蜂群繁殖期和蜜蜂生产期所进行的人工饲喂。一般给少量60%蜜液或50%的糖浆，早春时隔日1次，以后消耗增加，可每天1次，时间从流蜜期前40天起，直到外界有大量蜜粉采人为止。每框蜂每次奖励50～100克糖浆即可。　　3、饲喂花粉：目的是补充蛋白质饲料。在越冬后期及早春，补给前一年秋季保存下来的花粉，也可用黄豆粉代替。饲喂方法如下：　　（1）液喂。将花粉加糖浆10倍，煮沸，待凉后放人饲养器内饲喂。　　（2）饼喂。将花粉或代用花粉加等量蜂蜜或糖浆，充分搅拌均匀，做成饼状，外包塑料纸，两端开口，置于框梁上供蜜蜂采食。此法遇寒流时，经常采用。 　　4.饲喂水分及盐类：①水分。一般每一蜂群每天需采水200～300毫升。在饲养器内盛水或在纱盖上放湿毛巾，供自行采水。②盐类。在糖浆中加入l％的食盐即可。　　四、管理　　1、春季管理：①促进蜜蜂飞翔排泄。巢中央温度提高到33～35℃，要有足够的蜜粉源或奖励饲养，及时打开箱盖和保温物，使其出巢飞翔排泄。②蜂巢的保温。排泄后即进入繁殖期，必须采取人工保温。紧缩蜂巢，密集群势。多群同箱饲养，箱内、外保温，北方直到4～5月份。　　2、流蜜期的管理：①初期调整和组织好采蜜群。②保持强群采蜜。控制蜂王产卵，可用隔王板将蜂王限制在巢箱的一区或巢箱中。断子取蜜，可在大流蜜期前5天，从采蜜群中提出蜂王和1～2张脾蜂另组小群，第二天给采蜜群诱人一个成熟王台，可大大提高产蜜量。注意小群管理。对于那些不能采蜜的弱群，应创造条件，促使群势迅速发展。在适当采蜜的前提下，要抓好繁殖，以便补充群势。　　3、秋季管理：①培育新王，更换老劣王。②培育适龄的越冬蜂。适龄越冬蜂系指在越冬前羽化出房，仅进行过二三次排泄飞翔，没有做过哺育和采集工作，未分泌过王浆的幼蜂。为了使越冬蜂能安全越冬，必须控制流蜜期以后出生的幼蜂出生，以保谭蜂群的群势。控制的方法是在流蜜期肋一定时候迫使蜂王停止产卵。③适时早断子。在培育越冬蜂的后期，先采取蜜粉压脾，用蜂蜜浇2～3次，这样蜂王就会停产，同时将蜂群搬到阴冷的地方，将蜂路扩大1倍，并从蜂巢中提出花粉脾，撤出保温物，即可提早断子。　　4、冬季管理：①调节巢门。巢门高6～7毫米，宽60～70毫米为宜。②防蜂蜜结晶。加强保温，或由巢门向箱内塞一些湿棉花球，以减少通风。③北方室内越冬。应在水结冰，大地未积雪之前人室，人室时，蜂箱在室内应离墙20厘米，第一层离地40厘米。室温保持在0～2℃，湿度保持在75～80%之间。 </t>
  </si>
  <si>
    <t xml:space="preserve">我的三只乌龟今年生了二只小龟，现在躲进草从里了找不到了，冬天会不? </t>
  </si>
  <si>
    <t>小龟也会挖洞睡觉的,这是本能,我家的早就钻进沙子里了补充:你可以把土弄松点的,或者索性换沙子,不过我觉得第一年出生的雏龟最好不要冬眠,第一年最危险了!如果决定冬眠一定不要让温度低于5度，保持在5~10度间</t>
  </si>
  <si>
    <t xml:space="preserve">清泉老师您好,601588清泉老师,601588后市如何操作? </t>
  </si>
  <si>
    <t>7.35元不破则待60日均线技术位.</t>
  </si>
  <si>
    <t xml:space="preserve">为什么进不去点了登陆根本没有游戏界面出来求助选好区了点登陆点完之? </t>
  </si>
  <si>
    <t>我也是阿！！到底怎么回事？？点了登陆器根本没有反应，，，，</t>
  </si>
  <si>
    <t xml:space="preserve">周杰伦信基督教吗我在以父之名里听到的 </t>
  </si>
  <si>
    <t>据说周杰伦没有任何宗教信仰。</t>
  </si>
  <si>
    <t xml:space="preserve">属兔的人2012年运势好不呢？ </t>
  </si>
  <si>
    <t>属兔的人2012年运程事业：今年事业较为反覆，害太岁流年，工作上会出现很多阻困，身旁小人增加，防不胜防。幸得【太阳】星入宫，中途会遇到贵人相助，虽过程一波三折，终可得以解决。今年农历五月、七月及八月份为事业运的低潮，需要多加留意警惕。关于事业方面的预测可以搜索安康网算命,首页就有结合生辰八字预测事业的软件,在线免费使用. 属兔的人2012年运程财运：今年财运甚为低迷，正财横财均不宜憧憬，谨慎切勿受人纵恿而大意投资，很容易陷入商业骗局；此外不可向人借贷，以免得不偿失而引起钱债官非。今年财运低迷的的月份是农历二月，四月，五月，及八月份，期间必需提高警惕，避免损失。属兔的人2012年运程健康：今年体质较弱，小病频仍，要多休养生息，才能保持身体健康。害太岁流年，要尽量避免激烈运动，慎防意外扭伤折损。此外切勿暴饮暴食，否则容易肠胃受损而引发各种疾病。今年健康容易出问题的月份是是农历四月，八月及十一月，其间必须多加预防。关于健康方面的预测可以搜索安康网起名算命,首页就有结合生辰八字预测健康的软件,在线免费使用.属兔的人2012年运程感情：今年感情上会出现一些意外的情缘，但多为雾水桃花，千万不可陷入太深，以免误己误人，对于单身人士，感情上要随缘而至，不可强求!害太岁影响，属兔的人今年情绪波动较大，极易因小事而争执矛盾，情侣间要互谅互解，才能维持良好的感情关系。</t>
  </si>
  <si>
    <t>请问50</t>
  </si>
  <si>
    <t>其实怎么加不是很重要，重要的是你要有30速的刀；然后20刀，15掌，1无形，1百毒，1穿心，剩下万古就好，力量能拿同期的刀就好，剩下全外。</t>
  </si>
  <si>
    <t xml:space="preserve">大金牛！！！请个看看600226请个看看600226.60043 </t>
  </si>
  <si>
    <t>600226短线快速上涨有即将调整迹象，可择高卖出。中线已经突破前期平台，可持有.600435业绩预增.目前构筑底部过程中,耐心等待后市拉升,持股待涨.前期高位20元上方可考虑逐步清</t>
  </si>
  <si>
    <t xml:space="preserve">版本4.0.1,iPhone3,1,OS7.0.2,网络WIFI? </t>
  </si>
  <si>
    <t>当前微博服务器网路繁忙 可以 换个时间段刷新试试  [如果我的回答对您有帮助 请点击"好评"支持下 谢谢]</t>
  </si>
  <si>
    <t xml:space="preserve">政审主要是审查什么东西呀?会不会是报名登记表上的内容也包括在内? </t>
  </si>
  <si>
    <t>我是组织部门的，政审包括你在报名时提供的材料和信息，另外对你平时在学校里的表现进行了解（应届生）或对你在单位的表现进行考察，当然了政治方面的内容也是必查的，但一般都没有什么问题。</t>
  </si>
  <si>
    <t xml:space="preserve">粉饼碎了怎么办?我的这个粉饼不是很碎,只是裂开了一道缝,之后就裂 </t>
  </si>
  <si>
    <t>干脆弄碎了当散粉用啊。应该还不错吧</t>
  </si>
  <si>
    <t xml:space="preserve">"高山仰止，景行行止"是什么意思？ </t>
  </si>
  <si>
    <t>这句话在《史记。孔子世家》中有提及。看到高山就要仰头，看到宽广的大路就要走。意为：孔子德行是世人的楷模！初中课文中有《陈毅市长》中有请一位化学家，他的名字就是：齐仰之（止）。</t>
  </si>
  <si>
    <t xml:space="preserve">上海学化妆哪里好?想在上海学化妆我来上海三年了,一直做营业员的工 </t>
  </si>
  <si>
    <t>虽然说在上海化妆学校学化妆是正确的选择，但是上海化妆学校很多，鱼龙混杂，如何选择一所专业正规的化妆学校，这是很重要的，不然有可能会花钱浪费时间。选择化妆学校之前，要多在网上了解学校的口碑，一定要选择口碑比较好的上海化妆学校。在这里推荐一下上海荟艺化妆学校。是美容化妆培训师资最好的，学校每年都获得各种大奖，所以学化妆，考化妆师证，选这样的学校会更有保障。</t>
  </si>
  <si>
    <t xml:space="preserve">仙剑五前传什么时候发行游戏 </t>
  </si>
  <si>
    <t>听说是明年年初发型</t>
  </si>
  <si>
    <t xml:space="preserve">爱问的共享资料是不是不能用了，新浪是不提供资料共享服务了吗凡是根 </t>
  </si>
  <si>
    <t xml:space="preserve">各位网友，大家好!    为了提高共享资料空间的利用率、提高用户上传和下载的速度，爱问共享资料从即日起对所有资料进行暂存处理。即日起，对之前上传的所有资料进行限期存储，存储期限为3个月；对新上传的共享资料，根据上传时间保留3个月后系统自动删除。资料删除后，用户的资料积分不会减少，请大家及时做好相关资料的保存工作！    另外，为了大家更方便地寻找需要的资料，更好地进行资料共享，我们专门开辟了共享资料问答专区。如果没有搜索到想要的资料，可以直接在这个专区向网友提问求助，会有千万个热心的网友来帮助您。     对于本次功能改进给您带来的不便，爱问共享资料在此表示最诚挚的歉意。        爱问共享资料产品组        2008年4月16日 </t>
  </si>
  <si>
    <t xml:space="preserve">武汉旋转楼梯扶手哪的性价比高？ </t>
  </si>
  <si>
    <t>武汉亚誉艺术楼梯旋转楼梯做的很好的，前段时间找他们做过</t>
  </si>
  <si>
    <t xml:space="preserve">电脑开机很慢，为什么？电脑开机启动项已经全部关掉，开机还是要用5 </t>
  </si>
  <si>
    <t>开机快慢，有电脑硬件配置问题，有使用什么软件和怎能么使用等多方面的原因，就我个人使用情况来说，排除木马病毒外，我是这么加快开机的。 一、用优化大师优化电脑，打开优化大师-系统优化-开机速度优化-启动停留时间，选“直接进入”。二、除尘、清理磁盘和整理磁盘碎片。 1、打开机箱除尘，将所有的连接插紧插牢。2、用优化大师或超级兔子清理注册表和垃圾文件。3、清理磁盘（清除垃圾文件）。在“我的电脑”窗口—右击要整理磁盘碎片的驱动器—属性—常规—点击“磁盘清理”—打开“磁盘清理”对话框—勾选要删除的文件—确定—是—系统即自动清理选中的文件。 4、对磁盘进行扫描。在“我的电脑”窗口—右击要整理磁盘碎片的驱动器（C）—属性—工具--开始检查—勾选“自动修复文件系统错误”和“扫描并试图恢复坏扇区”--开始—检查后确定退出。接着逐一扫描修复其它分区。 5、整理磁盘碎片。我的电脑—右击要整理磁盘碎片的驱动器—属性—工具--选择整理的磁盘打开“磁盘碎片整理程序”窗口—分析—碎片整理—系统即开始整理。6、有可能出了坏道，修复硬盘。 三、将硬盘、光驱跳线均设在主盘位置（Master），硬盘用IDE1，光驱用IDE2。硬盘(并口)应该使用80芯的数据线。四、优化BIOS设置。 1、进BIOS将默认设置改为优化设置。 2、关闭软驱。 3、关闭开机软驱检测功能。 4、打开快速启动自检功能 5、将硬盘设为第一启动。 五、优化电脑设置。 1、禁用闲置的IDE通道 。 右键点击“我的电脑－属性”--“硬件”--“设备管理器”，在其中打开“IDE ATA/PATA控制器”然后分别进入主要和次要IDE通道，选择“高级设置”，将“设备类型”设置为“无”，将“传送模式”设为“DMA（若可用”。 2、开机在桌面右击我的电脑-属性-高级-启动和故障恢复-设置-在“系统启动”选项“默认操作系统”下拉列表中选“WINNXP”-去掉“显示操作系统列表的时间”和“在需要时显示恢复选项的时间”的勾选-确定。3、关闭一些启动程序。开始-运行-输入msconfig—确定-在“系统配置实用程序”窗口中点选“启动”-启动 ,除输入技术（Ctfmon）、杀毒软件外,一般的程序都可以关掉（去掉勾选）。 4、禁用多余的服务 。右键单击“我的电脑”--“管理”--“服务和应用程序”--“服务”，在右窗格将不需要的服务设为禁用或手动。 5、将桌面、屏保设为无、桌面图标不要超过10个。 6、减少开机磁盘扫描等待时间，开始→运行，键入：chkntfs /t:0 ，确定。 7、关闭华医生Dr.Watson 单击“开始”--“运行”--输入“drwtsn32”命令，打开华医生Dr.Watson 窗口，只保留“转储全部线程上下文”选项，取消其选项前边勾。 六、给IP地址设个固定值。 七、优化设置杀毒软件。 八、修改注册表。 1、加快开机及关机速度 在[开始]--&gt;[运行]--&gt;键入[Regedit]--&gt;[HKEY_CURRENT_USER]--&gt;[Control Panel]--&gt;[Desktop]，将字符串值[HungAppTimeout]的数值数据更改为[200],将字符串值[WaitToKillAppTimeout]的数值数据更改为1000.另外在[HKEY_LOCAL_MACHINE]--&gt;[System]--&gt;[CurrentControlSet]--&gt;[Control]，将字符串值[HungAppTimeout]的数值数据更改为[200]，将字符串值[WaitToKillServiceTimeout]的数值数据更改1000. 2、加快预读能力改善开机速度 在[开始]--&gt;[运行]--&gt;键入[Regedit]--&gt;[HKEY_LOCAL_MACHINE]--&gt;[SYSTEM]--&gt;[CurrentControlSet]--&gt;[Control]--&gt;[SessionManager]--&gt;[MemoryManagement]，在[PrefetchParameters]右边窗口，将[EnablePrefetcher]的数值数据如下更改，建议将数值数据更改为1或5。 九、用了以上办法没效果，那就找个好使的系统光盘重装系统。十、还不行，换内存，换硬盘。</t>
  </si>
  <si>
    <t xml:space="preserve">谁能解答一下我的疑问我跟一个患有乙肝的同学经常牵手去上学的，在夏 </t>
  </si>
  <si>
    <t>乙肝一般是经过消化道传播的，你们经常手牵手，有传播的可能性，你可以去医院查一下乙肝五项指标，看看有没有被传染，如果没有被传染上，你可以去注射乙肝疫苗。以产生对乙肝的抵抗性。</t>
  </si>
  <si>
    <t xml:space="preserve">四川的暴雨影响7月24日去九寨沟吗,路好走吗不会有危险吧准备7月 </t>
  </si>
  <si>
    <t>我是四川的，最近下大雨主要集中在川南。阿坝州去九寨沟的路线一直是通的，只是由于修成都至汶川高速公路，有部分路段需要单边放行，这样堵车的时候就多。过了汶川就没有多大的问题了。何况现在雨水已经停了，估计今后不会再有大暴雨，所以滑坡、泥石流也不会再出现。现在是去九寨沟最好的季节，祝你玩的愉快！</t>
  </si>
  <si>
    <t xml:space="preserve">哪位知道嘉宝莉的价位?嘉宝莉康源钻石标A底和康源钻石B型半哑清木 </t>
  </si>
  <si>
    <t>有贵有便宜，一般5升的在200-230左右，进位在100-130左右（其中店中利润50元的样子，油漆工回扣50元的样子），如果自已买也要230元左右，店家不会的烂市场价，除非他不想作生意，所有的卖价里都含有油漆工的回扣在里面的（那怕是你卖，油漆只是作，这是作油漆的行规）。如果你有熟人，市场价再低50-80元就是他给你的熟人价，</t>
  </si>
  <si>
    <t xml:space="preserve">一个英语问题Iwishtoshakehandswithyou,_ </t>
  </si>
  <si>
    <t>may 的意思就是"可以,允许".因此,在征求对方意见"是否可以"时,应该用may.</t>
  </si>
  <si>
    <t xml:space="preserve">选笔记本要看哪些指标？CPU，显卡，硬盘，内存，无线网卡，蓝牙， </t>
  </si>
  <si>
    <t xml:space="preserve">华硕X50Q237SL-DR参考价格：￥4700 处理器型号 Intel 奔腾双核 T2370 标称主频 1.73GHz 前端总线 533MHz 二级缓存 1MB 芯片组 SIS 671DX+SIS 968 标配内存容量 1GB 内存类型 DDRII 硬盘容量 120GB 硬盘描述 5400转 光驱类型 康宝显卡类型 独立显卡 显卡芯片 ATI Mobility Radeon HD 3470 流处理器个数 40 显存/位宽 256MB/64bit 显存类型 DDRII 屏幕尺寸 15.4英寸 集显也可以轻松应付联想旭日 C466M-MX参考价格：￥4200 处理器型号 Intel 奔腾双核 T2390 标称主频 1.86GHz 前端总线 533MHz 二级缓存 1MB 内核架构 Merom 主板芯片组 Intel GL960 标配内存容量 1GB 硬盘容量 160GB 硬盘描述 SATA 光驱类型 康宝 显卡类型 集成显卡 显卡芯片 Intel GMA X3100 显存/位宽 共享内存容量 显存类型 无 DireetX 9 屏幕尺寸 14.1英寸 </t>
  </si>
  <si>
    <t xml:space="preserve">追伤的问题,明白的说说我用一把Z78的刀去打怪,平斫打50点左右 </t>
  </si>
  <si>
    <t>平砍对于怪的伤害=（人物的攻击值+武器的追伤值）-怪的防御平砍对于人的伤害=（人物的攻击力-被打的人物的防御）+武器的追伤值提醒：对于人的伤害中的（人物的攻击-被打的人物的防御）是永远大于0的；</t>
  </si>
  <si>
    <t xml:space="preserve">大家感觉筛鼠球和蛇行球哪个好啊如题 </t>
  </si>
  <si>
    <t>蛇球好玩吖.....筛鼠球没噶好玩</t>
  </si>
  <si>
    <t xml:space="preserve">出差期间的餐费补助需要发票吗? </t>
  </si>
  <si>
    <t>出差到一般地区30元/天以内,经济特区50元/天以内不需要发票,超过需要发票</t>
  </si>
  <si>
    <t xml:space="preserve">119期14场小单+思路总结昨天我在帖子里就说了，意甲是关键。关 </t>
  </si>
  <si>
    <t>确实是高手，你不是为了中奖，就是玩玩</t>
  </si>
  <si>
    <t xml:space="preserve">一道简单数学题一个圆柱形油桶，里面装了半桶油，把桶里的油倒出百分 </t>
  </si>
  <si>
    <t>倒出40%还剩20升，则倒出前是100/3升满油是200/3升V=hS即200/3＝6.25SS=10.67dm^2为0.1067m^2</t>
  </si>
  <si>
    <t xml:space="preserve">我的电脑是联想服务器，可是不能装声卡，怎么办呢？我的电脑是联想服 </t>
  </si>
  <si>
    <t xml:space="preserve">   联想的服务器 PCI 声卡是没有插槽，你可以买USB声卡。一样的效果。</t>
  </si>
  <si>
    <t xml:space="preserve">7技能80手值多少钱?一不小心踩狗屎了,合了个7技能的80手,现 </t>
  </si>
  <si>
    <t>汗,这么好的运气在邻南能卖个25卡至少吧也得看运气,有些人喜欢的话会出的更高,RMB 350元上下</t>
  </si>
  <si>
    <t xml:space="preserve">北京哪里有烘焙原料实体店？ </t>
  </si>
  <si>
    <t>岳各庄批发市场有卖的，材料、模具很齐全的（赠人玫瑰，手留余香。 如若，您对我的答复满意，请选择“对我有用”，谢谢您的采纳。）</t>
  </si>
  <si>
    <t xml:space="preserve">为什么进游戏选出生地就进去不了了 </t>
  </si>
  <si>
    <t>请把游戏目录下的UPDATE2.DAT文件删掉,再重新上线更新试试</t>
  </si>
  <si>
    <t xml:space="preserve">请问DC和数码相机有和区别啊?我是菜鸟,请各位行家多多指教!谢谢 </t>
  </si>
  <si>
    <t>dc=digital camera 数码相机</t>
  </si>
  <si>
    <t xml:space="preserve">我是新手刚练个盗贼,谁能告诉我盗贼的几种发展听说盗贼可以练什么战 </t>
  </si>
  <si>
    <t>主要分刺杀和战斗两种   刺杀最好是到了60之后用（PK好）　　　　　　　　　　　　战斗是练级用刷怪快　</t>
  </si>
  <si>
    <t xml:space="preserve">经期性行为会导致不孕吗我们现在想计划要宝宝，可是已经两个月不做避 </t>
  </si>
  <si>
    <t xml:space="preserve">月经期间有性不会怀孕，但月经期如有性生活容易引起盆腔感染、子宫内膜异位症等，同时也容易导致男性的感染，应避免。月经期，子宫内膜剥脱出血，宫腔内有新鲜创面，宫口亦微微张开一些，阴道酸度降低，防御病菌的能力大减。如此时行房，将细菌带入，容易导致生殖器官发炎。若输卵管炎症粘连，堵塞不通，还可造成不孕症。也可造成经期延长，甚至崩漏不止。因此，妇女在行经期间应禁止房事，防止感染。 经期妇女的身体抵抗力往往比平时低，子宫内膜此时又形成创面，子宫颈口松弛，此时如有感染容易上升至盆腔器官，因此一般学者认为，月经期夫妇双方均应克制自己，避免性交。 避免性交主要有以下原因： （1）月经期受内分泌的影响，大脑兴奋性降低，常伴有轻度疲倦、郁闷或烦躁的情绪，一般女性在此期间也不愿性交。即使性交，由于情绪影响，往往不易得到快感，时间长了，也是引起女子性冷淡的原因之一。 （2）行经的时候，子宫内膜广泛充血，如果发生性行为，加上性生活的刺激冲动带来的一系列神经反射，会引起子宫不同程度的收缩，更加重了性器官的充血，月经会变得不规则，表现为经血量增多，月经延长或月经滴沥不尽，还会加重经期的不适现象，例如烦躁不安、乳房肿痛，腰酸也会更显著。 （3）平时，子宫颈管内有宫颈粘液，能防止阴道中分泌物进入子宫，起到自卫作用。若行经期间，子宫口开放，此种粘液随经血充出，子宫内膜也处于脱落的过程，使子宫内膜形成一个新创面，性交可能难免会将细菌带入女性生殖道，如果细菌长驱直入子宫腔后，遇上有创面的子宫内膜，则有利于细菌繁殖，有可能发生子宫内膜炎，甚至引起不易治愈的盆腔炎等，造成女方的痛苦，损害妻子的健康。 （4）由于月经期时盆腔脏器广泛充血，抗病御病能力也会随之下降，所以月经期性生活时，诱发泌尿系感染的机会也会增加，细菌混杂在经血、白带、精液或尿液中，逆行侵犯尿道后，便出现尿频、尿急、尿痛或尿血等现象。 （5）在经期性交，对男性身体也有不良影响，可发生尿道刺激症状，这是月经分泌物进入男性尿道所致。经期性交多有不便，因此，即使是初婚或探亲相会时，以及个别性欲强的男子，也要在女方月经期节制性冲动。 （6）在性生活规律，月经期较短的妇女，月经期避免性交自然是件好事，这也是一种性生活假日，此时夫妻都可以使身心两方面得到放松和调整。而某些妇女在月经期会表现出情感脆弱，甚至易发脾气，更多人表现在来月经之前，故称为经前期紧张症，那么此时丈夫应尽量宽慰妻子，即使不能性交也应增加身体的爱抚，使妻子不因月经期不能性交而受到冷落。 （7）有些夫妻往往在月经期寻求一些性生活的变化，以替代性交行为，如相互自慰，口与生殖器接触等。这样即能保证月经期的安全卫生，又能为性生活增添新意。 </t>
  </si>
  <si>
    <t xml:space="preserve">如何成为淘宝卖家有什么条件 </t>
  </si>
  <si>
    <t>条件：一个淘宝账户，一个支付宝账户，一个开通了网银的银行卡，并且三者之间的姓名必须一致，且通过了实名认证。1. 做好内功、店铺装修力求完美,这个整体装修风格要所卖的产品一致, 让买家首先对店铺所卖产品有个直观、清晰的认识,譬如我家的中药天然面膜,属于中国传统国粹,整体店面风格淡雅,富有中国风元素。2. 标题图片一定要简洁、醒目、关键字有针对性 .譬如品牌、产品属性 评价 促销等关键词;描述图片一定要真实，另外尽可能把图片拍的唯美、 有意境一些. 这方面,作为专业团队的店铺,或许有专门的摄影师,作为新手卖家,要多学习拍摄方面的技巧,关于构图,暴光 灯光方面的知识. 尽可能展示给买家全面的产品介绍.这样,把前期工作做好,在销售环节就会节省客服的工作量.3. 结合成本核算、制定宝贝定价,在计算成本的基础上,结合同类产品.合理定位.采用销售中常用的小技巧,如分割定位、非整数定位. 做好商品分类,”按图索骥”。为买家着想,节省检索时间，另外详细的商品文字描述一定要翔实，如我家的纯植物美白去黄面膜,主要植物成分 使用方法及注意事项,买家使用真馈以买家秀,旺旺聊天截图,都是构成一个完整的体系,做为新手卖家.要做到有心人,不怕烦琐,逐步积累.随时保留一些买家的反馈聊天记录,便于综合整理.”事实胜于雄辩”,所有买家真实的购买记录和反馈无疑是产品最大的说服力.4. 熟悉淘宝软件，作好增值服务 。新手买家首先要参加“消保”。增强自己店铺的可信度.其次要熟悉淘宝本身的软件,学会分析流量数据,设置”VIP”，给回头客更多的优惠从而培养更忠实的客户源。善用低扣券,“满就送”等促销手段，合理设置运费模版.参加行业内的商盟,积极参加活动.增加自己的暴光率。5. “客服赢天下”--打好客服这张牌。作为团队,客服的服务能力强弱是是否能留住客户最直接的条件之一。诚心为您回答，希望可以帮助到您，赠人玫瑰，手有余香，如若对回答满意，给个好评吧O(∩_∩)O~</t>
  </si>
  <si>
    <t xml:space="preserve">用了360强力清扫，结果再也装不上去了。。卸完后下面有个强力清扫 </t>
  </si>
  <si>
    <t>重装系统吧，可能是系统中的文件卸载掉了</t>
  </si>
  <si>
    <t xml:space="preserve">火箭是由谁发明的，是中国人还是外国人呢？ </t>
  </si>
  <si>
    <t>我国明朝人：万户火箭的发明最早出现在中国，在中国古代的记载中，火箭的含义比较广泛，公元1128年南宋政权建立后，南宋、金和蒙古频繁交战，各方都使用了火器。 1161年11月，金国侵略中原时，南宋军队第一次使用了火箭武器——“霹雳炮”重挫金军，这是人类历史第一次在战场上使用火箭武器。</t>
  </si>
  <si>
    <t xml:space="preserve">“孙”“悟”“空”三字各代表的含义“孙”代表低姿态，要做爷爷，先 </t>
  </si>
  <si>
    <t xml:space="preserve"> 孙悟空这个名字，是菩提祖师取的。在《西游记》的第一回里，写得非常清楚。只要仔细看过这一回，应该能够很轻松地了解到他的名字的来历。可仔细看来，这个名字还是蕴涵有不少意义。1、孙悟空名字的来源、     悟空，是我们耳熟能详的《西游记》人物，是真正的主角，人们心目中的英雄。但是吴承恩在写《西游记》的时候给这些人物字是根据什么呢？他为什么要叫这个名字，像我们很熟悉的其它天庭的官职这不肖讲。那么孙悟空、猪悟能、沙悟净这三个法名分别代表了什么，是什么意思呢？孙悟空名字的由来是什么？中国西游管理第一人马修鹏认为，孙是因为悟空本是猴子，悟空这个名字是有很深寓意的。“悟空”就是“悟道”，“悟道”就是“悟空”，“空”就是“道”，“道”即是“空”。“悟”有着感悟、领悟、觉悟的含义，其中本身就代表着修炼、修心的意义。“悟”是一个过程，而“空”则指的是一种结果，通过多年的修炼、历经九九八十一难最终要达到一种“无我”的境界。当达到“无我”的状态之时，也就是真正修成正果之时，此时的他真正有了“道”，而这种道是一种无我之道，就像《道德经》里说：道可道，非常道！真正的道，是无法说的明白的，能说清楚的道不是大道！从我们所搜索的资料中我知道了孙悟空这个名字是菩提祖师想让孙悟空不断进取，达到人类最高境界才为孙悟空取的！2、我们的理解、在作者笔下孙悟空是一只懂得人性，可与人交谈的猴子，自然我想它的性氏也应出现在《百家性》里，而作者是吴承恩，他生活是1501—1582年，生活在明代应知道孙武（孙子）。假设我是作者，我在为书中主角取名时，一定会参考一些历史名人的性氏与自己要写的人物的习性，而作者要写的是猴子，然而猴子正是孙，历史上陈氏的儿子被赐性孙，也就孙子，因而性孙。悟及领悟，正因领悟而进取，以至心灵、躯体至最高境界，及佛，为名悟空！ ——云石小学501顾祺琳小组 </t>
  </si>
  <si>
    <t xml:space="preserve">　　我在古鲁丁城镇里接到了一个任务，叫做“不祥的收藏家”，请问打? </t>
  </si>
  <si>
    <t>悲哀废墟的骷髅,史巴托,僵尸系列都可以.</t>
  </si>
  <si>
    <t xml:space="preserve">如何退订免费邮箱 </t>
  </si>
  <si>
    <t xml:space="preserve">请确定您要退订的是1G纯免费邮箱，还是免费试用两个月的任你邮邮箱。如果是1G纯免费邮箱，就不用退订，您不使用就可以了，6个月后系统会自动将其注销掉的。如果是任你邮，退订请您发邮件给webmaster@  ,提供您邮箱名字和密码前三位，续费的手机号码和手机密码的前三位，核实后，我们将帮您退订。另外，如果您是注册免费邮箱过程中获赠收费邮箱的，免费邮箱会自动导入到收费邮箱里面，取消收费邮箱后想继续使用免费邮箱的话，请点击下面的链接将您的免费邮箱从收费邮箱里面恢复。  请注意：如果您的邮箱已经开始收费，退订成功后，从下个月起将不会从您的手机上再次扣费。退订后，您的收费邮箱到期后将不能使用，所以请您一定要做好备份。如有更多问题， 请咨询新浪客服中心。全国统一客服热线：     咨询邮箱：webmaster@ </t>
  </si>
  <si>
    <t xml:space="preserve">我的孩子５岁头不小心碰破了，去医院缝了５针！请问吃点什么好呢 </t>
  </si>
  <si>
    <t>不需要吃点什么特别的东西。</t>
  </si>
  <si>
    <t xml:space="preserve">我生命法师，怎么复活、给队友加血？我将图标拖到左下角的快捷栏里了 </t>
  </si>
  <si>
    <t>复活和加学都需要点到对象身上，复活只能复活同一组的队友，点作方人物头像，然后再点对应的数字键就可以加学或者复活。</t>
  </si>
  <si>
    <t xml:space="preserve">怀孕了可是今天肚子酸，腿酸。怀孕40天了，今天突然发现左侧肚子有 </t>
  </si>
  <si>
    <t>怀孕的正常现象,没事的.不要担心</t>
  </si>
  <si>
    <t xml:space="preserve">您好我是家用空调维修工想学习中央空调怎么联系您我只会聊QQ； </t>
  </si>
  <si>
    <t>中央空调商用和家用的安装和维修都要知道他的工作原理，只要用心学就是没有基础的情况下也是能学的好和学精的，在懂得原理的基础上当然安装要容易一些了两个是相通的 现在的多联式中央空调和家用空调的维修要点是一样的 不过以后肯定是多联机用的范围比较广一些 你学好了多联机，那么看下说明书，家用机也可以安装和维修的 建议直接家用多联机入手，一般安装的只要自己肯学</t>
  </si>
  <si>
    <t xml:space="preserve">谁有免费的QQ号和密码 </t>
  </si>
  <si>
    <t>我刚帮你申请了一个免费的QQ,号码和密码我发到你爱问中的个人信息中,你去看一下.现在都是九位数,号码好坏别介意.</t>
  </si>
  <si>
    <t xml:space="preserve">怎样使网页字体大小恢复为默认设置？我曾经在网页里用Ctrl+鼠标 </t>
  </si>
  <si>
    <t>在 Internet Explorer 里查看--文字大小--中</t>
  </si>
  <si>
    <t xml:space="preserve">为什么自己听到自己的声音和别人听到自己的声音不一样? </t>
  </si>
  <si>
    <t>听别人的声音是通过空气传播的，听自己的声音除了空气传播的之外，还有包括骨传播来的声音，所以会不一样。</t>
  </si>
  <si>
    <t xml:space="preserve">怎样可以巧刷帮派里的材料，就是石板什么的那种怎么刷这些材料有明白 </t>
  </si>
  <si>
    <t>现在有个功能就是自动遇敌，在非安全区按下“Alt＋z”（不是战斗模式下阿），你的角色就会自动走，然后就会自动遇敌。我现在就是用两个力号刷任何材料。物品掉落是有几率的，而且是按几率分配给每位成员的这其实和天降宝盒活动一样，我经常是一个盒子得不到</t>
  </si>
  <si>
    <t xml:space="preserve">我觉得玩联盟的人大多数是因为里面的人物要好看些，还有的是为了泡妞? </t>
  </si>
  <si>
    <t>选联盟的女性角色中的确会有很多男生，因为男生本身也喜欢美女，所以如果要做“人妖”当然也做联盟的“人妖”。魔兽世界本来就是虚拟的，每个玩家在之中找到各自的位置。选部落可能喜欢部落的强大或者有种叛逆感；而选联盟可能向往一种正义感或者喜欢美好的事物。每个人的选择都希望自己在魔兽世界中获得游戏的乐趣，你又何必追究人家选择什么呢，人妖又怎样，恐龙又怎样，人都是平等的，大家玩得开心就可以了～～～</t>
  </si>
  <si>
    <t xml:space="preserve">唐人游傲视天地新版本要怎样做每日任务才能达到900政绩呢？ </t>
  </si>
  <si>
    <t xml:space="preserve">   这个新版本呢，是每日刷新政绩，不再是一周刷新任务，所以相对来说紫书更好出了，更便宜了，但相对来说呢，也更花金币了！如果不是RMB玩家不会每天刷900政绩的！   要想达到900政绩，很简单，人品好呢，100金币左右就OK了，差点300左右。这里面有个小窍门：严格按照combo来做任务！另每个任务都用金币刷成6级任务（有时后会刷出没日任务+1，这个任务优先做，哪怕不在combo里面也没关系！）</t>
  </si>
  <si>
    <t xml:space="preserve">从小学到高中我的数学很差,现在我读高2了还在为数学烦恼,像我不聪? </t>
  </si>
  <si>
    <t xml:space="preserve">华罗庚谈“怎样学好” 华罗庚——享有世界声誉的数学家，自学成才的典范。生前曾任中国科学院数学研究所所长、中国数学会理事长、中国科技大学副校长等职。以下是他在1962年对广东省数学会会员和中学教师的一次讲话中关于“怎样学好数学”的内容，相信对同学们学好数学会有所教益。　　一、基本运算要熟、要快　　基本运算不但应当“会”，而且要熟、要快。这样的要求不但是为了目前的质量，而且更重要的是保证进一步学习的进度与质量，是为了运用自如。应当与“会了就可以，习题可以少做”的思想斗争。　　二、要尽可能多做些习题　　应当尽可能地多做些习题，以达到熟能生巧的境地。不要以为多做习题搞得熟些是浪费时间，少做几个习题，煮成夹生饭那才是浪费时间呢！算术不熟练，做代数题时处处用到算术，每一个基本运算都比旁人慢，因而做代数习题所化的时间自然比那算术熟练的人所花的时间多了。不仅如此，如果一个人运算熟，在听老师进一步讲课的时候，对于一些与以往知识有关的推导部分很快地接受了，只要专听这一节课的主要的关键性的几点就可以了。而不熟练的人却必须枝枝节节地每步必细听，每步必细想，这样虽然把自己的神经搞得十分紧张而疲乏，但结果还不能抓住要点。换言之，基本训练熟练的人，他仅仅在已有的知识上添上一点或两点新东西，而不熟练的则势必处处被动，添上一大堆东西，当然也就串不起来了。　　三、学好数学必须不怕算，要算到底　　客观事物的发展愈来越复杂了，要求愈精密了。如果要求运算一百次的计算中，我们错了一次，那我们的成绩不是99分而是0分，因为答错了！如果是“人造卫星”，它就硬是不肯上天。怎样来对付“烦”的计算？最好先有一些准备，其中包括思想上的和熟练运算技巧上的。一切应当根据客观需要，客观烦，就不怕烦。如果我们主观上的就怕烦，那我们思想上就解除了武装，在将来深钻的过程中，就会出现困难。宁可充分准备，而不要被解除武装。应当培养同学的不怕烦、深入想的本领，在运算方面应当培养同学具有喜欢算，不怕烦，经常练的习惯。　　我所讲的算，也把符号运算包括在内，也就是包括逻辑推理在内。　　四、学好书上省去的思考过程也重要　　从书上学好形式推理重要，而学好书上所没有的思考过程也重要。先学会书上的，再问前人是怎样想出这个结论的，如果习惯了，则创造发明也有了初步的基础了。　　五、学好数学要常练、苦练、活练　　数形性质、基本运算、逻辑推理的熟练还不能仅仅依靠一时的锻炼，而必须靠经常的锻炼。“拳不离手，曲不离口”，此之谓也。一有机会就练，经常地练，练熟了，练到灵活运用的程度，练到推陈出新的程度。　　不仅要常练，还要苦练、活练。难题要不要做？我个人的意见，还是有计划有重点地做些好，这是一种锻炼。书上的习题再难些，数学书上的习题一定能用数学来解决，数学书上第五章的习题一般是能用第五章的知识来解决的，这就是一个重要的提示，重要的范围。因此，适当的做些难题，练了思路，对将来处理实际问题是有好处的。不然套得上公式的会，套不上的就不会，这样的人在处理实际问题时，也就能力不大了。对待较难的问题，就要苦练，不达目的不休的苦练。　　关于活练，最好多问几个为什么。　　看到圆，看它能启发些什么，茶壶盖为什么不会掉到茶壶里去？而茶叶筒盖却容易掉到茶叶筒里去？　　看到方，方砖可以铺地，还有没有其它形式的砖头？如，在空间又如何？　　看到球，水珠为什么成为球形？　　训练同学，循序渐进，不要轻视容易，不要惧怕困难。  </t>
  </si>
  <si>
    <t xml:space="preserve">大二的学生最适合找什么工作？我现在很想找一份工作，用自己赚的钱买 </t>
  </si>
  <si>
    <t>恩,偶也有这中想化,还的请个为请教</t>
  </si>
  <si>
    <t xml:space="preserve">左右侧血压哪侧高，为什么？ </t>
  </si>
  <si>
    <t>一般说来，约有１／４的健康人两上肢的血压可不等，右侧高于左侧10～20mmHg，因为右侧肱动脉来自主动脉弓的第一大分支无名动脉，左侧肱动脉来自主动脉弓的第三大分支，左锁骨下动脉，右侧比左侧做功少，消耗的能量少。</t>
  </si>
  <si>
    <t xml:space="preserve">《魔霸》游戏能窗口化吗？ </t>
  </si>
  <si>
    <t>可以，第一次进入游戏后，可以在游戏内进行显示模式的调整。也可以适当调整显示分辩率来对游戏窗口进行放大或缩小。</t>
  </si>
  <si>
    <t xml:space="preserve">快考试了，怎么保持一颗平常心？ </t>
  </si>
  <si>
    <t>首先不要有压力，保持良好的生活习惯，就可以保持一颗平常心</t>
  </si>
  <si>
    <t xml:space="preserve">最近拆了一款486笔记本，里面的芯片还有用吗？有什么用处，请各位? </t>
  </si>
  <si>
    <t>好东西呀，不知你能不能把它修理好？486笔记本是笔记本电脑的祖先了，修好后再装上可以运行的软件，变成一个成品，这就是文物。因为家用PC用了三十年就走过了象人类从石器时代到现代的路程，更新换代太快了。老爷车为什么值钱？不就是因为它老吗？但一定要可以开得动，这可就不容易了。我这么说决没有取笑的意思，我是真这么想的。因为我就收集了一些从8086到586比较经典的家用PC，在我的保养下，应该是都可以用的。并且这些东西多数都是不要钱的，有些单位更新换代，你只要帮帮他们的忙就可以送给你。</t>
  </si>
  <si>
    <t xml:space="preserve">月子里能吃巧克力吗？会回奶吗？ </t>
  </si>
  <si>
    <t>没问题。巧克力主要是热量。不过吃太多会发胖的哦</t>
  </si>
  <si>
    <t xml:space="preserve">有哪些好的办法止胃疼？或者有胃病的应当注意什么？ </t>
  </si>
  <si>
    <t>如果是胃的痉挛痛，可以口服山莨菪碱片解除痉挛，如果是泛酸，烧灼痛，可以吃一些制酸剂，比如说西咪替丁、雷尼替丁等等，或者用一下斯达舒胶囊，可以短期内缓解。最重要的还是注意规律饮食，避免饥饱不匀，忌辛辣、刺激性食物，少饮酒及吸烟，养成良好的饮食习惯。注意胃部的保暖。</t>
  </si>
  <si>
    <t xml:space="preserve">怎么从阳朔回桂林？有长途车吗？如题。打算自己背包去，从阳朔的码头 </t>
  </si>
  <si>
    <t xml:space="preserve">可以坐巴士回桂林。最晚的一班是晚上是23点。票价14元/人，豪华空调的。 </t>
  </si>
  <si>
    <t xml:space="preserve">重大传闻，不信去腾讯看看！！！您所在的位置：腾讯首页&amp;gt;腾讯 </t>
  </si>
  <si>
    <t>短期来看，限制再融资规模，规范再融资行为以及降低印花税应该作为“救市”措施立刻实施。尤其是印花税问题，“5•30”调高印花税是为了抑制市场“过热”，但现在市场已经“冰冻”，高印花税存在的必要条件已经不存，理所应当需要降低印花税。所以，我们呼吁：规范再融资行为，降低印花税。综合判断，在未有利好政策前，大盘调整仍将继续。有人说的有道理,长印花税的时候不声不响,也没经人大讨论,半夜突发？降印花税却慢上加慢还要人大提议,实在是不公平! 中国政法大学教授刘纪鹏则坦言，把上调印花税这样不合理的政策取消掉不是在"救市"，而是把打压市场的政策消除掉。 (信息时报)</t>
  </si>
  <si>
    <t xml:space="preserve">学商务英语会很难吗?我初中没毕业,我现在想去中专,想学的是商务英 </t>
  </si>
  <si>
    <t>学习语言兴趣很重要，其次要持之以恒坚持学习。</t>
  </si>
  <si>
    <t xml:space="preserve">有哪个网可以看到每期的伤停. </t>
  </si>
  <si>
    <t>很多玩家花费心思去研究球场天气、阵容往绩、伤停状况、球队状态甚至什么假球内幕，从经济的眼光看来这都是无谓或者说不值得花大精力的地方。因为每个盘口其实已经蕴涵了这些方面的全部因素。我只认盘口和赔率，因为发现大冷只能从赔率盘口中去看出来，要不然就是钱多补出来的防冷！</t>
  </si>
  <si>
    <t xml:space="preserve">请问月经来潮的第11天至第15天是最佳怀孕期，是指从月经开始第一? </t>
  </si>
  <si>
    <t>yj开始第一天算起.</t>
  </si>
  <si>
    <t xml:space="preserve">事业型的男士希望娶一个什么样的太太？有何要求？请给点意见。。。。 </t>
  </si>
  <si>
    <t>这是依个人性格不同会有不同的选择。有的男人属大男子主义的，他们一般会希望有一个温柔的，贤良的。有的男人内心有恋母情结，他需要一个可以管理他的人。有的男人，因为自己在成功的过程中经历了很多，所以他们会喜欢那种有主见的女人。</t>
  </si>
  <si>
    <t xml:space="preserve">老婆还需要性感吗?那天几个男人聊天,他们说找老婆就要找单纯善良, </t>
  </si>
  <si>
    <t>哎呀，你想找情人吗，找老婆呢要找自己喜欢的，深爱着的，能够走在一起，把她当成宝贝疼爱</t>
  </si>
  <si>
    <t xml:space="preserve">新房装修,哪几个方面要做符合节能环保又不失体面的?详细一点. </t>
  </si>
  <si>
    <t>1.做个外遮阳  夏季可以节省空调能源40%左右  2.使用太阳能热水器3.购置强化地板  4.不贴壁纸  5.吊顶用轻钢龙骨  6.注意电线平方数是否合理7.木制家具板材使用速生树种（比如奥松坂）等等等</t>
  </si>
  <si>
    <t xml:space="preserve">21岁才开始学武算晚吗? </t>
  </si>
  <si>
    <t>不算晚，学武可以强身健体！</t>
  </si>
  <si>
    <t xml:space="preserve">鱼跳头的现象解释常看到鱼在黎明浮出水面甚至跳出水面的现象,而在天 </t>
  </si>
  <si>
    <t>晚上水中植物无法进行光合作用，导致水中氧气不足，黎明时氧气含量达到最低值，水中没有氧气，鱼浮出水面甚至跳出水面为呼吸氧气，即鱼跳头的现象，当天亮后，植物又可以进行光合作用，水中氧气含量上升，鱼跳头的现象自然不再出现。</t>
  </si>
  <si>
    <t xml:space="preserve">腰腹吸脂的效果好吗？有做过的吗？ </t>
  </si>
  <si>
    <t>我有个同学去年在北京西美做的，效果不错，而且恢复的也很快啊。</t>
  </si>
  <si>
    <t xml:space="preserve">学CAD是那种越老越好嘛? </t>
  </si>
  <si>
    <t>特别是2006，在很多细节上较上一版本有了很大改进，使用起来更方便。推荐你用CAD2006。</t>
  </si>
  <si>
    <t xml:space="preserve">“五岳”的由来? </t>
  </si>
  <si>
    <t>五岳的得名，据说最早可追溯到尧舜的时代，尧命羲和氏四子分管四岳。那时“四岳”是主管方岳的官吏职称，天子巡狩时，各主管方岳的官吏在驻地选择一座高山，放火发出信号，以召集诸侯。于是，最早的几座发信号的山便成了岳官的首府。舜时，岳官的职称开始与这些名山的山名统一起来。至今作为一种制度，则始于汉武帝之时，到了汉宣帝，才确定五岳为：东岳——山东泰山，西岳——陕西华山，中岳——河南嵩山，南岳——安徽天柱山，北岳——河北大茂山。以后，隋代改南岳为湖南衡山，明代改北岳为山西恒山，最后始成今日之五岳。</t>
  </si>
  <si>
    <t xml:space="preserve">如何维护自己的合法权益 </t>
  </si>
  <si>
    <t>"　时下，越来越多的人愿意参加旅行社组织的团队旅游，以省去安排行程、住宿的种种麻烦。但是，你知道在参加团队旅游过程中如何维护自己的合法权益吗？ 　　首先，在出行前，你应该询问旅行社是否已经为你办理了旅游意外保险。因为按国家有关规定，你付给旅行社的费用当中，已经包括这种费用。　　保险的内容主要有：人身安全、急病治疗支出的医药费，以及你所携带行李物品丢失、损坏、被盗等。 　　其次，在出行前，你还应与旅行社签订合同，明确对方应该向你提供的服务质量标准。如果旅行社故意或过失不履行合同，就应对旅客承担赔偿责任。　　其中包括 ：旅行社在收取团友的预付款后，不能及时出行；所安排的餐厅食品质价不符；饭店和交通工具低于合同约定的等级。　另外，在旅游过程中，如果导游不按合同规定，擅自改变活动日程，减少或变更参观项目，擅自增加用餐、娱乐、医疗保健项目，增加购物次数，擅自安排你到非旅游部门指定商店中购买了伪劣商品，或者你购买了导游兜售的商品，你都有权要求旅行社按规定给予赔偿。 "</t>
  </si>
  <si>
    <t xml:space="preserve">敬请妇产科医生解答我是一个女教师，今天看到一篇文章，有关一个高级 </t>
  </si>
  <si>
    <t>高龄产妇，是指生产时年满35岁的妇女，卫生署为倡导方便，改以满34岁受孕的妇女为主。因为年满35岁以上生产的妇女，宝宝出生后的染色体异常的机会较35岁以下的怀孕妇女为高(满30、33、34、35、38岁生出唐氏儿的比率，各约为1／885，1／592，1／465，1／365，1／176)，因此，将年满34岁以后怀孕的妇女做为一个分界点，称为高龄产妇。</t>
  </si>
  <si>
    <t xml:space="preserve">仙魔任务应该怎么做？wo现在76级，全力木，怎么去做仙魔任务，系 </t>
  </si>
  <si>
    <t>仙魔任务没有什么道行要求，，只有等级要求，，达到等级就可以去接，且完成了上一个任务才能接下一个，任务流程在帮助里的任务系统里都有，，仙魔不是很难，，但肯定要找几个高级点的帮你过，</t>
  </si>
  <si>
    <t xml:space="preserve">新浪上传的视频怎么才能加密啊我上传了视频想加上密码可以不 </t>
  </si>
  <si>
    <t>你好！新浪视频没有加密功能。</t>
  </si>
  <si>
    <t xml:space="preserve">三水哪家宠物医院比较靠谱？[疑問][疑問]准备给家里那位做绝育手? </t>
  </si>
  <si>
    <t>在耀华路附近有间叫爱犬宠物医院的，你可以去看下如果回答对你有帮助， 请点有用，谢谢！</t>
  </si>
  <si>
    <t xml:space="preserve">爱情让人很伤心有时很伤心，在这种周末的夜晚，想着那个我暗恋的人， </t>
  </si>
  <si>
    <t>自做多情了吧？理智点哦。</t>
  </si>
  <si>
    <t xml:space="preserve">我的精练的衣服怎么融合我的衣服是60几的精练过的加什么可以融合不 </t>
  </si>
  <si>
    <t>很对，你用一个融合催化剂和融合卷轴就可以了。你如果不想花RMB冲魔豆的话融合催化剂要130W-150W，有很多人卖的，找不到就世界里喊。</t>
  </si>
  <si>
    <t xml:space="preserve">转攻为守加满降多少攻?如果只加1点，仙加精神的话有多大作用？ </t>
  </si>
  <si>
    <t>我一转142，全精神，转攻为守，能把2万魔攻转到100左右，转守为攻能把本来就不多的双防全部转为0</t>
  </si>
  <si>
    <t xml:space="preserve">^k忙把UO答?L修改p?xd?L </t>
  </si>
  <si>
    <t>您是 面试官吗</t>
  </si>
  <si>
    <t xml:space="preserve">如何做一个“绅士”的男人？记得曾经读过这样一篇文章：一位医生发现 </t>
  </si>
  <si>
    <t xml:space="preserve">    有时候，面对伤害，有的人选择暴露伤口博得大家的同情，而聪明的人却将伤口掩藏起来等它痊愈。    当生活给我们制造挫折与打击的时候，我们面对的是悲伤忧郁的情绪，我们不小心遗失了快乐。但是，我们绝不气馁，更不能在丢失快乐的同时，也丢失了自己的笑容，风度和尊严。    记住，不要让自己沉浸在痛苦和不幸之中，应该积极行动起来改变自己的心情，这样才能拥有健康快乐的每一天。你要知道，痛苦和不幸在乐观坚强的人看来，不过是匆匆过客！    作为一个绅士，当面对他人的过错，我们能做的就是宽容，因为，错以铸成，埋怨也是于事无补。并且，我们应该学会允许别人犯错，并且等待他们改正错误，只要抱着这样的心态面对生活，真正的绅士离自己还远ma ?    以上你都学会了吗？真正的绅士不是靠外表而断定的，而是一个人的内涵和一颗博爱的心。   </t>
  </si>
  <si>
    <t xml:space="preserve">核算成本实例求：阀门配件行业的成本核算方法和步骤。可以联系QQ： </t>
  </si>
  <si>
    <t>阀门配件行业，可以按照工业会计成本核算的方法。给你提供一份看看。</t>
  </si>
  <si>
    <t xml:space="preserve">谜语什么车无轮什么猪无嘴什么驴无毛什么屋无门什么书无字什么花无叶 </t>
  </si>
  <si>
    <t xml:space="preserve">第一个答案：乞朱为吾昭雪有个典故的，在明太主朱元章贪官当道 ,人们有怨都很难得到公正的审判 有一穷书生, 考试三年而不第. 并且家中田地被占官官相卫他无处伸冤 根本不可能去告御状。 终于他想出个方法 能让太主知道他的怨情 。他出了这么个 ，让别人猜 ，由于很难很快传遍天下 ，也就传到了太主的手里 太主看了后， 便把他招来问你有什么怨情？他把所有的委屈都说了出来 贪官被斩首了 ，可他们总不明白书生怎么告的御状 。后来 ，迷揭开了 所有有的秘密全在那个诗歌里何车无轮？：古时候，农民犁地，在牛身后的拉的叫犁车，犁车是用来开荒的，那时候，人们管开荒又叫‘起地’，所以‘起’通‘乞’代表乞求的意思何猪无嘴？：这个自然代表太主本人，猪代表朱字，说太主很少慰问国事，像无嘴一样何驴无毛？：也代表太主本人，太主本来当过和尚，那是广交贤良，以天下为心，用这句和上面的那句对比，说明太主应该管国事了，所以，这句代表的字就是‘为’字，表示太主该有所为了。何屋无门：这个屋字通吾字，代表书生自己，何书无字：古代的诏书都是太监念的，而太监根本不认识字，所以，诏书就是用口头来传达的，所以，这句代表的字就是‘昭’何花无叶：这个很简单了，大家都会想到的，就是雪花了，这句代表的就是‘雪’字所以，整个句子连起来就是‘乞朱为吾昭雪’天下之博学者，当数书生，令以后之人没有不为之叹服的。第二个答案：我爱你一万年何车无轮：我（我）车无轮。我的车本来就没有轮子，轮子给我卸了，但没有钱买新的轮子，只好放在仓库里。 何猪无嘴：矮（爱）竹无嘴。矮竹，就是我们说的文竹。植物而已，哪里来的嘴巴？ 何驴无毛：泥（你）驴无毛。谁都知道。 何屋无门：蚁（一）屋无门。蚂蚁的家是洞口，没有门的。 何书无字：万（万）树无字。多少树都没有字的。 何花无叶：年（年）画无叶。年画而已，和叶子确实没有关系。 第三个答案：老鼠喜欢大米何车无轮：老车无轮。车老了，要拆掉，拆车是先拆轮子的，可能是由于轮子上有橡胶，可以重新回收的缘故。当然轮子也没有了。 何猪无嘴：紫（子）竹（猪），一种植物。不是动物，当然没有嘴。子猪的子，就是鼠。学过天干地支的人都知道。 何驴无毛：锡驴无毛。为什么呢？无锡古代盛产金属锡，北人用毛驴来运送锡矿，获利丰厚。然而驴经常在锡矿中，容易锡中毒，浑身毛发尽脱。常见运锡之驴无毛。是为锡（喜）驴无毛。 何屋无门：幻（欢）屋无门。典出《金刚经》。 何书无字：大叔无字。大叔是农村的叫法。一般大叔是只有名字，不会专门学文人取什么“字”“号”等等乱七八糟的东西的。 何花无叶：米花无叶。谁都知道。爆米花直接可以吃的，不是什么植物。 合起来就是老鼠喜欢大米(一般正确的答案)。典出智力题目：大米的男朋友是什么？ 第四个答案：风雨途中同心（风）车无轮 （雨）珠（谐 猪）无嘴 （秃）驴无毛 （中）午（谐 屋）无门 （桐）树（谐 书）无字 （心）花无叶 风雨秃中桐心 谐 风雨途中同心 </t>
  </si>
  <si>
    <t xml:space="preserve">关于VB的问题我想在一个窗体中添加一个按钮是它能开启另一个窗体， </t>
  </si>
  <si>
    <t>第一个窗体form1上有command1想显示第二个窗体form2.解决方法:Private Sub Command1_Click() owEnd Sub</t>
  </si>
  <si>
    <t xml:space="preserve">牛皮癣久治不愈怎么办？我得牛皮癣已经很长时间了，反复治疗，反复发 </t>
  </si>
  <si>
    <t xml:space="preserve">牛皮癣是较难根治，但并不是不治之症，一定要树立信心，正确的治疗方法是关键，由于目前治疗的地方和药物大多并不能使患者得到彻底康复，使众多患者失去了信心，常规药物一般都能治好,但还都复发,必须把血液内的牛皮癣毒素全部排出,才能达到根治的目的.根治牛皮癣建议你用传统中药麻黄,防风,龙戟草,荆芥,乌梢蛇,全虫,蜈蚣,白芷,薄荷,细辛,蛇床子,高丽参,沉香,金精草.其功效是:清血热,除血燥,攻血毒,补内虚,养胃健脾,疏肝理气,尤其排除牛皮癣毒素疗效独特.此外，牛皮癣患者切记千万不要用激素治疗,如果用激素治疗,会一时缓解症状,但最终病情会越来越重,而无法治疗. 用此方不忌任何发物,在服药期间和痊愈后,辣椒、酒、鸡、鱼都能吃。祝你早日康复！ </t>
  </si>
  <si>
    <t xml:space="preserve">老年人是否适宜饮用红牛饮料？ </t>
  </si>
  <si>
    <t>红牛的配方中并没有对身体有害的成分，但是身体不好的老年人还是不用饮用。</t>
  </si>
  <si>
    <t xml:space="preserve">想买家电家具哪里有齐全的卖家电家居产品的厂家 </t>
  </si>
  <si>
    <t>亲 给您推荐 商城众网 《赠人玫瑰手有余香，祝您好运一生一世，如果回答有用，请点“好评”，谢谢^_^!》</t>
  </si>
  <si>
    <t xml:space="preserve">"孔雀东南飞"的寓意是什么? </t>
  </si>
  <si>
    <t>有劳燕分飞的意境。孔雀东南飞，五里一徘徊 。两个人两情相悦,但不能长相厮守,既有依依不舍的深情，又有无可奈何的落寞。一出爱情悲剧。千般恋爱万种柔情相思成灰。</t>
  </si>
  <si>
    <t xml:space="preserve">南京哪里有卖圣衣神话的圣斗士模型?是圣衣神话的,不是过去的那种盒 </t>
  </si>
  <si>
    <t>鼓楼，联通边上</t>
  </si>
  <si>
    <t xml:space="preserve">兔子的生活习性 </t>
  </si>
  <si>
    <t>很多人以为只食红萝卜,生菜,连水也不用喝,其实这是大错特错,兔子每天都需要足够的谷物,蔬果,乾草及清水来维持健康.最简单及最有营养的食物便是现成的兔子粮,这些兔仔粮除混合了多种谷类,维他命及矿物质外,还加了少许COCCIDIOSTATS 来控制肠胃中有益的分泌. 兔子的身体语言 兔子是很少会发出声音的,所以要了解兔仔就要明白它们的身体语言. 当它用后脚大力踏地,即表示它很惊慌,觉得受威胁. 若它头向前,取向后,尾向后的整只蹬直,那表示它预备反击,你最好不要碰它,因为它随时会咬你一口. 如兔子用后脚站起,即表示它正在用视觉及嗅觉探测周围的环境. . 如它用鼻尖碰你即是想你跟它玩 . 兔子舔你的手即表示喜欢你. 当它用下巴擦向物件时,是一种兔子定下自己势力范围的方法,就像狗用尿来认定自己的势力范围一样 . . 若它吃回自己的粪便是一种它们吸收维他命B 的方法,通常它们会由自己肛门处拿粪便来吃,是一种正常的现象,你不用大惊小怪. 当它们有抓东西或含著乾草四处走动的话,即表示它们想做一个草屋,是雌性兔子发情或怀孕的象徵 . 兔子并不怕水,而是在潮湿的环境里相当容易生病,食物含水量高也容易拉肚子,所以平常自然会避开水远一些. 雪鞋兔它们一年会换二次毛,在秋天开始变白,在春天转成棕灰色.它们之所以叫做雪鞋兔,是因为到了冬天,它们的后腿会长出浓密的白色毛发 ,如同雪鞋般,让它们在雪中行走更方便. 兔子是数量庞大的哺乳动物之一,一只母兔每年能生产20只小兔,兔子亦喜爱吃农作物,因此,是令农人头痛的动物.</t>
  </si>
  <si>
    <t xml:space="preserve">去澳门赌场百家乐技巧百度推荐官网【】嫌去澳门太麻烦，网上开户就能 </t>
  </si>
  <si>
    <t>我在这玩的哦，个人认为应该没有比它更好的平台了，我介绍了好朋友随我一起玩呢，这个平台非常的稳定呢。我是经常去的哦，建议你去看看。建议到名爵娱乐城【  】，是一个很好的娱乐平台，很受玩家的信赖和支持的！！　今天晚上吃罢晚饭，我们忙里偷闲，一家三口来到了文友的家里，直达她的楼顶，我简直惊呆了，和我梦中看到的一模一样，九十多平方米的楼顶错落有致的种满了各种各样的花，应该说隆冬季节不是看花的最佳时节，但是我觉得现在都最好不过了。迎着落日的余晖，在这数九寒冬的日子，在这个小花园里，完全没有萧条零落的感觉。五彩缤纷的长寿菊，鲜艳夺目，春意怏然；我见都没见过的旱金莲在这万物凋零的冬天居然枝繁叶茂，长势喜人；散发着微微清香的水仙，淡淡的清香让人心旷神怡，神清气爽；还有很多我叫不出名字的花草，在主人的悉心照料下，各有各的姿态，各有各的风采，各有各的妩媚。　　欣赏了一番，我们就在主人精心挑选的圆桌边坐下，一边喝茶，一边聊天，一边吃着美味的小吃，今晚天气很好，不冷也不热，第一次拥坐花间，第一次在这充满诗情画意的地方闲聊，时不时有醉人的花香扑鼻而来，和着清辉的月色，那种感觉是我从来没有过的，我的身心得到了放松，我的灵魂得到了洗涤，我们谈到夜深才散，从文友家回来，我感到很轻松，很兴奋，我佩服她闹中取静，劳逸结合的；我欣赏她优雅文静的性格；我更羡慕她花仙子般的生活。</t>
  </si>
  <si>
    <t xml:space="preserve">我妹妹养的狗狗咬伤人，要负责吗?我妹妹家小狗咬了别人，其实是他逗 </t>
  </si>
  <si>
    <t xml:space="preserve">  根据我国《民法通则》第一百二十七条规定   饲养的动物造成他人损害的，动物饲养人或者管理人应当承担民事责任；  由于受害人的过错造成损害的，动物饲养人或者管理人不承担民事责任；从您的描述来看，您妹妹的小狗伤人，是因为被害人逗狗所致的，根据上述法律规定,责任应当由被害人自己承担。提醒您注意的是:举证责任在您妹妹这里，她必须收集证据以证明是由于被害人的过错造成损害的，才不承担民事责任。否则可能因为证据不足导致按照管理不善而承担赔偿责任友情提醒:广大网友爱动物是好事凡是一定要管理好自己饲养的小动物。以免给他人造成伤害,自己承担损失噢!</t>
  </si>
  <si>
    <t xml:space="preserve">我朋友经常感觉有人陷害自己我朋友整天感觉以后会有人陷害自己，偷拍 </t>
  </si>
  <si>
    <t>根据您的描述，应属于心理类疾病。建议到当地的专科医院就诊。积极配合治疗，还是有希望治好的。</t>
  </si>
  <si>
    <t xml:space="preserve">甲醛挥发出来有味道吗?是种什么样的气味啊? </t>
  </si>
  <si>
    <t xml:space="preserve">甲醛是无色、具有强烈气味的刺激性气体，其35%~40%的水溶液通称福尔马林。甲醛是原浆毒物，能与蛋白质结合，吸入高浓度甲醛后，会出现呼吸道的严重刺激和水肿、眼刺痛、头痛，也可发生支气管哮喘。皮肤直接接触甲醛，可引起皮炎、色斑、坏死。经常吸入少量甲醛，能引起慢性中毒，出现粘膜充血、皮肤刺激症、过敏性皮炎、指甲角化和脆弱、甲床指端疼痛等。全身症状有头痛、乏力、胃纳差、心悸、失眠、体重减轻以及植物神经紊乱等。 各种人造板材(刨花板、纤维板、胶合板等)中由于使用了粘合剂，因而可含有甲醛。新式家具的制作，墙面、地面的装饰铺设，都要使用粘合剂。凡是大量使用粘合剂的地方，总会有甲醛释放。此外，某些化纤地毯、油漆涂料也含有一定量的甲醛。甲醛还可来自化妆品。 化妆品、清洁剂、杀虫剂、消毒剂、防腐剂、印刷油墨、纸张、纺织纤维等多种化工轻工产品。 </t>
  </si>
  <si>
    <t xml:space="preserve">我想请教一下，如何购买易放达基金，需要那些手续？我是新手，目前在? </t>
  </si>
  <si>
    <t>你要先去办一张兴业银行或广东发展银行的借记卡,这两家银行都开通有网上银行基金网上交易业务,可以24小时在线买卖基金.在兴业银行网上银行申购费率为0.6%,在广东发展银行的网上银行业务申购费率为千分之三.</t>
  </si>
  <si>
    <t xml:space="preserve">家中鱼缸位置的摆放我家是南北的房子,但客厅是北面,进门是厅,但是 </t>
  </si>
  <si>
    <t xml:space="preserve">设置好的缸以后要移动是很困难的，因此在确定缸的位置时要事先认真加以规划。安置的理想位置除了要突出、显要外，还应该是比较安静且远离窗户的地方。安静对于一些高挡鱼相当重要，它们容易受到响声、动作的惊吓。受到惊吓的鱼有些会生病甚至死亡。利用自然光束照亮鱼缸以节省电费的想法已经过时。由窗口射入的光线会导致水草疯长、鱼体倾斜、水草一边倒。将缸放在较暗的地方，不仅鱼儿惊动少且观赏效果也好。此外，在鱼缸附近，最好是侧上方有电源插座或安装插座的位置。一般需要3~5个插座供鱼缸设备使用。鱼缸的上方还应该有足够的空间，因为你要对鱼缸进行换水、种草、涝鱼等日常必不可少的操作。还必需强调的是鱼缸和柜子之间要加一层有一定弹性的垫子，用以减震。水族商店大多采用发泡塑料板，家庭使用还是以薄地毯为好，平整、美观、耐用。要放缸就要有一个用来放置鱼缸、相关器材及用品的柜子。市场上可以买到不同式样和鱼缸配套的柜子。当然也可以自己设计后委托别人帮你做一个。笔者不建议以旧柜、桌来代用，那样即使强度不成问题，但使用功能和整体效果会差很多，因为，毕竟你会将缸放在一个显要的位置，而且是专供观赏的。如果放在客厅，必定会成为来访者的视觉中心，所以千万不要将就。缸柜除了美观实用以外，必须要十分稳固。因为，一个一米长的缸建成以后，总重量要达到250~300千克。为了保证受力均匀，避免造成玻璃破裂，柜面要求十分平整。还应该注意保持缸的水平度，当鱼缸装进水以后，即使略有一点点顷钭的水面线，看起来亦会感觉很不稳定，因此有条件最好用水平仪校测一下。如果自己制作，可以考虑用磨光花岗岩做柜面，价格不算高，且较容易达到平、稳的要求。柜的高度视你以后对鱼缸观赏高度而定，在家庭一般都以坐在沙发上或椅子上来观赏。那么，柜的高度宜在70~75厘为之间。凡养鱼的人都是运气已经很好的人，运气不好者怎会心思去养鱼啊，您说是吗？ </t>
  </si>
  <si>
    <t xml:space="preserve">急急急!!!!这可怎么办?大师:您好.我正在处于要宝宝时期,可是 </t>
  </si>
  <si>
    <t>没做检查前，不能确定是什么原因！你说的那段时间正好是排卵时，有些人排卵时会腹痛的，只要以前没有这种症状，估计你是精神太紧张所致，别急，可以去做个B超，一切就都明了了，要宝宝时一定放松心情，太紧张有时会引起内分泌失调，经期就不准了！祝好孕！</t>
  </si>
  <si>
    <t xml:space="preserve">人睡觉的时候最怕的是什么？ </t>
  </si>
  <si>
    <t>人睡觉的时候最怕会从此醒不来了！</t>
  </si>
  <si>
    <t xml:space="preserve">月经半年没来，怎么回事？不知道为什么，以前经期很正常，偶尔会推后 </t>
  </si>
  <si>
    <t>您好，根据您的情况来看，您应该是月经不调，月经不调是指月经周期、经量、色、质反生异常以及伴随月经失调出现的全身性病变，是女性中的一种多发病。 引起月经不调的原因有两大类：1、神经内分泌功能失调引起：主要是下丘脑—垂体－卵巢轴的功能不稳定或是有缺陷，即月经病。2、器质病变或药物等引起：包括生殖器官局部的炎症、肿瘤及发育异常、营养不良；颅内疾患；其他内分泌功能失调如甲状腺、肾上腺皮质功能异常、糖尿病、席汉氏病等；肝脏疾患；血液疾患等。 建议去正规医院接受检查治疗，排除器质性病变的可能性，以免耽误了您正常的工作和生活！月经不调也可以试一下饮食调节，红枣乌鸡汤——红枣自古以来是补血佳品，而乌鸡更能益气、滋阴，经常服用可以调节月经紊乱，同时还可以滋养肌肤起到美容功效。祝健康！</t>
  </si>
  <si>
    <t xml:space="preserve">请问何处可找到一个不同银行间外汇理财产品的比较表?? </t>
  </si>
  <si>
    <t>你可以到各行的柜台咨询一下。因为各银行外汇理财产品的名称不一样，而且每期的受益率、年限及最低起存的金额也不相同。</t>
  </si>
  <si>
    <t xml:space="preserve">海尔金王子冰箱BCD—237F使用说明书 </t>
  </si>
  <si>
    <t>上海尔官方网站免费下载冷藏室常用是5度左右变温室0度至-7度为佳冷冻-18度以下为好常用-18也可</t>
  </si>
  <si>
    <t xml:space="preserve">电脑利旧有台旧电脑长期未用，想用它接游戏机玩不知可以吗，游戏机是 </t>
  </si>
  <si>
    <t>去搜搜有没有 那种插头的转换器</t>
  </si>
  <si>
    <t xml:space="preserve">投資建一个１００－１５０打席的???鲆嗌儋Y金（不含土地价） </t>
  </si>
  <si>
    <t>投資建一个１００－１５０打席的???鲆嗌儋Y金（不含土地价） 各地的行情是不一样的，各地有各地的不同价格，你是哪个城市的？</t>
  </si>
  <si>
    <t xml:space="preserve">这样是早熟吗?我女儿四个月开始长两颗下门牙,差不多一个月长两颗, </t>
  </si>
  <si>
    <t>基本上正常，你的宝宝一岁了，每天应该吃三顿饭，喝两次配方奶，总量４００－５００毫升左右，在一岁半的时候减到４００毫升，并一直这么喝到七岁。至于饭量小，那要看别的情况如何，比如大小便情况，孩子的精神状态和活动量。我建议你每天带孩子至少到户外活动两个小时以上，不要老抱着。</t>
  </si>
  <si>
    <t xml:space="preserve">用什么胶水？陶瓷碎了用什么粘啊？ </t>
  </si>
  <si>
    <t>最好用玻璃胶水。因为陶瓷和玻璃的性质差不多，在使用前些要清理干净所上胶水的部位。装修市场上面都有卖。</t>
  </si>
  <si>
    <t xml:space="preserve">一个有点难的求名问题~~~~``在商场听到的一首歌，女生唱的，中 </t>
  </si>
  <si>
    <t>是这个吧，要格式的留下邮件地址，我发给你。 歌曲：我的superstar歌手：徐若瑄 专辑：狠狠爱 话儿越多的越胆小哎噢~对说酷的最无聊哎噢~不是太拽就太配合整个friday就感谢了越来越清醒清醒到不行我有双能穿透男人的眼睛不小心就看得太清楚你全想发光替我不得不在乎 you do 心比女人细腻爱比超人坚硬没抵抗的方法我只能崇拜你像superstar 需要克制的是我有一点不象话you just let me want play 从不担心第三者哎噢~眼睛才是大杀手哎噢~丑了变了感觉没了誓都发了进退不得久了就不行不行到清醒我有双能穿透男人的眼睛我也不想看得太清楚你却像一束瓶我不能不留步 you do心比女人细腻爱比超人坚硬没抵抗的方法我只能崇拜你像superstar 需要克制的是我有一点不象话you just let me want play 再审一遍才放心哎噢~你哪来不出声的才情哎噢~you just let me want play 久了变了心都玄了哎噢~是久一点再久不得哎噢~一阵 woh~气氛玄眯迫不及待 woh~慢慢拉开你的出现谁能不承认目光焦点对你就是我的superstar 心比谁都细腻爱比谁都猜疑让我不停地崇拜着你superstar 心比女人细腻爱比超人坚硬没抵抗的方法我只能崇拜你像superstar需要克制的是我有一点不象话you gotta be by superstar</t>
  </si>
  <si>
    <t xml:space="preserve">进口化妆品在国内分装有什么要求?我计划进口韩国大包装的化妆品，进 </t>
  </si>
  <si>
    <t xml:space="preserve">奥运会举办国是通过什么方式选出来的？要具体流程！ </t>
  </si>
  <si>
    <t>举办城市要奥委会提出申请，大概会在举办7年之前的某一次奥委会全会上所有执行委员投票选举出一个举办城市。</t>
  </si>
  <si>
    <t xml:space="preserve">爱还是不爱?我跟在两个城市，很长时间彼此没有联系，有一次我问他， </t>
  </si>
  <si>
    <t>一个人最美的时光就那么几年而已,他真的适合你吗?你明知道没有未来,却还需要别人给你一剂猛药,让你下定决心吗??顺从你心里的意见吧,早晚都是这一刀</t>
  </si>
  <si>
    <t xml:space="preserve">文言文解释子夏曰：“日知其所亡，月无忘其所能，可谓好学也已矣。” </t>
  </si>
  <si>
    <t>每天能学到一些自己没有的知识，每月不忘自己已掌握的知识，这样就可以说是好学的了。 好：喜好</t>
  </si>
  <si>
    <t xml:space="preserve">奇怪的瘙痒宝宝今年26个月，有过敏鼻炎。最近去西湖边玩了回来后身 </t>
  </si>
  <si>
    <t>最好还是去医院看看吧。应该是过敏了。</t>
  </si>
  <si>
    <t xml:space="preserve">谁做过中国银行的黄金期权和金杠杆业务？小弟想知道这个业务的具体价? </t>
  </si>
  <si>
    <t xml:space="preserve">每天都是随行就市的  变化厉害 </t>
  </si>
  <si>
    <t xml:space="preserve">魔羯座男和天蝎座女在一起能幸福吗，婚姻能美满吗，请帮助分析一下， </t>
  </si>
  <si>
    <t xml:space="preserve">　　无论是天蝎座人还是摩羯座人，都感到与别人沟通决非易事。可在3—11日宫影响下，他们感到他们在一起时彼此沟通无甚障碍，而且都有和对方谈话的愿望。　　天蝎座人和摩羯座人愿把大部分共处的时间用在讨论他们各自的愿望和共同的理想上。虽说他们也许有共同的目标，但在如何达到目标实现理想的具体做法上他们不能一致。他们都暗中希望受人尊敬，都希望拥有主宰自己命运的力量，在两人相处时都希望自己说话能算数，在和同学、同事共事时也能举足轻重。然而，摩羯座人会认为天蝎座人太执著，实在有点浪费精力；而天蝎座人则认为摩羯座人则认为摩羯座人缺乏情感和头脑。不过，说到底，这俩人都很实际，他们都意识到手段是次要的，大方向才是主要的。所以只要他们彼此信任，就会不遗余力求大同，力争共同的成功。　　真是幸运，摩羯座不像别人那样容易受到天蝎座人的螫伤，就算挨了螫，摩羯座人也较其他人容易将其忘掉或淡化。事实上，摩羯座人总倾向于把一切无益或只会白耗精力时间的情绪、事件去淡化。而天蝎座人也十分理解摩羯座人，所以往往也能把两人之间的不快撇在一边。这种现象在孩子中也看得见，如果有这么一对由摩羯座人和天蝎座人组成的兄弟或姊妹，你会看见他们俩之间的关系比他们与其他任何家庭成员的关系都亲善。　　虽说天蝎座人和摩羯座人都比较不喜欢抛头露面，但天蝎座人在公众场合中比摩羯座人健谈得多。天蝎座人滔滔不绝，意在迷惑他人，掩饰自己的真实想法。天蝎座人的确喜欢伪装，这习性似乎是与生俱来的，他们什么都说，就是不说对他们最重要的事。摩羯座人了解天蝎座人这特征并十分欣赏，甚至羡慕，因为摩羯座人往往会很腼腆，尤其谈及个人感情和感受时。　　挺有趣的是，和总喜欢刺探机密的天蝎座人相反，摩羯座人一点也不喜欢打听秘密。事实上，摩羯座人对任何猜来猜去的游戏都没兴趣。大多数情况下，天蝎座人很喜欢摩羯座人这种不喜欢打听秘密的作风，因为对天蝎座人来说，没有比日记或信件、笔记本或抽屉让人偷看过更令人恼怒的了。但不时，天蝎座人也对摩羯座人那种不在意有些悻悻，认为这是一种冷漠。　　天蝎座(女)——摩羯座(男)　　天蝎座人很难和他人谈得来，但遇上摩羯座人却觉得彼此容易沟通，摩羯座人亦有同感。他们常谈论理想，讨论计划。因天性使然，这两种人都希望出人头地，都渴望有权力，但采取的手段不同。摩羯座人认为要靠自己努力，努力了未成功也不遗憾。天蝎座人则认为要努力干，还是小心提防别人，要尽可能消除竞争对手，而且必须要成功。所以摩羯座人认为天蝎座人是将精力用在不必要之处，而天蝎座人认为摩羯座人未免麻木死板。　　这两种人都喜怒不形于色，十分内向。可天蝎座人好刺探别人的秘密，而摩羯座人则对一切秘密都不会费神去猜(他们从小就不爱玩捉迷藏或猜灯谜一类的游戏)。也许这也是天蝎座人愿意和摩羯座人相处的一个重要原因吧——天蝎座人好刺探别人隐私却又最怕暴露自己隐私，所以摩羯座人的不好奇对天蝎座人有安全感。但久了，天蝎座人也不满意，会认为摩羯座人是因为对他(她)不感兴趣、不关心才懒得去探密。这可真是以己之心度他人之腹了。天蝎座人一旦对谁不感兴趣或不关心就会对这人没好奇心，所以他这么推及摩羯座人。　　这两种人还都喜欢独处，不爱凑热闹。不过，天蝎座人能当大家的面装出热情，说出言不由衷的话，而摩羯座人可做不到这点。就算想学得滑头些也学不来。　　所以这两种人一起生活也会有摩擦，不过音乐能唤起他们共鸣并缩小彼此之间的鸿沟。如果这么一对人要结婚，第一要买的不是车，不是家俱，而是立体声唱机。当然，这两位把钱包抓得很紧的人一看到唱机的标价又会皱起眉头，但这是为幸福投资，怎么也不贵。　　这里要谈的是由天蝎座女方和摩擦座男方的组成的一对。他们相遇时，女方就喜欢上男方了。男方衣着打扮整齐，说话行事拘谨，像循规蹈矩老成持重的那种可靠的人。可是他的内心世界非常丰富，春天返青的草地，初夏紫丁香花的芬芳，雨后彩虹的斑斓，秋夜钴蓝天幕上的繁星，这些都触动了他的心。他喜欢严肃的音乐和美术作品，他欣赏艺术时露出的微笑令人见了感动(不过平日他可很少笑，哪怕礼节性地微笑也不干)。他很少和大家谈天，更不是那种出风头的人。可一旦和大家讨论时，他往往妙语惊人，令旁人不禁要掏笔记下来。　　这样一个有深度又有幽默感的男子怎不让女方动心呢？再说，她还在男方身上发现了许多与自己相同之处。她甚至盼望男方出现，只要男方在附近，她就愉快，而且有安全感。不过，女方不会轻易流露之心的。在控制情绪的技巧上她是强手。于是，男方开始觉察到一些莫明其妙的不安。他常觉得这个女人在注视他，可他转身望去，这女人正眺望窗外；他的感觉告诉他这女人分明在盼他进办公室，可他向她问好时，她只冷冰冰地应付了一下，连丝笑容都没有。男方也想过：“这里面不点不对劲。”可他最不愿去探索什么秘密，所以马上就不再多想了。　　女方认为已经折腾够了男方后，才会摘下面具。现在，她不再偷偷地看男方，而是火辣辣地盯住男方。天蝎座人的眼光很有力，在表达爱情时亦然。在女方的目光前，男方无法镇静自若。他以前可是从来就不会失态的，这次慌神还是头一遭呢。　　男方这时还不知道女方姓名，所以生了点极稀罕的好奇：“这个居然让我着慌的女人是谁？”无论什么男人都不会把天蝎座女子看作女孩，因为她从小就目光深沉，令人觉得难以捉摸。男方不愿多费神思，想了想便下结论道：“反正这女人肯定能理解我，并深知我冷冰冰的外表下也有一颗知道冷热的心。”他的想法可真对极了。　　于是，男方比往日更与这女人拉开距离。可是鬼知道怎么回事，也不记得到底谁主动，反正他们相视而笑，继而友好的谈起话来，然后就……　　这一切都是不知不觉发生的，他们周围的人和亲友也都是好久以后才发现这段罗曼史。　　一旦他们恋爱，问题也接踵而至。男方认为恋爱并不意味着与自己的老朋友疏远，或向老嗜好告别。而女方占有欲极强，恨不能分分秒秒都让男方呆在自己身边。其实，男方并不会丢下自己女友或妻子自顾自地消磨一个晚上，他出去一会儿就会回到女方身边的。另外，男方是不会说假话的，决不会编些谎话为自己脱身找借口。遗憾的是女方疑心病太重，吃些无中生有的醋，只能看作庸人自扰了。女方对男方限制那么多，对自己却相当宽容。她从小就自作自主张行事，如不经允许便离校去购物、看朋友、看电话什么的，和男方一起生活了仍这么不打招呼地自行其事。女方应该也为对方想想，不要用占有欲硬套住男方，这样只会使男方厌倦。为什么不给对方自由呢？　　在性爱方面，女方往往比男方主动。女方的投入和激动是男方从未领略过的。在女方引导下，男方才步步渐入佳境。男方默默中热情的迸发和爱抚也会使女方感到男方的爱何等真诚，从此不再有什么恐惧感。也许，女方心里希望男方在做爱时能更大胆些，这样她才能完完全全满足。男方也默默希望女方不要有太高的要求，那些要求令他感到有些沮丧。好在这两人虽对别人金口难开，彼此却无话不谈，所以也易沟通理解，上述的问题也就能迅速得到解决。　　由于这两人都自制力极强，又喜欢过很有规律的生活，所以难免有时会感到日子过得太单调平淡。不妨试着经常给对方一个惊奇，这样不仅使双方振奋，还增加彼此的性吸引力呢。　　他们的爱情生活中，什么是最主要的支撑呢？答案只是一个，那就是：耐心。　　天蝎座(男)——摩羯座(女)　　这样一对人相爱后，往往会一切按章行事：订婚、履行法律的婚姻手续、准备婚礼服、挑选戒指、请好友作傧相……他们才不会让恋爱的故事没完没了地往下拖，那样拖下去天知道会是什么结果！　　在邻居和同事看来，这对人堪称夫妻。是啊，他们总那么相敬如宾，从没红过脸，哪怕争论都没有过。只有亲人才知道事实并非如此。他们了解这对人是用了极大力量在克制，要吵也得把门闩上、把窗帘放下再压低嗓子吵。他们不会让别人看见他们衣物上的半点污迹，也不会让别人知道他们之间的任何分歧或口角。　　他们精明务实，对爱情敢异常冷静。没有百分之百的把握，没有预选精心推算，就不地让这场恋爱发生。连婚礼住什么旅馆都是左右权衡后才选定的，准是一个在淡季里折价接待住客的饭店。既然干什么都特别小心，他们也决不轻看这个婚姻，要精心维护让今后有什么重大危机。由于他们争吵后很快就解决矛盾，消除怨气，所以其婚姻也很牢固。　　无论世界上如何千变万化，一代代新潮层出不穷，这对人决不去追赶潮流。他们老成持重，自有主张。是的，他们也会穿流行衣衫，也会用电脑，但他们决不会改变自己的处世之道。在加拿大一个家庭中发生的事就是一个证明，这家的父亲是天蝎座人，母亲是摩羯座人，儿子在大学恋爱并决心和女友同居试婚。父母知道后极为不安，匆匆赶来对这对年轻人展开了一场用心良苦的说服。母亲对女孩说同居很危险，万一发现两人不协调而分手了，又有哪个男人会再要她？再说，母亲又苦口婆心地讲道：“你们都想拿动物学博士学位，这很好。可是你们想过没有，就算你们以后功成名就了，你们的名字也进不了《名人录》，因为那些编辑会因为你们婚前同居而视你们为不检点的人，他们可爱在这些事上的挑剔了。”　　父母则拿出许多数据给年轻人看，这是他花了整整一夜才算出来的。他指着这些数据说：“喏，如果他们结了婚，就可以少纳很多税款了。医疗保险、车辆保险也要少付好多。一年下来就能节省不少钱。看看这些，你们知道结婚才是明智的做法。”　　这对年轻人诚恳地向父母表示谢意，但仍然同居，后来又友好地分手。女方去了巴黎，和一个法国动物学教授结婚。男方和一个律师在家后就改行研究考古学，并很有成就，为世界同行们承认，其大名也被收入《名人录》。那时父母终于心安。　　那时父母正是这样组合的典型：男方意志坚定，注重名誉，决不愿自己或亲人冒傻气，十分讲究自己在公众中的形象。女方也很注重名誉，举止力求不落下口舌把柄。这样一来，女方自然少言少语，稳重端庄；但男方能理解她那颗实际上很敏感的心，并更生爱怜。更迫切地要保护这个外刚内柔的女子。　　他们的性生活大概会比较单调，而且双方都无意间克制自己的激情，但又能很努力地配合对方。他们日常起居也很有规律，以至邻人可以以他们的活动来作时刻表。因此他们应时常打破习惯，来点小小变化，如每周出去吃几次晚饭，而且不妨去日式餐厅领略东方情调，或晚点上床，一起去户外看星空，还可以起个大早，等太阳升起后再携手踏着露水往家走。不过，最好变化莫过于二人同时学习古老的面相学。这种学习需要实践，彼此就是最好的研究实践对象。长久相互注视，会再次从对方的表情上读到脉脉情意，会回忆起恋爱时节的欢悦，会感到时光留不住但爱情却永远不老……  </t>
  </si>
  <si>
    <t xml:space="preserve">揭陋松下电器（PANASONIC）内幕欢迎大家来讨论，有想买或已 </t>
  </si>
  <si>
    <t>松下不是松下辛之助那个时代的松下。  现在的松下只会随波逐流。根本不在意品质。。在意的是利润</t>
  </si>
  <si>
    <t xml:space="preserve">王者之戒所需的三个卷轴在那里能打到？请各位大虾指教了！！！！！！? </t>
  </si>
  <si>
    <t xml:space="preserve">03年5.1期间盛大举行的活动叫王者无敌一共7天 活动中某些特定的怪物身带3种卷轴这个特定怪物就是血魔中州刷的血魔爆英雄年代土城刷的血魔爆梦幻国度禁地刷的血魔爆传奇世界3种卷轴传奇世界出的最少7天总共也就3-5个我打了3个英雄年代1000w加冥日加了条记忆链换了个梦幻国度只可惜没弄到传奇世界 我们区一共出了2个传奇世界卷轴 都让1个人收去了至今我的小号里还有个英雄年代卷轴呢  什么用也没有  留做纪念好了当时他用一对法戒换到了传奇世界的卷轴  </t>
  </si>
  <si>
    <t xml:space="preserve">在那下载补丁 </t>
  </si>
  <si>
    <t xml:space="preserve">  一般自动就更新了</t>
  </si>
  <si>
    <t xml:space="preserve">收藏夹怎么复制？电脑由于总有毛病，所以经常做系统。每次收藏夹里的 </t>
  </si>
  <si>
    <t>纠正一下，准确的说，应该是夹的备份！以下是事后补救措施，很简单的两招，不管用的话，偶就不是帅哥^_^■窗口—→菜单栏“文件”—→导入和导出—→下一步—→选择：导出收藏夹—→下一步—→选择：Favorites—→……以下按提示操作就是。导出地址除系统盘以外的均可以。恢复时，按同样操作，选择“导入收藏夹”就是，OK！■打开C:\Documents and Settings\账户名\Favorites，复制文件夹“Favorites”到别处就是。恢复时，用同样方法粘贴过来，覆盖同名文件夹“Favorites”【私房密招】一劳永逸法，系统装完后立马将收藏夹挪动位置。打开注册表，找到[ HKEY__CURRENT USER/Software/Microsoft/Windows/CurrentVersion/Explorer/UserShell Folders],在左侧的窗格找到并双击名为‘Favorites’健值，在打开的窗口输入你希望收藏夹位于的路径，（例如：e:/收藏夹），按F5刷新并退出注册表。 打开IE，这时，系统会在E盘建立一个名为‘收藏夹’的文件夹，现在只要将C:\Documents and Settings\账户名\Favorites拷贝到E盘的这个‘收藏夹’文件夹中即可。以后收藏的东西会自动到里面去。</t>
  </si>
  <si>
    <t xml:space="preserve">刚从药店回来，看到有回收三精蓝瓶的活动，在哪参加呢？我家孩子这几 </t>
  </si>
  <si>
    <t>去三精药店或者厂家去问。</t>
  </si>
  <si>
    <t xml:space="preserve">请问上海古籍出版社用英文怎么翻译？ </t>
  </si>
  <si>
    <t>上海古籍出版社 Shanghai Ancient Books Press for reference only</t>
  </si>
  <si>
    <t xml:space="preserve">问个价格``请进!!!!!!!!!!!想买一套第８套的　太阳　男 </t>
  </si>
  <si>
    <t>至少要5000W-6000W左右吧.</t>
  </si>
  <si>
    <t xml:space="preserve">安卓手机不停的跳屏是什么原因？ </t>
  </si>
  <si>
    <t>跳屏，是指触摸屏手机屏幕某一部分失控，无节操胡乱点击，或者某个按键重复点击。跳屏可能会导致某些按键失灵。至今，网上没有一个能完美解决跳屏问题的方法。跳屏问题也会出现在电脑上。简介编辑跳屏，是指触摸屏手机屏幕某一部分失控，无节操胡乱点击，或者某个按键重复点击。跳屏，还可能导致某些按键失灵。至今，网上没有一个能完美解决跳屏问题的方法。此现象主要发生在一些中低端手机产品上。2跳屏原因编辑关于跳屏的原因，网友众说纷纭，归纳为以下几种情况：1、网络信号不稳定2、屏幕表面产生的电流3、刷的rom与手机不匹配4、radio基带未升级。5、硬件问题，手机可能释放翻新机，屏幕可能是次品。6、排线问题。7、与你是否用原电原充及手机屏幕是电容还是电阻有关。8、手机数据问题。</t>
  </si>
  <si>
    <t xml:space="preserve">防御等级好还是防御技能好 </t>
  </si>
  <si>
    <t>装备的防御等级也是提高你的防御技能的!不过你刚说你才350的技能是不是有点太低了?是不是防御天赋啊??一般70的T都需要防御技能480+.KLZ最少要求495+</t>
  </si>
  <si>
    <t xml:space="preserve">手机PIN1能锁了,能查出PNK1码吗?我的手机显示PIN1给锁 </t>
  </si>
  <si>
    <t xml:space="preserve">  你只有打电话问移动公司（联通卡就问联通公司）了，因为SIM卡的PUK码只有服务商才知道，如果错输10次以上卡就作废了...</t>
  </si>
  <si>
    <t xml:space="preserve">请教老师请老师推荐一只明天能买入的股票 </t>
  </si>
  <si>
    <t>600241短线反弹，放量可入。</t>
  </si>
  <si>
    <t xml:space="preserve">请问：北京三环都包括哪几个区？北京三环都包括哪几个区？三环以外都 </t>
  </si>
  <si>
    <t>.....无语了我朝阳区是在二环外过五环了三环里有的区是东城,西城,宣武,海淀,崇文,丰台三环外嘛朝阳,海淀,丰台,石景山,大兴,通州,昌平,怀柔,密云,延庆,顺义,门头沟有什么不清楚的,自己看地图吧</t>
  </si>
  <si>
    <t xml:space="preserve">郑州火车票订票在哪取？我现在在北京，今天通过郑州的订票电话066 </t>
  </si>
  <si>
    <t>从火车站北出站口出来一直向前走150米然后向北走200米就到东方红电影院了,电影院对面(也就是路西)就是你要找的取票处.</t>
  </si>
  <si>
    <t>应纳税所得额=利润总额+纳税调整增加额</t>
  </si>
  <si>
    <t>应纳税所得额=利润总额+纳税调整增加额-纳税调整减少额-弥补以前年度亏损（1）如果是负数，不交所得税。（2）如果是正数，要交所得税。</t>
  </si>
  <si>
    <t xml:space="preserve">她很爱我，我很爱她，却不能走到一起，她是我的网友。大我12岁，我? </t>
  </si>
  <si>
    <t>这个问题还是问自己好!!</t>
  </si>
  <si>
    <t xml:space="preserve">做爱只有十五分钟,算短吗我每次做爱都是十五分钟内,别人都说半个小 </t>
  </si>
  <si>
    <t>当然不算短了！自己动脑想一想不要盲目的相信别人的说法！</t>
  </si>
  <si>
    <t xml:space="preserve">腰肌劳伤及大腿痛某天早上醒来想起床去上课,突然发现腰部和左大腿很 </t>
  </si>
  <si>
    <t>同意楼上学长的意见，腰椎间盘突出症只能是拍cT或核磁共振才能确诊。我下面的转贴回答可能有点答非所问了，不过可能对于你了解腰椎间盘突出症可能会有所帮助，建议你抽空阅读。 转帖：腰椎间盘突出症 腰椎间盘突出症是临床上较为常见的腰部疾患之一,是骨伤科的常见病、多发病。主要是因为腰椎间盘各部分（髓核、纤维环及软骨板），尤其是髓核，有不同程度的退行性改变后，在外界因素的作用下，椎间盘的纤维环破裂，髓核组织从破裂之处突出（或脱出）于后方或椎管内，导致相邻的组织，如脊神经根、脊髓等遭受刺激或压迫，从而产生腰部疼痛，一侧下肢或双下肢麻木、疼痛等一系列临床症状。 腰椎间盘突出症是西医的诊断，没有此病名。而是把该症统归于“腰痛”、“腰腿痛”这一范畴内。对于腰腿痛祖国医学早有记载，认识也很深刻。 腰椎间盘突出症的病因 （1）腰椎间盘的退行性改变：髓核的退变主要表现为含水量的降低，并可因失水引起推节失稳、松动等小范围的病理改变；纤维环的退变主要表现为坚韧程度的降低。 （2）外力的作用：长期反复的外力造成的轻微损害，日积月累地作用于腰椎间盘，加重了退变的程度。 （3）椎间盘自身解剖因素的弱点：①椎间盘在成人之后逐渐缺乏血液循环，修复能力差。在上述因素作用的基础上，某种可导致椎间盘所承受压力突然升高的诱发因素，就可能使弹性较差的髓核穿过已变得不太坚韧的纤维环，从而造成髓核突出。 腰椎间盘突出症诱发因素可以有； ①突然的负重或闪腰，是形成纤维环破裂的主要原因。②腰部外伤使已退变的髓核突出。 ③姿势不当诱发髓核突出。 ④腹压增高时也可发生髓核突出。 ⑤受寒与受湿。寒冷或潮湿可引起小血管收缩、肌肉痉挛，使椎间盘的压力增加，也可能造成退变的椎间盘担裂。外在因素为负重过大或快速弯腰、侧屈、旋转形成纤维环破裂，或腰部外伤，日常生活工作姿势不当，也可发生腰椎间盘突出。 中医认为腰腿痛（腰椎间盘突出）的主要病因病机是： 肾气虚伤，风寒湿邪乘虚而入，结于筋脉肌骨不散，加之伤劳过度，扭闪挫跌，复致筋脉受损瘀阻经络，不通为痛，故见腰痛如折，转摇不能，腰腿酸麻拘急，往往迁延难愈。 因此，外伤及风寒湿邪是导致腰椎间盘突出症的外因，肾虚是腰椎间盘突出症的内因。 腰椎间盘突出症的体征及临床表现： 主要是下腰痛和坐骨神经痛，发病前常有腰部扭伤史，腰部劳累史或腰部受寒史。 此腰腿痛因行走站立久坐等活动后加重，卧床休息后可暂时缓解，一侧或双侧下肢痛沿坐骨神经分布的放射痛，沿臀部到大腿后面或外侧及小腿外后侧至足背或足底，个别病人疼痛可始于小腿或外踝。 半数病人可因咳嗽、打喷嚏或腹部用力而下肢疼痛加重。对于高位的腰间盘突出症患者，其症状多表现于下腹部腹股沟区或大腿前内侧疼痛。中央型椎间盘巨大突出患者，可发生大小便异常或失禁、马鞍区麻木，严重者可出现足下垂。有一部分腰椎间盘突出的患者，因其腰部交感神经受刺激而表现出下肢发凉，有的还可出现单侧或双侧下肢水肿。 腰椎间盘突出症如何确诊？ 现代医学对于腰椎间盘突出症检查确诊方法有：X光片和CT，MRI（核磁共振）检查。就特点而定，如X光片与CT检查则对骨组织的病变灵敏度较高， MRI（核磁共振）对软组织病变的灵敏度较高。腰椎CT或MRI可明确诊断。 腰椎间盘突出症的治疗 腰椎间盘突出症的主要问题是突出物压迫神经根，及随之而产生的神经根周围无菌性炎症。治疗的关键是解除突出物对神经根的压迫，消除无菌性炎症的化学刺激，且不增加病人痛苦。若压迫未能完全解除，只要炎症消退，也可获得基本治愈，临床上治疗方法很多，但对不同的患者应根据不同的病情选择适宜的方法进行治疗。 腰椎间盘突出症的几种治疗方法： 非手术治疗也称保守治疗，常用的方法有：中药直接外敷祛、各种中、西药物治疗、牵引治疗、推拿手法治疗、物理治疗、针灸治疗、中药外敷熏洗，甚至单纯的卧床休息也是一种传统而有效的治疗方法。 手术治疗腰椎间盘突出症的方法经长期发展已经较为成熟，手术疗法则包括融合术、减压术、后路手术等.副作用就是手术毕竟有一定风险而且费用较高，手术后也存在复发的可能因素。此外，还有介于手术和非手术之间的介入治疗，如经皮髓核抽吸术，胶元酶溶解术，椎间盘激光溶核术等副作用也是有一定风险且治疗费用也相对较多。 总之，医生和患者应根据具体的病理变化和症状表现以及经济条件，选用适当的治疗方法。 保守治疗多采用尽量减少病人损伤的方法进行治疗，故常被称为“保守治疗”。80%～90%的病人可经非手术方法治疗而愈，此方法对于患者而言最为安全，治疗费用也较为低廉且疗效较佳。 腰椎牵引 腰椎牵引可使腰椎间隙增大，造成椎间盘内的负压，加之后纵韧带的紧张，有利于突出的髓核部分还纳或改变其与神经根的关系。椎间隙的增大，关节突关节的拉开，使椎间孔恢复正常的外形，从而解除对神经根的挤压。牵引可缓解肌肉痉挛、减轻椎间压力。牵引有利于使腰椎后关节微细异常的改变恢复到正常关系，使脊柱后关节嵌顿的滑膜复位，或使关节突关节的轻微错位得到复位，但单纯牵引很难达到较好效果，实践证明：颈腰椎牵引最好能够配合“中医正骨”手法同用效果才理想。还有就是过度牵引容易导致腰脊椎不稳、疼痛加重。 腰椎间盘突出症的针灸治疗 针灸疗法临床上应用的主要依据是中医基础理论，具有通表里、贯上下、行气血、营阴阳的作用。针灸治病，是直接作用于腧穴，通过经络的传导和反应，来调整人体的营养气血和脏腑功能，治愈疾病。但针灸疗效对于腰椎间盘突出症只能说是一种辅助疗法。 腰椎间盘突出症推拿治疗 祖国医学认为推拿治疗的主要作用为疏通经络、促进气血运行、调整脏腑功能和舒筋活络、活血散瘀、松解粘连、滑利关节。此外，它可配合中药外敷法同治，能增强人体抗病能力，达到较好的保健康复作用。其主要机理是：（1）降低椎间盘内压力，增加椎间盘外界的压力，（2）使突出物复位回纳，改变突出物的位置，（3）调节后关节紊乱并使之复位，以解除神经根压迫。（4）促进局部血液循环，消除炎症反应，松解粘连，减少对神经根的刺激。（4）放松腰腿部肌肉，加强局部气血循环，促使受损伤的神经根恢复。（5）缓解疼痛。 腰椎间盘突出症的中药治疗 使用药物治疗是一种辅助手段，可配合外敷药同治效果则较明显易达到理想效果。依据祖国医学的基础理论，结合患者的具体病情，选用适当的中药组方，可以有效地治疗腰椎间盘突出症。 (1)对发病早期及气滞血瘀明显者，重用通经活血、舒筋止痛之药，如“小活络丸”、“大活络丸”、“抗骨质增生片”…等。 (2)对寒湿重者加健脾利湿药；对风湿重者加祛风除湿药：如“独活寄生汤”加减…。 (3)对病程较长的患者可选用一些补肾阳或肾阴药，如猪腰炖杜仲、枸杞、肉苁蓉…或“六味地黄丸”…。 总之，不管如何遣方用药，都要以辨证施治为最主要的原则，才能取得满意的疗效。 腰椎间盘突出症中药外治法 中药外治法是祖国医学的传统疗法之一。早在《内经》时代就记载了敷贴、药熨、熏淋、洗涤等多种外治疗法。在骨伤科中，外治法的应用更为广泛。 临床证实，使用活血化瘀，舒筋止痛的中药在腰部贴敷，对缓解症状十分有效而且价格低廉。为使用方便，许多外用中药已加工成膏药、纯中药粉剂、酊剂、油剂等成药。 外敷中药的品种很多，如“坎离砂”， “化坚膏”， “骨质增生外敷灵” “颈腰腿痛保健贴” “骨质增生型安痛保健贴”…等中药外敷方剂均为自热药，临床证实效果都很不错、而且价格也很便宜，中药外敷患处此方最为经济安全且药力可直达病灶，无副作用，此方法最为简单方便且效果明显。副作用就是每次贴敷时间不能过长（注意：上药均为外敷药，用水或醋或低度白酒调敷均可，调敷后贴于患处自动发热，故每次不能无限制外敷、以免皮肤发赤起泡）。 “坎离砂” “化坚膏” “骨质增生外敷灵” “颈腰腿痛保健贴” “骨质增生型安痛保健贴” ……都适应于：骨质增生、腰间盘突出、关节炎、腰肌劳损、颈肩腰腿疼等无菌性炎症老年患者，也适用于中青年患者。 中药外敷其功能概括的讲就是：通经引络散寒祛湿、通窍消炎，走串散结，消肿止痛。其作用原理：通过皮肤直达病灶，疏通障碍，同时刺激皮肤改善微循环并激发人体调节功能，促进软骨关节代谢恢复平衡，从而消除病变，达到理想的目的。 卧床休息 脊柱的退行性变与负重有着密不可分的关系。严格而科学的卧床休息，首先就去除了使腰椎病变进一步发展的主要因素，给疾病的恢复创造了必要的条件。 卧床休息是腰椎间盘突出症最基本的治疗方法，卧床休息可减少神经炎性物质毒素吸收、促进炎症消退和恢复，也可以防止神经纤维粘连发生。绝对的卧床休息就是让病人平卧在硬板床上，只允许在床上翻身，而不允许坐起或站立，进食及大小便时也不能站起来。一般卧床休息3～4周即可见效。急性发作期症状较为严重的患者，还可考虑在卧床休息的同时加用牵引治疗，中药外敷治疗，这样可以得到更的治疗效果。 在卧床一段时间后，如配合中药内服外敷、推拿、针灸、理疗等方法进行综合治疗，会取得更好的疗效。 腰围的佩带 腰围是骨科常用的支具中的一种，其主要作用是制动与保护。 (1)制动作用。当佩戴上腰围时，对腰椎的活动，尤其是前屈活动会起到限制作用，使腰椎局部组织可以得到相对充分的休息，缓解肌肉痉挛，促进血运的恢复，消散致痛物质，使神经根周围及椎间关节的炎症反应得以减轻或消失。 (2)保护作用。腰围能加强腰椎的稳定性，因此当腰椎间盘突出症的患者经卧床或牵引后开始下地活动时，佩戴腰围可加强保护，使腰椎的活动量和活动范围受到一定限制，巩固前期治疗效果。 腰围在治疗腰椎间盘突出症的过程中使用范围较广，但其佩戴和使用并不是随意的，佩戴腰围一般为4～6周，最长不应超过3个月。选择腰围的规格应与患者体型相适应， 腰椎间盘突出症病人护理 急性期应睡硬板床，绝对卧床3周，配合药物内服与中药外治贴敷同治。 避免咳嗽、打喷嚏，防止便秘。 等症状明显好转，可逐步进行背肌锻炼，并在腰围保护下，下地做轻微活动。 预防腰椎间盘突出症复发 腰椎间盘突出症患者经过治疗和休息后，可使病情缓解或痊愈，但该病的复发率相当高，原因为： (1)腰椎间盘突出症经过治疗后，虽然症状基本消失，但许多病人髓核并未完全还纳回去，只是压迫神经根程度有所缓解，或者是和神经根的粘连解除而己。 (2)腰椎间盘突出症病人病情虽已稳定或痊愈，但在短时间内，一旦劳累或扭伤腰部可使髓核再次突出，导致本病复发。 (3)在寒冷、潮湿季节未注意保暖，风寒湿邪侵袭人体的患病部位，加之劳累容易诱发本病的复发。 （4）肝肾亏损未能及时补充恢复。中医认为，肾藏精、主骨；肝藏血、主筋。肾精充足、肝血盈满，则筋骨劲强、关节灵活。肝肾亏损、生理性机能减退，肝肾精血不足，致使筋骨失养，易导致骨关节病的复发或骨病的不易愈合。所以平时一定要补肾强骨壮腰骨病才不易复发。 (5）术后的病人虽然该节段髓核已摘除，但手术后该节段上、下的脊椎稳定性欠佳，故在手术节段上、下二节段的椎间盘易脱出，而导致腰椎间盘突出症的复发。 转贴出自：增生腰腿 膝 痛 《求医问药专家网》</t>
  </si>
  <si>
    <t xml:space="preserve">电影《大腕》中关之琳的英语是不是配音？还是她本来说得就好 </t>
  </si>
  <si>
    <t>不知道，我看到这段的时候也很吃惊，因为发音太标准了～！但是看她的口型也不太像是配的，所以我现在深切　感慨中．．一并怀疑中</t>
  </si>
  <si>
    <t xml:space="preserve">谁会为意大利打进第一球? </t>
  </si>
  <si>
    <t>皮尔洛任意球破门！！！</t>
  </si>
  <si>
    <t xml:space="preserve">成都那里可以接受捐赠的衣服家里有旧衣服有些还是很新的只是不合身了 </t>
  </si>
  <si>
    <t>可以捐到：四川省慈善总会地址：成都市芷泉街55号邮编：610061电话：84423091有爱心，赞！</t>
  </si>
  <si>
    <t xml:space="preserve">房事后吃药为什么来那个颜色不正常老婆今天早上来的那个 </t>
  </si>
  <si>
    <t>药物含有的雌性激素影响所致。不能多吃。要爱惜自己的老婆阿，怎么能让她吃药？最好用安全套，</t>
  </si>
  <si>
    <t xml:space="preserve">学习技能之后把技术点洗掉；技能会变吗？！觉得技术太多想洗回攻击点 </t>
  </si>
  <si>
    <t>技术是可以洗，但你原来的技能就会显示为红色，不能用拉。技术点不能低于学习技能的最低值。也就是90技能一定要有25点才能有</t>
  </si>
  <si>
    <t xml:space="preserve">孕期反映的问题我怀孕前80天几乎没有什么反映，可是过了80天后， </t>
  </si>
  <si>
    <t>每个人的孕期反应都是不同的，象我是到怀孕六个月的时候才开始有孕吐的现象，吐了两次就没有再吐，所以你可以放心，有孕吐反应是正常的，书上说的只是绝大多数人，并不是全部都这样，放心吧。</t>
  </si>
  <si>
    <t>看看鞋多少钱?!</t>
  </si>
  <si>
    <t>4000W左右。。。</t>
  </si>
  <si>
    <t xml:space="preserve">工匠一转任务怪的地点那个布基鼠人和队长在哪个地方?是在米矿山里面 </t>
  </si>
  <si>
    <t>三章改位置了。鼠人在废弃矿坑的2层还是3层，旁边有白骨将军和猫眼兽是主动。队长也在矿坑，不过在多玛出现的那个圆形坑，旁边有矿坑蝙蝠是主动。千万别跑米矿去，那里多了好多主动的魔法攻击的怪物。另，兽人位置据说改到了古村南方。就是从村子出来，往遗忘那个方向跑，在路的左边还是右边就记不得了。</t>
  </si>
  <si>
    <t xml:space="preserve">圣诞礼物为什么要装在袜子里？ </t>
  </si>
  <si>
    <t>很久很久以前，一个贵族男人的妻子因病去世了，留下三个年幼的女儿和那个沉陷在悲凄中的男人。由于男人在金钱上的挥霍和投资上的失败，他最终失去了所有的钱财而令陷入了极度的困境，最后他们不得不搬到一个农舍里居住，和孩子们开始了日出而作，日落而归的平民生活。 三个女儿终于到了谈婚论嫁的年龄，父亲因没有足够的钱财为女儿办理嫁妆而令三个女儿迟迟未嫁。 一天夜里，女儿把洗干净了的衣服和袜子凉在壁炉旁，让炉子里的热气将衣服烤干。这时，深知孩子及其父亲困惑的圣·尼古拉斯来到他们的屋子外面，他从窗户往里张望，看到了那些个烘烤着的袜子，此时孩子和她们的父亲已经睡去。圣·尼古拉斯突然产生灵感，他从自己的烟袋里取出三袋黄金，并把它们从烟囱口扔了进去，正好让这三袋黄金分别装进了三只不同的袜子里。 第二天清晨，当姑娘们从梦中醒来后，惊奇地发现自己的袜子里装满了沉甸甸的黄金，这些黄金足以让她们备齐所有的嫁妆。就这样，姑娘们终于得以出嫁，孩子的父亲从此也过上了幸福美满的生活。 从此，世界上很多地方的孩子们沿袭了这样一个传统的习惯，就是在平安夜里会将红袜子挂在家中的某个地方。比如，在法国，孩子们喜欢把袜子挂在壁炉旁；在更早以前，孩子们喜欢在这个时候穿上木制的小靴子。 在荷兰，孩子们会用袜子为马儿填充干草；在匈牙利，孩子们会把他们的皮靴擦的蹭亮，并将其摆放在门边或窗台下。 在意大利，孩子们会在来年的1月5日的主显节之前，为La Befana把鞋子放到屋外。在波多黎各岛，孩子们喜欢将一个盛有鲜花绿草的小盒子放到床底下，以供奉三王的骆驼。</t>
  </si>
  <si>
    <t xml:space="preserve">急电脑问题在猫儿都正常工作的情况下，电脑总显示“本地连接，网络电 </t>
  </si>
  <si>
    <t xml:space="preserve">EGG(鸡蛋)怎么读，请用拼音标注，并写出声调。 </t>
  </si>
  <si>
    <t>读 ai（艾） ge（个）  ai 四声 ge 轻读.</t>
  </si>
  <si>
    <t xml:space="preserve">事业单位转正定级的标准背景：全日制大学本科毕业，有毕业证、学位证 </t>
  </si>
  <si>
    <t>1、《公务员法》第三十二条：“新录用的公务员试用期为一年。试用期满合格的，予以任职；不合格的，取消录用。”和第三十六条规定：“定期考核的结果分为优秀、称职、基本称职和不称职四个等次。”所以，不是“最后一名”不能转正，而是不称职的不能转正。 2、转正定级的标准是《公务员法》第十一条：“公务员应当具备下列条件：　　（一）具有中华人民共和国国籍；　　（二）年满十八周岁；　　（三）拥护中华人民共和国宪法；　　（四）具有良好的品行；　　（五）具有正常履行职责的身体条件；　　（六）具有符合职位要求的程度和工作能力；　　（七）法律规定的其他条件。”要如何维护自身权利？：适用《公务员法》第九十条：“公务员对涉及本人的下列人事处理不服的，可以自知道该人事处理之日起三十日内向原处理机关申请复核；对复核结果不服的，可以自接到复核决定之日起十五日内，按照规定向同级公务员主管部门或者作出该人事处理的机关的上一级机关提出申诉；也可以不经复核，自知道该人事处理之日起三十日内直接提出申诉：……（二）辞退或者取消录用；……”</t>
  </si>
  <si>
    <t>吃烟烧了枕头</t>
  </si>
  <si>
    <t>吸烟烧了枕头——怨不得别人</t>
  </si>
  <si>
    <t xml:space="preserve">谁谁知道外事北区附近哪有刻章子的啊。求救求救 </t>
  </si>
  <si>
    <t>在西辛庄路口那边 照相馆旁边  ,麻烦设置为【有用】哦!一般派出所附近的店铺有，进店里问问一般就知道的。（若我的回答对您有帮助，记得点击下方【有用】哦！谢谢就不用点击啦！）（如果我的回答有用，请设置成有用）（如果我的回答有用，请设置成有用）苏宁电器马路对面有一家，你去看看这种游击性的东西，就得多碰多遇然后多联系了，有很多都是联系不到了。在新华书店对面就有了</t>
  </si>
  <si>
    <t xml:space="preserve">血液健康相关问题请问献血以后如果血液中心确定自己血液没有任何异常 </t>
  </si>
  <si>
    <t>你的很多说法太过绝对。现代医学做不到这么绝对的肯定或否定问题。病毒有很多种。不携带任何病毒这种说法太绝对。有些病毒感染了对人体没有很大的影响就不去管它。血液中心献血检查合格，并不意味着血液没有任何问题。并不意味着完全健康。父亲是携带者，子女并不一定是携带着，需要检查后才知道。阴性指目前检测未发现病毒，并不是不能检测。病毒感染后通常有一段时间的窗口期，即：已经感染病毒但是抗体尚未产生，这段时间通常很多检查呈阴性，会漏掉患者。这没有办法是科学发展水平的原因。关于你的同学，很简单，可以查乙肝2对半，观察结果 ，如果第1项阳性，4、5或3、5阳性，就是平常说的小、大三阳，需要进一步查病毒量，同时给予相应治疗。</t>
  </si>
  <si>
    <t xml:space="preserve">有得了抑郁症完全康复的吗?如果癌是身体绝症,那抑郁症是不是就是精 </t>
  </si>
  <si>
    <t>我从抑郁症走过来，好了很多，非常多。偶尔也还会陷入忧郁。 负责任又非常扼要的说，抑郁症不是病，它是性格异常人格异常的结果 改变性格才会彻底“康复”。 如何改变性格？很简单但对于深陷忧郁的人来说非常难做到，那就是————和人在一起。多多的和人在一起。 改变我们的错误的认知系统。</t>
  </si>
  <si>
    <t xml:space="preserve">我是一个穷学生，没钱，可是又想５１过的快乐，充实，请问怎样可以过? </t>
  </si>
  <si>
    <t>五一假期不一定要出去旅游才能过得快乐。我是在北京上班，虽然家在河北，算是离北京很近了，但我是想用五一假期的时间去把北京所有的书店都逛一遍的，在书中我们可以得到很多快乐的。（但因为小妹在外地上学这次回家，所以后来又改变主意，回家看看家里人了，毕竟已经半年没有回家了呀，即使嘴上说再不想家，事实上也仍是时时挂念着的）当然，并不是每个人都像我一样喜欢书，所以还有一个度假的方法就是骑着自行车游京城呀（或者是你所在的城市）。虽然现在可能是买车的人比较多，但在我的感觉中仍是自行车最自由：如自由的精灵，游走在大街小巷，风中雨中，心可以很快乐很安静很自由……祝你过一个快乐的五一假期！^-^</t>
  </si>
  <si>
    <t xml:space="preserve">道具网通改鸟我道具网通想把102级改黑鸟4D4F换小龙或者巨龙， </t>
  </si>
  <si>
    <t>估计没人会换.首先你的鸟掉4防.精神和魔成长不会很高.其次你的水蓝蘑菇貌似也没什么人会养.2只加一起能卖70R就该偷笑了.而一只招牌1级的巨龙都要100以上.所以我想你的运气好点也就能换到高级招牌巨龙.掉什么都无所谓了.</t>
  </si>
  <si>
    <t xml:space="preserve">我的帐号怎么进不了服务器啊在选择服务器时进入不了游戏！！ </t>
  </si>
  <si>
    <t>你重新试几次就可以了!有时候会很慢的,服务器的问题!如果你帐号进不去,系统会显示你的帐号正在使用,或着停封之类的话!其他情况都可以进去!只是时间长短的问题!</t>
  </si>
  <si>
    <t xml:space="preserve">你好..我在微博上看视频是白屏...不知道是因为什么..你可以帮? </t>
  </si>
  <si>
    <t>换个浏览器试试吧</t>
  </si>
  <si>
    <t xml:space="preserve">雍正是不是篡位的啊步步惊心中康熙是说把皇位传给十四，雍正皇帝中却 </t>
  </si>
  <si>
    <t>这个早不是什么悬案了，你们都不留意新闻。几年前台湾故宫博物院已经展出了康熙遗嘱原件，是用满、汉两种文字写的，就是传给四皇子雍正，根本无法篡改！</t>
  </si>
  <si>
    <t xml:space="preserve">劲松桥到三元桥骑自行车多长时间？劲松桥到三元桥骑自行车上下班需要 </t>
  </si>
  <si>
    <t>使用公路赛车， 大约20分钟使用一般自行车， 35分钟左右！</t>
  </si>
  <si>
    <t xml:space="preserve">怎么回事？为什么这段时间上传奇，老是掉线哦，上去几分钟就掉，怎么 </t>
  </si>
  <si>
    <t>应该不是掉线吧，是卡住了吧，你是不是遇到这样的事，玩着玩着就卡住不动了，等了十多秒还不行，你就退出来了，是这样的，遇到这样不要退，等下就好了，要不是这样的话，就是你们服务器出问题了，要不就是你自己的网络有问题。</t>
  </si>
  <si>
    <t xml:space="preserve">怎样挽回我的女朋友，善良、智慧而有经验的人救救我吧！三年里，她爱 </t>
  </si>
  <si>
    <t>女生决定放弃就是真的打算放弃了 她能对你好三年，可见爱你之深，你自己不珍惜啊而且看你这三年的表现就不是个好男人  作为她的立场 离开你才会幸福啊 但是 这是给你想办法哈 呵呵 你的最大的优势就得她爱你  但是她也不是傻姑娘 知道和那个人在一起的好  你得让她知道你会对她好 还得讨好她父母的欢心啊  如果自己爱的男人可以给自己幸福 怎么还会去在乎其他男人  去找他吧  做些感动她的事  女人最怕是感动 我要和我男朋友分的时候  他就过来在我楼下等我  真的  女的在没见着对方时可以很冷静  但是只要见了  就完全控制不住感情了  她以往和你最开心的事  可以多说说  还有你应该知道他喜欢你的某些行为吧  此时不表现 更待何时</t>
  </si>
  <si>
    <t xml:space="preserve">恶魔城问题请问哪里能够找到恶魔城——暗黑的诅咒/007最新作的功 </t>
  </si>
  <si>
    <t>恶魔城—暗黑的诅咒图文攻略： 007来自俄罗斯的爱情攻略： 007来自俄罗斯的爱情攻略可能要注册才能够进入，但是免费注册的！</t>
  </si>
  <si>
    <t xml:space="preserve">狗狗怀孕能不能吃鸡骨头？？？ </t>
  </si>
  <si>
    <t>不能吃骨头，听说能化胎！</t>
  </si>
  <si>
    <t xml:space="preserve">求问一个圈鸡直多少钱抗3的70及20W武学本区会员2600 </t>
  </si>
  <si>
    <t>20卡左右吧 也许会到25卡350~450RMB左右吧</t>
  </si>
  <si>
    <t xml:space="preserve">北京海淀区哪里有纯银耳环卖？想知道北京海淀区哪里有纯银耳环卖，价 </t>
  </si>
  <si>
    <t>中国农业大学旁的金码大厦三层以及北京科技大学西门的五道口服装市场里有纯银耳环卖</t>
  </si>
  <si>
    <t xml:space="preserve">抓1级海豚一般盟约要几？几级卡？谁能解答一下？ </t>
  </si>
  <si>
    <t>道具区吧?现在道具区1级海豚抓不了,我丢了100张卡也没抓进来,野的可以抓,已经向GM反映了</t>
  </si>
  <si>
    <t xml:space="preserve">什么是国债？我国目前发行哪几种国债？ </t>
  </si>
  <si>
    <t>国债是由政府发行的债券。与其它类型债券相比较，国债的发行主体是国家，具有极高的信用度，被誉为“金边债券”。我国目前发行的普通型国债主要可分为凭证式国债、记帐式国债和无记名（实物）国债三种，特殊型国债主要有定向债券、特种国债和专项国债等几种。　 凭证式国债：是一种国家储蓄债，可记名、挂失，以“凭证式国债收款凭证”记录债权，可提前兑付，不能上市流通，从购买之日起记息。记帐式国债：以记帐形式记录债权，通过无纸化方式发行和交易，可以记名、挂失。无记名（实物）国债：是一种实物债券，以实物券的形式记录债权，不记名、不挂失，可上市流通。定向债券：为筹集国家建设资金，加强社会保险基金的投资管理，经国务院批准，由财政部采取主要向养老保险基金、待业保险基金（简称：“两金”）及其它社会保险基金定向募集的债券，称为“特种定向债券”，简称“定向债券”。　特别国债：经第八届全国人大常委会第３０次会议审议批准，财政部于１９９８年８月向四大国有独资商业银行发行了２７００亿元长期特别国债，所筹集的资金全部用于补充国有独资商业银行资本金。　 专项国债：经九届全国人大常委会第四次会议审议通 过，财政部于１９９８年９月面向中国工商银行、中国农业银 行、中国银行和中国建设银行等４家国有商业银行发行了 １０００亿、年利率５．５％的１０年期附息国债，专项用于国民经济和社会发展急需的基础设施投入。</t>
  </si>
  <si>
    <t xml:space="preserve">南瓜能生吃吗？怎么吃？ </t>
  </si>
  <si>
    <t>传统认为南瓜不能生吃啊，你如果想搞创新也可以尝试一下不过南瓜子晒干几可以吃，嘿嘿！</t>
  </si>
  <si>
    <t xml:space="preserve">“暮而果大亡其财”出自哪？何意？ </t>
  </si>
  <si>
    <t>寓言出自《韩非子·说(shuì)难》，人们后加的题目为《智子疑邻》。“暮而果大亡其财”意思是：到晚上，他们家的财物果然丢失了很多。析： 暮：晚上，这里用在连词。而：前面作后面动词的状语，表示时间。而。连词，就．果：副词，果真，果然；表示情况的发展同事先设想的一致。大：副词，大大的；表示程度之甚。亡：丢失。其：代词，代富人。</t>
  </si>
  <si>
    <t xml:space="preserve">数学Rt△AOB中，∠OAB=л/6,斜边AB=4,Rt△AOC </t>
  </si>
  <si>
    <t>Rt△AOB中，∠OAB=л/6,斜边AB=4,Rt△可以通过Rt△AOB以直线AO为轴旋转得到，且二面角B-AO-C是直二面角，动点D在斜边AB上。（1）求证平面COD⊥平面AOB 已知Rt△AOB中，AB为斜边所以，∠AOB=90°即，AO⊥OB而Rt△AOC是Rt△AOB绕AO旋转所得所以，AO⊥OC又CO⊥BO所以，CO⊥面AOB而CO包含于面COD所以，面COD⊥面AOB(2)当D为AB中点时，求异面直线AO与CD所成角大小。如图，过点D作OB的垂线，垂足为E，连接CE因为AO⊥OB，AO⊥OC所以，AO⊥面BOC因为AO⊥OB，DE⊥OB所以，DE//AO所以，DE⊥面BOC则，DE⊥EC即，△DEC为直角三角形又，BO⊥AO，CO⊥AO所以，∠BOC就是二面角B-AO-C的平面角则，∠BOC=90°即，△BOC为直角三角形在Rt△AOB中，AB=4，∠OAB=30°所以，OB=2，AO=2√3而点D为AB中点，DE//AO所以，DE为△AOB的中位线所以，OE=OB/2=1，DE=AO/2=√3在Rt△COE中由勾股定理得到：CE^2=OC^2+OE^2=2^2+1^2=5所以，CE=√5所以，在Rt△DEC中，tan∠EDC=CE/DE=(√5)/(√3)=(√15)/3则，∠EDC=arctan(√15/3)因为DE//AO所以，∠EDC就是异面直线AO、CD所成的角即，异面直线AO、CD所成的角为arctan(√15/3)（3）求CD与平面AOB所成角最大值。过点C作面AOB的垂线因为CO⊥AO，CO⊥BO所以，CO⊥面AOB则点C在面AOB内的射影就是点O那么，∠CDO就是CD与面AOB所成的角连接OD设AD=x那么，在△OAD中由余弦定理得到：OD^2=AO^2+AD^2-2AO*AD*cos∠OAD=(2√3)^2+x^2-2*2√3*x*(√3/2)=12+x^2-6x所以，OD=√(x^2-6x+12)因为CO⊥面AOB所以，CO⊥OD即，△COD为直角三角形所以，tan∠CDO=CO/OD=2/√(x^2-6x+12)=2/√[(x-3)^2+3]那么，x=3时，tan∠CDO有最大值=2/√3所以，∠CDO的最大值为arctan(2√3/3)即，CD与面AOB所成角的最大值为arctan(2√3/3)</t>
  </si>
  <si>
    <t xml:space="preserve">何谓自然法与实在法 </t>
  </si>
  <si>
    <t>自然法是一种法律思想或学派，其主张有一个实质的法价值存在，这个法价值乃独立于“实定法”之外，且作为检定此“实定法”是否有正当性的标准。自然法学说认为，在自然，特别是在人的自然本性中，存在着一个理性的秩序，这个秩序提供一个独立于人〔国家立法者〕意志之外的客观价值立场，并以此立场去对法律及政治的结构作批判性的评价。自然法的权利，从某种意义上讲就是意谓着由自然，也就是说由人的本性、由社会的本性、以及甚至由物的本性中，可演绎出某些法则，这些法则可供给一个整体而言对人类行为举止适切的规定。而实体法比较简单，是程序法的对称，是指从实际内容上规定人们之间的权利与义务关系的法律，如宪法、刑法、民法、经济法等。</t>
  </si>
  <si>
    <t>维拉加油啊!维拉进一个,追平就有希望拉!01伯明翰(15)12</t>
  </si>
  <si>
    <t>你有希望，祝你中奖</t>
  </si>
  <si>
    <t xml:space="preserve">广州番禺区海马销售店在哪里我住在番禺区市桥,想购买海马福美来,请 </t>
  </si>
  <si>
    <t>在迎宾路天安对面金冠旁有一间</t>
  </si>
  <si>
    <t xml:space="preserve">对联:何物动人,二月杏花八月桂. </t>
  </si>
  <si>
    <t xml:space="preserve">此事伤心，千丝垂柳万丝情 </t>
  </si>
  <si>
    <t xml:space="preserve">北京那里买索爱最便宜 </t>
  </si>
  <si>
    <t>复兴门一带是北京手机的集散地,但假货 2手翻新货很多,去那买一定要小心.西内大街原来也比较火,现在好像差点了,货必复兴门也好不到那去.正规的还是去中复,好像最近苏宁在弄什么手机节,不知道结束没有,有时间的话再比较一下中大和国美,就能找到最便宜的了.good luck</t>
  </si>
  <si>
    <t xml:space="preserve">早上起床或每次睡醒时，打喷嚏、流眼泪是过敏性鼻炎吗？ </t>
  </si>
  <si>
    <t xml:space="preserve">您的症状应该是属于鼻过敏的一种，临床上称为血管性鼻炎。下面是关于鼻过敏症的介绍，你可以参考一下，建议您及时就医确诊之后对症治疗。在临床上，鼻过敏症可分为两种，抗原清楚的就称之为过敏性鼻炎，抗原不清楚的就称之为血管运动性鼻炎，而过敏性鼻炎分为季节性和常年性两种临床类型，季节性过性鼻炎有季节性，主要是花粉引发本病，故又称花粉症，常年性过敏性鼻炎一年四季皆发病，以屋内尘？真菌等微生物引发本病为主。血管运动性鼻炎则是一种非过敏性，非炎症性，患者主要是受到气候变化，空气污染或情绪的影响，造成自律神经失调，而产生的主要症状为鼻塞，水性鼻漏或有头痛、鼻、眼、咽喉搔痒感及阵发性喷嚏，病状常发生于冬季早上起床，晚上睡前或外出骑乘交通工具时，值得注意的是本症患者常抱怨会鼻塞，尤其「一遇到冷就鼻塞、流鼻水、打喷嚏」是典型主诉。■鉴别诊断将过敏性鼻炎和血管运动性鼻炎统称为鼻过敏症，主要是因为皆以水性鼻漏，阵发性喷嚏及鼻塞等症状为主，但致病机转及临床检验却不尽相同，由致病机转来看，过敏性鼻炎患者易受外来刺激而体内产生第一型抗原抗体反应，而血管运动性鼻炎患者则不易对外来过敏原产生抗原抗体反应，临床检验血清全 IgE 浓度，也证实血管运动鼻炎患者其数值并不高。过敏性鼻炎与血管运动性鼻炎须与急性鼻炎〈俗称感冒〉鉴别，鼻过敏有过敏史，而急性鼻炎则往往无过敏史，鼻过敏发病快，消失也快，症状消失后则如常态，发作时间短，往往数小时即减轻或消失，一般无全身症状，而急性鼻炎往往发病渐起，消失也慢，需数天而愈，伴有较重发热，发寒，头痛等全身症状。局部检查方面，鼻过敏可见鼻黏膜苍白、水肿、鼻涕清稀呈清水样，而急性鼻炎可见鼻黏膜充血、红肿、鼻涕黏性较为脓性，后期鼻嚏颜色也由原来的白色转变为黄白色甚至为黄色，此时多为急性鼻炎的恢复期，若后期鼻塞越来越重，鼻涕色黄而量多，则多为继发细菌感染所致，其原因就是大量水样鼻嚏，致使鼻黏膜趋向于碱性，使溶菌？活力降低，导致免疫防御机转抵抗力下降，使原来寄生于鼻腔内的细菌，如链球菌、葡萄球菌、肺炎双球菌等乘机侵入黏膜，并活跃繁殖，造成继发感染，不过流大量水样鼻涕，其实也是一种防御保护机制，藉以排出感冒病毒。鼻过敏若反复发作，易使下鼻甲肥厚，变成慢性肥厚性鼻炎，而鼻黏膜和鼻窦黏膜相连接的，因此，鼻黏膜出现过敏炎症，鼻窦黏膜也必然出现相同反应，若鼻黏膜充血水肿，阻塞了窦口通畅，使鼻窦内分泌物不能通畅流出，则继发鼻窦的细菌性感染，鼻过敏症鼻炎会并发支气管哮喘、出现胸闷、气憋、出现哮呜音，所以鼻过敏鼻炎与急性鼻炎预后是所区别。■ 病理机转温度一般在 32℃，气温过冷过热，对黏膜及其生理功能均有不良影响。影响鼻黏膜纤毛活动，鼻黏膜分泌粘液的酸咸度，鼻黏膜血管收缩变化。鼻黏膜分泌溶菌 ，可以杀死或抑制细菌(对病毒的作用较弱)，溶菌 需在酸性环境中始能保持最有效功能，正常人鼻分泌物为酸性，PH值为 5.5-6.5，鼻部温度改变可影响鼻分泌物的PH值，而鼻炎会使鼻内酸碱度偏碱，因而降低鼻内膜防御机能。 血管运动性鼻炎的治疗血管运动性鼻炎的发病机制错综复杂、治疗需要采用综合措施。要避免或除去发病因素，应改善工作条件、不要过度疲劳和紧张、掌握生活节奏、稳定情绪、心情开朗。对内分泌异常者应专科治疗，必要时还可以到耳鼻喉科行手术治疗。（1）避免或去除诱发因素 改善工作条件和环境，掌握生活节奏，稳定情绪，不要过度疲劳与紧张。对患者实施必要的心理治疗或暗示性语言，有时也会收到明显效果。由内分泌因素引起者，应视情况请内分泌科医师协助治疗。（2）药物治疗应视病情变化，适时选择药物。1.鼻减充血剂 对以鼻塞为主要症状者可选用。但在应用时要注意药物性鼻炎的发生。可采取间断性或交替性给药。三磷酸腺苷钠（ATP）每次40mg，每日3次，对缓解鼻塞有显著疗效。最近有人证实ATP可能为另一种拟交感药。2.抗组织胺药 不少非免疫性因素可引起肥大细胞释放组织胺，故抗组胺药对不少病例仍有较好疗效，对鼻痒和喷嚏症状明显者，可首先选用。3.抗胆碱药 适用于以鼻溢为主要症状的患者。溴化异丙托品（iparatropium bromide）气雾剂，每鼻孔80μg，一日4次，可有效地控制鼻溢。4.肾上腺皮质激素 皮质激素在细胞内外各水平上发挥非特异性抗炎作用，故对血管运动性鼻炎的一些喷嚏症状明显、水样鼻涕较多且鼻粘膜水肿明显的病例，有显著疗效。（3）外科治疗出现下列情形之一者，可考虑外科治疗：①经保守治疗1年以上症状不能控制且有加重趋势；②鼻内结构解剖畸形明显影响通气或鼻窦引流；③不可逆病变组织如鼻粘膜增殖性改变或较大鼻息肉。1.解剖畸形的矫正 能加重血管运动性鼻炎症状的鼻内结构畸形主要是鼻中隔偏曲，重者常与鼻甲接触甚至抵压之。这样长久形成的刺激不仅可加重局部炎症反应，而且常常引起头痛。鼻内孔狭小也是一种常见的解剖畸形，主要引起鼻塞。鼻内孔狭小常由鼻外侧软骨下塌引起。由鼻内解剖畸形引起的鼻部症状，有人称之为结构性鼻炎。上述畸形早期矫正可明显减轻症状，甚至可以治愈。2.不可逆变组织的切除 明显引起鼻塞的增生肥厚鼻甲，鼻粘膜长期水肿形成的鼻息肉，均应及时切除。3.降低鼻内神经兴奋性 切断副交感神经纤维对鼻腔的支配，以降低其兴奋性。这类手术有：（1）岩浅大神经切断术 （2）翼管神经切断术 （3）筛前神经切断术 </t>
  </si>
  <si>
    <t xml:space="preserve">小学一年级的六一儿童节节目，怎么办？怎么排？大家快给点建议！最好? </t>
  </si>
  <si>
    <t>上优酷上看看吧  好多案例的儿童节还不好搞，让小朋友自己编排，比大人想的更精彩弟子规带动作的跳个三只熊的舞蹈不错哦似乎有中文版江南stlye娃娃版！</t>
  </si>
  <si>
    <t xml:space="preserve">105来啊105星分布图那个怪在那大概位置 </t>
  </si>
  <si>
    <t>105南缰怪物分布图</t>
  </si>
  <si>
    <t xml:space="preserve">楼道内邻居关开门的噪音扰民怎么办？我住7楼，一层2户，对面的邻居 </t>
  </si>
  <si>
    <t>我觉得要从买房这个环节开始，比如房型，知道对面是做什么行业的，就能判断对方的文化素质的高低，这个和素质的高低很有关系，在一个就是要从价格看，不信你去看一些高档住宅是没有这些事情发生的，我去过我们这的高档住宅，在楼道里面基本上没有大声说话的，可是在一些一般小区的楼道里面，出出近近的邻居根本就不注意别人的感受，肆无忌惮的大声说话，大声喧哗，你说要是因为这个换房吧，真是好郁闷，现在房子的价格都这么贵！！！不换吧，在这住时间长了会不会得病呀，癌症是和心情不好和压力有关系的，大家说这个事我要是拨110他们会管吗？我估计不会管，因为没打架110是不会管的，这种事已经困扰我6年了，我都快疯了，怎么办啊？？？？？</t>
  </si>
  <si>
    <t xml:space="preserve">为什么我的首页中圈子栏不能正常显示？我的博客个人首页中圈子栏目一 </t>
  </si>
  <si>
    <t>这是属于在网络繁忙的时候遇到的现象！主要影响的因素如下：1，做为中国目前第一门户网站，使用新浪服务的人越来越多，网络系统的升级测试并且需要经常维护；2，本地网络和服务器拥挤；3，个人电脑系统配置较低；4，同时打开的窗口页面太多；5,BLOG页面flash制作太多;上述几种情况之一都会影响BLOG登入，发表文章，打开页面的速度和显示问题的出现！建议：1、遇到这种情况可尝试多刷新几次页面或重新登陆，有时还是可以解决的。2、在博客首页最好少添加FLASH等特效，音、视频文件尽量以超链接的形式在首页发表。同时，经常调整一下你的首页内容，平均一下博客内容的空间，这样再打开你的博客时情况就会有很大的改善！3、最好清理一遍博客里的所有链接,特别是带音乐和带图片的部分。同时建议你清理电脑IE的浏览器cookies、临时文件、历史文件等等。</t>
  </si>
  <si>
    <t xml:space="preserve">是不是越紧张就越不容易受孕?我是从上个月开始试孕的,没成功.之后 </t>
  </si>
  <si>
    <t>是的，越紧张就越不容易受孕的。一般情况下，从准备怀孕开始到怀孕成功在1年半以内都属于是正常情况。但是以前有过受孕情况而没有要的情况下就稍稍复杂一些了，如果是在正规的大医院做的人流应该问题也不大，在放松心情等待一段时间，如果6个月还没有动静，最好去医院检查一下。如果以前受孕后不是在正规医院检查和做人流的就应该去正规的医院检查一下了。</t>
  </si>
  <si>
    <t xml:space="preserve">哪里可以看免费的文学名著？ </t>
  </si>
  <si>
    <t>在我有闲中文网上，可以在线读到一些名家的较短篇作品，虽然短，但是绝对有意义，书香中文网不提供在线阅读，但可以免费提供很多名著的下载，你可以下到电脑上再读.天涯在线书库也可以提供大量在线阅读哦！</t>
  </si>
  <si>
    <t xml:space="preserve">目前形势选择什么基金？本月初我有十万存款到期，想买基金，但是从当 </t>
  </si>
  <si>
    <t>你好！依据目前震荡行情，最好选择灵活配置型混合型开放式基金。投资愉快！</t>
  </si>
  <si>
    <t xml:space="preserve">怎么人气那么少没人气 </t>
  </si>
  <si>
    <t>因为提的问题不够给力，不能吸引眼球。多问点能触动神经，触动情感，触动灵魂的问题，引起大家的讨论，就会有人气了。</t>
  </si>
  <si>
    <t xml:space="preserve">奔跑快速运球时，怎么样才能掌握好球？怎么样才能学好在快速运球时` </t>
  </si>
  <si>
    <t>运球是篮球的基本，如果你不能在快速运球时掌握好球说明你的基本功并不扎实，这个需要每天不断的联系。你可以每天做半个小时到一个小时的基本练习，还有在练习的时候注意头要抬起，尽量不要用眼来看球，这样也可以增加你对球的手感。如果你每天坚持，有半个月的时间就能见到效果了。</t>
  </si>
  <si>
    <t xml:space="preserve">再悬赏100分找情场高手挽回感情(续)我的上一个问题的网址是：我 </t>
  </si>
  <si>
    <t>没有特效的办法。所有的办法都得以你对她的了解为准。对这个人有效的办法，对另外一个人可能是最无效的。从你所介绍的情况看，她并没有把门关死，只是说要静一静，想一想。你说她是个没有主见的人，对于这种人，你就得抓住不放，死盯着。如果你有过错，就好好的认错，作出令人信服的保证。如果她过去曾经很在意你，你就要将自己的悔恨和现在的痛苦淋漓尽致地告诉她，她的心会软化。当然如果她是个很刚强果断的人，上面的办法非但无效，还很可能有害，追得过紧会促使她下决心剪断这一团乱麻。你的认错，哭诉会被她看成没有出息，没有阳刚之气。所以你得对症下药。家属朋友的话可能会对她有一定的影响，你得设法让能影响她的情绪的人帮你说话，即使不能帮你说好话，也一定要争取让他们不说你的坏话。网友们帮你出主意都只能依据你所提供的有限资料作判断，是很不可靠的。还是你自己根据自己对她的了解，分析如何解开这个疙瘩。祝你好运。</t>
  </si>
  <si>
    <t xml:space="preserve">宝宝八个月还不会爬，怎么训练他爬呢？宝宝八个月，还不会爬，扶着站 </t>
  </si>
  <si>
    <t>大人用手顶住宝宝的脚，前面有人逗引试试。</t>
  </si>
  <si>
    <t xml:space="preserve">请问，研究生毕业刚刚就来到宁波参加工作，没有工作经验，公司给43? </t>
  </si>
  <si>
    <t xml:space="preserve">A，工资高低是看你的能力/要是公司觉得你没能力为公司创造该有的效益/公司就是给你1员的工资都会嫌多/获得和付出是成正比的。                             </t>
  </si>
  <si>
    <t xml:space="preserve">合欢的15级任务鬼在哪里我领完了任务就是找不带鬼的具体坐标 </t>
  </si>
  <si>
    <t>再任务拦里点一下那个鬼..任务自己就跑去了</t>
  </si>
  <si>
    <t xml:space="preserve">昆明哪里可以看好尖锐湿疣？ </t>
  </si>
  <si>
    <t>患者你好，尖锐湿疣感染部位多是生殖器官与肛部位置，也有口腔尖锐湿疣，大部分由于不卫生的床倳导致。另外，如果夫妻间都感染了尖锐湿疣，容易出现交叉感染现象，同样需要患者注意的是抽烟酗酒会提高复发概率，能戒就戒。尖锐湿疣少吃海鲜类食品，不要喝酒，牛、狗肉、羊、辛辣激发性食物也暂时不要吃，以免加重病情及影响疗效。据不完全统计，吸烟者尖锐湿疣的发病率比不吸烟者高，而且尖锐湿疣的发病率随患者烟龄和每日吸烟支数的增加而升高，同时吸烟能促进已稳定的尖锐湿疣病情复发。 长期酗酒者，尖锐湿疣的发病率也是逐渐增高，复发率与吸烟者不相上下。</t>
  </si>
  <si>
    <t xml:space="preserve">我电脑开机时为什么任务栏里不出现音量的图标的啊，重新开机时又会出? </t>
  </si>
  <si>
    <t>你好朋友，如果你曾用软件删除过启动项目，而不小心删除了音量图标的启动。这种时候，”将音量图标放入任务栏”打勾，音量图标出现，但重新开机后音量图标没有恢复，必须重新在控制面板里设置。（这种情况，网络连接图标可能也消失）。这种时候只要在注册表里的启动项恢复被删除的项就行。“开始”——“运行”输入regedit打开注册表以后，依次打开HKEY_LOCAL_MACHINE\SOFTWARE\Microsoft \Windows\CurrentVersion\Run 在它的右窗口新建字串"Systray"（在Run上右键点新建）,键值（在Systray上双击编辑）为"c:\windows\system32\ Systray.exe"，如果是win2000系统，则为"c:\winnt\system32\Systray.exe"这样就可以了祝你成功。</t>
  </si>
  <si>
    <t xml:space="preserve">学法律的近来看看能不能定罪?小李和小张合谋去盗窃东西:俩人只是简 </t>
  </si>
  <si>
    <t xml:space="preserve">第二百六十四条　盗窃公私财物，数额较大或者多次盗窃的，处三年以下有期徒刑、拘役或者管制，并处或者单处罚金；数额巨大或者有其他严重情节的，处三年以上十年以下有期徒刑，并处罚金；数额特别巨大或者有其他特别严重情节的，处十年以上有期徒刑或者无期徒刑，并处罚金或者没收财产；有下列情形之一的，处无期徒刑或者死刑，并处没收财产：(一)盗窃金融机构，数额特别巨大的； (二)盗窃珍贵文物，情节严重的。   盗窃罪的犯罪构成：    1.犯罪主体：自然人。    2.犯罪的主观方面：直接故意    3.犯罪的客体：受刑法保护的财产性的权利    4.犯罪的客观方面：以非法占有为目的，将公私财物秘密地转移到自己的控制之下，达到法定数额或其他定罪条件 。所以小李和小张合谋去盗窃行为是否构成犯罪要看他们盗窃的数量及金额。个人盗窃公私财物价值人民币五百元至二千元以上的，为“数额较大”；五千元至二万元以上的，为“数额巨大”；个人盗窃公私财物价值人民币三万元至十万元以上的，为“数额特别巨大”。多次盗窃未经处理的，数额应合并计算确定。如果是询问因录像带没有完整的记录两人的盗窃过程，两人是否构成犯罪？那么我告诉你有了录像带、加上失主的报案记录，公安机关会立案侦查，如果达到了盗窃罪的标准就能定罪。    </t>
  </si>
  <si>
    <t xml:space="preserve">杜撰对包弹。什么意思什么意思？ </t>
  </si>
  <si>
    <t xml:space="preserve">杜撰对包弹指的是两个人，“杜撰”是杜举，唐代杜举好为不经之谈，信口开河，人谓之为杜撰。“包弹”指包拯，宋代包拯为御史中丞，不避权贵，敢于弹劾，人谓之包弹。 </t>
  </si>
  <si>
    <t xml:space="preserve">24、奥林匹克会旗图案是什么？有什么含义？ </t>
  </si>
  <si>
    <t xml:space="preserve">奥林匹克会旗为白色、无边，中央有5个互相套连的圆环，颜色自左至右依次为蓝、黄、黑、绿、红。5个环象征五大洲的团结和全世界的运动员以公平的比赛和友谊的精神在奥运会上相聚。 </t>
  </si>
  <si>
    <t xml:space="preserve">关于神武装的问题神武套是套装备一套才有效果还是带是其中一个就可以 </t>
  </si>
  <si>
    <t>神武,天玄,幻魔3大套装里头盔单独佩带是没隐藏属性的.而手镯,项链,戒指只要佩带其中之一就能发挥一点效果.当然佩带一套的时候效果是最好的.而头盔则是套装必须的.像幻魔装就戴头盔是不+血的,但是你佩带上手镯,项链,戒指的时候,再戴上头盔就比不戴头盔+的血多了.神武呢戴上一个手或者戒指或者项链就能发挥一点嗜血功能,但是单独佩带帽子就不行了!</t>
  </si>
  <si>
    <t xml:space="preserve">能修改自己的微博名字吗？ </t>
  </si>
  <si>
    <t>你好，是可以修改自己的微博名字的哦，你可以进入你的主页，点击你的资料，在那里是可以修改的。 【帅哥！美女！如果对您有帮助，给我的答案一个好评哦^^,谢谢,亲】你好，可能是系统出现故障了，有时候是会出现混乱的，你可以过一会再试试。也可能是你的账号存在风险，等一等再试试吧，目前通过邮箱注册的微博登录名是固定不变的，无法修改。停用的邮箱不会影响微博帐号的使用。若因忘记了微博登录名想要进行更换，可访问自助服务-找回登录名，根据提示填写表单申请找回。     满足一下条件的，可进行登录名更换：   1、注册邮箱为雅虎邮箱（yahoo.cn、yahoo.com.cn）的微博用户可进行登录名更换，请根据微博帮助提示进行操作！      2、手机号注册的微博用户，只能绑定该注册手机号。若手机停用/丢失，... 点此-&gt;http://t.cn/RvhSPRa 查看详细内容。可以修改自己微博的名字。进入“帐号设置-个人信息”中，可设置和修改昵称。【亲，麻烦好评的呀！谢谢了！】</t>
  </si>
  <si>
    <t xml:space="preserve">企业不给员工缴纳住房公积金违法吗?法律依据如何?如违法,如何处罚? </t>
  </si>
  <si>
    <t>给你依据……劳动法――五险一金五险一金”讲的是五种,包括养老保险、医疗保险、失业保险、工伤保险和生育保险; “一金”指的是住房公积金。 其中养老保险、医疗保险和失业保险，这三种险是由企业和个人共同缴纳的保费，工伤保险和生育保险完全是由企业承担的。个人不需要缴纳。这里要注意的是“五险”是法定的，而“一金”不是法定的。 “五险一金”的缴费比例是什么？ 目前北京养老保险缴费比例：单位20％(其中17％划入统筹基金，3％划入个人帐户)，个人8％（全部划入个人帐户）；医疗保险缴费比例：单位10％，个人2％+3元；失业保险缴费比例：单位1.5％，个人0.5％；工伤保险根据单位被划分的行业范围来确定它的工伤费率；生育保险缴费比例：单位0.8％，个人不交钱。 公积金缴费比例： 根据企业的实际情况，选择住房公积金缴费比例。但原则上最高缴费额不得超过北京市职工平均工资300％的10％。 （统筹基金即：在养老保险制度从国家—单位制逐渐向国家—社会制转变的过程中需要国家统筹，以解决经济发展不平衡及人口老龄化等问题。 (1)以企业缴费为主建立社会统筹基金;(2)由职工和企业缴费为主建立个人帐户;(3)政府负担养老保险基金的管理费用。这种社会统筹和个人帐户相结合的半基金制有利于应付中国人口老龄化危机,逐渐分散旧制度到新制度的转轨成本,逐步实现由企业养老保险制度到个人养老保险制度的转变。 四险一金的缴纳额度每个地区的规定都不同，基数是以工资总额为基数。有的企业在发放时有基本工资，有相关一些补贴，但有的企业在缴纳时，只是基本工资，这是违反法律规定的。具体比例要向当地的劳动部门去咨询。 关于养老保险、失业保险和医疗保险的支取，是在法定允许的情况下才可以领取，是由设保登记部门来发放，比如“养老保险，要达到法定的年龄才可以，失业保险金的领取也是要具备条件，比如你到户口所在地的街道办事处办理失业证明，同时又办了求职证，就是指你失业以后还必须有求职的意愿，这样的条件才可以领取。 如果失业之后你不想工作，那么就不能给你发保险金。另外，养老金和失业金是不能同时享受的。 •试用期内是否享有保险？ 在试用期内也应该有享受保险，因为试用期是合同期的一个组成部分，它不是隔离在合同期之外的。所以在试用期内也应该上保险。另外，企业给员工上保险是一个法定的义务，不取决于当事人的意思或自愿与否，即使员工表示不需要交保险也不行，而且商业保险不能替代社会保险。养老保险的享受待遇累计缴纳养老保险15年以上，并达到法定退休年龄，可以享受养老保险待遇： 1、按月领取按规定计发的基本养老金，直至死亡。 基本养老金的计算公式如下： 基本养老金＝基础养老金＋个人账户养老金＋过渡性养老金＝退休前一年全市职工月平均工资×20％（缴费年限不满15年的按15％）＋个人账户本息和÷120＋指数化月平均缴费工资×1997年底前缴费年限×1．4％。 2、死亡待遇。（1）丧葬费（2）一次性抚恤费（3）符合供养条件的直系亲属生活困难补助费，按月发放，直至供养直系亲属死亡。 注意：养老保险应尽量连续缴纳，根据有关文件规定，凡企业或被保险人间断缴纳基本养老保险费的（失业人员领取失业保险金期间或按有关规定不缴费的人员除外），被保险人符合国家规定的养老条件，计算基本养老金时，其基础性养老金的计算基数，按累计间断的缴费时间逐年前推至相应年度上一年的本市职工平均工资计算（累计间断的缴费时间，按每满12个月为一个间断缴费年度计算，不满12个月不计算） 举例来说吧： 如果你2020年退休，正常你的基础养老金是2019年的社会平均工资×20％，但是如果你在退休之前养老保险中断了30个月，就是中断了2.5年，按2年算，你的基础养老金就是2017年社会平均工资×20％医疗保险的享受待遇 1、门、急诊医疗费用 在职职工年度内（1月1日-12月31日）符合基本医疗保险规定范围的医疗费累计超过2000元以上部分； 2、结算比例： 合同期内派遣人员2000元以上部分报销50%，个人自付50%；在一个年度内累计支付派遣人员门、急诊报销最高数额为2万元。 3、 参保人员要妥善保管好在定点医院就诊的门诊医疗单据（含大额以下部分的收据、处方底方等），作为医疗费用报销凭证； 4、 三种特殊病的门诊就医：参保人员患恶性肿瘤放射治疗和化学治疗、肾透析、肾移植后服抗排异药需在门诊就医时，由参保人就医的二、三级定点医院开据"疾病诊断证明"，并填写《北京市医疗保险特殊病种申报审批表》，报区医保中心审批备案。这三种特殊病的门诊就医及取药仅限在批准就诊的定点医院，不能到定点零售药店购买。发生的医疗费符合门诊特殊病规定范围的，参照住院进行结算； 5、住院医疗 ● 住院押金：符合住院条件的参保人员，在收入住院时，医院收取参保人员部分押金，押金数额由医院根据病情按比例确定。如被派遣人员单位和参保人员未能按时足额缴纳医疗保险费的，住院押金由派遣人员个人全额垫付； ● 结算周期：参保人员住院治疗每90天为一个结算周期：不超过90天的，每次住院为一个结算周期； ● 恶性肿瘤患者门诊放射治疗和化学治疗、肾透析、肾移植后服抗排异药、患有精神病需常年住院的患者其发生的医疗费用每360天为一个结算周期； ● 参保人员在定点的社区卫生服务中心（站）的家庭病床治疗发生的医疗费用，每90天为一个结算周期； ● 参保人员出院或阶段治疗结束时，需由派遣人员个人先与医院结清应由派遣人员个人自费和自付的费用，应由基本医疗保险统筹基金和大额医疗互助资金支付的医疗费用，由医院向医保中心申报审核、结算； ● 参保人员住院治疗，符合基本医疗保险规定范围的医疗费的结算，设定基本医疗统筹基金支付起付线和最高支付额； ● 起付线第一次住院为1300元，以后住院为650元，最高支付限额为5万元；超过最高支付上限的（不含起付标准以下以及派遣人员个人负担部分）大额医疗费用互助资金支付70%，派遣人员个人负担30%。在一个年度内最高支付10万元。住院费用的结算标准，在一个结算周期内按医院等级和费用数额采取分段计算、累加支付的办法。 （各项比例有调整时，按新的标准执行） 注意啊：非因公交通事故，医保是免责的！ 失业保险享受待遇 失业保险连续缴纳一年以上，档案退回街道后。可以在街道享受失业保险待遇。 1．失业保险金：是指失业保险经办机构按规定支付给符合条件的失业人员的基本生活费用，它是最主要的失业保险待遇。失业保险待遇根据北京市相关文件执行； 2． 领取失业保险金期间的医疗补助金：是指支付给失业人员领取失业保险金期间发生的医疗费用的补助。根据北京市有关政策法规执行； 3． 领取失业保险金期间死亡的失业人员的丧葬补助金和其供养的配偶、直系亲属工伤保险享受待遇 在合同期内不幸发生意外，需向企业索取情况说明，并加盖企业公章，尽快（最好在三个工作日内）申请工伤认定并需提供下列材料： 1、初次治疗诊断书或住院病历; 2、 职业病诊断证明（原件、复印件各一份）; 3、 交通事故需提供交通大队的事故裁决书或交通部门的交通事故证明； 4、 身份证复印件； 5、 有效期内的劳动合同原件 生育保险享受待遇 可以报销与生育有关费用.报销范围包括，生育津贴、生育医疗费用、计划生育手术医疗费用、国家和本市规定的其他与生育有关的费用。 生育津贴按照女职工本人生育当月的缴费基数除以30再乘以产假天数计算。生育津贴为女职工产假期间的工资，生育津贴低于本人工资标准的，差额部分由企业补足。 生育医疗费用包括女职工因怀孕、生育发生的医疗检查费、接生费、手术费、住院费和药品费。 计划生育手术医疗费用包括职工因计划生育发生的医疗费用。 现在要求，医保缴够20年，养老交够15年才有资格领养老金和享受退休后的医保报销参考文献：百度百科</t>
  </si>
  <si>
    <t xml:space="preserve">日元要疯了——什么原因？日元是有点疯了。是什么原因那。还能疯到1 </t>
  </si>
  <si>
    <t xml:space="preserve">乔兄，若以美元为基准，除日元还跌4－6％外，均有10％的涨幅，换句话说，日元与其他非美相比，还可以涨至少10％，理由是日本的经济基本面是好的，若你胆大，你就持有日元。我目前是满仓，我在122买入的日元还在手上。 </t>
  </si>
  <si>
    <t xml:space="preserve">请医生看一下宝宝这样是不是正常现象宝宝出生18天，最近总是发出哼 </t>
  </si>
  <si>
    <t>【患者性别】男【年龄】1个月【姓名】姜骞烨【咨询标题】请医生看一下宝宝这样是不是正常现象【病情描述】宝宝出生18天，最近总是发出哼哼唧唧的声音，手舞足蹈的，浑身很用力，小脸憋的通红，看起来很不舒服的样子。【希望得到的帮助】请帮忙看一下宝宝是不是哪里不舒服    一般来说，小宝贝不安稳，首先要注意一下，出生时有无不正常，黄疸持续时间及轻重，如果都没问题，那就要考虑:衣食及大便等有没有不妥。胃肠功能不协调，大便稀，次数多，一是容易致臀红，二是易肠痉挛致腹痛，这是小小孩最多见的。</t>
  </si>
  <si>
    <t xml:space="preserve">05017期下注单01亚特兰大VS巴勒莫302博洛尼亚VS佛罗伦 </t>
  </si>
  <si>
    <t>比比，看谁中的多啊，呵呵亚特兰 24日21:00 巴勒莫 3博洛尼 24日21:00 佛罗伦 1拉齐奥 25日02:30 尤文   310 利沃诺 24日21:00 莱切   10梅西纳 24日21:00 国米   0AC米兰 24日02:30 帕尔玛 3 桑普多 24日21:00 罗马   10 锡耶纳 24日00:00 乌迪内 10米德尔 23日22:00 西布朗 0布莱克 23日22:00 曼城   0 切尔西 23日19:45 富勒姆 3水晶宫 23日22:00 利物浦 0 曼联 24日23:05 纽卡斯   1 0诺维奇 23日22:00 查尔顿 3</t>
  </si>
  <si>
    <t xml:space="preserve">F1的轮胎厂商有哪些?? </t>
  </si>
  <si>
    <t>现在只有两家普利斯通（日本）：4支车队包括法拉利采用米其林（法国）：6支车队包括麦克拉伦，威廉姆斯，雷诺，英美最近的一个退出的轮胎厂：好时年（Goodyear）</t>
  </si>
  <si>
    <t xml:space="preserve">2区LM玩家进来一下~问点事情2区哪个服务器LM人数比较多且比较 </t>
  </si>
  <si>
    <t>轻风之语LM超猛，不过是PVE.二区LM已经不行了，早就不负当年只勇，我原先在弗塞雷加，LM同时有11个工会再打风暴，野外PVP的BUFF全是LM的，再看现在，草，都是眼泪。开转服后我们服老人转的转，删的删，，卖号的卖号，所以我也走了，去6区了。如果你真想去2区PVP，听说石爪峰 伊利丹 梅尔加尼的LM还有一拼，祝你好运。现在2 6区的服务器一天能T M掉N次，网通服务器差得简直不能从字典中找出词来形容，9个大区就1区的服务器质量最好，实在不行就去1区吧。用ZG老1的话来表达我现在的心情[诅咒你，九城，诅咒你]</t>
  </si>
  <si>
    <t xml:space="preserve">重庆哪里治尖锐湿疣比较专业 </t>
  </si>
  <si>
    <t>治疗尖锐湿疣需要选择正规医院进行；同时尖锐湿疣的治疗一定要及时这是非常关键，但在治疗的时候一定要规范的治疗，这也是不能忽视的。建议选择正规性病医院接受治疗，正规的医院是非常的专业，而且在治病的时候患者需要多和医生进行沟通，后期在治愈以后也需要多重视，隔一段时间还需要在去医院复查。领先国内外先进的医疗技术，妙手回春的大夫，是正规医院的根本，在这里您能体会到什么是专业的尖锐湿疣医院，在这里能让尖锐湿疣得到有效的控制，如果您是尖锐湿疣患者病人，一定要选择这样的医院。</t>
  </si>
  <si>
    <t xml:space="preserve">临沂看不孕不育哪家医院最好？ </t>
  </si>
  <si>
    <t>你好!可以去一些专门治疗不孕不育的专科医院，前提是要是正规的。这些专科医院因为专门治疗这些病，所以在治疗技术、设备或者医生水平上面都是过硬的，有什么先进的技术引进的速度也比大医院快，是不错的选择。你好!不管是选择专科医院还是综合医院，一定要考察医院的设备是不是先进，专家是不是专业，建议选择不孕不育专科医院，治疗不孕更专业。你好！治疗不孕不育需要明确不孕症的原因，女性不孕多是输卵管不通、卵巢早衰、排卵异常以及内分泌失调导致的，建议选择不孕不育专科医院。专科医院主攻不孕不育领域，技术精、专家经验丰富，对于不孕症治疗会更加有利</t>
  </si>
  <si>
    <t xml:space="preserve">儿子今年高三,将要高考,从去年开始就夜晚失眠,白天瞌睡,不知是经? </t>
  </si>
  <si>
    <t>推荐给你几种助眠的食物1．    牛奶内含有镇静作用的钙质和一种使人产生疲倦感觉的生化物质色氨酸，临睡前喝一杯热牛奶，有催人入睡的效果。羊奶也有近似的效果。2．  水果  因过度疲劳而失眠，可吃一些苹果、香蕉、橘子、梨等水果，这些水果属碱性食物，有抗肌肉疲劳的作用。在枕边放一两个苹果，也可助眠。3．  糖水  因烦躁发怒而难以入睡时，可饮一杯糖水。果糖在体内 转化成大量血清素，及时补充大脑，使大脑皮层受到抑制而进入睡眠状态。4．  小米  小米性微寒、味甘，能健胃安眠。据研究，小米中色氨酸和淀粉的含量都很高，食后可促进胰岛素的分泌，提高进入脑内色氨酸的数量，所以能起到安眠效果。用小米煮粥，睡前服用一小碗，容易入睡。5．  莲子粉粥  用20克莲子粉与60克糯米一同煮粥食用，可治失眠多梦及体弱诸症6．  芹菜汁  芹菜有镇定神经的作用，神经过敏无法入眠者可常吃。芹菜半斤研磨成汁，倒入杯中，依个人喜好加入蜂蜜，再倒入热水直到八分满意即可饮用。7．  洋葱片  生洋葱切碎，用布包好，放在枕边就可生效，洋葱含挥发性的成分（葱油），有安定神经的功能。生葱也可以，但要使用其白色部分。8．  醋  冷开水一杯，兑入一勺食醋，睡前服。有一定的解除疲劳和助眠作用。9．  《本草纲目》中还记载了大豆、秫米、大枣、蕨菜、乌梅、酸枣、榆荚、蜂蜜等食品有助眠作用。</t>
  </si>
  <si>
    <t xml:space="preserve">统一台湾后，军队再干吗？　　如果咱们和平统一了台湾，咱们将铸剑为 </t>
  </si>
  <si>
    <t>那时解放军将改名了，叫个国防军什么的吧，然后全面突破第一链岛的封锁，在南海方向上加强威慑，让那些小屁国家都老实点。</t>
  </si>
  <si>
    <t xml:space="preserve">为什么我想要的得不到我不想要的偏偏要来啊？ </t>
  </si>
  <si>
    <t>感情就是这样子的。曾经我还没有谈恋爱的时候，朋友都问我：如果让你选择你会是选择爱你的人还是你爱的人。我清清楚楚的告诉他们我会选择我爱的人因为我不爱的人怎么说都没有感觉啊！所以我也曾多次去追我爱的人，而把爱我的人拒之度外。可是我后来才发现不是我想要的就是我的因为每次我都失败了。现在才发现其实感情要是两个人的。没有关系，总有一天，那个你要的人也是要你的人会出现在你的身边的。</t>
  </si>
  <si>
    <t xml:space="preserve">初三化学怎么复习，一定要用题海战吗 </t>
  </si>
  <si>
    <t>刚升入初三的同学，要增学一门新的基础自然——化学。怎样才能学好化学这门功课呢？俗话说万事开头难，只要起好步，以后学习起来就比较顺利。1．明确学习化学的目的化学是一门自然科学，是中学阶段的一门必修课，它是古往今来无数中外化学家的化学科学研究和实践的成就，它编入了一些化学基本概念、基础理论、元素化合物知识、化学反应的基本类型、无机物的分类及相互间的关系等知识；它充满了唯物辩证法原理和内容，它介绍了许多科学家的优秀品质和他们对事业实事求是的科学态度、严谨的学风。化学对工农业生产、国防和科学技术现代化具有重要的作用，人们的衣、食、注行样样离不开化学。化学是一门实验科学，通过化学课的学习，要掌握一些化学实验的基本技能，学会动手做实验的能力，为今后搞科学实验打下基础。因此，通过初中化学课的学习，初三学生不仅能学到初中阶段的系统的化学基础知识，受到辩证唯物主义思想、中外化学家的爱国主义思想、行为和对科学的不断进娶不断探索、不断创新的科学态度及严谨学风的教育，而且还能提高自己的观察能力、思维能力、实验能力和自学能力，为今后学习高中化学及其他科学技术打下良好的基础。2．课前要预习上课前一天，一定要抽出时间自觉地预习老师第二天要讲的内容。学会先预习，后听课这种良好的学习方法。预习的好处很多：（1）它能强化听课的针对性，有利于发现问题，抓住重点和难点，提高听课效率；（2）它可以提高记听课笔记的水平，知道该记什么，不该记什么，哪些详记，哪些略记；（3）它可以节省课后复习和做作业的时间。通过预习时的独立思考和听课时留下的深刻印象，从而缩短课后复习和做作业的时间；（4）它可以培养自学能力。预习的过程就是自觉或独立思考的过程，长期坚持下去，一定会使自学能力得到提高。预习的方法是：（1）通读课文。通过阅读课文，了解新课的基本内容与重点，要把自己看不懂的问题记下来或用铅笔在书上作一些记号，用以提醒自己上课时要集中精力和注意力，有意识、有目的地听老师讲自己不懂的问题，详细对比跟自己的想法有什么不同，这样就能取得良好的学习效果；（2）扫清障碍。在读课文后了解了主要内容的基础上，联系已学过的与之有关的基础知识，如果有遗忘的就要及时复习加以弥补，这样才能使新旧知识衔接，以旧带新，温故知新；（3）确定重点、难点和疑点。在通读课文和扫清有关障碍后，在对新知识有所了解的基础上，思考课文后的习题，试着解答，在此过程中找出新课的重点、难点和疑点。如果有潜力，还可以做点预习笔记。3．听好每堂课听课是学习过程的核心环节，是学会和掌握知识的主要途径。课堂上能不能掌握好所学的知识，是决定学习效果的关键。功在课堂，利在课后，如果在课堂上能基本掌握所学的基础知识和技能，课后复习和做作业都不会发生困难；如果上课时不注意听讲，当堂没听懂，在课堂上几分钟就能解决的问题，课后可能要花费几倍的时间才能补上。所以，学生在课堂上集中精力听好每一堂课，是学习好功课的关键。听课时，一定要聚精会神，集中注意力，不但要认真听老师的讲解，还要特别注意老师讲过的思路和反复强调的重点及难点。边听课、边记笔记，遇到没有听明白或没记下来的地方要作些记号，课后及时请教老师或问同学。同时，还要注意听同学对老师提问的回答以及老师对同学回答的评价：哪点答对了，还有哪些不全面、不准确和指出错误的地方，这样也能使自己加深对知识的理解，使自己能判断是非。课堂教学是教与学的双向活动，学生是主体，教师起主导作用，学生要积极、主动地参与课堂教学，听课时，一定要排除一切干扰和杂念，眼睛要盯住老师，要跟着老师的讲述和所做的演示实验，进行积极地思考，仔细地观察，踊跃发言，及时记忆，抓紧课堂上老师所给的时间认真做好课堂练习，努力把所学内容当堂消化，当堂记住。4．认真记好笔记要学好化学，记笔记也是重要的一环。记笔记除了能集中自己的注意力，提高听课的效率外，对课后复习也有很大的帮助。所以，要学会记笔记，养成记笔记的好习惯。因此，在认真听讲的同时，还应该记好笔记。记笔记的类型有：（1）补充笔记。讲新课时做补充笔记，老师讲的内容是根据学生的实际将课本内容重新组织，突出重点加以讲解，记笔记是边看书，边听讲，边在书本上划记号，标出老师所讲的重点，并把老师边讲边在黑板上写的提纲和重点内容抄下来，还要把关键性的、规律性的、实质性的内容和对自己有启发的地方扼要地在书本上或笔记本上写上几句，把老师讲的但书上没有的例题记下来，课后再复习思考。（2）实验笔记。老师的演示实验和学生的分组实验，重在通过实验验证化学原理或掌握化学性质或物质的制法操作。可做简明图解、补充笔记，把老师所做的演示实验的现象及讲解记下来，书上有实验插图的可以直接在上面补充，例如，在氧气的实验室制法装置图边上记下老师讲的重点：①药品不能堆积在试管底部，而应平铺在试管底部，记：“是为了增大受热面积，药品受热均匀，气体容易逸出”；②给试管加热时，为什么要先把酒精灯在试管下方来回加热，然后集中在药品部位加热？记：“让试管受热均匀，不易破裂”。（3）改错笔记。习题或试卷评讲课是老师纠正学生在作业或试卷中的“常规武器”，指导解题思路、规律、技巧和方法的课。在听课时，不要只抄正确答案，关键是要用红笔订正，而且不要擦去自己的错解，以利于与正确答案作对比，找出答错的原因，过一段时间还应把以前做错的题再重做一遍，看看现在自己是否真正掌握了。这种笔记是在作业或试题空隙处做简明的“眉批”或“注释”。（4）系统笔记。复习小结课时，老师把课本内容进行系统归纳总结，是书上没有的，因此要做系统的笔记。将笔记每面一分为二，一半写板书的内容，一半记讲解，课后结合复习加以整理、修改和补充，成为一个整体，以利于加深、巩固所学知识，提高归纳知识的能力和全面的复习。笔记的形式有：①提纲式，以文字表述为主，适用于概括教材的主要内容或归纳、整理公式、定理和概念要点；②纲要式，以化学式、关系式或关系框图来表述，适用于元素及其化合物的性质、制取及相互间的变化、计算知识的概括等；③图表式，以文字、表格、线图来表述，适用于有关概念、化学基本原理、物质的性质、实验等进行归类对比。5．认真观察和动手实验在义务教育化学教科书中编入了81个演示实验、10个必做的学生实验和9个学生选做实验，还安排了13个家庭小实验。因此，通过这些演示和学生实验，学会观察老师演示实验的操作、现象，独立地做好学生实验，上好实验课，是学好化学的基础。首先，在课堂上要认真观察老师所做的每一个演示实验的操作和实验现象。化学实验是很生动、很直观的，实验中千变万化的现象最能激发学生的兴趣，但学生若只图看热闹，光看现象，不动脑子思考，看完了不知道是怎么回事，无助于学习的提高，所以，观察要有明确的目的。观察实验前，要明确观察的内容是什么？范围是什么？解决什么问题？这就叫做明确观察的目的，目的明确了才能抓住观察的重点进行观察。观察时还要仔细、全面。例如，氢气还原氧化铜的演示实验，实验目的是验证氧化还原反应，氧化铜被氢气还原成铜。观察时先看清反应物是无色的氢气和黑色的氧化铜粉末，反应的条件是加热，生成物是水和亮红色的铜。其次，要上好学生实验课，课前必须进行预习，明确实验目的、实验原理和操作步骤。进行实验时，自己要亲自动手，不做旁观者，认真做好实验内容里所安排的每一个实验，在实验过程中要集中注意力，严格按实验要求操作，对基本操作要反复进行练习，对实验过程中出现的各种现象，要耐心细致地观察，认真思考，准确如实地记录。6．课后及时复习一堂课的内容，十多分钟就可以复习完，有时也可以像过“电影”一样地过一遍。复习能加深理解，复习能巩固知识。复习要及时，不能拖。复习中不懂的问题要及时请教老师，这样，在学习上就不会留存障碍，不留疑点，为以后顺利学习打好基矗复习时，要重视教科书，也要读听课笔记，要反复读，边读边回忆老师的讲解，边理解书上的内容。7．认真完成作业做作业是练习的极好机会，是巩固知识的重要手段之一。学生一定要亲自动手做，绝不能抄别人的作业。节后习题和章后复习题一定要认真完成，不能马虎。做作业要在复习好了以后做，才能事半功倍。一定要主动地、独立地完成每次作业，多思多问，不留疑点，并尽可能地把做过的作业都记在脑子里，因为没有记忆就没有牢固的知识，只有用心记忆才会熟能生巧，才能在勤练的基础上“巧”起来。8．学会阅读课本读书一般分为粗读和精读。粗读主要用于预习，通过粗读，了解基本知识的一般内容，掌握整章、整节或整个小标题的内容轮廓、大致思路，了解有什么实验内容，这样，课堂上看老师做演示实验时心里就有了底。精读，可以了解教材的重点和发现不理解的问题，听起课来心中就有数。精读是认真地读懂并理解及记忆重点内容和定义，把这些内容与有关的旧知识联系起来。精读主要用于课后复习，加深对知识的理解、巩固，使知识系统化。精读时要在理解概念的定义或定律全文的基础上，剖析具有关键性的字词，强化对关键字词的认识。例如电解质的定义：“凡是在水溶液里或熔化状态下能够导电的化合物叫做电解质”，关键性字词是“化合物”和“或”字。非电解质是“在水溶液里和熔化状态下都不能导电的化合物”，关键字词是“和”字和“都”字。对这些关键字词要认真思考，并把它标出记号或作眉批，以备以后再次复习时注意。对于比较深刻的材料、重要的段落内容，要逐字逐句地反复读。认真地思考、分析、整理、养成记读书笔记的习惯。可把重要内容、关键词句记在笔记本上，还可写出自己对某一问题的想法和认识，或记下不懂的问题，以备查问。9．读化学课外读物学好化学，要重视阅读课外读物，例如《中学化学教学参考》、《中学生数理化》、《课堂内外》等杂志和科普读物，它们的内容紧扣化学教学大纲和教材，其针对性和适用性很强，配合教学进度，指导解析疑难，注意智力开发，重视能力培养；它们的题材广泛新颖，内容丰富多彩，文章短小精悍，通俗易懂，形式生动活泼，图文并茂。它能帮助学生开阔视野，扩大知识面，激发学习兴趣，掌握学习方法，透彻理解教材，灵活运用知识，培养探索精神，它们是学生的好朋友。</t>
  </si>
  <si>
    <t xml:space="preserve">被狗咬伤了但是狗12月底打过狂犬疫苗不去打疫苗没事吗会不会得狂犬? </t>
  </si>
  <si>
    <t>你好，根据你说的情况，机率是不大，但最好还是及时注射狂犬疫苗进行预防，一般被猫狗等动物咬伤或抓伤之后，只要出现皮肤伤口的话，就需要及时注射狂犬疫苗进行预防，伤口需要使用肥皂水冲洗，使用碘伏消毒。</t>
  </si>
  <si>
    <t xml:space="preserve">有关汽车轮胎改装和升级？汽车轮胎改装和升级会对车子原来的里程表产 </t>
  </si>
  <si>
    <t>改大辐轮毂以及改车胎直径都会导致里程表以及速度显示的不准确。其实要是做代步工具在城市中行驶的话，没有任何必要改装轮胎。用厂家原装的全天候轮胎就可以。</t>
  </si>
  <si>
    <t xml:space="preserve">我建了个帮我没多少时间在上游戏就把帮给朋友了，可现在他也没时间上? </t>
  </si>
  <si>
    <t>兄弟你多久没在哪个帮待了哦，后面加进会的还认识你不，而且你要是没多少时间玩可能现在自己的等级也不高吧，就算回去了如果会里比你高级的人多了，你想再当帮主那些人也未必肯答应吧！所以自己想清楚，是回去哪个会还是自己再建个新会吧.............</t>
  </si>
  <si>
    <t xml:space="preserve">孩子不愿意上学怎么办呀?我儿子今年五岁了,说什么也不去上学.好说 </t>
  </si>
  <si>
    <t>孩子不想上学是有原因的，不能生拉硬拽孩子去上学，得从心理角度疏通，让孩子喜欢上学，不然，就算上学也没有好效果。建议找个子女教育方面的心理咨询师咨询你一下，最好是去正规的心理咨询机构找心理咨询师咨询一下。如果不方便找心理咨询师面谈，推荐去【咨询中国】，这个网站里面的咨询师都是持证的正规咨询师，很多咨询师还提供免费咨询。</t>
  </si>
  <si>
    <t xml:space="preserve">安卓客户端在哪里下载 </t>
  </si>
  <si>
    <t>百度搜索新浪微博安卓客户端下载就可以了</t>
  </si>
  <si>
    <t xml:space="preserve">蓝牙不能搜索设备吗？我蓝牙耳机怎么连不上耳机？ </t>
  </si>
  <si>
    <t>蓝牙耳机是要按到蓝灯常亮才能搜索到,还有的是要按到红灯蓝灯互换闪才能搜索到,一直按着蓝牙开关直到蓝灯常亮,你再试试.建议再仔细查询说明书。</t>
  </si>
  <si>
    <t xml:space="preserve">穆里尼奥说幕后有协议！这个都扯的出来，你龟缩防守就算12打11也 </t>
  </si>
  <si>
    <t>有没有协议现在的确没有确凿的证据表明，但近几年巴萨的确是在裁判的照顾下才频频进入欧冠决赛的，这是公认的事实！</t>
  </si>
  <si>
    <t>我的月经周期每个月都不一样,但都是在25</t>
  </si>
  <si>
    <t>从月经来潮的第一天起至下次月经来潮的前一天止，称为月经周期，大多28～30天，正常范围为25～35天。正常经血呈暗红色，混有子宫内膜碎片和粘液，偶见小凝血块。经期大多3～5天，正常范围2～7天。出血总量平均50毫升左右。你如果没有其它不适,就是正常的</t>
  </si>
  <si>
    <t xml:space="preserve">一个男孩把左手插进右口袋，右手插进左口袋，怎么弄的 </t>
  </si>
  <si>
    <t>把裤子反穿</t>
  </si>
  <si>
    <t xml:space="preserve">精确校准过的火枪VS爆击猎枪14敏VS1爆击对于一个贼来说，这两 </t>
  </si>
  <si>
    <t>这两把枪都有自己的优点    就要看你的天赋是怎么加的如果你是PK贼你的血又不多就要14敏的，如果你的血多就要爆击的，最后18敏=1爆击</t>
  </si>
  <si>
    <t xml:space="preserve">我的马六卡片钥匙掉了，请问去4S店配一块，多少钱？ </t>
  </si>
  <si>
    <t>很简单，打电话问一下，价格不低。</t>
  </si>
  <si>
    <t xml:space="preserve">进一步请教！大哥那个word2003下载后如图所示好像要验证码呀 </t>
  </si>
  <si>
    <t>你不要下载这个版本的WORD，你下那个MIRCSOFT WORD的就应该没有这个问题了！不要只看到可下的就下，要看看下面那些下过了的朋友的评论后，是好的再下！！！</t>
  </si>
  <si>
    <t xml:space="preserve">破镜能重圆吗 </t>
  </si>
  <si>
    <t>用心维系，以爱为胶，破镜就能重圆。</t>
  </si>
  <si>
    <t xml:space="preserve">法宝问题，那位高手进来帮帮忙啊请问别人绑定了的法宝，自己要带是不 </t>
  </si>
  <si>
    <t>你好新浪游戏诛仙资料组为你解答这是按他以前那样成长的法宝归元　　由于法宝在装配之前需要“认主”所以玩家要想使用其它人的法宝之前，首先需要进行法宝的归元。法宝归元后，该法宝的等级为1级，相对的属性也回到1级时的属性。但是该法宝的成长不会发生变化的。第二任法宝的主人只要继续对法宝进行升级，那么法宝后续的属性和归元之前是不会有变化的。</t>
  </si>
  <si>
    <t xml:space="preserve">56岁患多发性子宫肌瘤要手术吗?我母亲今年56岁，患有多发性的子 </t>
  </si>
  <si>
    <t>一般情况下绝经后开始子宫萎缩肌瘤也萎缩的。你母亲患有多发性的子宫肌瘤，而且她的子宫偏大，说明瘤体不大，可以不做手术。但要定期检查。每年检查一次。</t>
  </si>
  <si>
    <t xml:space="preserve">显视器老变色能修吗？用了67年了 </t>
  </si>
  <si>
    <t xml:space="preserve">可以。估计你的显示器内部有虚焊或者器件老化现象，自己维修困难还是送修吧，一般50元就可以了。 </t>
  </si>
  <si>
    <t xml:space="preserve">欧罗兰磁砖好不好?我马上要装修房子了,有朋友推荐用欧罗兰800X </t>
  </si>
  <si>
    <t>1、什么是聚晶超微粉？聚晶超微粉是玻化砖的一个系列，是属于超微粉的一种升级产品，是在超微粉的基础上，在砖体中融入了一些晶体的融块或颗粒！ 2、聚晶超微粉的特点？这种系列的产品除了具备超微粉玻化砖的特点（如耐磨性能好、抗折强度高、吸水率低等）之外，在产品的外观上产品的立体效果更加的突出，更加的接近于天然的石材！好主要在产品的装饰效果上，在产品的理化性能上面和超微粉的产品同一品牌而言，没有太大的差距！————————————————————————————————————我简单查了查，欧罗兰磁砖厂家在成都，品质和价位我个人认为相当合适。</t>
  </si>
  <si>
    <t xml:space="preserve">我家在用中国电信的网络，可朋友们都在玩网通的服务器，所以特别卡，? </t>
  </si>
  <si>
    <t>没办法，中国分成三大运营商之后，互联互动确实有问题。不过，还是可以选择一款网游加速器来解决问题的，相当于在运营商之间通过光纤直连的宽带架起来一座桥。可以试试网易出的UU加速器，它是通过自建直连网络、带宽专享等手段，为玩家提供最优质的加速器服务器节点群，加速质量更稳定，最关键的是有“极速引擎”，这个一般的加速器都没有。楼主，不知道你花钱买的是什么加速器，反正UU加速器就是免费的，比你那个可划算多了！</t>
  </si>
  <si>
    <t xml:space="preserve">想一个人辛苦啊折磨啊相信我请帮助我事情要从2005年9月说起.那 </t>
  </si>
  <si>
    <t>你尝试着约她出来啊，你这样渐渐的冷淡，她会觉得你只是一时冲动，像过家家一样，没有责任心。从你说的看来，我并没有看到她很果断的拒绝你啊，你又何必这样对待自己，折磨自己，在我看来这些没什么必要。你可以再加把劲去追她，但不能盲目，要适可而止。哪天她彻彻底底的和你说你们没有可能了，你放手也不晚。不要这么早就给自己下定论，这和你的性格也有关系，男孩子要外向点，尝试改变自己一下吧，我相信她对你也是有好感的，好好把握哦~！</t>
  </si>
  <si>
    <t xml:space="preserve">笔记本内存我的笔记本是华硕Z92VC，现在是2个256的内存，我 </t>
  </si>
  <si>
    <t xml:space="preserve">這部本本的?却孀畲罂梢缘?G 我是建議 直接加到2G(1G x 2)要1G的?就一?l 1G 的就好了   </t>
  </si>
  <si>
    <t xml:space="preserve">000066现在买入如何?是不是出现红三兵了现在可以跟进? </t>
  </si>
  <si>
    <t>长城电脑第四届董事会于2009年4月30日召开会议，审议并通过了《关于确定长城香港99.9999％股权收购价格暨协议签署事宜的议案》。    2009年4月30日，本公司与中国长城计算机集团公司（简称"长城集团"）签署《股权转让协议》。本公司拟以1,060.12 万元人民币收购其所持有的中国长城计算机（香港）控股有限公司（简称"长城香港"）99.9999%股权。本次股权收购构成关联交易，但未构成重大购买资产行为。    本次《股权转让协议》的生效尚需获得：（1）控股股东长城科技股份有限公司（简称"长城科技"）股东大会的批准；（2）中国电子信息产业集团公司的备案或批准；（3）中华人民共和国商务部或具有相应审核权限的商务主管部门等政府主管机关的备案或批准。    如本次收购完成后，长城香港将由长城集团的控股子公司变更为本公司的控股子公司，因此将能减少本公司与长城集团所直接控制的企业之间的关联交易。这算有利消息吧，下午我也准备介入些看看</t>
  </si>
  <si>
    <t xml:space="preserve">伊蒂哈德！！该你进球了啊！！雄起撒！！！伊蒂哈德！！加油！！进两 </t>
  </si>
  <si>
    <t>两支都是是沙特的球队吧（是不是？？是吧）....别是默契球啊....主队出线在即了....要放水啊....</t>
  </si>
  <si>
    <t xml:space="preserve">各位朋友，家里装修完了，发现热水器离卫生间用水点远，卫生间基本要? </t>
  </si>
  <si>
    <t>佳艳节能各方面还可以，能耗低，效果还可以，其他的就自己百度一下，机器上写的好像是“佳艳节能”ｗｗｗ.ｅｖｅｒｈｏｔ０２８.ｃｏｍ（直接复制到IE地址栏就可以打开）</t>
  </si>
  <si>
    <t xml:space="preserve">24号晚和25号晚有没有参加完黄岛金沙滩音乐节之后开车回李沧区的? </t>
  </si>
  <si>
    <t>金沙滩附近，可以去昆仑山路的鲲鹏酒店，那个蛮便宜</t>
  </si>
  <si>
    <t xml:space="preserve">我好像还是有点问题的，血常规检查中血小板分布宽度为13.6，参考? </t>
  </si>
  <si>
    <t>www.wj120.com/zixun，可以问一下，看看你的血常规结果如何没有太大问题 保持好的睡眠血小板分布宽度(PDW)，反映血小板容积大小的离散度，用所测单个血小板容积大小的变异系数(CV%)表示。PDW增高表明血小板大小悬殊，见于急性髓系白血病、巨幼细胞贫血、慢性粒细胞白血病、脾切除、巨大血小板综合征、血栓性疾病等。正常范围 0.155～0.18（15.5％～18.0％） 检查介绍 血小板分布宽度是反映血液内血小板比容变异的参数，血小板分布宽度若在正常范围内提示血小板比容均一性。 临床意义 血小板分布宽度增多，提示血小板体积大小不均，个体间相差悬殊; 血小板分布宽度减少，提示血小板减少。 PDW增大：见于急性肺淋巴细胞白血病、巨幼细胞性贫血、慢性粒细胞白血病、脾切除术后、巨大血小板综合征、血栓性疾病等 血小板高了容易引起血栓性疾病.血小板分布宽度低是没关系的.说明血小板大小比较均一.是什么原因引起的是看不出来的.有可能是慢性感染所致,但也不排除严重的血液病,需要进一步检查.你可以问问 给你做检查的那个人</t>
  </si>
  <si>
    <t xml:space="preserve">龙戒好还是力量戒指好？ </t>
  </si>
  <si>
    <t>当然力量好0-6。龙戒0-5 虽然出的少但没暗藏属性，楼上的想象错了。                    力量戒指  37级战士的2级或已经练满，攻击9~51，不佩带力量戒指，只使用1刀烈火对防御为7~13，登记37的道士，共去除47点HP。控制时间10秒后连发两刀烈火，总共去除道士138点HP。佩带力量戒指后，调整装备使攻击还是保持在9~51。只使用一刀烈火去除79点HP，连发两刀烈火共去除道士184点HP，从上述数据可以看出，佩带力量以后，烈火攻击力可以提升33.3%，这就是力量戒指的隐藏属性。不过带0-5龙戒对和带0-5珊瑚对发挥也是龙戒好一点，不信可以去练功师试去。</t>
  </si>
  <si>
    <t xml:space="preserve">我是最里面大牙旁边的牙龈痛,是突然开始的,晚上吃饭的时候还好好的? </t>
  </si>
  <si>
    <t>您很可能是牙周炎 牙周炎是侵犯和牙周组织的慢性炎症，是一种破坏性疾病，其主要特征为牙周袋的形成及袋壁的炎症，牙槽骨吸收和牙齿逐渐松动，它是导致成年人牙齿丧失的主要原因。本病多因菌斑，牙石，食物嵌塞，不良修复体，咬创伤等引起，牙龈发炎肿胀，同时使菌斑堆积加重，并由龈上向龈下扩延。由于龈下微生态环境的特点，龈下菌斑中滋生着大量毒力较大的牙周致病菌，如牙龈类杆菌，中间类杆菌，螺旋体等，使牙龈的炎症加重并扩延，导致牙周袋形成和牙槽骨吸收，造成牙周炎。 预防牙周炎应做到以下几点： （1）掌握正确的刷牙方法，每天3次，每次3分钟， （2）饭后，睡前漱口，保持口腔清洁， （3）对不易去除的食物碎屑，软垢，菌斑，用牙线，牙签，牙刷清洁， （4）定期检查，龈上洁治半年1次。 （摘自：求医问药网  ） 一旦发生牙周炎应早期治疗，因为其预后与病变严重程度有关。牙周炎治疗分四阶段：第一阶段为基础治疗阶段，目的在于选用牙周病常规的治疗方法，清除或控制临床炎症和咬致病因素，包括口腔自洁，拔除预后差和不利修复的牙，龈上洁治，龈下刮治以清除菌斑，牙石，选用抗菌药控制炎症，咬颌调整等，第二阶段为牙周手术治疗和松动牙固定，第三阶段为永久性修复治疗，一般手术后2-3个月后进行，第四阶段为复查复治阶段，每半年一次，包括检查菌斑控制情况，卫生宣教，拍片检查，以进一步拟订治疗计划。牙周治疗成功与否关键有两点：一是周密的治疗计划和医生细致，精湛的治疗，二是病人坚持良好的自我菌斑控制。后者较前者更为重要，否则医生的工作将是事倍功半，疾病也将再度发生。                                                        best  wishes</t>
  </si>
  <si>
    <t xml:space="preserve">乳房一个大一个小是怎么回事?/????乳房一个大一个小是怎么回事 </t>
  </si>
  <si>
    <t>正常人都是一边大一边小的，因为你左右手肌肉活动程度不一样，活动频繁的一边肌肉就会比较大一些，所以乳房看起来也比另外一边要大一些，这是很正常的，放心……</t>
  </si>
  <si>
    <t xml:space="preserve">江宏恩张凤书张凤书和江宏恩除了合作演过飞龙在天还合作过什么戏？是 </t>
  </si>
  <si>
    <t>他们合作过合拍剧《偶然》在剧中扮演未婚夫妻之后凤书扮演的之龄，她的妹妹喜欢未来的姐夫江宏恩使用手段，最后妹妹嫁给了他最后的结局是凤书是和内地演员王亚楠扮演的邵凯走到了一起送给你一张《偶然》的剧照是凤书和江宏恩的LOOK!!!</t>
  </si>
  <si>
    <t xml:space="preserve">证明题求证：(sinA)^3+(sin(120°+A))^3+( </t>
  </si>
  <si>
    <t>左边=(3sinA-sin3A)/4+[3sin(120°+A)-sin(360+3A)]/4+[sin(240°+A)-sin(720°+3A)]/4=(3/4)[sinA+sin(120°+A)+sin(240°+A)]-(3/4)sin3A=(3/4)[sinA+sin(120°+A)-sin(120°-A)]-(3/4)sin3A=(3/4)[sinA+cos120°sinA)-(3/4)sin3A=-(3/4)sin3A。</t>
  </si>
  <si>
    <t xml:space="preserve">宝来如何清除积碳新宝18000公里了，用清除积碳吗？请教中 </t>
  </si>
  <si>
    <t>如果车子出现了有关积碳的反映，如怠速抖动、加速无力等情况的话，可以专门的汽车修理店进行积碳的，清洗节气门、加清洗剂等</t>
  </si>
  <si>
    <t xml:space="preserve">客服进下，谢谢我想请问，担保交易和寄售交易分别如何交易？担保交易 </t>
  </si>
  <si>
    <t xml:space="preserve">尊敬的客户:     您好！5173客户服务050很高兴为您服务！     物品信息前的“寄”或“保”是分别是指寄售交易和担保交易。    带号寄售是卖家在发布出售信息时，将交易物品放置在自己帐号内，发布寄售信息时将帐号密码输入发布系统，系统会自动审核发布成功，有买家下订单支付成功后5173交易人员上号与买家直接交易，交易完成后给卖家转账。    担保交易是指卖家发布出售信息，物品还是由卖家保管。在买家下订单支付成功后5173人员联系卖家，请卖家上游戏将物品交易给我们，我们在提交给买家，交易成功后给卖家转帐。    具体交易流程，请见5173新手指南：  。    如需帮助或投诉，请与我们客服中心联系，客服中心服务热线：0579-83225173 。真诚感谢您一如既往地对我们工作的大力支持与帮助!    愿您晨有清逸，暮有闲悠，梦随心动，心随梦求，愿您天天快乐，心更甜！                                               </t>
  </si>
  <si>
    <t xml:space="preserve">有如何去理解中国古代史上的封建制度？什么有关的专业书籍推荐 </t>
  </si>
  <si>
    <t>专制主义中央集权制度，包括专制主义和中央集权两个概念。 1、专制主义指中央的决策方式，主要指帝位终身制和皇位世袭制，即皇帝一旦登基，终身为帝；封建皇帝从决策到行使立法、行政、司法权，都具有独断性和随意性，皇权的至高无上和不可分割。 2、中央集权是针对地方分权而言的，其特点是地方政府在政治、经济、和文化上没有独立性，必须严格服从中央政府的命令，受制于中央政府。 3、专制主义与中央集权既有区别、又有联系。中央集权与君主专制相辅相成，中央集权是君主专制的前提和基础，君主专制是中央集权的必然产物。其目的都是要从政治制度上保证中央政府和君主个人的绝对权威。 一、西周分封制 1、目的：加强对征服地区的管理，巩固奴隶制统治。 2、办法：周王将一定的土地与人民分别授予王族、功臣和先代贵族的后裔，建立诸侯国，诸侯要服从周王命令，按期贡献财物，随从作战，保卫王室。 3、特点：以宗法血缘关系为纽带，逐级分封；天子独尊，权力分散于诸侯；以井田制为经济基础。 秦朝郡县制 1、实施：秦始皇统一六国后，在地方上推行郡县制，郡守与县令负责管理百姓，收取赋税，征发兵徭，加强了中央集权。 2、作用：加强了中央集权，有利于秦朝政治、经济、文化的发展，对后来历代地方行政制度的建置，也产生了深远的影响。 三、西汉郡国并行制 1、西汉在地方推行郡县制，同时又兼有封国制。 2、郡国并行制导致了王国问题的出现，中央集权受到严重威胁。 四、西汉编户制度 1、西汉对百姓的管理实行编户制度。编户齐民具有独立的身份，依据资产多少承担国家的赋税和徭役、兵役。。 2、编户齐民对封建国家承担的义务有四项：田租、人口税、徭役（可以用更赋替代）和兵役，并以人丁为主要征税标准。还有各种田亩附加税。 3、西汉编户制度既是户籍管理制度，也是赋税制度，它的实行标志着我国古代完整的赋税徭役制度正式形成。 五、北宋保甲制 1、办法：北宋王安石变法时实行保甲法。农户十家编为一保，保丁在农闲时练兵，平时种地、维持社会秩序，战时编入军队作战。 2、作用：既可以加强对人民的控制，又可以抵御辽和西夏的进攻，还减少了军费开支。 六、元朝行省制 1、原因：加强中央集权，有效地控制地方。 2、办法：除河北、山西、山东为中书省直接管辖外，其它为行中书省管辖范围，简称行省或省，中央派员管理。 3、影响：行省制度对后世影响深远。 考点3 选官、监察制度 一、世袭制 1、禹死后，他的儿子启登上了王位，从此王位世袭制代替了禅让制。这种制度一直持续到1912年，清朝最后一个皇帝溥仪退位。 2、认识 ①从天下为公到天下为家，是生产力发展的结果，是阶级对立的产物，是历史发展的必然趋势，是人类社会的进步。 ②王位世袭制的出现在初期有其积极的一面，对于稳定局势，促进多民族国家的形成，推动经济的发展起了一定的作用。 二、军功授爵 战国时期的商鞅变法，规定按军功大小为标准，授以爵位和赐给田宅。在政治上废除了奴隶主贵族享受爵禄的特权，有利于新兴地主阶级专政的建立。 三、察举制 1、目的：适应专制主义中央集权封建国家统治的需要。 2、内容：包括察举、皇帝征召等内容。其中察举，即选举，由下而上推选人才为官。 3、演变：东汉时，察举主要根据人才在地方上的声望，门第望族成选官举的主要依据，由此产生“累世公卿”的世家地主。 四、科举制 1、科举制的演变 ①隋文帝废“九品中正制”，开始采取分科考试办法选拔官吏；隋炀帝时，始设进士科，科举制形成。 ②唐朝贞观年间增加了考试科目，进士和明经两科为主；武则天创设武举和殿试；开元年间，任用高官主持考试，提高科举地位。 ③北宋科举试分为乡试、省试、会试三级，考试科目逐渐减少，进士成为主要科目，考试实行糊名法；增加录取名额。王安石改革科举，废明经，设明法科，进士考经义和时务策。 ④明清实行八股取士。 ⑤1898年，戊戌变法时，废除八股，改试策论。 ⑥1905年，清末新政中清政府下诏废除科举制。 2、评价 利 ①有利于笼络人才，扩大了封建统治的政治基础。 ②中央政府掌握选拔人才和任命官吏的权力，大大加强了中央集权，有利于政局的稳定。 ③科举制度把读书、考试和做官紧密联系起来，从而提高了官员的文化素质。 ④促进了文学的繁荣，如唐以诗赋取士，促进了唐诗繁荣。 弊 ①明清时专重“四书”“五经”，八股取士，禁锢了士人的思想，极大地束缚了知识分子的创造性，不利于创新人才的培养。 ②清末科举制度严重阻碍了科学文化的发展，是导致中国近代落后于西方的文化因素。 六、古代的监察制度 1、秦朝 秦朝设立御史大夫，负责监察百官。 2、两汉 ①西汉武帝时，在各州均设置刺史，刺史没有固定的治所，官阶低于郡守，但其巡察时代表中央监察诸侯王和地方高官，权力很大。 ②东汉初期，刺史的监察权进一步加强，增加了地方行政权和军权，刺史变为州一级的的地方长官，地位高于郡守。 ③东汉末年，刺史改为州牧，掌握一州的军政大权，成为州的最高长官。后来逐步形成割据势力，后患无穷。 3、北宋 北宋在地方上设立，和知州相互牵制； 4、明朝 ①明朝设立提刑按察使司，管地方监察、司法。 ②设立厂卫特务机构，监视、侦查官民的不法行为。 考点4 少数民族的重要政治制度 一、蕃汉分治制 1、原因：契丹建国后，各地政治经济文化发展的不平衡，为适应被征服地区先进的封建文明，因地制宜、“因俗而治”，实行双轨政治制度分别管理。 2、办法：中央设立南面官与北面官。南面官由汉人和契丹人担任，沿唐朝官制，统治汉人与渤海人，权力比北面官小。北面官由契丹人担任，统治契丹人和北方少数民族。 3、评价：设立南面官，实际上是对先进封建文明的肯定和保护，促进了契丹社会向封建制过渡，有利于民族融合。 二、猛安谋克制 1、目的：加强统治。 2、办法：各户壮丁平时生产，战时出征。 3、性质：基本社会组织，将军事与地方行政组织一体化的兵农合一组织。 4、作用：对金的社会发展起了重要作用。 三、八旗制度 1、办法：努尔哈赤以军事组织形式将女真人编制起来，在贵族控制下进行战争和生产。 2、是满洲兴起过程中实行的兵民合一的军政制度。在清军入关后继续实行，清末瓦解。 3、评价：促进了女真社会的发展，巩固了努尔哈赤的统治地位。</t>
  </si>
  <si>
    <t xml:space="preserve">杜鹃花是哪一国的国花 </t>
  </si>
  <si>
    <t>南亚著名的山国尼泊尔,把杜鹃花定为国花。他们的国徽中有一朵盛开的红杜鹃花。</t>
  </si>
  <si>
    <t xml:space="preserve">显卡用处大么?请问大家,现在不是有集成的X300显卡么?他的性能 </t>
  </si>
  <si>
    <t>想用集成显卡啊？那你得最好有521M的内存，而且玩游戏性能不好，如果对游戏要求很低的话，如只玩玩CS，可选用，可以节约整机成本呢，现在独立的9550很便宜了`只有399元吧`而且电脑应用有不可预见性，建议选用独立的显卡啊，显卡的重要性？把显卡拔了或坏了`就全当你眼睛没了``后果自己想吧``嘿嘿</t>
  </si>
  <si>
    <t xml:space="preserve">一道关于检查电路故障的选择题把电烙铁的插头插入室内能正常供电的插 </t>
  </si>
  <si>
    <t>解：若是插头和插座短路，或是电烙铁的电热丝短路，都会造成整个电路短路，保险丝将会被烧断，所以其它的用电器也就都不能工作了。所以排除A和B。    那么电烙铁不工作有可能是断路引起的，若是整个电路的其它部分造成的断路，那么其它的用电器不可能都能工作了，最起码有部分用电器不能工作的，所以，断路就应该在电烙铁所在的这部分电路。当然应该检查插头、插座键、导线及电热丝中是否有断路现象了。   （插座和开关之间怎么连接，插座和插头怎么连接 ？）这个问题不是这样问的。插座是并联接在火线与零线之间的。开关与用电器串联，插头是插在插座里的。当把插头插在插座里时，就把用电器接入了电路，再闭合开关，用电器就可以工作了。</t>
  </si>
  <si>
    <t xml:space="preserve">采药大师来帮帮我~~~~~~~能不能告诉我采药技能200以后去哪 </t>
  </si>
  <si>
    <t>同意楼上的，悲伤沼泽是练采药的天堂，我也是在那学了大师级采药后就直接在那儿练，很快就300了。那里除了盲目草，还有枯叶草采。哦，不过你是说200以后，那应该就是在荆棘谷了。我是边练级边采药的，那个阶段好象正好是在荆棘谷。反正到了225的时候直接去悲伤沼泽就好了。</t>
  </si>
  <si>
    <t xml:space="preserve">大中和苏宁电器城哪个更好? </t>
  </si>
  <si>
    <t>苏宁</t>
  </si>
  <si>
    <t xml:space="preserve">000002，可以进了吗 </t>
  </si>
  <si>
    <t>今天觉得万科有启动的迹象，于是抢进了万科，估计后市应该不会太差吧。</t>
  </si>
  <si>
    <t xml:space="preserve">玩SS高手进请问血SS入仙还是入魔好 </t>
  </si>
  <si>
    <t>当然是入魔拉.入魔的SS比入仙的SS厉害多了.</t>
  </si>
  <si>
    <t xml:space="preserve">翻毛皮鞋如何清洗改颜色 </t>
  </si>
  <si>
    <t>穿翻毛皮鞋时，一定要先解开鞋带，另外穿鞋时不要硬挤，穿有鞋带的鞋时要养成先松鞋带在脱鞋的习惯。​刷洗干净后放置通风处晾干即可，不要太阳嗮，首先用这种吸尘器把鞋面的灰尘吸掉。起到除灰的作用。也可以用旧毛巾抽掸2然后在用木质的鞋撑把鞋撑撑起。使鞋型不会变型，好清洗鞋子3用专用刷。注意铜丝面主要处理污渍较重的部位和被磨光的部位。先用橡皮面朝一个方向刷，边缝用侧面。污渍处着重打圈揉，再用铜丝揉。4用潮湿的海绵擦一遍，把鞋面弄湿。目的是主要处理水溶性物质。 5接着使用清洁剂倒一点点在鞋子表面。继续用橡皮刷来回反复刷使纤维两面的污渍都去除，脏泡沫用海绵吸干。 .6晾十几分钟，等毛稍干，还有些潮湿时用橡皮面朝一个方向刷，使毛散开、整理。 7晾半小时，等鞋面干后鞋内塞报纸保护，离鞋15厘米处均匀喷上更新剂。更新剂含有亮光剂、胶体（增强其它物质的附着力）、颜料、溶剂（可溶解混合物质）等。喷更新剂的目的主要是补色。黑鞋等穿久了易反白，最好用本色更新剂。 至于把鞋子的颜色改变，只有专业鞋店才有办法  步骤阅读 .8最后放干燥剂。 步骤阅读 .9巧刷翻毛皮鞋：用酒精和黄米面调成糊状涂于鞋面，晾干后把黄米面刷掉，脏东西即随之除掉。</t>
  </si>
  <si>
    <t xml:space="preserve">如果某一股票的总股本原是2亿，流通股是1亿，实施10送10股方案? </t>
  </si>
  <si>
    <t>如果某一股票的总股本原是2亿，流通股是1亿，实施10送10股方案后，其总股本变为4亿，流通股为2亿，但送的1亿股何时流通上市要看送股公告</t>
  </si>
  <si>
    <t xml:space="preserve">电脑提示“没有兼容的DVD解码器”，怎么办？看网上很多都是几年前 </t>
  </si>
  <si>
    <t>第一，你到网上下载一个DVD解码器，第二，你将你的暴风影音更新到最新版本就可以播放了！</t>
  </si>
  <si>
    <t xml:space="preserve">男人和女人在认识多长时间内可以发生性关系？ </t>
  </si>
  <si>
    <t>我向来都是遇到问题绝对用心回答地!对不起！（语言有误见谅）恋爱一生最重要,千万不可盲目行.知人知面不知心,日久才可见真情.怎么做要看自己。您希望进一步发展下去吗？他爱您吗？结婚后，和结婚前，有些男人会改变很多的！☆重点:任何事情都要"三思而后行" 后悔的事谁都不愿意做!</t>
  </si>
  <si>
    <t xml:space="preserve">肤色不均额头颜色稍深 </t>
  </si>
  <si>
    <t>最好使用两种不同效果的护肤产品,面部肤色较白的地方先使用保湿类的护肤品.额头上使用美白保湿产品,先把额头上的肤色暗沉调理好了再一起使用美白类型号的护肤产品.额头平时要加强做美白补水面膜来加强美白效果,每星期适当去一次角质,让肌肤新陈代谢加快,美白效果才会事半功倍,还要做足防晒.坚持一段时间就会见到不错的效果了.</t>
  </si>
  <si>
    <t xml:space="preserve">像这种重大的比赛。即便没有误判。争议，一样无法避免期待下半场精彩 </t>
  </si>
  <si>
    <t>应了中国的古话“因果循环”！英格兰要为1996年世界杯的决赛赫斯特在加时赛中打进了世界杯历史上最具争议的那个进球而还德国人的债！一切天注定。。</t>
  </si>
  <si>
    <t xml:space="preserve">XLSS的声望怎么刷最快啊? </t>
  </si>
  <si>
    <t>买信冲声望最快了,10张+100,要不去废墟打,一个小怪3~10的声望BOSS是几百一个.</t>
  </si>
  <si>
    <t xml:space="preserve">诺基亚怎样使用耳机 </t>
  </si>
  <si>
    <t>插入耳机，在设置寻找配置，选择耳机就行了</t>
  </si>
  <si>
    <t xml:space="preserve">治脚气的方法老公得脚气很我长时间了，看过很多大夫都不管用，脚气还 </t>
  </si>
  <si>
    <t xml:space="preserve">这些方法里，我用的是用醋精泡脚的方法，几次就好了，挺有效的，还简单 你可以在这里选一种 ， 这个偏方也可以试一下，但是我家人没用过（韭菜一斤，煮水十分钟泡脚，每日一次，每次20分钟，三天除根） 白萝卜去脚臭 白萝卜半个，切成薄片，放在锅内，然后加适量水，用旺火熬3分钟，再用文火熬5分钟，随后倒入盆中，待降温适度后，反复洗脚，连洗数次即可除去脚臭。 （二）土霉素去脚臭 　　将土霉素研成末，涂在脚趾缝里，每次用量1--2片。 （三）盐姜水除脚臭 　　水中放适量盐和数片姜，加热至沸，不烫时洗脚，并搓洗数分钟，不仅除脚臭，脚还感到轻松，可消除疲劳。 （四）黄豆水治脚气 　　黄豆150克，水约1公斤,用小火约煮20分钟，待水温能洗脚时用来泡脚，可多泡会儿。治脚气病效果极佳，脚不脱皮，而且皮肤滋润。一般连洗三四天即可见效。 （五）无花果叶治脚气 　　取无花果叶数片，加水煮10分钟左右，待水温合适时，泡洗患足10分钟，每日2次，一般三五天即愈。 （六）白醋治脚气 　　脚气病患者，可用棉球浸白醋涂患部，止痒又杀菌，有轻微脱皮，涂一次可半个月不犯，再犯再涂。 （七）啤酒治脚气 　　把瓶装啤酒倒入盆中，不加水，双脚清洗后放入啤酒中浸泡20分钟再冲净。每周泡1、2次。 （八）高锰酸钾水泡脚治脚气 　　用高锰酸钾水泡脚，每月泡一次，可不再复发。方法：用半盆温水放人两粒(小米粒大小)高锰酸钾，水成粉红色，双脚浸泡三五分钟即可。 （九）韭菜治脚气 　　鲜韭莱250克洗净，切成碎末放在盆内，冲入开水。等冷却到能下脚时，泡脚半小时，水量应没过脚面，可同时用脚揉搓。一个星期后再洗一次，效果很好。 （十）嫩柳叶治脚气 　　用一把嫩柳叶加水煎熬，而后洗脚。 （十一）APC治脚臭 　　将一两片APC碾成粉状，分别撒在两只鞋里，1-2天投一次即可，有独特疗效。 （十二）芦荟治脚气 　　夏天，用芦荟叶揉搓叶汁往脚上挤抹，自然风干，每次一只脚用一叶。 （十三）碱面治脚气 　　夏天脚出汗多，容易患脚气。晚上临睡觉前，用碱面一汤匙(即蒸馒头用的碱面)，温水溶化后，将脚浸入碱水中泡洗30分钟左右，轻者两三次，重者四五次即好。 （十四）花椒盐水治脚气 　　花椒10克、盐20克，加入水中稍煮，待温度不致烫脚了，即可泡洗，每晚泡洗20分钟，连续泡洗一周即可痊愈。用过的花椒盐水，第二天经加温，可连续使用。已溃疡感染者慎用。 （十五）梨皮治脚气 　　把削下来的梨皮，直接往脚气处擦就可以了。 （十六）白糖可治脚气 　　脚用温水浸泡后洗净，取少许白糖在患脚气部位用手反复揉搓，搓后洗净，不洗也可以。每隔两三天一次，3次后一般轻微脚气患者可痊愈，此法尤其对趾间脚气疗效显著。 （十七）白矾治脚气 白矾研成细末，擦脚掌心10分钟3-4次脚以后不再出汗不臭。可保持七八个月。 （十八）米醋治脚气 米醋一斤，将醋倒入盆内，浸泡或浸洗，每日两次，每次约一小时，消炎杀菌，可治脚化，又简单，见效又快，轻者四天根治。 （十九）大蒜治脚气 生大蒜头两只，去皮放入半斤醋内泡3天，再用大蒜头擦患处，每日3次。连用7-10日，有消炎和杀死细菌之特效 </t>
  </si>
  <si>
    <t xml:space="preserve">UD高手近ＵＤ　VSＯＲＣ的问题前期ＺＺ　　升好二本之后该怎么办 </t>
  </si>
  <si>
    <t>初期一定要把的伤亡减到最低.最好是0阵亡.DK2级后就有资本和大G周旋了.要练练操作,因为BM打蜘蛛很快的.C不要乱扔,一定要把好C用在刀刃上.蜘蛛的数量有4-5个就可以了,太多了累赘,太少了攻击输出不够.升级基地,更快的得到毁灭.有毁灭后(数量最好4只以上)可以适当生产胖子.2本升3本的时候是比较危险的时候,尽量避免和兽族正面冲突, 多MF.因为你提这个问题,所以想必你应该在2本的时候不能够很好的压制对手.如果可以的话,你会发现过度其实是很顺利的一件事情.中期打不过的话,就要巧妙的利用时机,进行MF和闪电骚扰(不能让对方英雄升的太高了,不然是噩梦)推荐你MF,高等级的不死英雄秒SH还是很轻松的.3本后,队伍成型,就可以带上家里的小狗们一起去杀敌了,哈哈.记得毁灭的吸魔是可以给自己加HP和MP的.良好的操作,冷静的心态,上乘的意识...相信你一定会取得胜利的.切记蜘蛛不是肉盾!!要周旋着打,注意侦察!!!兽升2本的时候去他家杀一次农民,如果成功的话,也是十分不错的.会大大减慢的他发展速度.</t>
  </si>
  <si>
    <t xml:space="preserve">经过了一场暴雨，爱车有什么值得注意的事项没有？ </t>
  </si>
  <si>
    <t xml:space="preserve">  类似于北京的大暴雨对于出行的人来说是一场劫难，对于车子来说也不例外。刚刚经历过劫难，从困境中走出来，我们是不是应该洗洗尘呢？福博士在这里给你透露一点秘诀吧。  首先呢，给你的车身漆面洗洗脸。随着大气环境的污染加重，现在的雨很有可能是酸雨，加上空气中尘土，固体颗粒伴随的到来，已经严重的影响“雨水”的质量，从而影响车漆面的寿命。狂风暴雨，说的是狂风伴随着暴雨而来，风也会为你的车带来很多残枝泥土，所以，暴雨过后赶紧去吧。  暴雨过程中，积累物是必不可少的，在水里行驶对刹车系统也是有影响的。长时间的水中浸泡，会致使水中杂物夹杂在刹车盘里，加剧它的磨损。出水过后，不仅要踩踩刹车，还要在雨过天晴后及时冲洗刹车盘片和清理刹车盘片之间的杂质。  当然，暴雨时，天色一般都比较暗，这个时候我们就会打开雾灯什么的。脱离“雨水”后，也要赶紧检查一下雾灯是否正常，里面是否有漏水情况，如果有，就打开它除去或者直接换掉，前后大灯也是如此。  最后，对于底盘，轮胎。我们也要及时清理，避免产生安全隐患。这里讲得也不够全面，想了解更多关于雨天行车的问题，可以关注我的新浪微博： </t>
  </si>
  <si>
    <t xml:space="preserve">流产过后第一次月经十天了还有褐色的分泌物？流产过后第一次月经十天 </t>
  </si>
  <si>
    <t>第一次是正常,我也是和你一样的情况,可是第二个月,第三个月,慢慢就好起来了.如果不放心的话,等YJ干净了,去医院做个检查.没事的.祝好.</t>
  </si>
  <si>
    <t xml:space="preserve">孩子没有上进心怎么办？孩子已经上二年级了，成绩不是很理想，老师为 </t>
  </si>
  <si>
    <t>你可以多鼓励、多夸奖，不要总是批评他，要看到他的优点、长处，好孩子都是夸出来的</t>
  </si>
  <si>
    <t xml:space="preserve">微博账号异常，无法登陆和申诉上午还能正常登陆的，刚刚就不行了，显 </t>
  </si>
  <si>
    <t xml:space="preserve">将库存多余现金存入银行,是作收款凭证还是作付款凭证 </t>
  </si>
  <si>
    <t>将库存多余现金存入银行,是作收款凭证还是作付款凭证其实，实际中，做哪种凭证都可以的。不过，真要认真的话，还是做收款凭证吧。</t>
  </si>
  <si>
    <t xml:space="preserve">字符串问题如何计算字符串在另一个字符串中出现的次数 </t>
  </si>
  <si>
    <t>Split好像只能计算单个字符的吧,你所要的是字符串在字符串中的个数,需要自己写函数的,用指针定位,然后循环查找!</t>
  </si>
  <si>
    <t xml:space="preserve">数学游戏A、老板有2个白球、1个红球；B、老板将3个球分别扣在3 </t>
  </si>
  <si>
    <t>要换因为，如果不换，你获胜的概率是1/3，而失败的概率是2/3但是，当你换了以后，因为老板已经排除了后面二个之中的一个，所以，除了你前面选的1/3的胜率外，其余2/3的胜率全在另外一个球上，所以，换后，获胜的概率是2/3</t>
  </si>
  <si>
    <t xml:space="preserve">为什么我的网络总是自动断线重连每次玩游戏.基本上10分钟到半小时 </t>
  </si>
  <si>
    <t>以前是正常的吗？本来我以为这是正常现象，需要解决的是散热问题。后来发现了这一句“发现那的灯也没亮.拔了电源重新插上以后才会亮.”来到新版本有电源设置？建议您使用返回驱动程序功能。如果有必要拿去维修部看看，迅驰平台智能检测出错了，理论上来说，玩游戏时属于最高负载，只会出现散热问题的。windows是可以返回上一个驱动程序的啊，我上面有提到，那么试试看好了。</t>
  </si>
  <si>
    <t xml:space="preserve">夜间有时憋很厉害是不是心梗我夜间憋的很厉害.是20多岁就有,到4 </t>
  </si>
  <si>
    <t xml:space="preserve">    你好帮你问了医生了，你留意回复吧    回复问：＂不知道你每次发作时有无诱因？另外，平时工作是否紧张？生活是否规律？........＂　　你亲自告诉医生好了　　希望可以帮助到你。</t>
  </si>
  <si>
    <t xml:space="preserve">什么配置电脑玩天2双开一点都不卡我想配一个电脑.玩天2双开一点都 </t>
  </si>
  <si>
    <t>我的是７３００ＧＴ显卡，１Ｇ的内存，ＣＰＵ的参数我不是很清楚，是什么３２００的，可我连单开都要重启，原因在电源上，我的电源功率太小了．</t>
  </si>
  <si>
    <t xml:space="preserve">银川到太原的汽车到哪个汽车站坐？路上需要多长时间，具体的时刻谁知? </t>
  </si>
  <si>
    <t>发车站：银川长途汽车站（南门汽车站）运行线路：银川 - 太原出发时间：11:40、  14：30</t>
  </si>
  <si>
    <t xml:space="preserve">奇迹世界刷卷轴事什么意思怎么刷法我想知道奇迹世界里的刷卷轴是什么 </t>
  </si>
  <si>
    <t xml:space="preserve">    卷轴的前身就是金牌，刷卷轴就是刷金牌，由于之前都叫刷金，所以现在换了卷轴还很多人在那里叫刷金。    刷卷轴的方法是，组好一队人，一般10个，使用卷轴进入狩猎场刷怪，然后大家分摊卷轴的费用，如果该区卷轴价格1700万/个，队长（队长一般持有卷轴）就会收取每人170万的费用，然后才开副本进行刷怪，每次刷怪时间60秒    卷轴的获得方法：1、以前的金牌没有用的，维护的时候被系统换成卷轴了。2、商城里有卷轴卖的，套餐物品那里</t>
  </si>
  <si>
    <t xml:space="preserve">想去成都+重庆啊～有没有自由行旅游攻略推荐的～[好喜欢][羞嗒嗒? </t>
  </si>
  <si>
    <t>重庆：1.去朝天门看两江交汇2.去解放碑购物望美女3.去洪崖洞吃美食逛老街4.去南山吸氧赏夜景5.去磁器口古镇看民俗吃小吃6.去中山四路感受民国风7.去歌乐山体验红色革命精神8.去乘坐轻轨感受山水重庆速度9.去南滨路听江声吃美食10.去泡温泉感受地心温暖</t>
  </si>
  <si>
    <t xml:space="preserve">正月可以搬家吗?大家好,我们家正在装修新屋,但是要明天才可以油墙 </t>
  </si>
  <si>
    <t>个人认为正月不适合搬家的 ，我问过很多人，包括新疆、湖南、湖北、内蒙、以及河南河北、还有东北的同学，基本上都有这个习俗的，好像是不太吉利的，个人认为宁可信其有不可信其无嘛！而且正如你所说的，不正好散散油漆的味道嘛！</t>
  </si>
  <si>
    <t xml:space="preserve">白妖问题我练了个体妖,准备先敏满,再精到20,以后全加智!现在5 </t>
  </si>
  <si>
    <t>照你的加点.18体13敏出身，敏满是62级。精20是70级。再加智力？空身智力18以下打架单混都没意义。空身智力到20时，你就得78级，这级别挺难，如果你运气好，有机会获得2.3个万能药水，或者专业挂机，有坚强的意志。否则目标不要想那么高。练白体妖。先加精到18，这对于后期魔的成长，必要的PK或者自卫都是很有帮助的，如果起手就是13精就更好一点了。白妖初始魔防放开后，抗魔能力大大提高，净化精神后，加些普通装备，魔防过130还是比较轻松的，这对于打一些高级施放魔法伤害的怪也有帮助。白妖点数宝贵，没必要加精到20。既然有把7任务弓，在31到33还是能混的开。体妖血厚，偶尔暴怪也能抵挡一阵。不过更建议去火山或是龙骨去挂机，开阔地带风走的优势就发挥出来了。既然是挂机，就不要带了。首先骗红的垃圾比较多，虽然可以设置正义不满下线，但是洗红终究不让人高兴。其次干脆有人杀你的宠物，大地妖反复木你，再杀宠物，直到宠物消失。很多外挂设置遇冲晕，大地，木咒后强退的功能不完善，有时会带来不必要的麻烦。你要是有人看挂，那就请便了。不过魔宠抢经验很厉害的。关于单手弓，叫寂静十字吧，没用过，冷门兵器。看属性点一般，可以拿盾，防高点，个人感觉 鸡肋一个。匕首，比较常用的奥短。攻击输出稳定，攻击速度快，不坏刀，对不死加成，但是价格太高，不是太实用，变身后攻击速度优势不明显，不建议使用。关于你的白妖升级线路。建议加精到18，然后点智到20（可以靠智链智T到22）单混洗魔没问题，升级速度会加快。以后再加敏，能加多少算多少了，拿弓的优势在于攻击加成和洗魔放三连射，敏18和25的伤害值相差并不大。个人意见，仅供参考。</t>
  </si>
  <si>
    <t xml:space="preserve">电热水器品牌中，哪家的电热水器最好？美的怎么样？听说有十大电热水 </t>
  </si>
  <si>
    <t xml:space="preserve">我个人认为电热水器还不错，美的电热水器是在电热水器十大品牌中数一数二。市场面积也非常的广。我就是买的他们家的极速系列F50J电热水器。加热速度快，节能，更安全。顺便也帮你介绍一下电热水器十大品牌，希望对你有所帮助。电热水器十大品牌，排名不分先后1   海尔Haier电热水器 (亚洲品牌500强,中国名牌,中国驰名商标, 电热水器十大品牌,海尔集团) 2   A.O.史密斯电热水器 (始于1874年美国,专业电热水器品牌,艾欧史密斯（中国）热水器有限公司) 3   阿里斯顿电热水器 (于1930年意大利,供暖/热水器领域世界品牌,阿里斯顿（中国）有限公司) 4   西门子电热水器 (十大即电热水器品牌,全球最大的电气电子公司之一,西门子(中国)有限公司) 5   美的Midea电热水器 (中国名牌,中国驰名商标,快速电热水器品牌,最具市场竞争力品牌,美的集团有限公司) 6   奥特朗电热水器 (专业著名快速电热水器品牌,广州市著名商标,奥特朗电器（广州）有限公司) 7   万和电热水器 (中国名牌,中国驰名商标, 电热水器十大品牌,万和集团有限公司) 8   万家乐电热水器 (中国名牌,中国驰名商标,十大电热水器品牌,广东万家乐燃气具有限公司) 9   樱花电热水器 (中国名牌, 电热水器十大品牌,全球知名品牌,樱花卫厨(中国)有限公司) 10   帅康电热水器 (中国名牌,一线品牌/牌子,十大电热水器品牌,浙江名牌,帅康集团有限公司) </t>
  </si>
  <si>
    <t xml:space="preserve">电脑高手请进新安装了nVIDIA系列显卡3DStereo驱动但是 </t>
  </si>
  <si>
    <t>这个是好像是立体眼镜用的，不是所有的显卡都支持的</t>
  </si>
  <si>
    <t xml:space="preserve">胎儿胆囊偏大各位专家，您好！我现在怀孕有22周了，上周去医院做超 </t>
  </si>
  <si>
    <t>你好，20－26周的时候做个四维彩超排畸形筛查。这个不能说明什么问题。继续观察。</t>
  </si>
  <si>
    <t xml:space="preserve">有关保证期间的问题一般保证期间应为主合债务履行期届满之日起六个月 </t>
  </si>
  <si>
    <t>一般保证期间应为主合债务履行期届满之日起六个月。请为主合同债务届满之日是合同约定的债务履行期还是法院判决履行期，或者是强制履行期，各位请帮一下忙。···应当是－－－主合同债务届满之日是指合同约定的债务履行期。</t>
  </si>
  <si>
    <t xml:space="preserve">大家谁知道通关文碟怎么写啊，重要的是格式！用文言文最好了，100? </t>
  </si>
  <si>
    <t>首先有朝代国名  还有人物籍贯官职品秩  然后是客套寒暄话  比如  大清国顺治朝直隶沧州人某某,奉大清国皇帝令旨，特为某事（例：准噶尔边界一事）与某国交涉事宜，特此以证  （皇帝玉玺或大清国官印）</t>
  </si>
  <si>
    <t xml:space="preserve">这个号能卖多少钱人类男圣骑士惩戒159级别一套防御T6治疗T6有 </t>
  </si>
  <si>
    <t>我建议把QS号拆开卖··可以拆开了。。。。。我觉得差不多500左右，不能5*200=1000计算，一般的买号谁会买那么多号呢，买这个不如花3-400买某个职业的顶端号了有些有钱人喜欢找找不同的感觉，但没时间练，这个号是个最好的选择，但很难碰到这样的伯乐</t>
  </si>
  <si>
    <t xml:space="preserve">新天关，你不去？行不行啊？新闻】天关升级在即宝物先睹为快　　关于 </t>
  </si>
  <si>
    <t>TMD。谁这么有钱到天关啊？沙老大得几个幅，他会送你？ 武馆的教头有名的小气鬼，他送你幅可能？！ 灵幅守卫爆？打上200个爆1个就不错。用声望！去一次少1点，我看算了！</t>
  </si>
  <si>
    <t xml:space="preserve">一元二次方程那个"无敌"公式是怎么推导出来的?以前会，但很久不用 </t>
  </si>
  <si>
    <t>ax^2+bx+c=0x^2+(b/a)x+c/a=0x^2+(b/a)x+(b/2a)^2=(b/2a)^2-c/a=(b^2-4ac)/4a^2(x+b/2a)^2=(b^2-4ac)/4a^2x+b/2a=正/负 根号(b^2-4ac)/2ax=(-b正/负 根号(b^2-4ac))/2a</t>
  </si>
  <si>
    <t xml:space="preserve">斑竹大大，到底要到什么时候开测啊？！给个准确的时间撒！！！我=“ </t>
  </si>
  <si>
    <t>173上是说1月31日....等吧..客户端也还没放出来呢..</t>
  </si>
  <si>
    <t xml:space="preserve">睡觉不用枕巾行吗睡觉时,常常会把枕巾置到一边不用会对睡眠有影响吗 </t>
  </si>
  <si>
    <t>完全可以啊。用不用枕巾，和睡眠没有任何关系。过去枕头没有枕套，而人们又不是经常洗头，为了不用频繁拆洗枕头，所以就使用枕巾，只要定期洗枕巾就可以了。现在枕套，枕心单独使用，完全可以不用枕巾了。有的人用枕巾就是一种习惯而已。</t>
  </si>
  <si>
    <t xml:space="preserve">吃六味地黄丸对内分泌失调引起的青春豆有用吗吃六味地黄丸（是滋阴补 </t>
  </si>
  <si>
    <t>六味地黄丸具有显著的增强免疫、抗衰老、抗疲劳、抗低温、耐缺氧、降血脂、降血压、降血糖、改善肾功能、促进新陈代谢及较强的强壮作用.促进新陈代谢可以加速排空体内毒素，有一定的辅助作用，但是作用不是太明确，建议不要用。</t>
  </si>
  <si>
    <t xml:space="preserve">小肚子左侧很靠左的位置疼 </t>
  </si>
  <si>
    <t>病情分析：你好，根据你叙述的情况，考虑卵巢囊肿的可能性不大，因为多数卵巢囊肿是不好有疼痛症状的。如果是淋巴管炎，应到外科就诊，在医生指导下用药治疗。指导意见：建议做B超检查应该明确是否为卵巢囊肿。如果是小的囊肿，一般多属于功能性囊肿，可以暂不治疗，注意观察定期复查就可以了。医生询问：</t>
  </si>
  <si>
    <t xml:space="preserve">面包和爱情选哪个大家都来谈一谈。。。 </t>
  </si>
  <si>
    <t>没有面包的爱情不会长久，因为爱情确实是建立在物质基础上，贫贱夫妻百事哀</t>
  </si>
  <si>
    <t xml:space="preserve">玛驰火花塞要多久换一次比较好？ </t>
  </si>
  <si>
    <t xml:space="preserve">我前段时间去保养的时候问过专业师傅，他说3到5年都不用考虑这个问题。另外，玛驰的保养手册上有说，8万公里才需要更换火花塞。平时还是要做常规保养的哈。 </t>
  </si>
  <si>
    <t xml:space="preserve">amd3000配什么主板本人2006年配的机子：AMD3000+ </t>
  </si>
  <si>
    <t>AMD 3000+ 昂达N61G主板是老型号的 754接口的CPU你去二手市场上转转吧！！！！！！！！100源就能搞定！！！</t>
  </si>
  <si>
    <t xml:space="preserve">真三，离不开它啊。求教！经过三月克制没玩真三，最终还是没忍住打开 </t>
  </si>
  <si>
    <t>真三关服了，天希倒闭了，你还不知道？</t>
  </si>
  <si>
    <t xml:space="preserve">好看的类似柠檬火焰的《束缚》BL小说求类似柠檬火焰的《束缚》的小 </t>
  </si>
  <si>
    <t xml:space="preserve">《终极雇佣》晓渠的《长夜未央不能动（风弄）云色终身操盘害也蛮喜欢，风大的! 意大利错落杀人无赦 BY:樊落  纠缠不清绝 BY午夜深蓝 </t>
  </si>
  <si>
    <t xml:space="preserve">高血压病人的饮食应注意点什么？ </t>
  </si>
  <si>
    <t xml:space="preserve">高血压病的早期症状为头晕、头痛、心悸、失眠、紧张烦燥、疲乏等。以后可逐渐累及心、脑、肾器官，严重时可并发高血压性心脏病、肾功能衰竭、脑血管意外等病变。 养生指南 一.调畅情志：保持轻松愉快的情绪，避免过度紧张。在工作1小时后最好能休息5～10分钟，可做操、散步等调节自己的神经。心情郁怒时，要转移一下注意力，通过轻松愉快的方式来松驰自己的情绪。最忌情绪激动、暴怒，防止发生脑溢血。 二.饮食有节：应节制日常饮食，少吃脂肪、甜食、盐。饮食以清淡为主，多食蔬菜水果。忌暴饮暴食。食盐摄入量每日不超过5克，盐能使水分潴留，血容量增加，加重心脏负担。肥胖者应控制食量及热量，减轻体重。要保持良好的睡眠状态，睡前用温水浸泡脚，避免看，看紧张恐怖的电影电视。保持大小便通畅。性生活使人处于高度兴奋状态，神经血管紧张，甚至可引起中风，应节制性欲，慎房事。 1、香蕉3只，西瓜皮60克（鲜品加倍），玉米须60克，冰糖适量，香蕉去皮与西瓜皮、玉米须共煮，加冰糖调服，每日2次 2、瘦猪肉50克，夏枯草10克，煲汤内服，日饮2次。 3、醋、生花生米各适量，生花生米（连衣）半碗，用好醋倒入满碗浸泡7天，每日早晚各吃10粒。血压下降后隔数日服用1次。 4、菊花、槐花、绿茶各3克，以沸水冲沏，待浓后代茶频频饮用。 5、猪腰子250克，杜仲15克，加调料、盐等适量。先将猪腰子洗净，切成腰花；另将杜仲煎汁，浓缩后拌入淀粉，如常法炒腰花，淋入杜仲汁即成 6、芹菜根50至100克、小蓟30克，水煎服 7、枸杞的叶及茎五百克，加适量的水煮，煮好后喝其汁液 8、芹菜粥：芹菜连根120克，粳米250克。将芹菜洗净，切成六分长的段，粳米淘净。芹菜，粳米放入锅内，加清水适量，用武火烧沸后转用文火炖至米烂成粥，再加少许盐和味精，搅匀即成。 9、菊花粥：菊花末15克，粳米100克。菊花摘去蒂，上笼蒸后，取出晒干或阴干，然后磨成细末，备用。粳米淘净放入锅内，加清水适量，用武火烧沸后，转用文火煮至半成熟，再加菊花细末，继续用文火煮至米烂成粥。每日两次，晚餐食用。 10、绿豆海带粥：绿豆、海带各100克，大米适量。将海带切碎与其它2味同煮成粥。可长期当晚餐食用。 11、荷叶粥：新鲜荷叶1张，粳米100克，冰糖少许。将鲜荷叶洗净煎汤，再用荷叶汤同粳米、冰糖煮粥。早晚餐温热食。 12、醋泡花生米：生花生米浸泡醋中，5日后食用，每天早上吃10～15粒，有降压、止血及降低胆固醇作用。 13、糖醋蒜：糖、醋漫泡1个月以上的大蒜瓣若干，每天吃6瓣蒜，并饮其糖醋汁20毫升，连服1个月，适用于顽固性高血压。 14、罗布麻五味子茶：罗布麻叶6克，五味子5克，冰糖适量，开水冲泡代茶饮。常饮此茶可降压，改善高血压症状，并可防治冠心病。 15、何首乌大枣粥：何首乌60克、加水煎浓汁，去渣后加粳米100克、大枣3～5枚、冰糖适量，同煮为粥，早晚食之，有补肝肾、益精血、乌发、降血压之功效。 16、淡菜荠菜汤：淡菜、荠菜或芹菜各10～30克，每日煮汤喝，15日为一疗程，对降压有效。 17、胡萝卜汁，每天约需1000毫升，分次饮服。医学研究证明，高血压病人饮胡萝卜汁，有明显的降压作用。 三.戒烟少酒：烟碱（尼古丁）可收缩微细血管，使心跳加快，血压升高；少量喝酒可使微循环扩张，增加血管弹性，有一定好处。提倡戒烟少酒。但大量喝酒及喝烈性酒则肯定是有害无益的。 四.劳逸结合：如从事高度紧张的工作，要掌握好对自己情绪的调节，注意劳逸结合，争取多休息，避免有害的慢性刺激（如噪音）的影响。休息包括精神上、体力上的休息。重体力劳动、剧烈运动是不适宜的。负重、长跑、搬运重物应予禁止。但轻体力劳动是可以的，长期卧床并无好处。 五.坚持锻炼：应坚持打太极拳，练气功，每日早晚各一次，可改善血液循环，减少外周阻力而使血压降低。 六.坚持服药：对中、晚期高血压病，坚持服药治疗是十分重要的。如一种药物产生耐药性而失效时，应及时更换其他药物。不遵医嘱，随意停药，会使血压急剧升高而发生危险。平时应经常测量血压 </t>
  </si>
  <si>
    <t xml:space="preserve">征服者贝尔雷达些列GX3000是不是最新款，比GX2000和GX? </t>
  </si>
  <si>
    <t>征服者贝尔雷达些列GX3000是最新款，比GX2000和GX300要好的</t>
  </si>
  <si>
    <t xml:space="preserve">房子的价格是怎么定的？我知道这个问题有点大！但是给我链接也好的， </t>
  </si>
  <si>
    <t>这个问题确实有点大，房子的价格要看地段、楼层、朝向、开发商（在该楼盘中的地位）等等，建议看一下那本房地产专业知识与实务（中级），里面就有很详细的定价策略。</t>
  </si>
  <si>
    <t xml:space="preserve">如何在自己的博客中写 </t>
  </si>
  <si>
    <t>　　登录博客，点击右上角“发表文章”，输入文字，点击发表，选择一个分类，如“文学”分类。发表后，返回首页，就可以看到自己的文章了。　　　　　　　　　　　　　　　　　　　　　　　-,'''╭⌒╮⌒╮. 　　　　　　　　　　　　　　　╱????''.''. 爱问才知道，不问不知道！　　　　　　　　　　　　　　　︱田︱田田| '',,.爱问就会红，敢答才会赢！　　　　　　　　　　　　　　　╬╬╬╬╬╬╬╬╬╬╬╬╬╬╬╬╬╬</t>
  </si>
  <si>
    <t xml:space="preserve">丰田贵还是本田贵？ </t>
  </si>
  <si>
    <t>丰田！丰田的车要比本田车要强的多！雷克萨斯也属于丰田公司的！</t>
  </si>
  <si>
    <t xml:space="preserve">含羞草的习性是什么?该如何种植呢?是否可以盆放在室内? </t>
  </si>
  <si>
    <t>含羞草[科属及形态] 豆科，含羞草属。茎基部木质化，在亚热带地区为多年生。含羞草枝上有锐刺，茎直立，也有蔓生的。叶为羽状复叶，对生，总叶柄上着生羽叶4个，每个羽叶上由--18枚小叶组成，小叶为矩圆形。花淡粉红色，花期7--10月，果为荚果，种子呈扁圆形。 [生长习性] 含羞草原产于南美热带地区，喜温暖湿润，对土壤要求不严，喜光，但又能耐半阴，故可作室内盆花赏玩。含羞草小叶细小，羽状排列，用手触小叶，小叶接受刺激后，即会合拢，如震动力大，可使刺激传至全叶，则总叶柄也会下垂，甚至也可传递到相邻叶片使其叶柄下垂，仿佛姑娘怕羞而低垂粉面，故名含羞草。那些么是不是真的叶子怕羞呢？当然不是。 [繁殖及栽培]⑴繁殖:  用种子播种繁殖，春秋都可播种，播前可用35℃温水浸种24小时，浅盆穴播，覆土1--2厘米，以浸盆法给水，保持湿润，在15--20℃条件下，经7--10天出苗，苗高5厘米时上盆。采种时选健壮母株，加强管理，于结果期随熟随采，荚果成熟时会自动开裂。 ⑵栽培  养护管理无特殊要求。一般土壤均可栽培，生长期需肥不多，施稀液肥2--3次即可，肥料不宜过多，以叶绿生长健壮即可，勿使徒长，因为含羞草主要为趣味性观叶花卉，以小型为好。可以放在室内栽培。</t>
  </si>
  <si>
    <t xml:space="preserve">我02年毕业的,户口一直放在学校里,不知现在户口在哪儿我02年毕 </t>
  </si>
  <si>
    <t>估计现在户口已经由学校给你退回来源地了,就是你的原户籍地.</t>
  </si>
  <si>
    <t xml:space="preserve">世界最大的高原 </t>
  </si>
  <si>
    <t>巴西高原，面积约500万平方公里。</t>
  </si>
  <si>
    <t xml:space="preserve">工具商价钱问题我问一下：如果收购带星的工具，大概每种东西在什么价 </t>
  </si>
  <si>
    <t>工具类以矿锄和钓鱼竿最值钱..(两者最实用)铁的就不说了..我家铁的工具都多了10几把..收购价:精致类矿锄和鱼竿在5W左右.其他工具要低一些.(带星的铁工具)价格少一点点.蓝宝石类矿锄和鱼竿在15W左右,其他工具要低一些.铜类矿锄和鱼竿在30W左右,其他工具要低一些.红宝石矿锄和鱼竿在60W左右,其他工具要低一些.卖出价:精致类矿锄和鱼竿在10W左右.其他工具要低一些.(带星的铁工具)价格少一点点.蓝宝石类矿锄和鱼竿在20W左右,其他工具要低一些.铜类矿锄和鱼竿在40W左右,其他工具要低一些.红宝石矿锄和鱼竿在80W左右,其他工具要低一些.还是之前说过的.收购的人希望越低越好.卖的人希望越高越好.再就是有些工具比如红宝石的斧头.如果有人收.100W哪怕只80W我都会卖.但要我出哪怕50W我都不会去买个斧头.如果没红宝石的矿锄贵点也可以考虑买个..工具类最好自己升级.买不太划算.我各人看法.希望有帮到你一点点..</t>
  </si>
  <si>
    <t xml:space="preserve">风油精按状态说为什么不叫风精油毕竟风油精的液体更像是油，如果为了 </t>
  </si>
  <si>
    <t xml:space="preserve">其实楼主也不必这么类比，风油精的叫法肯定是约定俗成的。它的成分包括薄荷脑、樟脑、桉油、丁香酚、水杨酸甲酯，看起来都是一些的精炼提取物，简而言之就是“精”。而且这种药的医用价值也不小，可以用于治疗很多疾病，确实是药中比较“精英”的，所以老百姓就叫它风油“精”了。附风油精的医用价值：    治腹痛——将风油精数滴滴在肚脐(神阙穴)内，用伤湿止痛膏或普通胶布覆盖，可起祛寒止痛作用。此法对于因受凉、过食冷饮等引起的寒性腹痛效果尤佳。 　　治烫伤——对于小范围轻度烫伤，风油精直接滴敷在烫伤部位上，每隔三至四小时滴敷一次。若水疱破裂，可先涂风油精，再涂四环素眼膏，效果更好。此法治烫伤，止痛效果明显，且不易发生感染，无结痂，愈后不遗留疤痕。 　　治脚癣——用温水将足清洗干净，揩干，如有水泡者，可先用针灸针将其刺破，然后用药棉吸净，再用风油精每日一至两次涂擦患处，一般3-5日即可见效。 　　治口角溃疡——刷牙漱口后，在患处涂风油精，每日两次，若临睡前再涂一次，则效果更佳。 　　治咽喉肿痛——倒风油精3-5滴于汤匙内，慢慢咽下，即可奏效。此法对于干咳引起的喉痛也有效。 　　治肛门瘙痒——凡由痔疮、肛裂等引起者，先用温水洗净患处，再用药棉蘸风油精少许，在肛门周围涂擦，即可奏效。 　　治疗冻疮——冬天很多人都会生冻疮。在冻疮未破时，将风油精均匀地涂在患处，有止痛消肿的作用，每日2-3次，一般2-3天可痊愈。注意：如果冻疮已经溃破，则不宜使用。 </t>
  </si>
  <si>
    <t xml:space="preserve">我原来的女朋友到底有男朋友没的哈！我和我原来的女朋友分手老有天老 </t>
  </si>
  <si>
    <t>你们两个是一对傻瓜,白痴.</t>
  </si>
  <si>
    <t xml:space="preserve">如何打败令人发狂的电脑？最近在魔兽争霸，但是就是打不过令人发狂的 </t>
  </si>
  <si>
    <t>呵呵  我觉得你还是先多练练，先打过2家中等的，能打过了就试试打疯狂地吧。</t>
  </si>
  <si>
    <t xml:space="preserve">幼儿听的音乐有哪些,在那可以找到?3个月的宝宝应可以听那些曲子, </t>
  </si>
  <si>
    <t>你可以直接到这里找"摇篮曲" 或在分类里找"幼儿歌曲"  (这是儿童专集)</t>
  </si>
  <si>
    <t xml:space="preserve">我的主板是技嘉945GZM－S2，我想换个玩游戏的显卡,有什么介? </t>
  </si>
  <si>
    <t>升级显卡还要跟配置(电源功率，CPU .主板等）搭配才能发挥显卡的功力吧！如果你的电源是额定300W的品牌电源推荐价比高的3850级别的显卡：微星Z3850 512D3 ￥599 ；影驰9600GSO加强版￥599；双敏速配9600GT玩家战斗版599；影驰 9600GT中将版 ￥799 等如果你的电源是额定250W~300W的品牌电源,推荐3690，9500GT低功耗的显卡；如：影驰9500GT黑将版￥599，盈通R3690-HM512GD3龙翼版￥459等</t>
  </si>
  <si>
    <t xml:space="preserve">一个人到底能容纳多少种爱啊？？？ </t>
  </si>
  <si>
    <t>爱情，友情，亲情，凡是有情的都有爱！</t>
  </si>
  <si>
    <t xml:space="preserve">焊接用的电路板就是那种绿色的，上面一个一个洞都是被焊上的，它是怎 </t>
  </si>
  <si>
    <t>它本身已经按照设计留出了电路通道，并在通道上预留了各种元件的焊接位置，也就是那些小洞。还有一种万能电路板，没有预定的电路设计，由使用者自己设计电路。</t>
  </si>
  <si>
    <t xml:space="preserve">为什么我下载了客户端，安装了不能使用 </t>
  </si>
  <si>
    <t>我也是，不知道为什么？</t>
  </si>
  <si>
    <t xml:space="preserve">切尔西拜仁国米皇马马竞技热刺............全部获胜。。 </t>
  </si>
  <si>
    <t>最多三个正常</t>
  </si>
  <si>
    <t xml:space="preserve">中国造商品为什么在美国反而便宜?这是一个非常奇怪的现象，ADID </t>
  </si>
  <si>
    <t>出口的产品不但不交税,而且还退税!</t>
  </si>
  <si>
    <t xml:space="preserve">系统集成商 </t>
  </si>
  <si>
    <t>我们这里有</t>
  </si>
  <si>
    <t xml:space="preserve">玻璃胶发黑的原因是什么？ </t>
  </si>
  <si>
    <t>玻璃胶发黑是属于正常现象。因为玻璃胶有一定的透气性（玻璃胶是靠吸收空气中的水分固定），表面是一种微孔结构，很容易吸附各种有机物，所以变黑是正常现象也是必然现象</t>
  </si>
  <si>
    <t xml:space="preserve">可惜的7串1有图 </t>
  </si>
  <si>
    <t>最后一场是平手盘,你怎么会选平呢?这是个常识性的问题.10场能出一场平局就不错了</t>
  </si>
  <si>
    <t xml:space="preserve">卫生间面盆柜及台面是买好还是让工人打？ </t>
  </si>
  <si>
    <t xml:space="preserve">    根据我家两次装修的经验，建议如下：       如果你对家中卫生间的设施没有特殊要求（规格大小、外观形状、结构变化等），且市场上有相应适合的成品时，建议直接购买；       如果希望根据自己实际使用需要，且从经济角度出发，请工人做，也是可以的，但材料最好还是自己选，不要“全包”。        比较合理省钱的做法是：你买个整台面盆，做个下柜就好。千万不要买嵌入式的台盆，再做台面时，粘合很难令你满意，且今后的卫生清理工作也很不好做（过时了）。</t>
  </si>
  <si>
    <t xml:space="preserve">一排有30个座位，至少有多少个座位上有人，才能使后面的人必须坐在? </t>
  </si>
  <si>
    <t>至少坐11个人，两边坐下，然后从一端开始每空两个座位坐一个人。【帮到你的话麻烦点击“好评”谢谢！】</t>
  </si>
  <si>
    <t xml:space="preserve">我65级MM到哪炼级快呢 </t>
  </si>
  <si>
    <t>65级继续群杀63的毒殇怨灵到66。66有两个去向，简单的就是去沼泽和人组队刷66的毒殇怨灵首领，可以刷到70级。另外就是去沼泽群67的水怪，自己群的话，不带符情况下12000的水防一次最多10只，升级快，但是消耗极大。如果MM会拉怪的话，组个斧锤WX和一FS三人秒怪的话最有效率。70级就可以去打蝶兰妖灵（不能群）或去桃花群杀仙果树妖，可以直升76。76以后......这个不说了，等你到了那个时候再说吧。</t>
  </si>
  <si>
    <t xml:space="preserve">我是一名外地考生，想咨询一下兰大学校生命科学院的专业课参考书目。 </t>
  </si>
  <si>
    <t>生物          《生物化学》，沈同主编，高等教育出版社，第二版                  《有机化学》，汪小兰主编，最新版本，高等教育出版社分子生物学        《植物分子生物学》，曹仪植编,高等教育出版社生理学(生命学院)  《生理学》，  姚泰主编，人民卫生出版社，2001年第5版细胞生物学        《细胞生物学》，郑国昌编著，高等教育出版社，1991年第二版《细胞生物学》，翟中和主编，高等教育出版社分子细胞研究技术  《生物显微技术》，郑国昌编著，高等教育出版社，                  《精编分子生物学实验指南（第四版中译版）》马学军，舒跃龙;科学出版社遗传学            《遗传学》，刘祖洞主编，高等教育出版社，1992年版                  《分子遗传学》，孙乃思等主编，南京大学出版社，1992年版生态学            《动物生态学原理》，孙儒泳编，北京师范大学出版社普通动物学        《普通动物学》，刘凌云，郑光美等主编，高等教育出版社，1997年第三版                  《动物生物学》，许崇任，程红编，高等教育出版社和施普林格出版社                  《组织学》，成令忠主编，人民卫生出版社，2000年版植物生物学        《植物生理学》，曹仪植，宋占午编，兰州大学出版社，1998年                  《植物生物学》，周云龙主编，高等教育出版社，1999年版植物生理学        《植物生理学》，白宝璋，史芝文主编，中国科学技术出版社，1992年版普通生态学        《普通生态学》，李博，孙儒泳等编，高等教育出版社多肽生物学与化学  《多肽合成》科学出版社出版《多肽药物化学》科学出版社出版现代生物技术      《现代生物技术导论》，瞿礼嘉等主编，高等教育出版社，第一版普通微生物学      《微生物学》，沈萍等主编，高等教育出版社，第一版发酵工程          《微生物与发酵工程》，胡永松等主编，四川大学出版社，第一版微生物生理学      《微生物生理学》，李季伦等主编，北京农业大学出版社，第一版进化生物学        《进化生物学》，张昀主编，北京大学出版社，2000年版神经生理学        《神经生理学》，阮迪云，寿天德编著，中国科技大学出版社，1992年版免疫化学          《免疫学原理》，周光炎主编，上海科学技术出版社，2001年版高等数学           同全国统考数学四参考书</t>
  </si>
  <si>
    <t xml:space="preserve">瓦拉多利德加油啊，求求你再主场赢一次吧 </t>
  </si>
  <si>
    <t>我支持3，加油！！！</t>
  </si>
  <si>
    <t xml:space="preserve">药膳咨询我家里几个人的腰都不好，容易闪到腰，最近有吃杜仲炖猪腰， </t>
  </si>
  <si>
    <t>中药里含有淀粉、糖类、蛋白质、维生素、挥发油、氨基酸和各种酶、微量元素等多种成分，煎煮时这些成分大部分溶解在汤药汁里。一般服法是趁温热时先服一半，4～6小时后再服一半。如果过夜服用或存放过久，不但药效降低，而且会因空气、温度、时间和细菌污染等因素的影响，使药液中的酶分解减效，细菌繁殖滋生，淀粉、糖类营养等成分发酵水解，以致药液发馊变质，服用后对人体健康不利。如果你想隔夜喝，建议放冰箱保存好。</t>
  </si>
  <si>
    <t xml:space="preserve">16期中一注,17期完了错一场吧.　1伯明翰VS西布朗3.... </t>
  </si>
  <si>
    <t>17期怎么才8场</t>
  </si>
  <si>
    <t xml:space="preserve">身份证末位点解用英文代表？为何我的身份证末位用英文代表？不是全用 </t>
  </si>
  <si>
    <t>应该没有什么特别意思·</t>
  </si>
  <si>
    <t xml:space="preserve">为什么我的2下传中球是地滚球请高手指点一二 </t>
  </si>
  <si>
    <t>我知道，因为以前我也碰到过。你只要按住L1再按长传键就可以了！但是这样是比较难受的，自己慢慢会习惯的。（可能是L2)不太记得了，呵呵！至于什么原因呢？我也不太清楚啊，估计是版本问题！想彻底解决换个版本</t>
  </si>
  <si>
    <t xml:space="preserve">我孩子初二，学习一塌糊涂，跟着老师，觉得有点吃力。想报学大的一对? </t>
  </si>
  <si>
    <t>你先打电话问问，不就行了。初二时中学的分水岭， 如果初二学习出问题， 可能导致初三时成绩倒退，影响中考。 所以该抓紧一下。</t>
  </si>
  <si>
    <t xml:space="preserve">请问，是allmorning还是allthemorning?1： </t>
  </si>
  <si>
    <t>1、all morning是最规范的用法，all the morning一般应结合具体语境来使用。2、首先DIXON这位朋友将“相对原子质量”和“分子量”混淆了。相对原子质量相同的情况是有的（本身这个概念就是以C-12为基准的近似值），最常出现在同位素中，比如He（质子数2，中子数0）与氘（质子数1，中子数1）就符合此要求。但要是精确说让“原子质量”相同，那就只能说“世界上没有完全相同的两片树叶了”。</t>
  </si>
  <si>
    <t xml:space="preserve">网上有个全明星竞猜的活动，是谁举办的啊？还挺应景的呢。现在NBA </t>
  </si>
  <si>
    <t>是东风风神举办的吧，不是NBA的官方市场合作伙伴么，现在大家都在讨论最后的冠军，大家一起猜一猜，挺好的。</t>
  </si>
  <si>
    <t xml:space="preserve">微晶石瓷砖怎么铺贴效果好？ </t>
  </si>
  <si>
    <t>微晶石施工工艺微晶石不直接粘附墙上，允许有一定的灵活性，这可避免因墙体膨胀、收缩、振动而导致板材变形。下面为你介绍三种施工方法。采用传统的石材施工方法，采用大力胶粘贴法和干挂法。微晶石背景墙安装人们越来越喜欢用瓷砖作客厅电视背景墙铺贴，尤其现时流行的微晶石瓷砖，更是首选。但要注意铺贴的方法，正确的方法才能使瓷砖铺贴效果更好且可靠牢固。微晶石装修注意微晶石材料，不论是通体板还是复合板，由于材质特殊而使得水泥沙浆与其不大匹配，其铺地应用中容易开裂问题已是业内人士众所周知的事情，较常遇见。下面为你介绍了微晶石铺贴的七个注意事项。瓷砖铺贴要根据实际情况来设计具体方案，瓷砖留缝铺贴是有一定科学原理根据的，预防板材开裂有妙计，微晶石具有玉石般晶莹剔透的表面，如果受一点点伤，伤痕便即时“原形毕露”，所以要给予特别的保护。</t>
  </si>
  <si>
    <t xml:space="preserve">收集问题我想问下收集扫怪的时候怎么才能把打死的怪物都能点到它们呢 </t>
  </si>
  <si>
    <t>按shift再点你要点的怪就可以了……对不同组的死去的玩家也可以这样点……</t>
  </si>
  <si>
    <t xml:space="preserve">释迦摩尼到底是哪个国家的？？看过很多书中都有提到过释迦摩尼这个人 </t>
  </si>
  <si>
    <t xml:space="preserve">佛教的创始人释迦牟尼,出生于古印度迦毗罗卫(今尼泊尔国南部的释迦族。『释迦牟尼』（Sakyamuni）        释迦牟尼佛 [净饭王太子，名为悉达多，意为“一切义成就者”(旧译“义成”)，全名乔达摩·悉达多]         释迦牟尼佛以本誓愿于娑婆世界 五浊恶世示现成佛(详见八相成道)，是佛教开启者。        释迦牟尼的意思是“能仁”、“能儒”、“能忍”、“能寂”等，因父为释迦族，成道后被尊称为释迦牟尼也就是“释迦族的圣人”的意思。        释迦牟尼佛（公元前565年～公元前486年）大约与我国孔子同时代。他是古印度北部迦毗罗卫国（今尼泊尔境内）的王子，属刹帝利种姓。 据佛经记载，释迦牟尼在19岁时，有感于人世生、老、病、死等诸多苦恼，舍弃王族，出家修行。35岁时，他在菩提树下大彻大悟，遂开启佛教，随即在印度北部，中部恒河流域一带传教。年80在拘尸那迦城示现涅磐。       释迦牟尼佛心咒：达雅塔 嗡牟尼牟尼玛哈牟那耶梭哈    参阅《释迦牟尼佛修法仪轨》道源法师开示 文章来源：净土专页《佛说阿弥陀经》讲录 　　“释迦牟尼佛”是我们的本师；本师者，根本教师。西方阿弥陀佛、东方阿閦鞞佛(不动如来)、十方三世一切诸佛，都是释迦佛说出来的。设若释迦佛不说，我们连一尊佛，亦不会知道。因此，我们称念释迦佛名号时，特加“本师”二字，称曰：“南无本师释迦牟尼佛”，以表感念佛恩，特别尊重！我们对于本师的名义，尤应留心详记。　　梵语“释迦牟尼”，华言能仁寂默。“能仁”者，能以仁慈一切众生，“寂默”者，不着相。“寂”是不着身相；所谓“不离菩提场，而至鹿野苑”。终日出入往返，着衣吃饭，及至赤足走遍全印度，悉皆寂无身相。“默”是不着语相；所谓“终日说法，无法可说”。乃至说法四十九年，不曾说出一字，是皆默无语相。兹再详解其义：能仁者，是大悲；寂默者，是大智。凡夫有悲无智，二乘有智无悲，菩萨虽具悲智，而未能究竟。佛是大乘极果圣人；大乘者，即是大白牛车(比喻)。这辆大白牛车，有两个轮子，一个是悲轮，一个是智轮。释迦佛驾着这辆大白牛车，悲智二轮，一齐双运，普载一切众生，由凡夫地越过化城，直抵宝所。唯佛一人，悲智双运，究竟圆满，故号为能仁寂默。一切万法，悉皆含摄于悲智二法之中，故称为万德洪名。又能仁是事，寂默是理，理事无碍故号能仁寂默。又能仁是相，寂默是性，性相圆融故号能仁寂默。又能仁是俗谛，寂默是真谛，真俗一如故号能仁寂默。广而言之，三藏十二部，一切功德莫不具足于释迦牟尼四个字中，故称为万德洪名。   宣化上人开示       「释迦」是佛的姓，「牟尼」是佛的名字。「释迦牟尼」是梵语，「释迦」翻译成中文就叫「能仁」。怎么叫能仁呢？就是能以仁来爱人，以仁爱这种的心来教化众生。「能仁」也就是慈悲，慈能予乐，悲能拔苦，能拔除众生的苦，而给众生快乐。悲能拔苦。悲有三种：        一、爱见悲。爱，就是这种情爱的爱；见，就是看见了的这个见；悲，就是悲愍。这是什么人所具有的？这是一般凡夫所具有的；也就是一种同情的心，又叫爱见同情。 怎么叫爱见悲呢？因为我们人类，和你近的，你就爱他，就怜愍他；和你远的，你就不爱他，不怜愍他。所谓亲，如果有什么困苦、艰难，你可以帮助他；你这个亲戚朋友和你最好的朋友，你都可以帮助他，看见他有痛苦，你会尽你的力量去帮助他，这都叫爱见悲。可是和你远的呢？没有什么相干的人呢，你就见到他受苦，你也不管他。为什么呢？你对他没有一种爱心。有这爱心，你才能有你这个悲。 还有，和你同类的，你就有这种爱见悲；不同类的呢，你就没有这种爱见悲了。好像对一切的畜生，牛呀、猪呀、鸡呀、鹅呀、鸭呀……，你不单对它没有一种爱见悲，而且还要吃它的肉！要把它的生命夺取了，来滋养你自己的生命，这也是没有这种爱见悲了。人哪，幸而还不吃自己；不吃自己，就吃羊呀，吃牛呀，吃鸡鸭鱼呀，还没有人吃人。没有说是，人看见一个人，把他捉住了，就把他杀了，吃他的肉，这还比豺狼虎豹好一点。可是这个虎豹，它也不吃它自己同类。我们虽然没有自己吃自己，没有吃人，但是对于众生、对于畜生，可就没有这种爱见悲了。        二、法缘悲。法是佛法的法，缘是十二因缘的缘，这是属于二乘的。二乘人，就不单有这个爱见悲，而且还有法缘悲。二乘人，他观一切的法都是从因缘生，但是「因缘无性，当体即空」，因缘它自己没有自性，所以当体即空，他就观这个法缘悲。所以他教化众生，而不着教化众生这个相，认为一切都是空的。这是二乘人有法缘悲。        三、同体悲。那么菩萨、佛的悲又不同了。菩萨和佛这种悲，就叫同体悲，同体大悲。诸佛菩萨和众生是一个的，因为佛的法身遍满一切处，佛的心性也是遍满一切处。因为这个样子，所以我们众生都在佛的心性里头包容着。我们是佛心里头的众生，佛是我们众生心里头的佛。因为我们这个心，和佛的心是一样的，是竖穷三际、横遍十方的；佛的心是竖穷三际、横遍十方的，我们这个心也是竖穷三际、横遍十方的。所以佛和众生是同体的，没有分别，这叫同体大悲。 那么释迦牟尼佛这个能仁，就具足这三种的意思。要是往宽广了说，那是无量无边，这意思是很多很多的。释迦牟尼佛的这个「释迦」，是他的姓。 「牟尼」是佛的一个名字，这也是梵语，翻译成中文就叫「寂默」。寂是寂然不动；默是口不言，不单口不言，心也不思，这种境界就是不可思议的一种境界。所以释迦牟尼佛虽然说法， 但说而未说；虽然未说，可是未说而说。那么「说而无说，无说而说」，这叫寂默，寂然不动。虽然不动，但是感而遂通；虽然感而遂通，可是常常寂默。这是释迦牟尼一个特别的名字，只有这一位佛叫这个名字，其它的佛就都不叫这么一个名字。 所以 「释迦牟尼」这四个字是别名，「佛」是个通名，每一位佛都叫「佛」，这是一个通称。 </t>
  </si>
  <si>
    <t xml:space="preserve">这是什么鸟鸟总在家门口的松树上吃果子，憨态可掬挺可爱的。 </t>
  </si>
  <si>
    <t>蜡嘴雀 :蜡嘴雀是家庭观赏和调教技艺鸟之一，很有玩赏价值。蜡嘴雀里还有黑头蜡嘴雀、黑尾蜡嘴雀和锡嘴雀三种之分。另外，还有斑翅、白翅、黑翅等三种蜡嘴雀。***你那是黑翅蜡嘴:</t>
  </si>
  <si>
    <t xml:space="preserve">有什么焖狗肉的秘方望各位朋友指点想食有药用价值的 </t>
  </si>
  <si>
    <t>狗后腿肉500克，薄荷100克，白糖10克，干辣椒25克，白酒10克，葱10克，姜10克，大料6克，草果10克，花椒粒2克，精盐20克，菜籽油120克，酱油20克，肉汤150克1、将狗肉切成4厘米见方块，用清水漂洗两次，控干水分。薄荷洗净，摘取嫩尖。2、炒锅上火，注入菜籽油，烧至七成热，下草果、大料、花椒、白糖、盐、干辣椒段、葱、姜、酱油，下狗肉煸炒20分钟，注入肉汤，烧开后倒入砂锅。将砂锅上火，把白酒分两次加入，改用小火，焖约1小时，汤汁收稠时，放上薄荷，连同砂锅上桌。注意：1、狗肉用清水拔去血污，然后漂洗干净，熟后膻味大减，肉香四溢。2、砂锅炉焖狗肉，大火烧开，小火慢，以狗肉酥烂为度。3、薄荷后下，一烫即可，若经煮沸，香味尽失。</t>
  </si>
  <si>
    <t xml:space="preserve">仙剑OL中哪些职业拥有加血的技能？ </t>
  </si>
  <si>
    <t>有两个职业，就是剑侠和蝶舞有这个技能</t>
  </si>
  <si>
    <t xml:space="preserve">帮我给中小型饭店取一个有义意的名字我们在一个小型城市里，最好是又 </t>
  </si>
  <si>
    <t>酌诗餐馆</t>
  </si>
  <si>
    <t xml:space="preserve">对法拉第电磁感应定律的疑问 </t>
  </si>
  <si>
    <t>阁下的推导似乎有错误。要注意公式之间的区别。公式，有些是定义式，有些是反应中测量值的关系，有些和理论预测有关。法拉第电磁感应定律描述的是个正比关系，这就决定了系数为常数。这个定律里似乎定义了磁通量，也就是说磁通量的单位值通过这个实验里的其它物理量来描述，这时显然可以人为取个单位使常数为一，而使问题简化。注意，这里的常数貌似是无量纲的，这就说明人为定义的因素很大。类似的情况比较下高斯单位值/国际单位制的公式也可以看到，改变物理单位的定义使问题简化的情况很正常。而楼主说的其它式子里，1）万有引力。G测量的很早，但是显然质量和力的定义更早。于是，按照已定义的单位来测量，就不能保证两边的值在数值/量纲上相等。2）重力。如1）所说，能够测量的实际是物体的质量和所受重力，而这个测量过程用的单位是事先定义的，所以描述二者关系的重力加速度，无论是数值还是量纲，都不太可能为一。3）EMC2。这个...阁下用还太早。所以阁下老师的说法无问题，但是没有说清楚所讲公式是定义式呢，还是物理量已经事先经过定义。</t>
  </si>
  <si>
    <t xml:space="preserve">求诗有没有什么诗句是表达“热闹是他们的，我什么也没有”这种心情啊 </t>
  </si>
  <si>
    <t>楼主,恕小刀直言,多学学佛经.可以条理你现在的斤斤计较的心!~俗话说,人外有人,山外有山.听楼主说:“想接近又害怕，伤感啊，有有自卑，觉得自己不行，比不上他们”小刀问：楼主你和别人比什么呀？小刀送首顺口溜给楼主，供楼主改过；楼主本是大方人却为小事折红尘独自伤感落泪酸看邻成群热闹滚大智若愚生友人大爱无疆结锦纶楼主与朋心比心朋为楼主付青春楼主没有此意愿空活一生无朋问楼主孤僻能改正人见人爱花芳芬    小刀罗嗦。顺口溜写的丑了点，但是，做人呐还是这个道理。</t>
  </si>
  <si>
    <t xml:space="preserve">TencentVirtualPrinter是做什么用的? </t>
  </si>
  <si>
    <t>楼上地说得对，是虚拟打印机，但是他的功能是这样的：腾迅 TM有一个功能：远程演示。比如我的电脑里有PDF文件，也有Adobe Reader，但对方没有Adobe Reader，我想把这个PDF文档给他看，就用Adobe Reader达因这个文件到Tencent Virtual Printer这个打印机，而这个虚拟打印机会把它转换成图片文件，然后对方就能看到这个文件。</t>
  </si>
  <si>
    <t xml:space="preserve">佳能600D怎么配镜头？菜鸟、新手，刚接触单反，购买600D裸机 </t>
  </si>
  <si>
    <t>入门级机型，选个焦段比较合适的镜头够了，不要贪多......建议选600D+（18-135mm）套机，报价6500元。这个套头等效焦距是28-223mm，具备广角到长焦功能，能满足各种场景的拍摄需要，而且画质还可以；选一个镜头的话，携带、保管、使用等也较方便。</t>
  </si>
  <si>
    <t xml:space="preserve">这个男人爱我吗我跟他认识两年了，但是我们不在一个城市，最初我们无 </t>
  </si>
  <si>
    <t>作为一个男人，通过他这样的行为，我觉得他心里可能会有这样的想法  第一，他绝对喜欢你，但是你还没有足够的好，让他能选择你作为他的终身伴侣，他在等，一直在等你更进一步的表现，如果你喜欢他，给他希望，给他信心，都说女人需要安全感，男人有时候其实更需要  第二，他对你有好感，但谈不上喜欢，可能因为习惯着与你保持着暧昧，但心底的最深处对你没有爱意   不管如何，如果你喜欢他，就按第一种情况去做，如果你做出了改变而他没有进一步的表示，证明他是第二种情况，相信我，为了你自己的未来，第二种情况的他，离他远一点，追求属于自己的幸福</t>
  </si>
  <si>
    <t xml:space="preserve">是不是只要是XP系统,不管盗版不盗版都能自动更新?是不是只要是X </t>
  </si>
  <si>
    <t>盗版XP不一定会影起死机或系统崩溃，有很多也能自动更新，象OEM版如果你是改BIOS后安装的一般都无需激活即能享受自动更新，大客户版（VLK版）也是安装后无需激活也能自动更新，算号器和文件替换也可激活XP但用这种方法激活XP稳定性较差，自动更新后有时会出现要求重新激活。</t>
  </si>
  <si>
    <t xml:space="preserve">7年级数学题如图，已知线段AB=6，延长线段AB到C，使BC=2 </t>
  </si>
  <si>
    <t>因为 AB=6，BC=2AB=12  所以，AC=AB+BC=18又因为，点D是AC的中点。所以AD=9所以，BD=AD-AB=9-6=3</t>
  </si>
  <si>
    <t xml:space="preserve">数列问题2请写出简要过程,谢谢! </t>
  </si>
  <si>
    <t>Sn-S(n-1)=2an-3n-2a(n-1)+3(n-1)=anan=2a(n-1)+3an+3=2a(n-1)+3+3an+3成等比q=2an+3=(a1+3)q^(n-1)a1=3an=6*2^(n-1)-3</t>
  </si>
  <si>
    <t xml:space="preserve">一节普通7号电池多少容量具体举列几个牌子 </t>
  </si>
  <si>
    <t>600ma是我见过最大容量的，超霸</t>
  </si>
  <si>
    <t xml:space="preserve">现在介入600837明天能涨么 </t>
  </si>
  <si>
    <t>600837会有反弹，但空间不会大。</t>
  </si>
  <si>
    <t xml:space="preserve">今年篮球世锦赛在哪座城市举行？ </t>
  </si>
  <si>
    <t xml:space="preserve">你好2006年男篮世锦赛将在8月19日在日本进行分组情况 A组 阿根廷 委内瑞拉  塞黑 黎巴嫩 尼日利亚 B组 西班牙 巴拿马 德国 日本 新西兰 安哥拉 C组 立陶宛 巴西 希腊 土耳其 澳大利亚 卡塔尔 D组 美国 波多黎各 斯洛文尼亚 意大利 中国 塞内加尔 期 对阵 8月19日(周六)塞黑 vs 尼日利亚8月19日(周六)委内瑞拉 vs 黎巴嫩 　阿根廷 vs 法国 8月20日(周日).尼日利亚 vs 委内瑞拉 　法国 vs 塞黑 　黎巴嫩 vs 阿根廷 8月21日(周一)法国 vs 尼日利亚 　阿根廷 vs 委内瑞拉 　塞黑 vs 黎巴嫩 8月22日(周二)该日无比赛8月23日(周三)尼日利亚 vs 阿根廷 　黎巴嫩 vs 法国 　委内瑞拉 vs 塞黑 8月24日(周四)黎巴嫩 vs 尼日利亚 　塞黑 vs 阿根廷 　法国 vs 委内瑞拉 　B组(比赛地：广岛)8月19日(周六)安哥拉 vs 巴拿马 　西班牙 vs 新西兰 　德国 vs 日本 8月20日(周日).巴拿马 vs 西班牙 　日本 vs 安哥拉 　新西兰 vs 德国 8月21日(周一)日本 vs 巴拿马 　德国 vs 西班牙 　安哥拉 vs 新西兰 8月22日(周二)该日无比赛8月23日(周三)巴拿马 vs 德国 　新西兰 vs 日本 　西班牙 vs 安哥拉 8月24日(周四)新西兰 vs 巴拿马 　安哥拉 vs 德国 　日本 vs 西班牙 　C组(比赛地点：滨松)8月19日(周六)希腊 vs 卡塔尔 　巴西 vs 澳大利亚 　土耳其 vs 立陶宛 8月20日(周日).卡塔尔 vs 巴西 　立陶宛 vs 希腊 　澳大利亚 vs 土耳其 8月21日(周一)该日无比赛8月22日(周二)立陶宛 vs 卡塔尔 　土耳其 vs 巴西 　希腊 vs 澳大利亚 8月23日(周三)卡塔尔 vs 土耳其 　澳大利亚 vs 立陶宛 　巴西 vs 希腊 8月24日(周四)澳大利亚 vs 卡塔尔 　希腊 vs 土耳其 　立陶宛 vs 巴西 　D组(比赛地：札幌)8月19日(周六)斯洛文尼亚 vs 塞内加尔 　波多黎各 vs 美国 　中国 vs 意大利 8月20日(周日).塞内加尔 vs 波多黎各 　意大利 vs 斯洛文尼亚 　美国 vs 中国 8月21日(周一)该日无比赛8月22日(周二)意大利 vs 塞内加尔 　中国 vs 波多黎各 　斯洛文尼亚 vs 美国 8月23日(周三)塞内加尔 vs 中国 　美国 vs 意大利 　波多黎各 vs 斯洛文尼亚 8月24日(周四)美国 vs 塞内加尔 　斯洛文尼亚 vs 中国 　意大利 vs 波多黎各 　25日休息/旅游.每小组前四名晋级下一轮FINAL Round八分之一决赛8月26日(周六)#61A1 vs B4 　#62C2 vs D3 　#63B1 vs A4 　#64D2 vs C3 8月27日(周日)#65C1 vs D4 　#66A2 vs B3 　#67D1 vs C4 　#68B2 vs A3 8月28日(周一)休息日四分之一决赛8月29日(周二)#69W #61 vs W #62 　#70W #63 vs W #64 8月30日(周三)#71W #65 vs W #66 　#72W #67 vs W #68 5-8名排位赛8月31日(周四)#73L #69 vs L #70 　#74L #71 vs L #72 半决赛9月1日(周五)#75W #69 vs W #70 　#76W #71 vs W #72 5-6名排位赛9月2日(周六) #77W #73 vs W #74 三四名决赛9月2日(周六)#78L #75 vs L #76 7-8名决赛9月3日(周日)#79L #73 vs L #74 决赛9月3日(周日)#80W #75 vs W #76 </t>
  </si>
  <si>
    <t xml:space="preserve">问宝宝价格　　急　急　　急　　急！请问一区金牛９６级０Ｄ的黄ＴＬ </t>
  </si>
  <si>
    <t>在一区金牛，估计150W买不到。黄螳螂，满D，还树海技能，等级也不低，估计得200W朝上了，这东西真是太少见了。楼主，到底能卖多少钱还要看你临场“吹”的工夫了，呵呵，150W是最底价了（急着脱手可以考虑这个价），我建议200W或以上，真是好东西。你哪弄的？</t>
  </si>
  <si>
    <t xml:space="preserve">如何将AVI,MKV文件刻录成DVD视频光盘Nero软件只能将b </t>
  </si>
  <si>
    <t>3、编辑：用采集如绘声绘影制做VCD/SVCD/DVD。先把视频导入，切换到时间轴模式上，点下三角形再拖动时间线到视频要剪切的开头，点下三角形再拖动时间线到视频要剪切的结尾，右击要剪切的视频，也可以同时添加视频到所想放置的地方，最后保存修整后的视频。最后把多段视频文件放在故事板上，然后＜输出文件＞就成了一段长的文件，一般一个故事为一个文件,然后刻录VCD/DVD映像，最后刻录光盘。4、40或30分钟以内的视频推荐制做超级VCD，CD光盘容量够用、播放效果好；制做DVD的设置过程中，把图像设置为352*288格式的6个小时的设置，等同于VCD的质量，效果可以，时间也比较长。当然如果视频源是720*576的可以制做1至2个小时的清晰的标准DVD。5、操作系统无病毒，关闭杀毒软件/屏保/暂时不用的程序，整理磁盘/预留10G的缓存空间。刻录片不要太次了，一元以上的推荐；制做光盘映像的过程中软件会把视频文件自动转化为DAT/VOB格式；刻光盘时不要再有其它操作；刻录速度最好在4X以下以便保证刻录质量；推荐高配置CPU、内存、硬盘的机器</t>
  </si>
  <si>
    <t xml:space="preserve">我想知道在排卵期时，精子在女性休内能存活多长时间 </t>
  </si>
  <si>
    <t>24小时,无论是否在排卵期,都能存活怎么久.只是排卵期,怎么久的时间容易受孕</t>
  </si>
  <si>
    <t xml:space="preserve">2年3万公里的标致1.6手动基本能卖多少?2年3万公里的标致1. </t>
  </si>
  <si>
    <t>206还是307.206价格在5.6万左右。</t>
  </si>
  <si>
    <t xml:space="preserve">血糖高糖尿病节食减肥可以么 </t>
  </si>
  <si>
    <t>有酮体说明你每天吃的食物不足以身体每天的消耗，身体在用自身的脂肪异生分解出葡萄糖来补充吃的不足而产生酮体，自耗体质，血糖是合格了，终有一天耗尽自己体质。 你的节食过分了，血糖降低是假象，极大的损耗身体。 现在应该是在保证每天吃的食物足以达到身体需要的前提下，通过吃药，解决胰岛素不足的问题。而不是为了少使用胰岛素保血糖不高而少吃饭。只有这样慢慢才会好起来。过分节食的办法的结果是等不到胰岛素恢复，人已经没有最基本的体力和抵抗力了。 听医生的话，从明天开始吃药，才25岁正在生命的旺盛期，控制的好是会恢复的。否则会错过好机会的。 自己要清楚：要在保证身体体质不下降的前提下，节食。这种节食下血糖还高，节食后退，药上。既要不因高血糖出并发症，更不能因节食营养失调毁了身体。降血糖的目的是保身体。要听话，不要固执，如发生酮症酸中毒是有危险的。比高血糖危险。你还年轻。待到血糖稳定后，逐步减少药物，逐步恢复，直到只用饮食控制就能健康就行了。</t>
  </si>
  <si>
    <t xml:space="preserve">求神兵玄奇3哪里有《神兵玄奇3》最新的在线漫画或者下载啊？ </t>
  </si>
  <si>
    <t>网易相册版   神兵3从1到91回   神兵3从1到130回 可用下面的网址下载   下载方法是：进入网页，输入相册名称（就是进入相册后[ ]内的名字），然后在想下载的相册名称前单击，再点批量生成.lst文件，进入新的页面；然后点击保存（按网易上的文件名保存）或按原文件名保存（按照相册主人所规定的文件名保存），将下载列表文件保存在电脑中，然后就可以打开FlashGet，导入该列表，就可以进行批量下载了，一次可下载多个相册；如果相册设有密码就要先把密码输入才能下载在线阅读网址 此外，电驴上有神兵玄奇1～3的全部下载，链接如下： 下到电脑里比在线阅读要流畅一些</t>
  </si>
  <si>
    <t xml:space="preserve">做保险的第一步应该怎么走,希望有经验的指教 </t>
  </si>
  <si>
    <t xml:space="preserve">        刚开始做保险最重要的是调整好自己的心态--不要为了卖保险而卖保险，要保持“空”的心态，真诚站在客户的角度去考虑问题，帮助客户分析他们到底需要什么保障~~~    其次，一般保险公司都会有新人培训，在培训过程中不妨拿笔把重要的地方记录下来，毕竟有些东西是很容易遗忘的~~    第三，在工作中学习，在学习中工作。即使工作了，也不要放弃学习，俗话说得好“活到老，学到老”，更何况我们年轻人呢，是吧~~每天不妨花1个小时的时间看一看相关的书籍过视频，相信不久你会发现你的改变有多大~~        第四，每天的晨会是提高你销售的有力保障，一般在晨会上资深的业务员都会介绍一些他们的经验和经历，如果把这些知识运用到你的保险推销工作中，势必会起到很好的效果~~    这里有一些很好的视频资料，有空不妨看一看：     最后，祝你工作顺利！    </t>
  </si>
  <si>
    <t xml:space="preserve">购买钢丝绳或索具以及吊装注意哪些事项？ </t>
  </si>
  <si>
    <t>购买钢丝绳索具注意：    1、压套上是否印有DIN, 生产商名称和CE标记？    2、压制是否正确？ 被压制的钢丝绳的末端是否被压套压紧在内或外露出0.5d钢绳直径? 通过控制孔能否看到被压制的钢丝绳末端? 钢丝绳平放时是否平直? 钢丝绳的直径是否准确？    3、压套的长度是否为4.5×d钢丝绳索具吊装注意：    1、若为单腿吊装带，吊挂点必须垂直位于被吊物重心的正上方；    2、若为双腿吊装，吊挂点应位于货物两边，吊钩在被吊物重心的上方；    3、若为三腿或四腿吊装，吊挂点必须匀称的位于货物周围的平面上，且吊钩位于被吊物重心的正上方。</t>
  </si>
  <si>
    <t xml:space="preserve">PS版的牧场物语里的中国商人在哪啊我去海边的房子老是进不去 </t>
  </si>
  <si>
    <t>PS版的牧场物语里的中国商人不在扎克那,在宿屋,每天下午1－4点在旅馆卖东西</t>
  </si>
  <si>
    <t xml:space="preserve">鬼王二重加点把我难住了!~向鬼王高手请教!鬼王二重不知道怎么加点 </t>
  </si>
  <si>
    <t>把被动的那个加满,剩下的把御空学满,学左面的俩技能,55的学到能出70技能就可以,剩的技能点都加在70的技能上,那个最实用了,偶有90鬼,感觉这么加不错</t>
  </si>
  <si>
    <t>求《战国无双</t>
  </si>
  <si>
    <t>战国无双猛将传新增4人全任务作者：中崎峻 第一章桶狭间之战 1 上洛開始！开始后直接击破丸根砦的佐久间信盛 2 ?狩りM1成功后击破鹫津砦的柴田胜家 3 逆?！桶狭間M2成功后击破织田信长 4 影、襲来M2成功后击破服部半藏 5 まろと魔王M3成功后再次击破织田信长M3成功后 第二章  小田原城潜入 1 足下注意だ！开始后经过一定时间帮助冈部元信制压大房间2 北条三到达二层后制压二层的大房间和?所 3 少年蹴鞠教室到达三层后击破伊达政宗 4 ?せばわかる？在四层遇到上杉谦信之后击破上杉谦信 5 この美しくも不条理な世界到达五层后发生击破北条氏康第三章  川中岛之战 1 海道一の仲裁役开始后直接开始后直接向在妻女山山顶的上杉军本阵前进 2 真?gは霧の中M1成功后火速从妻女山下山 3 大義かM2成功后击破伊达政宗 4 正義かM2成功后击破真田幸村 5 王道邁進M3成功后击破上杉谦信 6 破邪?正M4成功后击破武田信玄 7 ?氐卓??开始后向海津城方向前进，引发武田军对今川军的进军击破武田军全军 8 絆と地獄M7出现同时出现，与M7并行守卫今川军全军团（该任务出现后今川军武将不得有败走） 第四章上  小牧长久手之战出现条件：第三章中完成“大義か”、“王道邁進”两个任务，达成与武田军合流。 1 孤城落日开始后直接击破鸟居元忠2 君死にたまふことなかれM1成功后并进入小牧山城击破稻?? 3 死ぬこととみつけたりM2成功后防止本多忠胜进入本阵 4 四天王??襲M1失败后或M3成功后防止德川军全武将入侵本阵5 追いかけて小牧山M4成功后击破德川家康を?钠皮护瑁? 6 謎の小牧城M3失败后，武田本阵要转移到小牧山城阻止德川军武将进入小牧山城 7 終幕は誰のためにM6成功后击破德川家康 第五章上京洛蹴鞠会 1 ?槁缘挠鼗?开始后直接从?|、西、或北门突破（任意一个即可。） 2 朱雀开始后直接从本能寺南门突破 3 ?犬到达本能寺的本堂前击破浓?颖咎猛? 4 内?n外患M1成功，M3发生后，与M3并行在本能寺内击破织田信长 5 くのいちがやらねば誰がやるM4成功之后击破女忍 6 本当に裏切ったんですか？M4或M8成功之后击破武田信玄 7 赤と白M4失败后，但是在失败后击破信长击破真田幸村  8 最後の奇襲M4失败后，信长接近信玄，信玄撤退后出现本任务击破织田信长第四章下  上田城攻略战出现条件：在第三章中完成“正義か”、“破邪?正”两个任务，达成与上杉军合流。1 三本の刀开始后直接从三个方向攻击上田城（保证3个我军将领都进入到上田城内算完成） 2 刃を研ぐ者M1发生一定时间之后击破户石城真田信幸 3 奇襲するは我にありM2成功后击破真田幸村 4 馬鹿と??は……M2成功后击破女忍 5 昨日の友はM3、M4成功后击破武田信玄 6 四面楚歌M5出现后，与M5并行保证本阵据点没有被夺取而获得胜利 7 まろの子はまろ城内战开始后与今川氏真合流 8 平?rの良臣到达2层后与冈部元信合流 9 ??rの忠臣到达3层后与朝比奈泰朝合流 10 武士と武士到达4层后击破真田幸村11 蜃?萋?到达5层后击破女忍 12 重?R与女忍交战后出现击破武田信玄第五章下本能寺肝试 1 真の武士になるための??开始后直接击破上杉军全武将 2 ?A奇者の??M1开始后经过一定时间，前田庆次登场后击破前田庆次 3 独眼竜の??M2出现后经过一定时间，伊达政宗登场后击破伊达政宗4 魔王の??M1成功后，织田军出现击破织田信长 5 本能寺の中心で武を叫んだ公家M4成功后击破上杉谦信  发表时间： 2004-11-8 22:15:34 | FLOOR 1 | 作者：中崎峻 羽柴秀吉第一章：稻叶山城攻略战1 一夜城の三要素～材开始后直接击破在西广场的敌军 2 一夜城の三要素～地开始后直接歼灭在墨俣的敌人 3 屋根より高い天梯?M1和M2成功后保护天梯车，袭击木材库 4 つむじ風舞う西???M3发生后安藤守就依然健在（即让M3进行中，但是不去完全完成，只让天梯车就位就可以），M1、M2完成，开始后3分内击破100人以上，而且稻叶一铁依然健在。在西广场击破敌人（击破50人即完成）5 一夜城の三要素～人M1、M2成功一定时间后，击退敌人的攻击，守卫墨俣城 6 英雄になれ！M1到M3以及M5完成后击破斋藤军全武将（义龙要最后击破） 7 匹夫怒涛M3部分完成（天梯车被破坏，从墨俣向北，从稻叶山城前向东击破守备头进入木材库并击破安藤守就）击破斋藤义龙 8 進化?M3完全失败（天梯车被破坏，而且没有去袭击木材库）及M5成功后击破斋藤义龙9 城内·矛盾なき盾一层最后遇到森兰丸击破森兰丸10 城内·内奥で内??在二层和三层以相同的顺序击破美浓三人众到达二层后发生 11 城内·因縁ありき縁在3层最后遇到明智光秀击破明智光秀 12 城内·今際の際到达4层且M10成功后击破斋藤义龙 13 往生際到达4层且M10失败后击破敌全武将第二章  金崎撤退战1 ところにより鉛の雨开始后直接将敌人引入杂贺众的陷阱中 2 ?颏蝰lけるM1中引诱的是前波新八击破朝仓义景3 仲良く半分こM2成功之后击破敌增援部队4 ?倮翁颖苄?M3成功之后与孙市一同到达脱离点 5 小判猿M1中引诱的是赤尾清纲击破朝仓义景 6 下手な?砲は当たらないM5成功之后击破敌全军 7 多?荨??然M1出现后经过大约15分钟后，使得M1失败 第三章  杂贺扫讨战1 始まりは穏やかに开始后直接击破本愿寺武将（任意一人即可。） 2 そして誰もいなくなるM1成功后击破全部杂贺众 3 不可?の狙??M2出现后，与M2并行找出孙市，阻止孙市狙击信长 4 断食でござるM2发生后，与M2并行阻止敌人的火计 5 英雄秀吉M2与M3都成功后击破杂贺孙市 6 おしまいは激しくてM2成功但M3失败，或者M2失败（即杂贺众接近信长）击破敌全军 第四章上  山崎之战出现条件：第三章中的“そして誰もいなくなる”、“英雄秀吉”两个任务都成功天王山の親玉争い1 开始后直接击败敌守备兵，制压天王山 2 ?H差、??eM1成功后击破斋藤利三 3 天王山の縄??争いM1成功后，光秀出现防卫天王山 4 ?长猊单胝?M3出现后，进入洞窟，与M3并行找出洞窟内敌人并击破之 5 三日天下の三日目M3成功后击破明智光秀6 天王山の大将、返り?DきM1失败后（若想快速失败，可以在开始后从南面走击破任意明智军武将，但是不得从天王山穿过）夺取天王山 7 洞窟は軽侮できぬM6出现后，与M6并行救援杂贺孙市8 光秀よ、また会おうM7成功后击破明智光秀第五章上 小牧长久手之战 1 ?槁窑蛏砍?开始后直接击破小牧山城的敌前线部队 2 古今独?iの勇士本多忠胜击破泷川一益之后发生击破本多忠胜 3 八四年の大きな兄弟M1成功后击破大久保忠世、大久保忠佐 4 ?s史を越える?rは今M3成功后夺取小牧山城 5 天下への道のりは長くてM4成功后击破德川家康 6 ?s史は繰り返すのか出现德川军迫近羽柴军本阵的信息之后击破全部的德川四天王 7 ?长务x、来るM8成功后击破德川家康 8 音速が遅いM1到M3成功后且池田恒兴健在（羽柴军会完成对小牧山城的包围，为LV6武器的必要条件）击破出现在本阵的服部半蔵 第四章下  本能寺之??出现条件：第三章中的“そして誰もいなくなる”、“英雄秀吉”两个任务任意一个失败1 本能寺の?浃??开始后直接到达织田信长处 2 ?长?皮蛟饯à皮妞?M1成功后引导织田信长到脱出地点 3 零日天下明智光秀出现后击破明智光秀 4 灼けた本能寺、覆う炎进军到本能寺内后出现阻止敌人的火计 5 サルの?郯?阿市与敌武将接触后，且M4出现救援阿市 6 もう?欷胜?到达本能寺的本殿的北边后击破杂贺孙市 第五章下  安土城攻略战 1 月?|日西开始后直接击破安土城城门的敌人2 狸の理M1成功后（先击破西边的泷川一益）击破家康突破西门 3 愚行M2成功后击破织田信忠 4 ?Q着～主～M3或M7成功后击破织田信长 5 ?Q着～友～M3或M7结束后，孙市军出现击破杂贺孙市 6 武の式M1成功后（先击破东面的柴田胜家）打倒庆次突破东门 7 愚考M6成功后击破堀内氏善 8 共に?iむために城内战开始后直接击破敌武将，阻止陷阱的发动 9 崩?菠握碱I到达2层后歼灭敌军，制压2层 10 同僚到达3层后击破敌武将打开通往4层的门 11 ??造の占領到达4层后找出森兰丸并击破之12 ?Q?e到达5层后击破浓?桶⑹? ----------------作者：中崎峻 LV6武器前的注意事项：1，该人物必须通关过一次2，必须在无双演武下的该人物相应关卡中进行3，必须先获得LV5武器4，难度必须是地狱，如果在环境设定里的知行获得里已经购买了最强武器难度降低，则可以在困难难度下进行。--------------本多忠胜：烈鎗降?魔效果：攻击次数X8 基本攻击力60属性：红莲关卡：小牧长久手之战附加效果：攻击力+72 防御力+75 间接防御力+71 攻击范围+59要点：制压小牧城、击退敌后诘部队（加藤、泷川二人）、击破逼向小牧的部队（前田利家、蒲生氏乡）、阻止敌人进入本阵（九鬼、金森二人）、在击破敌后诘部队后死守小牧，小牧内不得有任何敌人。流程：迅速击破森长可还有2个据点，夺取小牧城。后诘部队加藤和泷川先杀其中一个，然后封锁小牧周围的据点，最好把左上靠猴子本阵的也封了，清理附近会动的敌兵（橹里的无视），如果不放心，可以把地图右边的据点也都封了然后处理掉后诘部队的另一个人，引发前田利家、蒲生氏乡军要进军小牧的任务。击破蒲生和前田，同时要大量杀戮他们的部下。保证没有敌人可以进到小牧去。然后去清理九鬼嘉隆和金森长近。如果击破九鬼和金森的时候小牧里没有敌人，运输队出现在最右下据点向上行进，而天磐?J出现在右边中间据点向下行进。击破后入手，然后击败猴子过关。稻姬：清?天弓?廴?效果：攻击次数X8 基本攻击力56属性：冻牙附加效果：无双+47 攻击力+63 间接攻击力+72 攻击范围+61关卡：山崎之战要点：阻止明智军进军天王山，击破明智光秀，阻止羽柴军进军。流程：开始后立刻向南下山清理掉南面的明智军二人斋藤利三和阿闭贞征，然后去北面帮助神原康政清理掉松田政近和并河易家，然后迅速冲出东门击破津田信春和杂贺孙市，尤其是击破孙市的地点离光秀本阵越近越好。然后要立刻冲进明智军本阵，与明智光秀交手，交手过程中羽柴军就会出现，同时很快就要进军天王山，杀光秀的时候，他本阵里有一个铁炮头会掉落攻击X2的道具，请一定要利用这个快速击破光秀，击破光秀后立刻回到天王山顶，先击破西门的羽柴军黑田官兵卫和蜂屋赖隆，然后去北门阻止中川清秀等2人，击破之，最后去南面的丹羽长秀清理掉。此时羽柴秀吉会要开始撤退，运输队出现在他本阵里的据点前，击破入手，因为羽柴秀吉一旦撤离成功本关就结束了。笔者在这里强烈建议先把稻姬练满再来拿这把LV6武器，因为实在是非常非常赶时间，而且最好能用一个攻击力在60以上的武尊环和一把加攻击力比较多的LV4武器来进行攻略（稻姬的LV5武器不加攻击力，只加间接攻击力）。今川义元：鳳眼光明遍照效果：攻击次数X8 基本攻击力57属性：夜叉附加效果：无双+49 防御力+69 无双增加量+75 攻击范围+68关卡：小牧长久手之战要点：我方武将不能败走的情况下击破德川四天王。再击破稻姬。流程：开始后就封锁掉小牧周围的据点，可以顺手把鸟居元忠处理掉。然后向东击破井伊直政，再向南击破酒井忠次和神原康政，救出我军武将，然后从南面的路向西回本阵附近击破本多忠胜。最后击破稻姬。运输队出现在地图最左侧的第一个据点（就是离家康本阵比较近的据点），向东前进。入手武器后再击破家康过关。如果不放心我军的话，可以在战前装备阵太鼓。羽柴秀吉：三界闘?槲氖?效果：攻击次数X8 基本攻击力55属性：闪光附加效果：防御力+68 间接防御力+56 移动力+50 无双增加量+62关卡：小牧长久手之战要点：池田恒兴的别动队不得败北，完成对小牧城的包围，不得出现德川军进逼羽柴军本阵的讯息。流程：开始后立刻击破小牧城的两个守将之一（如果都击破，后面会很赶时间，很紧张）。然后立刻赶到东南方向去击破井伊直政（推荐开始时装备阵太鼓，否则池田非常容易败北），打井伊的时候，那附近有一个箱子是可以提高属性级别30秒的玉，推荐吃下后打斗气状态的井伊。然后出现击破在小牧城东门的大久保兄弟的任务，击破二人，然后回到东北方向，阻止本多忠胜进军，一定不能出现德川军进逼羽柴军本阵的信息。打本多的时候多利用据点的饭团回复体力，另外本多军还有足轻头会掉攻击X2的道具和般若汤，擅加利用。击破本多之后，清理掉一开始两个守将中残余的一人。当羽柴秀吉说小牧完全包围之后，服部半藏会出现在本阵，击破半藏后运输队出现小牧城北门外西面的据点。</t>
  </si>
  <si>
    <t xml:space="preserve">广安门到宜家如何坐车从广安门到宜家如何乘车 </t>
  </si>
  <si>
    <t xml:space="preserve">线路1： 从广安门北出发,乘坐717路(菜户营桥东-东北旺中路),在人民大学换乘361路(望京科技创业园-巴沟村),抵达阜通东大街南口. 约29.4公里 线路2： 从广安门南出发,乘坐122路(北京站东-北京西站东),在北京站换乘403路(环行铁道-北京站),抵达四元桥东. 约32.37公里 线路3： 从广安门南出发,乘坐939路(上辛堡信用社-北京南站),在望京桥西换乘361路(望京科技创业园-巴沟村),抵达阜通东大街南口. 约24.95公里 线路4： 从广安门南出发,乘坐732路(颐和园-鹿海苑小区),在人民大学换乘361路(望京科技创业园-巴沟村),抵达阜通东大街南口. 约31.2公里 </t>
  </si>
  <si>
    <t xml:space="preserve">何谓彩色镶嵌玻璃?如何生产的? </t>
  </si>
  <si>
    <t xml:space="preserve">彩色镶嵌玻璃使用彩色镶嵌玻璃不仅能给人带来新的感觉，而且它本身具有现代造型，古典优雅，融艺术性与实用性为一体，再加上巧妙的构思和崭新的工艺技巧，可发挥个人审美观点，根据各自的设计创意和巧思，随意组合。如今比较流行的种类有：压花、冰晶、镜面、磨砂、磨边和各种颜色彩色玻璃，用铜或铝条金属框架略作不同精致镶拼搭配。  </t>
  </si>
  <si>
    <t xml:space="preserve">性激素五项正常吗在月经期作了检查：五项的结果如下，促卵泡生成素： </t>
  </si>
  <si>
    <t>性激素的检测每个实验室用的方法和检测正常范围值不尽相同，一般每张化验单上都会标明正常值结果。促卵泡生成激素（FSH）　　是垂体前叶嗜碱性细胞分泌的一种糖蛋白激素，其主要功能是促进卵巢的卵泡发育和成熟。血FSH的浓度，在排卵前期为1.5～10mIU/ml，排卵期为8～20mIU/ml，排卵后期为2～10mIU/ml。一般以5～40mIU/ml作为正常值。FSH值低见于雌孕激素治疗期间、席汉氏综合征等。FSH高见于卵巢早衰、卵巢不敏感综合征、原发性闭经等。FSH高于40mIU/ml，则对克罗米芬之类的促排卵药无效。促黄体生成素（LH）　　也是垂体前叶嗜碱性细胞分泌的一种糖蛋白激素，主要是促使排卵，在FSH的协同作用下，形成黄体并分泌孕激素。血LH的浓度，在排卵前期为2～15mIU/ml，排卵期为30～100mIU/ml，排卵后期为4～10mIU/ml。一般在非排卵期的正常值是5～25mIU/ml。低于5mIU/ml提示促性腺激素功能不足，见于席汉氏综合征，高FSH如再加高LH，则卵巢功能衰竭已十分肯定，不必再作其他检查。LH/FSH≥3则是诊断多囊卵巢综合征的依据之一。催乳素（PRL）　　由垂体前叶嗜酸性细胞之一的泌乳滋养细胞分泌，是一种单纯的蛋白质激素，主要功能是促进乳腺的增生、乳汁的生成和排乳。在非哺乳期，血PRL正常值为0.08～0.92nmol/L。高于1.0nmol/L即为高催乳素血症，过多的催乳素可抑制FSH及LH的分泌，抑制卵巢功能，抑制排卵。雌二醇（E2）由卵巢的卵泡分泌，主要功能是促使子宫内膜转变为增殖期和促进女性第二性征的发育。血E2的浓度在排卵前期为48～521皮摩尔/升，排卵期为70～1835皮摩尔/升，排卵后期为272～793皮摩尔/升，低值见于卵巢功能低下、卵巢功能早衰、席汉氏综合征。睾酮（T）　　女性体内睾酮，50%由外周雄烯二酮转化而来，肾上腺皮质分泌的约25%，仅25%来自卵巢。主要功能是促进阴蒂、阴唇和阴阜的发育。对雌激素有拮抗作用，对全身代谢有一定影响。女性血T正常浓度为0.7～3.1nmol/L。血T值高，叫高睾酮血症，可引起不孕。患多囊卵巢综合征时，血T值也增高。以上资料是我从上搜来的，不知对您有没有用。我想您还是对着化验单上正常值范围再看一下，参照卵泡期水平。这个数据与小腹痛关系不大。</t>
  </si>
  <si>
    <t xml:space="preserve">每人一场最有把握的（16期）~~~~~~~~~~~~~~~~~每 </t>
  </si>
  <si>
    <t>我给你个单选冷门,但要看你有没有魄力,敢不敢采纳了,布莱克 VS 西汉姆------0</t>
  </si>
  <si>
    <t xml:space="preserve">顺丰快递龙岗有没有开通？ </t>
  </si>
  <si>
    <t>开通了 我有寄过……</t>
  </si>
  <si>
    <t xml:space="preserve">皮肤癌都有哪些症状？ </t>
  </si>
  <si>
    <t xml:space="preserve">皮肤癌是很少见的。在我国，皮肤癌居全身恶性肿瘤的第十一位。正因为人们很少注意它，尽管皮肤癌好生长在外露的皮肤上，目前，皮肤癌的早期诊断率依然很低。老年人的皮肤可能有些癌前期的表现，其中以老年性角化瘤、白斑病为多见，还有一些慢性皮肤病，如烧伤或外伤后的瘢痕疙瘩、多年不愈的慢性溃疡、慢性皮炎、老年皮肤疣、慢性瘘管或窦道、放射性溃疡等，如果经过正规治疗，这些病变反而增大，或者破溃、变硬、变厚、色素加深、角化过度，甚至还会出血，这时，应该警惕有皮肤癌的可能。总之，如果在老年人的皮肤上，出现了无痛性结节，质地较硬，边缘隆起，久治不愈，要到专科医院检查，排除皮肤癌的可能。 </t>
  </si>
  <si>
    <t xml:space="preserve">中专和高职有什么区别？我22读的是中专，已2年了。如果转高职可以 </t>
  </si>
  <si>
    <t>高职全称是高等职业教育，是为了与国际接轨，统改称为高职。一些老中专经过重新改造、升格，也变成了高职。所以，高职比中专历高些，目前高职还属于大专层次，中专仅为中等教育。一是高职突出了学生的实践能力和专门技能的教育训练。二是高职类毕业生属于应用型、技术技能型专门人才，就业比较受欢迎。如果能转，当然必要罗！</t>
  </si>
  <si>
    <t xml:space="preserve">垃圾得智精方！！！！智精如此贫血，为何还有那么多人追求？为了多放 </t>
  </si>
  <si>
    <t>想要牛B就用钱砸啊,体少不是问题,25+体封天衣服和白象或追风,15+孟子论语,再加上七星吃大兰,你看看国战还有几次数星星?一般的CC又能秒你几次?</t>
  </si>
  <si>
    <t xml:space="preserve">新手问题~那个红色，什么色的，就是很多颜色的那些飞来飞去的棋是什 </t>
  </si>
  <si>
    <t>学过两级仙灵店铺技能的人可以购买导标棋，但是买来的是空白的，没有作用。学过奇门遁甲技能的人可以把旗插在长安傲来长寿的某个位置，以后点这个旗，就可以飞到插旗的位置。一个旗购买价是8000，可以用20次，一级奇门遁甲只可以在长寿插，二级增加傲来，三级增加长安</t>
  </si>
  <si>
    <t xml:space="preserve">雅思很难吗?去法国也可以考雅思吗? </t>
  </si>
  <si>
    <t>不难，6分及格雅思(IELTS) 考试成绩于英国、加拿大、澳洲、纽西兰等英语系国家的学校都被认可的。去法国不要考雅思</t>
  </si>
  <si>
    <t xml:space="preserve">冥王星是矮行星，那么其他八大行星算是什么行星？是高行星吗？ </t>
  </si>
  <si>
    <t>按照现在国际天文学家的说法，太阳系是以太阳为中心，和所有受到太阳引力约束的天体的集合体：包括8颗行星、至少165颗已知的卫星、3颗已经辨认出来的矮行星，和数以亿计的太阳系小天体。这些小天体包括小行星、柯伊伯带的天体、彗星和星际尘埃。我个人认为，这些天文学家的说法非常荒唐可笑！按照这种说法，太阳系：1，有矮行星，没有高行星；2，有小行星，没有大行星；（当然也没有8大行星之说）3，小行星不是行星；4，矮行星也不是行星。中国古代有一位叫公孙龙的人，他有句名言：“白马非马”。“矮行星不是行星”之说不能不使人想起这位古人！已经死了几千年的诡辩家，居然还有外国人继承衣钵！</t>
  </si>
  <si>
    <t xml:space="preserve">怎样改变博客文章题目的字体和颜色文章的字体和颜色我能改变，但题目 </t>
  </si>
  <si>
    <t xml:space="preserve">内容涵盖：新浪博客新手入门指南，新浪博客升级指南，播放器涂鸦板留言板等各类饰物的代码，疑难问题解答，博客个人首页的修饰与美化等等地址在： </t>
  </si>
  <si>
    <t xml:space="preserve">我注册的工商执照，但是别人在经营，对我有什么利弊？ </t>
  </si>
  <si>
    <t>需要变更法人,不变更有债务纠纷,你的责任大.</t>
  </si>
  <si>
    <t xml:space="preserve">000506是否不再有庄家关注? </t>
  </si>
  <si>
    <t>短线有走出好迹象，但公财务壮况欠佳，短期负债过大，应收帐款偏大。从日线图上看有大资金吸纳，最后的振仓也基本完成，可分资金逐步介入。</t>
  </si>
  <si>
    <t xml:space="preserve">用什么方法使眉毛长在眼睛下 </t>
  </si>
  <si>
    <t>倒着走路眉毛就长眼睛下了,如果你认为不对我倒想听听做个拉皮拍黄瓜</t>
  </si>
  <si>
    <t xml:space="preserve">水浒Q传怎么获得CDKEY？急！跟我说说啊要么给我个呀在线等！ </t>
  </si>
  <si>
    <t>游戏推广员可以给你</t>
  </si>
  <si>
    <t xml:space="preserve">小孩尿频吃什么土方子？我儿子前些日子感冒了，吃了中药。病好了后， </t>
  </si>
  <si>
    <t xml:space="preserve">    您孩子这种情况也可能是精神性尿频。    我在一个网站的频道看到过相关知识，特将我摘录的转告于您，看能否帮得上您的忙。。        一、尿频的三大病因　　是否属于“尿频”，需根据“排尿次数”和“尿量多少”来决定，通常病因有以下三大类：　　1、尿量增多造成的尿频　　此类患者的膀胱本身正常，主要是由于尿量增多而造成了尿频现象。例如：饮水过多(即喝多尿多)，或身体水分代谢异常(例如：糖尿病、心力衰竭、肝硬化腹水、肾衰竭水肿、尿崩症、服用了利尿剂)。由于患者每次的尿量都很多(数百毫升)，所以应从减少饮水量和治疗潜在疾病着手。　　2、膀胱疾病造成的尿频　　膀胱疾病所造成的尿频，主要特征是总有尿意，所以排尿次数多，但尿量却很少，一般情况下都少于200毫升，经常只有数十毫升，甚至几毫升而已。常见疾病包括：膀胱炎、尿路感染、摄护腺肥大和神经性膀胱。对于这类尿频疾病，必须根据医生的诊断用药物来进行治疗。　　神经性膀胱　　是指支配膀胱的神经出了问题，特别是大脑或脊髓中枢神经发生了病变。由于正常膀胱受大脑的控制，因此正常人在不该小便的时候，可以忍住不尿，甚至尿到一半都能紧急“刹住”。但如果大脑发生了病变，例如：中风、巴金森氏症、癫痫、脑性麻痹等疾病，则会导致膀胱失控，从而造成尿频现象，甚至出现尿失禁的情形。有时也会因膀胱异常敏感而失去规律收缩，使得大脑无法控制。这些总称为“神经性膀胱”。　　3、精神性(心理性)尿频症　　精神性尿频症的患者，其身体水分代谢和膀胱功能都很正常，主要是因为心理因素所导致的，例如：神经质、性急、焦虑、强迫症、精神疾病等，使得患者频频如厕，但每次只能尿一点点。通常症状时好时坏，并且只有在忙碌、专心或睡着的时候，症状才会有所改善。所以这种类型的尿频症患者，调节心理要素，使自己保持良好的心态是最主要的，并且应当保持适当的休息和睡眠时间，这样才能有效的控制尿频现象的发生。　　儿童精神性尿频　　有关儿童尿频的问题，爸爸妈妈先要考虑宝宝是否属于上述前两种情况，特别是癫痫、脑性麻痹等中枢神经病变。若是尿路感染，则需要考虑有无包皮过长、包皮炎、膀胱过度反应、尿液逆流、结石等问题。如果宝宝所有检查都没有异常，的确也存在心理性尿频的特征，这时，医生才能谨慎地诊断其为“精神性尿频症”。    a、发生原因　　孩子的心智发育尚未成熟，容易受外界环境、暗示性语言等影响，其控制力、抗压力及表达能力还比较差。所以，只要是受到轻微刺激，包括残尿对包皮和阴部的刺激、不舒适的衣裤的摩擦、潺潺的水声、口哨声等都会令宝宝产生尿意。还有父母的习惯和人格特质对孩子的影响，如大人有尿频问题、父母过度强调“不能憋尿”、父母常紧张兮兮提示孩子“要不要尿尿”等，以及孩子承受着功课、家庭和人际关系诸多压力或是孩子具有性急、紧张的个性，这些都会造成儿童精神性尿频。　　b、治疗方式　　儿童精神性尿频的治疗，首先应该是心理治疗。所以，首先应该弄明白病因是什么，其次才是行为治疗，也就是“憋尿训练”。　　爸爸妈妈们一定会感到纳闷，憋尿不是不好吗，为什么还要教孩子进行“憋尿训练”？其实“憋尿”和“尿频”应根据尿量而定，只有把膀胱撑满(400毫升以上)才算憋尿，至于二三百毫升，不过是膀胱正常的储尿过程，也是膀胱有效收缩所必需的。因为膀胱要胀到一个相当程度(200毫升以上)，排尿才会有力，否则尿量过少(膀胱不够胀)，反会造成排尿的细弱、无力和余尿感，并激发下一次尿频，从而形成一个恶性循环。因此，“憋尿训练”就是要用“憋尿”来控制尿意，以增加膀胱储尿量，但要以不超过膀胱容量400毫升为原则。当然，“400毫升”是无法去测量的，所以爸爸妈妈们要通过观察孩子每次排尿的多少、尿液排出时的速度，来判定该让孩子憋尿到何种程度。    孩子如果患有“儿童精神性尿频症”，爸爸妈妈们一定要充分了解和配合医生的治疗方式，才能治疗成功，否则，极有可能因为父母的一些做法，而导致该病症无法治愈。例如：有些父母在宝宝尿尿问题上比小孩子还紧张；有些则是十足地溺爱，孩子每次说“要尿尿”，就尽管让他去，甚至还让孩子一直坐在马桶上不出来。所以借助心理调适和“憋尿训练”，让孩子早日摆脱尿频的苦恼吧！ </t>
  </si>
  <si>
    <t xml:space="preserve">这是什么飞机？我在上海，平时经常能看到一些战斗机低空飞行，我观察 </t>
  </si>
  <si>
    <t>单发，单垂尾，后略翼   我国现役的后略翼的飞机 只有强5   和  轰6 强5在天上飞着 根本判断不出是单发还是双发 (强5是双发超音速攻击机)是山鹰? 根本不可能山鹰是双三角机翼设计 是超7也不可能 超7是三角机翼设计是不是 K8 不过 K8 服役了吗?</t>
  </si>
  <si>
    <t xml:space="preserve">何谓一手搂按揭贷款 </t>
  </si>
  <si>
    <t xml:space="preserve">　一、借款人必须具备下列条件：（1）有合法的身份（居民身份证、户口簿、军官证，在中国大陆有居留权的境外、国外自然人为护照、探亲证、返乡证等居留证件或其他身份证件）；（2）有稳定的经济收入，信用良好，有偿还贷款本息的能力，如加盖单位公章及财务专用章的收入证明；（3）年满18岁，具有完全民事行为能力，一般不能超过65周岁。（4）如果已婚提供双方的材料；未婚提供未婚证明；离婚提供离婚证。二、与开发商签订购房合同，此时需要注意审查开发商是否具有“五证”：《国有土地使用证》、《建设用地规划许可证》、《建设工程规划许可证》、《建筑工程施工许可证》、《商品房销售（预售）许可证》。三、缴付首付款，注意保存首付款收据。 四、到银行填写《个人住房贷款申请表》。开发商一般都会与一家或几家银行 签订合作协议，因此到与开发商有协议的银 行办理按揭贷款协议，这样手续会方便些。带齐首付款收据、《商品房买卖合同》、身份证、本市户口簿（非本市户口提供一年以上暂住证明）、收入证明等原件及复印件到银行填写《个人住房贷款申请表》。 五、银行的信贷人员对申请人提交的材料进行审查和逐级审批，如果认为符合银行的贷款条件，会通知申请人签订《个人住房按揭贷款合同》，合同期限不超过30年。 六、到房管局办理《房屋他项权利证》，用以证明此房产上有银行的抵押权。到公证部门办理产权抵押公证。到保险公司办理房屋保险。以上手续银行一般会代办。 七、开立账户。选用委托扣除款方式还款的客户需与银行签订委托扣款协议，并在贷款行指定的营业网点开立还款专用的储蓄存折账户或储蓄卡、信用卡账户。同时，售房人要在贷款行开立售房结算账户或存款专户。 八、支用贷款。经贷款行同意发放的贷款，办妥有关手续后，贷款行按照借款合同约定，将贷款直接转入借款人在贷款行开立的存款账户内，或将贷款一次或分次划入售房人在贷款行开立的存款账户内。九、借款人必须按借款合同约定的还款计划、还款方式偿还贷款本息，否则银行可以依法收回房屋。 十、贷款本息结清后，注销抵押登记，您就成为房屋的真正所有人啦。 </t>
  </si>
  <si>
    <t xml:space="preserve">服务与启动在msconfig里边有好多服务和启动选项哪些是象我这 </t>
  </si>
  <si>
    <t>安装WinXP后，通常系统会默认启动许多服务，其中有些服务是普通用户根本用不到的，不但占用系统资源，还有可能被黑客所利用。 查看正在启用的服务项目 以WinXP为例，首先你要使用系统管理员账户或以拥有Administrator权限的用户身份登录，然后在“运行”中输入“cmd.exe”打开命令行窗口，再输入“netstart”回车后，就会显示出系统正在运行的服务 为了更详细地查看各项服务的信息，我们可以在“开始→控制面板→管理工具”中双击“服务”，或者直接在“运行”中输入“ c”打开服务设置窗口 关闭、禁止与重新启用服务 服务分为三种启动类型: 1.自动:如果一些无用服务被设置为自动，它就会随机器一起启动，这样会延长系统启动时间。通常与系统有紧密关联的服务才必须设置为自动。 2.手动:只有在需要它的时候，才会被启动。 3.已禁用:表示这种服务将不再启动，即使是在需要它时，也不会被启动，除非修改为上面两种类型。 如果我们要关闭正在运行的服务，只要选中它，然后在右键菜单中选择“停止”即可。但是下次启动机器时，它还可能自动或手动运行。 如果服务项目确实无用，可以选择禁止服务。在右键菜单中选择“属性”，然后在“常规→启动类型”列表中选择“已禁用”，这项服务就会被彻底禁用。 如果以后需要重新起用它，只要在此选择“自动”或“手动”即可;也可以通过命令行“netstart?服务名”来启动，比如“netstartClipbook”。 必须禁止的服务 1.NetMeetingRemoteDesktopSharing:允许受权的用户通过NetMeeting在上互相访问对方。这项服务对大多数个人用户并没有多大用处，况且服务的开启还会带来安全问题，因为上网时该服务会把用户名以明文形式发送到连接它的客户端，黑客的嗅探程序很容易就能探测到这些账户信息。 2.UniversalPlugandPlayDeviceHost:此服务是为通用的即插即用设备提供支持。这项服务存在一个安全漏洞，运行此服务的计算机很容易受到攻击。攻击者只要向某个拥有多台WinXP系统的网络发送一个虚假的UDP包，就可能会造成这些WinXP主机对指定的主机进行攻击(DDoS)。另外如果向该系统1900端口发送一个UDP包，令“Location”域的地址指向另一系统的chargen端口，就有可能使系统陷入一个死循环，消耗掉系统的所有资源(需要安装硬件时需手动开启)。 3.Messenger:俗称信使服务，电脑用户在局域网内可以利用它进行资料交换(传输客户端和服务器之间的NetSend和Alerter服务消息，此服务与WindowsMessenger无关。如果服务停止，Alerter消息不会被传输)。这是一个危险而讨厌的服务，Messenger服务基本上是用在企业的网络管理上，但是垃圾邮件和垃圾广告厂商，也经常利用该服务发布弹出式广告，标题为“信使服务”。而且这项服务有漏洞，MSBlast和Slammer病毒就是用它来进行快速传播的。 4.TerminalServices:允许多位用户连接并控制一台机器，并且在远程计算机上显示桌面和应用程序。如果你不使用WinXP的远程控制功能，可以禁止它。 5.RemoteRegistry:使远程用户能修改此计算机上的注册表设置。注册表可以说是系统的核心内容，一般用户都不建议自行更改，更何况要让别人远程修改，所以这项服务是极其危险的。 6.FastUserSwitchingCompatibility:在多用户下为需要协助的应用程序提供管理。WindowsXP允许在一台电脑上进行多用户之间的快速切换，但是这项功能有个漏洞，当你点击“开始→注销→快速切换”，在传统登录方式下重复输入一个用户名进行登录时，系统会认为是暴力破解，而锁定所有非管理员账户。如果不经常使用，可以禁止该服务。或者在“控制面板→用户账户→更改用户登录或注销方式”中取消“使用快速用户切换”。 7.Telnet:允许远程用户登录到此计算机并运行程序，并支持多种TCP/IPTelnet客户，包括基于UNIX和Windows的计算机。又一个危险的服务，如果启动，远程用户就可以登录、访问本地的程序，甚至可以用它来修改你的ADSLModem等的网络设置。除非你是网络专业人员或电脑不作为服务器使用，否则一定要禁止它。 8.PerformanceLogsAndAlerts:收集本地或远程计算机基于预先配置的日程参数的性能数据，然后将此数据写入日志或触发警报。为了防止被远程计算机搜索数据，坚决禁止它。 9.RemoteDesktopHelpSessionManager:如果此服务被终止，远程协助将不可用。 10.TCP/IPNetBIOSHelper:NetBIOS在Win9X下就经常有人用它来进行攻击，对于不需要文件和打印共享的用户，此项也可以禁用。 可以禁止的服务 以上十项服务是对安全威胁较大的服务，普通用户一定要禁用它。另外还有一些普通用户可以按需求禁止的服务: 1.Alerter:通知所选用户和计算机有关系统管理级警报。如果你未连上局域网且不需要管理警报，则可将其禁止。 2.IndexingService:本地和远程计算机上文件的索引内容和属性，提供文件快速访问。这项服务对个人用户没有多大用处。 3.ApplicationLayerGatewayService:为Internet连接共享和Internet连接防火墙提供第三方协议插件的支持。如果你没有启用Internet连接共享或WindowsXP的内置防火墙，可以禁止该服务。 4.UninterruptiblePowerSupply:管理连接到计算机的不间断电源，没有安装UPS的用户可以禁用。 5.PrintSpooler:将文件加载到内存中以便稍后打印。如果没装打印机，可以禁用。 6.SmartCard:管理计算机对智能卡的读取访问。基本上用不上，可以禁用。 7.SsdpDiscoveryService:启动家庭网络上的upnp设备自动发现。具有upnp的设备还不多，对于我们来说这个服务是没有用的。 8.AutomaticUpdates:自动从WindowsUpdate网络更新补丁。利用WindowsUpdate功能进行升级，速度太慢，建议大家通过多线程下载工具下载补丁到本地硬盘后，再进行升级。 9.Clipbook:启用“剪贴板查看器”储存信息并与远程计算机共享。如果不想与远程计算机进行信息共享，就可以禁止。 10.ImapiCd-burningComService:用Imapi管理CD录制，虽然WinXP中内置了此功能，但是我们大多会选择专业刻录软件，另外如果没有安装刻录机的话，也可以禁止该服务。 11.Workstation:创建和维护到远程服务的客户端网络连接。如果服务停止，这些连接都将不可用。 12.ErrorReportingService:服务和应用程序在非标准环境下运行时，允许错误报告。如果你不是专业人员，这个错误报告对你来说根本没用.以上这些你自已取舍.只需进入控制面板--管理工具--服务--右边找到你要关闭的服务--右击它--属性--启动类型选择:自动 手动 还是禁用.至于启动项:禁用除输入法(ctfmon),杀毒,防火墙外的所有启动项,在"开始"-"运行"中输入"msconfig" 在"启动"选项卡中把除这三项的勾去掉.点确定;</t>
  </si>
  <si>
    <t xml:space="preserve">封系的封跟命中有关系吗？有人说有关，有人水无关？真郁闷哦希望大家? </t>
  </si>
  <si>
    <t>当然没有关系了.不过灵力越高的人越难封</t>
  </si>
  <si>
    <t xml:space="preserve">长安神骐小卡柴油版和汽油版哪个更省油啊？坐等答案 </t>
  </si>
  <si>
    <t>长安神骐小卡有两种排量的，1.0L排量62马力的油耗大概6.7L左右，1.3L排量100马力的油耗大概是7L左右，还是蛮省油的，据说还是2012年节油大赛的冠军。1.3L汽油机配备荣获11年最佳发动机奖的DAM13R，达到100匹马力，动力强劲。我开的就是长安神骐小卡，LZ买了么，可以私下交流一下经验啊嘿嘿</t>
  </si>
  <si>
    <t xml:space="preserve">要是现在开战美国的战争生产能力会达到二战都水平吗战争对装备的损耗 </t>
  </si>
  <si>
    <t>现代化武器装备不是二战时那么简单易造了.前苏联二战时每年能生产4万辆坦克,上万架飞机.就连中国建国初期也能生产上1000架战机.现在就不同了,俄罗斯满负荷生产每年也只能生产不超过100架战机.许多订单都不能按期交货.米格公司还压着45亿美元订没法完成任务,求助于苏霍伊.美国也一样,生产F-22也不能按期完成军反方任务.满负荷生产每月也只有两架.军方计划一年装备66架F-22,厂家答应三年才能交齐订货.F-35美军急需装备,合作国家也希望尽早装备,可厂家把国外订单时间表排到2020年以后去了,美军计划装备的2500架还不能在2020年全面交货.足见已是满负荷生产了.所以,现代战争的武器装备战时根本就无法弥补战损.</t>
  </si>
  <si>
    <t xml:space="preserve">请问，皮革用品护理，一般用皮具清洁液和皮具光亮剂，用针对真皮皮鞋? </t>
  </si>
  <si>
    <t>你好!不能用皮鞋的无色鞋油护理皮衣皮具!皮革保养品必须是乳剂配方，因为水剂会让真皮变形、老化，是皮革保养的大忌。也不要用水或汽油擦拭，最好尽快用干净的棉布吸干油污，然后用专用皮革保养品清洁。切忌使用鞋油，皮衣厚度只有牛皮鞋面的1/3,鞋油内的汽油会渗透到皮革内，从而出现色泽暗淡、散色、发粘乃至变硬、龟裂。皮革最好经常穿，并常用细绒布揩擦。 皮衣保养常识 ·一般皮革的保养 无论何种皮革制品，最普通的保养就是防止其发霉。霉菌是造成皮革发霉的主要原因，而潮湿则是霉菌繁殖的根源。因此，皮革制品在保存过程中要保持通风干燥，避免阳光直接曝晒，皮革受潮时应及时晾干。 皮革制品沾上汗液或雨水时，应立即用干软布或软纸吸去汗液和雨水，再用潮湿的软布擦净，而后挂晾干燥。若沾上油污则应用棉布蘸氨水、酒精和水的混合液擦洗污处，而后通风挂晾干燥。 ·亮皮皮衣清洗 只进行皮衣外表面的清洗、上油、上色、上光和保养，皮衣内衬不属于清洗范围之内。如果需要清洗内衬，只能尽量擦洗，但有些油渍、污渍擦洗不掉。 ·绒面皮、磨砂皮、翻毛皮、油光皮，及皮毛一体的皮衣属于整洗，较容易吸附污物，洗涤时容易掉色，也可以简单地喷一遍顶层无色油，如果涂层过厚，则会改变手感，甚至导致裂面，从而改变皮衣原有的服装风格，失去真皮感。此类皮衣在清洗过程中会出现不同程度的色浅、色花、磨处发白，脏、油、色素洗后有印。 ·油光皮是一种特殊皮质，在清洗过程中只能上无色油，不能补色，所以油光皮本身如有污迹，上油后遮盖不住，如有油渍，清洗后仍有印迹。 ·裘皮皮衣一般采用四氯乙烯干洗机在6℃-8℃低温下洗涤，洗涤时加裘皮光亮剂，洗后在进行整理。裘皮服装的保养，由于毛皮的皮板和毛被的结构具有特殊性，应通风干燥，这是因为裘皮的皮板和毛被以蛋白质为主要成分。在潮湿状态下，皮板易变腐烂，毛被易被虫蚀。在入箱保存前，首先应送到专业洗衣店进行保养，除净裘皮服装上的油污和灰尘，因为灰尘中带有大量霉菌，长期依附于裘皮面料，易引起裘皮蛋白质变硬损坏。穿用裘皮服装时，要做到五防，即"防雨淋、防潮湿、防曝晒、防摩擦、防油垢"。 ·光面皮清洗多采用乳液加脂、着色护理。着色护理主要根据皮面的不同色泽要求，对皮衣进行均匀着色护理，遮盖轻度伤残及某些实在无法去处的污渍等缺陷，使涂层色泽鲜艳、均匀细腻。 皮衣，因为其面料的特殊性，不可水洗的。如果弄脏了，可以去超市买保养皮衣的油，进行擦拭。 使用专业护理产品清除皮革上的污渍，柔软皮、上光、上色 使用绿色环保的清洁保养材料 皮衣保养和存放有诀窍 周末天气又将转凉，皮衣等皮革制品又成为人们防寒保暖、美化生活的首选了。优质的皮革制品，价格远非一般用品可比，人们对其爱护程度自然也比较高。同事张小姐把去年的皮衣再找出来穿的时候，惊异地发现，整个皮中褛的背部全部白花花的一片，还长着细小的绿毛，之所以霉变，张小姐说是因为储放时完全没有采取任何措施。其实，皮衣的保养和存放都需要一些技巧。 穿着时要注意保养 深圳市皮革行业协会秘书长吴中华告诉记者，由于牛皮、羊皮，猪皮的主要成分是蛋白质，所以都容易受潮、起霉、生虫。因此，在穿着皮装时，要避免接触油污、酸性和碱性等物质。无论是皮衣表面还是里衬，都容易积聚大量的污垢、霉菌和各种病菌。应定期送到专业皮革保养店中进行彻底清洗、消毒，在那里运用专业设备和工艺清洗，加入去霉、杀菌的专用药剂，可以将各种病菌、霉菌彻底清除，从根本上避免发霉现象的产生。如果皮衣不慎沾上油污，绝对不要使用刺激性强的污斑去除剂、水溶剂、松节油或清洁剂等。专业的皮革保养品必须是乳剂配方，因为水剂会让真皮变形、老化，是皮革保养的大忌。也不要用水或汽油擦拭，最好尽快用干净的棉布吸干油污，然后用专用皮革保养品清洁。切忌使用鞋油，皮衣厚度只有牛皮鞋面的1/3,鞋油内的汽油会渗透到皮革内，从而出现色泽暗淡、散色、发粘乃至变硬、龟裂。皮革服装最好经常穿，并常用细绒布揩擦。 皮衣也可熨烫和修补 皮革服装起皱，可用熨斗熨烫，温度要掌握在60℃~70℃之间。皮衣表面不要让熨斗直接接触，可用一块丝绸垫在皮衣表面，进行滑动式熨烫（不要在某一个部位停留过久）。皮革服装失去光泽，可用皮革上光剂上光。实际上给皮革上光并不难，只要用布蘸点上光剂在皮衣上轻轻擦—两遍即可。一般只要每隔两三年上—次光，就可以使皮革保持柔软和光泽，并可延长使用寿命。皮革服装如有撕裂或破损时，应及时进行修补。如果是小裂痕，可在裂痕处涂点鸡蛋清，裂痕即可粘合。 皮衣存放有讲究 皮衣作为季节性很强的时装，存放的时间也相应较其他服装长些。因此，正确的保养与存放尤为重要。吴中华秘书长说，皮革服装在收藏保存前要晾—下，不能曝晒，挂在阴凉干燥处通通风即可，也可将衬里翻出来晾晒。为使皮革服装在较长时间内保持色泽美观，在收藏前可在皮面上涂一层牛奶或甘油，这样就能长期存放而不变色。此外皮衣最好挂放而不要折叠。因居室面积、储物空间所限，很多人将厚重的冬季衣服叠放在衣柜的最底层，在层层重压之下的皮衣，极易出现皱纹、发霉和变形现象。因此，皮衣在存放时应尽量用衣架悬挂起来，以保持皮衣的良好形态，延长皮衣的使用寿命。 另外，皮革服装应注意防潮，否则一旦受潮发霉，就会失去光泽，影响牢度。霉菌是造成皮革服装发霉的主要原因，而潮湿则是霉菌繁殖的根源，雨水、汗液和油污是产生潮湿的三条主要途径。若皮革服装沾上了汗液或雨水之后表面会起一层酵素甚至出现霉斑，应及时用潮湿的软布擦净汗液或雨水，再使用专业皮革保养品擦拭皮衣表面，而后在阴凉处挂晾干燥，勿暴晒或用风筒吹干。如果是绒面皮革衣物，在擦完晾干后，还应用稍硬的毛刷轻擦，使其蓬松。 最后不要在衣柜中放樟脑丸、卫生球等驱虫药剂，此类驱虫药剂会使皮衣染上强烈的异味而且难以消除。正确的方法是：皮衣脱下后应送到专业的皮革保养店中进行全面清洗、消毒、加脂、复鞣、重新涂饰和熨烫整形等专业保养，将保养后的皮衣放在专用皮衣保养袋中（非普通型西服储存袋），悬挂在干燥通风的衣柜中。 皮衣皮装皱纹去除法 一旦皮革服装起皱了，可用熨斗将其熨平。熨烫时要注意：一是用低温熨烫；二是熨斗移动要迅速；三是最好用包装用纸或油纸做烫垫。 皮衣的清洗与收藏 清洗 可到商店买盒“皮衣光亮剂”，内有一瓶清洁剂和一瓶光亮剂。将皮衣平摊在桌上，用干毛巾蘸清洁剂揩擦，揩干净后用干毛巾拭去，并将皮衣于通风处晾干，接着可上光亮剂，先将光亮剂摇匀倒入小器皿，然后 用海绵蘸光亮剂在皮衣上按领口、前身、背身、袖子顺序均匀涂刷，光亮剂不宜刷得太厚太多，也不要重复刷，完后同样将皮衣挂在通风处晾干。若皮衣刚穿不久不太脏，可用毛布蘸温水将衣服各处轻揩一遍，再用柔软的布擦净，晾干后即可入柜收藏。 收藏 皮衣革面如起皱，可在革面上蒙层光洁布，用低温电熨斗烫平,温度切忌过高，以防烫焦皮衣或使皮衣褪色，收藏时不要折叠装箱，应避免挤压，不宜置于温度高、湿度大的地方。可用宽衣架挂好并在口袋里放上樟脑丸防虫。 皮衣用水洗，会使皮板走硝发硬，容易折裂。有两种简单的洗法： 1．先将皮衣在烈日下晒过，拍去灰尘，然后用小米（粟）粉以冷水调和，遍擦毛皮（尽量擦到毛根部分），随后用手搓擦，使污腻沾在小米粉上，再将粉抖去。晒干后，用竹棒拍去粉末，皮毛垢污就会去除。 2．白羔皮日久污黑，可用生萝卜遍擦羔毛，然后晾干，也能去除垢污。 天气暖和时，应将皮货及时晾晒收藏，不能一直挂在衣橱内或壁上。因为天气暖和，昆虫开始繁殖产卵，皮毛又是昆虫最好的养料，这样就会引起虫蛀脱毛。在晾晒时，还要用竹棒敲打，把昆虫或虫卵拍打掉。晒好拍干净的皮货，装在箱子内要压紧，尽量避免有空隙的地方，或者用布将皮货紧紧包好，放人箱内。 晾晒皮货，最好在每年的春末夏初（大约立夏之后，黄梅季节以前），选个晴朗干燥天气在上午10时以后进行。晒时毛朝太阳，细毛皮货如灰鼠、狐嵌、貂皮等还应在上面遮层细布。 怎样保养和收藏皮衣 (1)不能用皮鞋油擦拭皮衣。如果擦鞋油，会使鞋油内的汽油渗透到皮革内，蜡粘在皮革的表面。使皮革色泽发花，散色，影响美观，而且使皮革发粘，招土吸尘。 (2)皮衣最好挂在衣架上存放，不能像叠内衣那样压入衣柜，以免出现死褶。 (3)皮衣收藏时要求通气，不能放在不透气的包里或塑料袋里保存，可以罩上一层布或一件单衣。应收藏在凉爽干燥处，随时注意防潮、防霉。 (4)为防虫蛀，可在衣柜中放几粒樟脑丸。但注意不要与皮衣直接接触。因为樟脑丸对皮革服装有腐蚀作用。 (5)收藏前，应先进行去污处理，再晾晒一下。存放期间最好要晾晒一两次，但切忌阳光曝晒和火烤。 (6)一旦皮革服装起皱了，可用熨斗将其熨平。熨烫时要注意：一是用低温熨烫；二是熨斗移动要迅速；三是最好用包装用纸或油纸作烫垫。 怎样保养、收藏皮衣 1、不能用皮鞋油擦拭皮衣。如果擦鞋油，会使鞋油内的汽油渗透到皮革内，蜡粘在皮革的表面。使皮革色泽发花，散色，影响美观，而且使皮革发粘，招土吸尘。 2、皮衣最好挂在衣架上存放，不能像叠内衣那样压入衣柜，以免出现死褶。 3、皮衣收藏时要求通气，不能放在不透气的包里或塑料袋里保存，可以罩上一层布或一件单衣。应收藏在凉爽干燥处，随时注意防潮、防霉。 4、为防虫蛀，可在衣柜中放几粒樟脑丸。但注意不要与皮衣直接接触。因为樟脑丸对皮革服装有腐蚀作用。 5、收藏前，应先进行去污处理，再晾晒一下。存放期间最好要晾晒一两次，但切忌阳光暴晒和火烤。 6、一旦皮革服装起皱了，可用熨斗将其熨平。熨烫时要注意：一是用低温熨烫；二是熨斗移动要迅速；三是最好用包装用纸或油纸做烫垫。 皮衣为什么要干洗 1、皮衣干洗不但可以去污去渍，而且还可以对皮衣进行加脂，使皮衣变得蓬松柔软，另外对有的皮衣还可以去膜，更重要的是去领子部位和里子部位的油污等等。 2、干洗皮衣适用于真皮、真毛皮衣，如果皮衣上有的部位有其他（如人造）革，那就不适合干洗。 3、比较适合干洗的皮衣有：真皮毛的、特别脏的和没有涂饰层的、磨砂的，就适合干洗，并且给顾客讲明；没有涂饰层的皮衣，洗出啥样是啥样，因为这种皮衣很难染色，要去膜的皮衣，需干洗。 4、必须进行干洗的皮衣有：领子部位发油的，或特别脏的皮衣。发霉的皮衣，必须进行干洗（干洗时还需要高温烘烤）。 皮衣去光怎么办？皮衣是耐用消费品，好的皮衣一般可穿7～10年，由于皮革是天然产品，皮革出来时应基本保留着它的特性。消费者买了皮衣以后，一般情况下在3～5年内不要轻易去污上光，只要你去污就必须上光了，上光是假的，实际上是上浆（上树脂），这样反而失去了皮衣保暖、透气、有弹性的特性。所以一般情况下，不要轻易去污上光，这里给大家介绍皮衣买回后两三年内的保管方法： 1． 当你的皮衣穿了一年还较新的时候，你可用湿布将皮衣擦干净，在风中吹干（不要晒强太阳）一般一二小时，避免曝晒，然后收藏起来阴干，用鸭蛋清打稀涂于皮衣面上3～4小时，再用软布将蛋清擦干净，再在风中吹干，藏于柜中（要干燥，不要潮湿）进行保管，到时可拿出来吹一下，切忌受潮。 2． 第二年拿出来穿时可将皮衣用温湿软布擦遍，风吹干再涂上绵羊茄克油，然后用300W电熨斗垫白布烫一下，皮衣可保持原样。 3． 如出现霉花也不要怕，可用温水擦干。这主要是由于皮革在揉制时的防霉作用逐步消失或因天气潮湿所至，不会对皮革产生大的影响。 4． 三至五年以后，如皮衣开始显旧或主要部位摩擦后掉色、起毛，这时再去去污上光也不迟。当然这是指正宗名牌皮衣或好的皮衣，如果你买的本是低档货也就可能不一定能用此方法了。 无论何种皮革制品，最普通的保养就是防止其发霉。霉菌是造成皮革发霉的主要原因，而潮湿则是霉菌繁殖的根源。因此，皮革制品在保存过程中要保持通风干燥，避免阳光直接曝晒，皮革受潮时应及时晾干。 皮革制品沾上汗液或雨水时，应立即用干软布或软纸吸去汗液和雨水，再用潮湿的软布擦净，而后挂晾干燥。若沾上油污则应用棉布蘸氨水、酒精和水的混合液擦洗污处，而后通风挂晾干燥。 亮皮皮衣清洗 只进行皮衣外表面的清洗、上油、上色、上光和保养，皮衣内衬不属于清洗范围之内。如果需要清洗内衬，只能尽量擦洗，但有些油渍、污渍擦洗不掉。 绒面皮、磨砂皮、翻毛皮、油光皮，及皮毛一体的皮衣属于整洗，较容易吸附污物，洗涤时容易掉色，也可以简单地喷一遍顶层无色油，如果涂层过厚，则会改变手感，甚至导致裂面，从而改变皮衣原有的服装风格，失去真皮感。此类皮衣在清洗过程中会出现不同程度的色浅、色花、磨处发白，脏、油、色素洗后有印。 油光皮是一种特殊皮质，在清洗过程中只能上无色油，不能补色，所以油光皮本身如有污迹，上油后遮盖不住，如有油渍，清洗后仍有印迹。 裘皮皮衣一般采用四氯乙烯干洗机在6℃-8℃低温下洗涤，洗涤时加裘皮光亮剂，洗后在进行整理。裘皮服装的保养，由于毛皮的皮板和毛被的结构具有特殊性，应通风干燥，这是因为裘皮的皮板和毛被以蛋白质为主要成分。在潮湿状态下，皮板易变腐烂，毛被易被虫蚀。在入箱保存前，首先应送到专业洗衣店进行保养，除净裘皮服装上的油污和灰尘，因为灰尘中带有大量霉菌，长期依附于裘皮面料，易引起裘皮蛋白质变硬损坏。穿用裘皮服装时，要做到五防，即"防雨淋、防潮湿、防曝晒、防摩擦、防油垢"。 光面皮清洗多采用乳液加脂、着色护理。着色护理主要根据皮面的不同色泽要求，对皮衣进行均匀着色护理，遮盖轻度伤残及某些实在无法去处的污渍等缺陷，使涂层色泽鲜艳、均匀细腻</t>
  </si>
  <si>
    <t xml:space="preserve">魔幻屠龙哪有在线看？现想重温一下当年的感觉，可惜找不到在线看的了 </t>
  </si>
  <si>
    <t xml:space="preserve">  电影龙之心/魔幻屠龙合集在线看</t>
  </si>
  <si>
    <t xml:space="preserve">什么叫推举啊?~经常碰到有人要推举,1)推举有什么用?2)我怎么 </t>
  </si>
  <si>
    <t>是推荐推荐到一定量 名字会慢慢变成蓝色 每天都有8个推荐 一个ID只能推荐不同的8个人 不能同时推荐一个人8次ALT+C 后动作选单里最上面框框里最后一个 有个竖起的大拇指 那就是推荐键 点上你想推荐人的ID后 点击它 推荐成功 系统会有显示你推荐谁 推荐还剩余几个 HOHO其实意义在于 哪个名字变蓝证明他认识的人比较多 而且人品好 不够很容易作弊 只是调剂下天堂2娱乐生活 HOHO 能否给我加分？谢谢~^^V</t>
  </si>
  <si>
    <t xml:space="preserve">一个男人表现被动，不主动联系你，那说明他真的没有那么喜欢你。 </t>
  </si>
  <si>
    <t>一般来说是这样的，如果对方变现冷淡很有可能就是对你不太有兴趣的信号，一定要再观察一下，如果他不再像以前那样在乎你了，其实你自己可以感觉到的，比如你受委屈了或者你发生什么不愉快的事情了，但是他知道了也不是太在意，也没那么关心你，这时可以很肯定已经不是很喜欢你了，感情变淡了或者他喜欢上别人了，希望可以帮到你，朋友</t>
  </si>
  <si>
    <t xml:space="preserve">谁知道级别不够怎么去恶人谷. </t>
  </si>
  <si>
    <t>猎人村→ 红林驿站→ 红林4 → 土1 → 土3 → 土5 → 恶人谷</t>
  </si>
  <si>
    <t xml:space="preserve">为什么钱龙的黄金眼全景版没有办法通过诺顿杀毒软件的扫描啊？是有病? </t>
  </si>
  <si>
    <t>我试用过了，没有病毒的。至于为什么会通不过，听说现在要通过杀毒软件的扫描你还得给前给那个 软件公 司哦~只有成为白名单的用户才可以通过扫描的。看来应该提醒钱龙去花钱给买个白名单回来了。嘻嘻~~</t>
  </si>
  <si>
    <t xml:space="preserve">甜奶酪怎么做？我很喜欢奶酪的味道，想自己做些，但不晓得怎么做，希 </t>
  </si>
  <si>
    <t xml:space="preserve">家庭的乳酪制作设备： 加热锅（50升以上） 钢丝网 纱布 酸度计 温度计 搅动棒 橡胶手套（中长袖） 重物（压榨凝乳用） 食盐 盒 发酵剂（新鲜牛奶含有发酵菌） 凝乳酶（后文详解） 注意事项： 加热锅要用两层式隔水加热 制作空间卫生状况严格消毒 以上任何问题都有可能导致莫名其妙的失败，所以一定要认真检查各个环节。 第一步——收集奶源，乳酪顾名思义，你要用奶来进行制作这种食品。你可以看一下身边有哪种奶类。制作乳酪的奶源大体分牛奶、羊奶。 牛奶——奶牛奶、水牛奶、犛牛奶、黄牛奶 羊奶——山羊奶、绵羊奶 城市中一般很少有新鲜的奶源，靠近城市边缘的地区，会有少量奶源。如果无法弄到新鲜未经消毒的奶，就无法制造最传统的乳酪。那你还是另想他法吧！袋装的巴氏杀菌全脂牛奶也可以考虑，但品质相对差一些，另外含有稳定剂与防腐剂的成分，也会让发酵失败（防腐剂也会杀死身为微生物的乳酸菌）。除非你确定这种奶源成品没有这些成分，否则，还是老老实实的寻找真正的鲜奶去吧！ 关键环节介绍 制作奶源： 使用63摄氏度低温杀菌的牛奶，因为经过高温消毒的牛奶已经不能作为原料。如果你是从奶牛饲养户处弄来的鲜奶，除了过滤加温消毒外，你还要提前告知供应商，不要在挤奶的前一天，过分餵奶牛很多水，那样会降低牛奶品质。 消毒环节： 在制造过程中，有害微生物，总是出现在你意想不到的地方。或者成熟乳酪的时候让你功败垂成，或者滋生有害的霉菌斑（添加霉菌方式的乳酪不计在内），被污染的乳酪不能食用，所以制造乳酪的工具，一定要力所能及的范围内消毒。由於双手也有很多细菌，同时制作乳酪过程中需要接触热水，建议戴上消毒的橡胶手套。 温度控制： 不要小看温度的控制，很多制作乳酪必须的乳酸菌，发酵温度都有相应的温度范围，例如，乳酪中嗜热链球菌属於高温发酵菌种，在加热牛奶的过程中，低於发酵温度，就会出现产酸不足，虽然有的乳酪不太需要产酸凝乳，而需要凝乳酶直接凝乳，但是适当的风味，无疑添加很多意味，更极大丰富乳酪的品种。但温度过高，却会延长凝乳的时间，同时出现蒸煮味道。 1、 不时用温度计测量温度。 2、 牛奶不要直接加热，要隔水加热。（大小套锅） 酸度计的应用： 测定发酵阶段的工具，评估乳酸菌起效程度。 发酵剂和凝乳酶： 先将发酵剂放入少量预热牛奶中“完全”溶化。凝乳酶需要用纯净水摇匀溶化使用。 以上几点，是制作乳酪的基本注意事项。如果你足够耐心，并希望永远的爱这种完美食物。那就耐心的去准备，不要希望一下就成功，恒心更加重要。曾经一位义大利厨师，学会三种乳酪的制作方法，用了整整九年的时间。 “豪达”乳酪的制作方法，这种乳酪的特点相信大家已经稍有了解。它成熟的时间比较短、口味清淡，非常适合国人的口味。 基本材料： 牛奶：20升 发酵剂：4克 凝乳酶：4克 温度进行第一阶段：32度期间 1、 温热牛奶 2、 加入发酵剂、 3、 切割凝乳 温度进行第二阶段：40度期间 4、 凝乳酶 5、 加压力 温度进行第三阶段：常温 6、 成型 7、 加压 8、 加盐 9、 成熟——5摄氏度 详细步骤解释： 一、温热牛奶，将牛奶放入双层加热锅，并缓慢加热到32摄氏度，加入用牛奶融化后的发酵剂，并搅拌5分钟，充分均匀。然后静置一个半小时，再加入用纯净水溶解的凝乳酶稍加温到40度，再静置30分钟。本阶段有个中间加热的环节，希望大家不要忘记。 二、切割凝乳，牛奶经过发酵剂的发酵产酸、凝乳酶的凝结作用，这时候的牛奶已经成块了，就要准备切割凝乳，有一个把握切割时机的方法，那就是用手插入凝结的牛奶块中，缓缓向上捞起，牛奶块呈现北方豆腐脑搅动的破裂形状。这时候你就要抓紧时间了。 切割凝乳，并不是用菜刀来进行的，而是U型刀，工厂用切割栅。如果你实在找不到，你可以想任何办法，把凝乳切割成2厘米见方的凝块，在这种状态下置放10分钟。至於用什麼方法，开动脑筋去吧！古代的乳酪制造者，可没有什麼现代工具。记住，是2厘米见方的凝乳块。 三、凝乳搅拌加温 静置10分钟后，你需要轻轻搅拌，是搅拌而不是搅碎！用勺子背，朝一个方向慢慢搅拌10分钟，半透明的乳清，就会迅速排出。放入一个金属网篮（目的是隔开凝乳，方便舀乳清）把锅内乳清舀出1/3。拿出金属篮，慢慢添加热水，一边添加一边搅拌。用5分钟左右时间，将温度上升到40摄氏度，然后置放20分钟，再次搅拌，直到粉碎，就像渣状。 四、加压 把这些凝乳碎块，放到纱布中过滤，并且轻轻挤压，排除乳清。凝乳连带纱布，放入盆中，上面压一块乾净的重物，可以是加工后的石块。静置30分钟，等待乳块进一步发酵。 五、成型 取出变硬的凝乳块，切割成3-4厘米的长方形，一起放入带孔的模具，带孔是为了方便继续排出乳清。上方套入一个小的同形模具，放上石块继续加压。因为这次石块不能直接压到凝乳块上了。这次的加压，需要1小时。 六、加盐 取出凝乳块，正反倒置后重新包裹加压6-8小时。你是否看到成功的曙光呢？取出凝乳表面喷雾一些医用酒精消毒，然后在乳块表面洒上食盐，这样可以防止杂菌。但食盐一定要卫生新鲜的。 七、成熟乾燥 这时候，你要把乳酪常温下（25摄氏度）乾燥3天，再用酒精喷洒一便消毒。继续存放3-4天。并把乳酪完全密封，存放在5摄氏度冰箱内2-3周，等待最后成熟。 </t>
  </si>
  <si>
    <t xml:space="preserve">请教了,20的剧情杀3恶人哪位大哥能告诉我下20的剧情怎么做,我 </t>
  </si>
  <si>
    <t>在副本里面找那三个恶人来打死就行了</t>
  </si>
  <si>
    <t xml:space="preserve">济南膀胱炎该怎么样治 </t>
  </si>
  <si>
    <t>济南九龙医院专家介绍以下如何避免膀胱炎复发的几种方法一、勤喝水、多喝水二、别憋尿三、增强运动，增加免疫力四、留意生殖部位的清洁</t>
  </si>
  <si>
    <t xml:space="preserve">第6周了,为什么下肚还是会不舒服呢?正常吗?各位JMM好啊,现在 </t>
  </si>
  <si>
    <t>我建议为了放心点还是去B超一下好,毕竟医生的检查和建议是专业的,我现在孕23周了,第一次B超就是在6周的时候,因为有异常分泌物去检查,但医生检查后正常自己也就放心了.</t>
  </si>
  <si>
    <t xml:space="preserve">chuckjayler是什么意思？5年前的篮球鞋，服役到现在，c </t>
  </si>
  <si>
    <t>flex应该是flexible的意思吧，灵活而已</t>
  </si>
  <si>
    <t xml:space="preserve">新版的命疗强化是只指什么?命疗强化到底指什么?是指强化命疗的效果 </t>
  </si>
  <si>
    <t>命疗强化只针对命疗而不是强命.这个任务是使你的命疗效果增加.命疗加成类型：特殊技每升一级命疗加成+5%顺便帮你整理下任务流程柴桑发现新的n仲景先生(坐标120,9)1.收集祭拜要物(佛像*3、香炉*3、月光布*1)2.收集召魂之石(召唤宝石*10)3.静待仲景光生闲下(等30钟、记的不要闲下快去收集蔘茸酒、驱寒汤、虎骨膏)4.收集补药(蔘茸酒*12、驱寒汤*50、虎骨膏*100)5.静待仲景先生闲下(又再等60分钟了~_~)6.收集补伤去血之物(蚕丝*250、痛裂针*250)7.静待仲景先生闲下(又要等30分钟了、快让我学到吧)8.向仲景先生学习命疗强化之术(20000技能点，)里面收集的材料比较变态,具体哪个怪掉,你可以去查17173上的怪物掉宝.反正就快改版了,到那时见分晓吧....楼主记得收集材料哦!!我不像争论是否与台服有什么区别,但是楼主你作为豪杰,我推荐你还是去做下这个任务.......我团里的几个猛将都在收集材料...汗!!!</t>
  </si>
  <si>
    <t xml:space="preserve">会计科目的问题会计软件中结算类科目是什么意思，要选定吗？ </t>
  </si>
  <si>
    <t>结算类科目是在月底结转时用的，会计软件中是自动结转的。可以根据你的需要来修改</t>
  </si>
  <si>
    <t xml:space="preserve">请问在逆魔四挂机，道士是用全道装备快还是全攻装备快？带强排的。 </t>
  </si>
  <si>
    <t>不知道你什么级别 出狗之前不要去那里 道士不论什么级别 打逆魔的怪物最好用全道装 用攻装太吃力！道士在出狗以后就不要用攻装了，太慢，尤其是打比较高级的怪物很吃力的。如果是带强排更要用道装了，道装配合强排打逆魔怪物很轻松的。补充：刚看到你的问题补充 既然你45级了 穿攻装挂机实在是得不偿失 或许能省点游戏币 但挂机效率也很低  而且45的道士穿攻装也实在有点不伦不类 呵呵。你45的道士带强化穿逆魔装拿无极去挂逆魔足够了 打的特别轻松。</t>
  </si>
  <si>
    <t xml:space="preserve">怎样克服自卑心理？ </t>
  </si>
  <si>
    <t>想要打倒别人,首先要打倒自己</t>
  </si>
  <si>
    <t xml:space="preserve">跪求：要装机了,电脑店给写了个配置,大家给参考参考要求价位:30 </t>
  </si>
  <si>
    <t>不要脸 给这么垃圾的配置奔腾  E5200七彩虹战旗C.P43 X5威刚2GB DDR2-800万紫千红内存希捷320GB盒包硬盘七彩虹 镭风3850-GD3 CF黄金版   256M D12用这个 花不了4000</t>
  </si>
  <si>
    <t xml:space="preserve">华南农业大学07年的录取分数线07届湖北的艺术考生进华南农业大学 </t>
  </si>
  <si>
    <t>国家重点大学，重本，省内会底一些，省外先要过省线，一般在前一年省线的分数上加20</t>
  </si>
  <si>
    <t xml:space="preserve">清泉老师帮忙000629.1006今天乍操作?被套!!谢谢 </t>
  </si>
  <si>
    <t>000629.601006 观望一下.</t>
  </si>
  <si>
    <t xml:space="preserve">长江大桥的桥墩是怎样建造和浇铸的？我一直都搞不明白，长江大桥的桥 </t>
  </si>
  <si>
    <t xml:space="preserve"> 南京长江大桥1958年，我国建桥战线的一部分职工、干部，刚刚经过建造武汉长江大桥和白沙沱长江大桥的锻炼，又投入了建造南京长江大桥的战斗。他们在党中央、毛主席和周总理的亲切关怀下，经过近9个年头的艰苦奋斗，终于在1968年12月28日胜利建成了大桥。南京长江大桥是一座铁路、公路两用双层桥梁。铁路桥面全长6772米，公路桥面全长4588米，江面正桥十孔，长1576米。桥身从水下最深基础的基底到桥头堡顶端，高140余米。10孔钢梁中有9孔跨径各长160米。是我国当时规模最大、跨径最长的一座大型桥梁。下层可供两列火车对开，上层可供4辆大型平行行驶，桥下可通航长江上最大的轮船，构成一个东西南北四达的、大交通量立体组合体系。南京长江大桥的建成，是我国桥梁史上光辉的一页。它说明：我国人民从此可以完全依靠自己的技术力量和材料、设备，担负起在祖国的任何大江大河上建造大型现代化桥梁的任务。在长期的封建社会中，桥梁工程受到政治、经济和科学技术各方面条件的限制，一直停留在主要利用人力、简单设备和天然材料进行架桥的水平，只能在较浅的水域建造较小跨径的和承载能力较低（石拱桥除外）的桥梁。南宋时期始建的漳州虎渡桥，造桥者想在扩大石梁的跨径方面有所突破，在最大的桥孔上架设约6尺宽、5尺厚（当地人称一扁担厚）的3根大石梁，每根石梁估计重达200吨，实属前所未有，因而曾有“江南桥梁，虎渡第一”的称誉。但它的跨径，也只达到23米左右，而且因为自重过大，其静重弯矩所产生的拉应力估算达每平方公分50公斤，已接近极限强度。经过较长时间的风雨浸蚀，就由于自重大将石梁折断。在基础工程方面，古代桥工所受到的条件限制更其严酷。广东潮安的广济桥，根据解放后勘探部分桥址，在水下25米深处发现有桥基残石，这可能是古桥中最深的桥基了，但因为桥墩基础深，墩身势必肥大，以致在东西两端部分桥墩建成后，阻水面积就达到40％以，使中间一段的水中墩再也无法建造起来，长期以来只能靠浮桥济渡。在这种情况下，我国如像长江、黄河这样的大江大河上，就一直未能建成过永久式的桥梁。直至近代，黄河上架起了几座“洋桥”，但长江天堑仍未被突破。新中国成立后，于1957年建成了武汉长江大桥，从此天堑变通途，为我国架设大桥工程积累了宝贵的经验，而南京长江大桥，则是我国第一座完全依靠自己的技术力量和材料、设备建成的特大型现代桥梁。在南京长江大桥工程中，我们的建桥技术有了很大提高，特别是在基础工程方面。南京长江大桥建造之前，钱塘江大桥的桥墩基础最早达到了近50米的深度。而南京附近的长江，水深限有三四十米，水下的泥沙覆盖层则更厚，江底岩层情况又极复杂。过去，有些国家的桥梁专家曾经断言：在南京长江上造桥，基础工程这一关就过不了。但这过不了的一关，我国的建桥工人和科学技术人员终于闯过来了。9座桥墩基础，根据不同的水文地质情况，分别采用了几种类型的管柱基础和沉井基础。其中一种浮运薄壁钢筋混凝土沉井基础，平面大小为400余平方米，高55米，相当于一个篮球场那样大，1座14层楼房那样高，有20000多吨重，下沉的深度达到水下70余米。这样一个庞大的结构物，除它的底节是在铁驳船上制作外，其余部分都要在墩位附近的江水中，在始终保持半浮半沉的状态下，进行拼装浇筑工作。在基础浇固于岩层之前，还须进行大量清基工作，一个基础清除的风化岩和新鲜岩石达1400余立方米，用吸泥机吸出的最大石块重达60余公斤。根据过去经验，要在深水下进行这样大量的清基工作，一般要采用沉箱基础（因在沉箱内可用人工操纵清岩机械进行清岩），但沉箱基础的深度，在一般情况下只能达到40米左右，再深就要危及工人操作安全。我们现在所采用的这种新颖巨型沉井基础，是这一类型基础工程的一项重大突破，当时在国外尚属少见，在我国桥梁工程中，则是一个创举。大桥工程对我国架桥设备、材料的制造、生产，也是一个促进。例如，在建造武汉长江大桥期间制成的震动力120吨的打桩机，当时在世界上是最大的。在南京长江大桥工程中，为了下沉更大的管柱基础，又设计制成了震动力为250吨的打桩机。为凿岩用的大型钻机，在武汉长江大桥工程中，用的是3～4吨重的钻头；在南京长江大桥工程中，则装备了7吨重的大钻头，这在当时国内也是第一次制造使用。特别应该提到的是，我国鞍钢工人为南京大桥炼制出了一种高强度合金钢。这种钢每平方毫米能经受33～35公斤的拉力，强度比武汉长江大桥用的钢材提高了30％，为我国架设大跨径钢梁奠定了坚实的物质基础，使我们彻底摆脱了大型钢梁用材依赖国外供应的局面。某年9月，长江秋洪暴涨，江面刮起了六七级大风，风吹浪打，使大桥工程顿时处于极困难的境地。这时，某一个桥墩的浮运薄壁钢筋混凝土沉井基础刚拼装完第五节，已筑10余米的高度（入水深14.2米），为固定沉井位置而设置的部分边锚（多为25吨重的混凝土锚）突然被湍急的江水破坏，总重近7000吨的沉井开始连续不断地摆，摆动的最大幅度达30°。在摆动过程中，先后拉断了十几根锚索和一根钢丝绳缆索。沉井随时都有被颠覆淹没的危险。桥梁工程、尤其是跨越大江大河的桥梁工程，在风浪侵袭下出现不同程度的险情是常有的。因此古代一位诗人曾在诗中写道：“世无刚者桥难成”，用来赞美造桥者和大自然作斗争的刚强性格。南京长江大桥工程中这种巨型沉井的施工，正常条件下，已是困难重重，现在出现这种中外造桥史上罕见的险情，对广大桥工人员确是一场严峻的考验。这时，在领导机关的紧急部署下，全国各地有关单位也都动员起来，把抢险所急需的各项物资，通过火车专列、运输船舰、军用民用飞机等，源源运到工地，迅速加强抢救的物质力量。工地上，各级领导亲临第一线，广大工程人员甚至职工家属也都积极投入抢险战斗。抛锚工人风雨无阻，夜以继日地为沉井补锚固定。沉井顶部的吊装工人，冒着被抛入江水的危险，坚持在吊机上紧张操作。当为沉井施工输电的水中电缆被扭断的一瞬间，电力工人划着小划子，顶风钻浪驶近水上配电房，及时接通电源，保证供电。技术人员根据工程险情的发展变化，不断改进抢险技术措施。工地上下，真正做到了力往一处使，心往一处想，齐心协力抗秋洪。对于沉井的摆动，开始曾试图用绞紧锚绳的办法制止它，但锚绳随紧随断，说明单纯依靠绞紧锚绳不能制止沉井的剧烈摆动。后来又用2艘数千吨的船只制摆，也未奏效。经过研究改进，最后采用平衡重止摆，才逐渐制止了沉井的摆动。平衡重止摆的方法是：在沉井两侧的浮船上放置平衡重，用钢丝绳把平衡重与沉井联系起来；沉井在摆动中提升平衡重，使沉井摆的动能转化为平衡重的位能，再用卷扬机将平衡重重新放回船面；这要反复操作，让摆动的动能逐渐消耗在无数次地对平衡重的提升中。经过一段时间，沉井摆幅显著减小，再配合逐步绞紧锚索，沉井开始稳定下来。沉井下沉到岩面后，必须首先清除风化岩和部分新鲜岩块，使沉井嵌进新鲜岩层，才能浇灌封底混凝土，把沉并和岩层连成坚实的整体。这个清基工作应做得很彻底，因而，在使用各种机械设备完成清基工作后，还需通过潜水员下潜进行检查。这里，又遇到了深潜水的难题。根据过去的潜水资料，用普通潜水设备，下潜到45米是一条警戒线。潜水深了，在深水的高压作用下，将引起潜水员各部分器官机能的不适应，产生高压病。同时，供应潜水员吸入的高压空气中氮气含量的增加，又会产生氮气麻醉。潜水员出水时，需进行工人减压，如减压不当，又要引起关节酸痛等减压病。高压病、氮气麻醉、减压病，这是用普通潜水设备深潜水时的3大难题。下潜超过45米，甚至会导致潜水人员知觉失灵，危及生命安全。我们建桥队伍中的潜水工班同志，在深潜水之前，他们进行了加压和减压锻炼。加压和减压是在一个密封舱内进行的。进行这种锻炼时，密封舱内温度有时从40℃以上骤然下降到0℃以下，就像从炼钢炉旁突然进入到冷冻库。忽冷忽热，加上氮气麻醉的作用，使人极其难受。经过一段时间的锻炼，终于为深潜水作好了充分准备。同时，领导部门进行了一系列组织工作和物质准备，规定各项安全技术措施和医疗保障措施。要求此次潜水作业除必须遵守常规操作规程外，还按现场具体情况，制订了各种补充规定，使全部工作处于严密的科学管理之下。例如，对潜水人员，他们每次下潜的部位、任务和操作方法，在水底停留的时间，上升出水的速度，出水后12小时内的活动范围，以至下潜前和下潜期间的生活习惯（忌烟、酒和浓茶）、饮食营养等等，都有周密的规定，要求严格遵守。在这样周密准备和严密的技术操作管理下，潜水英雄们在深潜作业中，安全突破了45米“警戒线”，在水深60～70米范围的江底，摸遍400多平方米沉井基础底部的每一寸的地方，用特制的钢尺测量了370多个测点，查清了基岩清除情况。同时，总共有207人次下潜，在江底停留时间累计达2291分钟，却未发生过一起减压病事故或其他危害潜水员身体健康的事例。他们用普通的潜水设备，创造了潜水史上的奇迹。大桥通车以后，经过了大自然的初步考验。1974年6月，南京地区发生了一次40年来少有的台风，台风中心风力在12级以上，持续了1个多小时。又经历了一次地震余震。台风和地震过后，对大桥作了一次全面检查，检查结果证明，大桥的工程质量是经得起考验的。现在，在大桥上已安置了12套先进的强震加速度仪，用来观测地震时的地面运动和各类建筑物的地震反应。南京长江大桥使津浦、沪宁、宁芜铁路连成一体，南来北往的客运列车通过长江天堑的时间，由过去用火车轮渡的1.5小时左右，缩短为2分钟；货运列车在以往用火车轮渡时，需要先后在南京站和浦口站两次编组，共需9小时以上，现在只需在南京站一次编组，时间仅3小时左右。它还把长江南北的公路网贯通起来。这就大大加强了华东沿海各省、上海市与首都北京、华北、西北、东北的交通运输联系，加强了华东各省长江南北地区的联系，有力地促进了城乡经济发展和物资交流，对加强我国无产阶级专政的物质基础起了明显的作用。  </t>
  </si>
  <si>
    <t xml:space="preserve">新生儿黄疸病情咨询王主任，你好！我家宝宝是11日下午3点半出生的 </t>
  </si>
  <si>
    <t>你好,图片太小了，看不清结果</t>
  </si>
  <si>
    <t xml:space="preserve">一百元钞票破损为两半能在银行兑换吗 </t>
  </si>
  <si>
    <t>残缺、污损人民币是指票面撕裂、损缺，或因自然磨损、侵蚀，外观、质地受损，颜色变化、图案不清晰，防伪特征受损，不宜再继续流通使用的人民币。中国人民银行公布的《残缺污损人民币兑换办法》规定，票面剩余四分之三（含四分之三）以上并具备 规定特征的人民币，全额兑换；票面剩余二分之一（含二分之一）至四分之三以下并具备规定特征的人民币，半额兑换。此外，根据新的规定，兑付额不足一分的不予兑换，五分按半额兑换的兑付二分。</t>
  </si>
  <si>
    <t xml:space="preserve">急急为什么下载不了我下载爱问资料时,点击下载但是每次都是下载到百 </t>
  </si>
  <si>
    <t>磁盘的空间够不够,检查一下.</t>
  </si>
  <si>
    <t xml:space="preserve">燕子沟好玩吗？具体地点在哪里？燕子沟好玩吗？以前只是听说过，听说 </t>
  </si>
  <si>
    <t>燕子沟位于世界极高山之一贡嘎山东坡、四川省甘孜州泸定县西南部的新兴乡境内。贡嘎山风景奇美无比，尤其是东坡的燕子沟，风景更是美不胜收。燕子沟又称“贡嘎红石之谷”，于贡嘎主峰东缘绵延近40公里，景区面积143平方公里，距康定76公里，离泸定59公里，至成都283公里。景区主要景致包括贡嘎主峰、冰川群及红石谷。景区主要景点包括天药水坪、定海神针、红石滩、羚牛坪、燕子岩、冰窖口、坛城、药王庙、圣德拉曼扎、黑石窖、海子凼以及贡嘎主峰观景台等。燕子沟各个景点风景都非常漂亮，红石滩是电影《画壁》的取景地，另外燕子沟最近新引进了一个叫做“气泡酒店”的特色旅游项目，就是在透明的酒店中欣赏大自然的景色，非常特别，值得去体验一下。</t>
  </si>
  <si>
    <t xml:space="preserve">单位不给上保险，怎么办？96年办得停薪留职，协议三年，执行两年后 </t>
  </si>
  <si>
    <t>首先，你的劳动关系没有终止，你有权要求单位给你安排工作岗位、上社会保险。如果单位不允，你可以申请劳动仲裁，劳动仲裁不受理或者不服裁决，可以向人民法院起诉。法律专业的问题，不要在这里争论，去找个律师。</t>
  </si>
  <si>
    <t xml:space="preserve">选词填空1请写出判断依据，第1个为何选H </t>
  </si>
  <si>
    <t>同意elle808的说法，apply to表示适用于。。。，这个空主要就是考察的这个短语的用法。这个分句的意思就是这种普遍性原则适用于任何语言。</t>
  </si>
  <si>
    <t xml:space="preserve">食物中的营养素主要包括哪几种？ </t>
  </si>
  <si>
    <t xml:space="preserve">食物中的营养素主要包括哪几种？ ：碳水化合物、脂肪、蛋白质、维生素、无机盐、膳食纤 维和水。 </t>
  </si>
  <si>
    <t xml:space="preserve">阴阳人死后究竟去哪里？因为对逝去亲人的思念，所以很想知道他们在哪 </t>
  </si>
  <si>
    <t xml:space="preserve">阴气与阳气的合称，事物普遍存在的相互对立的两种属性，阴阳相反相成是事物发生、发展、变化的规律和根源。 所属学科： 药学（一级学科）；中医基础理论（二级学科）；中医基础理论总论（三级学科） 本内容由全国科学技术名词审定委员会审定公布百科名片阴阳的概念，源自古代中国人民的自然观。古人观察到自然界中各种对立又相联的大自然现象，如天地、日月、昼夜、寒暑、男女、上下等，以哲学的思想方式，归纳出“阴阳”的概念。早至春秋时代的易传以及老子的道德经都有提到阴阳。阴阳理论已经渗透到中国传统文化的方方面面，包括宗，哲学，历法，中医，书法，建筑堪舆，占卜等。阴阳是"对立统一或矛盾关系"的一种划分或细分,两者是种属关系.阴阳五行国学之本，看似简单，却知者甚少，知而能守其道者更是少之又少。基本解释古代哲学概念。古代朴素的唯物主义思想家把矛盾运动中的万事万物概括为“阴”、“阳”两个对立的范畴,并以双方变化的原理来说明物质世界的运动 。 详细解释阴，古作“?稹保蚣颖硎拘槟馐堤宓摹案贰弊鳌耙酢保谎簦抛鳌?[”，或加表示虚拟实体的“阜”作“阳”。“?稹弊执咏翊釉疲馕罢谛啪鄣奈砥薄！?[”意为“发散气体”。可见古人是从物质世界的本质——“气体”和气体的“运动”这两个角度定义“阴阳”的。 古人不称“阳阴”而称“阴阳”，这与古人的世界起源逻辑有关。其世界创生次序是：无极生太极→太极生两仪（两仪即天地）…… 。“无极”即“混沌”。“太极”即圆心，而圆心的出现是和圆周运动的发生同时刻的。圆周运动的主体就是散漫的水汽。散漫的水汽慢慢旋转起来后，逐渐形成为一根中空的云雾气柱，云雾气柱的进一步加速旋转，就在上下两端产生离心力，离心力使得云雾中的轻扬物质上升而形成“天”，浊重物质下降而形成“地”。“天”和“地”就组成了“世界”（请参考百度百科词条“昆仑”）。由此创生过程可知，世界的前身是“混沌”，世界诞生于“云雾水汽的旋转”即“混沌的有序化运动”，而有了天地才有阴阳之分（没有了世界，就等于回到世界的前状态——“混沌”）。所以“阴”在“阳”前。 阴，《说文解字》曰：“暗也，水之南、山之北也”，《说文系传》 曰：“山北水南，日所不及”。案：这是从天地这一宏观角度论阴阳。天地是古人类所知的最大的阴阳实体。从最大的阴阳实体论阴阳性质，有大阴阳囊括所有小阴阳的意思，也算高明之举。但说不清楚何以阴在阳前，固定地称“阴阳”，而非“阳阴”。难道是先有地后有天？这说不通。只有从天地的起源角度，才能说清楚何以阴在阳前。 阳，《说文解字》曰：“高明也。”《说文解字义证》：“高明也，对阴言也。”案：高者，天也；明者，日也。这还是从天地这一宏观角度论阴阳。 《道德经》曰：“道生一，一生二，二生三，三生万物。万物负阴而抱阳，冲气以为和”。案：这是从宇宙起源角度谈到了阴阳，但不是对“阴阳”一词本身进行定义或解说。道者，导也。导者，向也。当混沌水汽从无序运动转向有序运动，就等于车辆上了正道，开始向目的地前进了。这种在正道上的有序运动导致了太极的诞生。太极就是“一”，它诞生于混沌从无序运动转向有序运动的那一时刻。太极一诞生，随后而来的就是天地的出现。天地就是“二”。天气下降、地气蒸腾，二气相合，其结果就是人的诞生。人就是“三”。“三”也包含万物生灵，人是万物生灵中最灵者，是它们的总代表。随后世界万物在阴阳交互作用中世代交替，保持种群和数量的平衡。“负阴而抱阳”表示出了“阴”为“阳”的基础或前提的意思。 概述         图解阴阳阴阳，代表一切事物的最基本对立面　　 阴　为寒，为暗，为聚，为实体化　　 阳　为热，为光，为化，为气化　　 阴中有阳，阳中有阴，冲气以为和（像无形的气分隔了阴阳，使其各居其位。）。　　 阴阳的位置是不断变化，周而复始的。我们所能看见的事物为阴内阳外（这就是聚合生成阳居于上的正物质），反之则为反物质（类似黑洞），所有的事物都要符合阴阳的规律和结构，就像人出生（是聚合），然后死亡（消散），这就是阴阳的规律，而人体内阴阳失衡或阴阳所在的位置不对，人就会生病。　　这些就是阴阳真正的含意，也是据此所画出的太极图的根本意思所在。国学（医、天文、地理、数术、哲学乃至各家经典）无不以此为基础，并深刻影响了国人的世界观和人生观。（五行和太极参照相应词条）阴阳的现代定义定义阴阳就是在同一个属概念“对立统一(全集U)”下的两个种概念“阴(集)和阳(集Y)”之间的一种不相容关系。阴阳的内涵互相否定，一个概念“阴(变集)”肯定对象阴的属性，另一个概念“阳(变集Y)”则以否定阴概念所肯定的属性，作为阳对象的属性；阴阳的外延互相排斥(∩Y=0)，又相互互补(∪Y=U=1,1-Y=)，其总和等于它们最邻近的属概念(对立统一整体)的外延，即两个种概念阴阳外延的和或并(+Y=∪Y=U)。 　　 (1998年,1999年.数理阴阳与实质,数理医药学杂志 1999年第1期) 总而言之，阴阳即是对自然界相互关联的某些事物和现象对立双方属性的概括。 中医应用我国古代医学家，在长期医疗实践的基础上，将阴阳五行学说广泛地运用于医学领域，用以说明人类生命起源，生理现象，病理变化，指导着临床的诊断和防治，成为中医理论的重要组成部分，对中医学理论体系的形成和发展，起着极为深刻的影响。 补充说明表里、寒热、虚实都是疾病过程中所表现的一组组既对立而又统一的正反现象。对这些正反现象，中医用阴阳来加以概括。从每组正反两方面对立的意义来说，表证、热证、实证可归属于阳证范畴；里证、寒证、虚证可归属于阴证的范畴。因此，阴阳八纲中总纲，一切病证都可以归之为阴证或阳证的大原则中。 　　 ?? 图解阴阳一、阴证：面色暗淡，精神萎靡，身倦肢冷，气短懒言，口不渴，尿清便溏，舌淡，脉沉细无力。 二、阳证：面红身热，神烦气粗，声大多言，口渴饮冷，尿赤便干，苔黄，脉数有力。 此外，临床上还有阴虚和阳虚、亡阴和亡阳等证。这些病证的名称中虽然都有阴阳，但实质上都是以虚证为主，应属阴证。 三、阴虚：由于阴液不足，“阴虚生内热”所致。主证为低热颧红，手足心热，盗汗，口燥咽干，尿少而黄，大便秘结，舌红无苔，脉细而浮有力，重取则无脉。 四、阳虚：由于阳气不足，“阳虚则生寒”所致。主证为畏寒肢冷，疲倦乏力，自汗，小便清长，大便溏薄，苔白，舌质淡，脉细无力。 五、亡阴：汗多而粘，口干喜冷饮，烦躁，面色潮红，畏热，舌红而干，脉虚数而无力。多见于大失血或脱水的病人。 六、亡阳：冷汗出，恶寒，手足厥冷，气息微弱，喜热饮，舌淡，脉微欲绝。多见于休克的病人。 阴阳诠释周敦颐的《太极图说》有一段这样的描述：“无极而太极。太极动而生阳，动极而静，静而生阴，静极复动。一动一静，互为其根。分阴分阳，两仪立焉。”是故“易有太极，是生两仪”。“（阴阳）二气交感，化生万物。万物生生，而变化无穷焉。”这就是古代易学家们对阴阳概念最好、最完备的阐述。这种阐述虽然详尽但过于抽象也过于概括，所以理解起来比较困难，以下我们从不同学科的角度对其进行解析。 一、 阴阳在数学上的理解 我们都知道二进制数，二进制的发现直接导致了电子计算器和计算机的发明，并让计算机得到了迅速的普及，进入各行各业，成为人类生活和生产的重要工具。二进制的实质是通过两个数字“0”和“1”来描述事件。在人类的生产、生活等许多领域，我们可以通过计算机来虚拟地描述现实中存在的事件，并能通过给定的条件和参数模拟事件变化的规律。二进制的计算机几乎是万能的，能将我们生活的现实世界完美复制，并且还能根据我们人类给定的条件模拟在现实世界难以实现的各种实验。但是，不论计算机能给我们如何多变、如何完美、如何复杂的画面，其本源只是简单的“0”和“1”。“0”和“1”在计算机中通过不同的组合与再组合，模拟出一个纷繁复杂、包罗万象的虚拟世界。 在易学中，我们前辈圣贤们都毫不怀疑地肯定阴阳是构成世界的基础，他们不断地使用阴阳进行组合和再组合来描述世界万物的变化规律---八卦。这里我们来利用二进制对阴阳概念进行置换，用“阴”来表示“0”，用“阳”来表示“1”，数的二进制就等同于自然界的“阴”和“阳”，就是自然界中存在的两种对立统一的两种能量。那么同样是二进制，同样是阴阳，既然二进制的“0”和“1”通过计算机里能够创造出一个虚拟的、纷繁的世界，自然界中的阴阳为什么不能形成现实世界的万事万物呢？当然能，因为自然界中现实存在的阴阳两种能量就是计算机世界中虚拟的二进制。所以说自然界中“阴阳”能量就像电脑中的“二进制”一样，真实地构成了我们纷繁复杂的“万有”世界。区别在于自然界的“阴阳”存在对立统一的关系，两种“阴阳”能量存在着各自的特性和规律，并不断地相互作用和影响，而计算机中的“0”和“1”只能按照我们人类给定的条件来运行，不能体现现实世界阴阳能量对立统一的特性，不能完全复制现实世界中“阴”和“阳”的全部特征和规律。 在《易经》里，我们知道所有的“卦”都是由“阴爻”和“阳爻”两种爻来构成的，易学里的“阴阳爻”不但继承了自然界“阴阳”的符号，同时还复制了自然界阴阳能量对立统一的规律，并通过阴阳、五行、干支等文字符号以及“卦”的图形符号模拟了阴阳能量的相互影响和作用。虽然它不能象计算机一样形象地、切实地给人们一种感性认识，但它能抽象地通过阴阳的变化规律和朴素的符号来告诉我们现实世界“万有”的存在和演化规律。 所以自然世界的“阴”“阳”作为基础切实地造就了复杂的现实世界，计算机的“0”和“1”形象地模拟现实世界的一切现象，易学中的“卦”和“阴阳爻”抽象地揭示了自然界存在 阴阳学说战国时的阴阳学是诸子百家的重要一支，阴阳是中国古代哲学的一对范畴。阴阳的最初涵义是很朴素的，表示阳光的向背，向日为阳，背日为阴，后来引申为气候的寒暖，方位的上下、左右、内外，运动状态的躁动和宁静等。中国古代的哲学家们进而体会到自然界中的一切现象都存在着相互对立而又相互作用的关系，就用阴阳这个概念来解释自然界两种对立和相互消长的物质势力，并认为阴阳的对立和消长是事物本身所固有的，进而认为阴阳的对立和消长是宇宙的基本规律。 阴阳学说认为，自然界的任何事物都包括着阴和阳相互对立的两个方面，而对立的双方又是相互统一的。阴阳的对立统一运动，是自然界一切事物发生、发展、变化及消亡的根本原因。正如《素问·阴阳应象大论》说"阴阳者，天地之道也，万物之纲纪，变化之父母，生杀之本始"。所以说，阴阳的矛盾对立统一运动规律是自然界一切事物运动变化固有的规律，世界本身就是阴阳二气对立统一运动的结果。 　　 阴阳五行学说，是中国古代朴素辩证法思想，世界是在阴阳二气作用的推动下孳生、发展和变化；并认为木、火、土、金、水五行是其基本的变化关系。五行相互资生、相互制约，处于不断的运动变化之中。这种学说对后来古代哲学有着深远的影响，如古代的天文学、气象学、化学、算学、音乐和医学，都是在阴阳五行学说的协助下发展起来的。 我国古代医学家，在长期医疗实践的基础上，将阴阳五行学说广泛地运用于医学领域，用以说明人类生命起源，生理现象，病理变化，指导着临床的诊断和防治，成为中医理论的重要组成部分，对中医学理论体系的形成和发展，起着极为深刻的影响。 阴和阳，既可以表示相互对立的事物，又可用来分析一个事物内部所存在着的相互对立的两个方面。一般来说，凡是剧烈运动着的、外向的、上升的、温热的、明亮的，都属于阳；相对静止着的、内守的、下降的、寒冷、晦暗的，都属于阴。以天地而言，天气轻清为阳，地气重浊为阴；以水火而言，水性寒而润下属阴，火性热而炎上属阳。 任何事物均可以阴阳的属性来划分，但必须是针对相互关联的一对事物，或是一个事物的两个方面，这种划分才有实际意义。如果被分析的两个事物互不关联，或不是统一体的两个对立方面，就不能用阴阳来区分其相对属性及其相互关系。 事物的阴阳属性，并不是绝对的，而是相对的。这种相对性，一方面表现为在一定的条件下，阴和阳之间可以发生相互转化，即阴可以转化为阳，阳也可以转化为阴。另一方面，体现于事物的无限可分性。 阴阳学说的基本内容包括阴阳对立、阴阳互根、阴阳消长和阴阳转化四个方面。 在中医学理论体系中，处处体现着阴阳学说的思想。阴阳学说被用以说明人体的组织结构、生理功能及病理变化，并用于指导疾病的诊断和治疗。 阴阳学说的基本内容阴阳学说的基本内容包括阴阳一体、阴阳对立、阴阳互根、阴阳消长和阴阳转化五个方面。 阴阳互藏交感，“交感”即交互感应，是指阴阳二气在运动中处于相互感应相互作用的过程之中。中国古代哲学家认为：（阴阳）“二气交感，化生万物”（宋代周敦颐《太极图说》）。万物的化生源于阴阳之间的相互作用，这一哲学思想始自先秦诸家，如《荀子·礼记》说：“天地和而万物生，阴阳接而变化起。”又说：“天地感而为万物化生。”从而指出阴阳交感是万物化生的变化和根本条件，其中的“合”，“接”，“感应”等都具有相互作用，相互影响之意。故又可以说天地阴阳之间的相互作用乃是万物生成和变化的肇始。在宇宙自然界，事物的形成规律亦确是如此。天之阳气下降，地之阴气上升，阴阳二气交感，化生出万物，并形成雨雾，雷电，雨露，阳光，空气，和谁相互交感，生命体方得以产生。在阳光雨露的沐浴滋润下，生物得以发育成长。在人类，男女构精，新的生命个体得以诞生，代代相传，人类得以繁衍。所以，如果没有阴阳二气的交感运动，就没有自然界，就没有生命。可见，阴阳交感又是生命活动产生的基本条件。 阴阳对立即指世间一切事物或现象都存在着相互对立的阴阳两个方面，如上与下、天与地、动与静、升与降等等，其中上属阳，下属阴；天为阳，地为阴；动为阳，静为阴，升属阳，降属阴。而对立的阴阳双方又是互相依存的，任何一方都不能脱离另一方而单独存在。如上为阳，下为阴，而没有上也就无所谓下；热为阳，冷为阴，而没有冷同样就无所谓热。所以可以说，阳依存于阴，阴依存于阳，每一方都以其相对的另一方的存在为自己存在的条件。这就是阴阳互根。 阴阳之间的对立制约、互根互用并不是一成不变的，而是始终处于一种消长变化过程中的，阴阳在这种消长变化中达到动态的平衡。这种消长变化是绝对的，而动态平衡则是相对的。比如白天阳盛，人体的生理功能也以兴奋为主；而夜间阴盛，机体的生理功能相应的以抑制为主。从子夜到中午，阳气渐盛，人体的生理功能逐渐由抑制转向兴奋，即阴消阳长；而从中午到子夜，阳气渐衰，则人体的生理功能由兴奋渐变为抑制，这就是阳消阴长。 阴阳双方在一定的条件下还可以互相转化，达到极致便是物极必反。比如，某些急性温热病，由于热毒极重，大量耗伤机体元气，在持续高烧的情况下，可突然出现体温下降，四肢厥冷、脉微欲绝等症状，就是由阳证转化为阴证的表现。可以说，阴阳消长是一个量变的过程，而阴阳转化则是质变的过程。阴阳消长是阴阳转化的前提，而阴阳转化则是阴阳消长发展的结果。 阴阳学说的现代发展在中医学理论体系中，处处体现着阴阳学说的思想。阴阳学说被用来阐释人体的组织结构、生理功能及病理变化，并用于指导疾病的诊断和治疗。 阴阳的揭秘，历史悠久，偏重现象罗列，重视表面叙述，是古典阴阳的特点。而现代探索从上个世纪90年代中后期有了革命性的进展、新意颇多。数学物理化，即“数理阴阳”成为现代阴阳的标志。将阴阳用世界三要素“物质、能量、信息”测度，用数学模型表述是现代化、科学化阴阳的特点。阴阳的哲学和逻辑学现代定义： 阴阳就是在同一个属概念"对立统一"下的两个种概念"阴和阳"之间的一种不相容关系.阴阳的内涵互相否定,一个概念"阴"肯定对象的阴的属性,另一个概念"阳"则以否定阴概念所肯定的属性,作为阳对象的属性;阴阳的外延互相排斥,又相互互补,其总和等于它们最邻近的属概念(对立统一整体)的外延,即两个种概念阴与阳外延的和或并。 阴阳的定量测量：用“状态函数u”指标来描述,该性态或状态可用‘物质-能量-信息’整体描述, u=EP。 E是运动学或动力学指标能量；P是系统混乱度（有序度）指标，与熵密切相关。 五行解释阴阳的最新解析《糖尿病行为医学技术指南》作者王英博士在对五行进行训诂之后，对阴阳作出如下解析： 阴阳哲学研究的是天地变化之道，万物运行的法则，生命变化的规律，生命内部的制约和支持关系，生命力的源头。这五点是对《黄帝内经》中所阐述的阴阳五行理论内容的提炼： 第一点阴阳理论用来阐述天地生成和变化。中国古代认为在混沌之后，清阳上浮为天，浊阴下沉为地，所以清阳为天，浊阴为地。又认为地气上升为云，天气下降为雨[《黄帝内经 阴阳应象大论》：“故清阳为天，浊阴为地。地气上为云，天气下为雨，雨出地气，云出天气。”如在人体上：“故清阳出上窍，浊阴出下窍；清阳发腠理，浊阴走五藏；清阳实四肢，浊阴归六府。”（《黄帝内经 阴阳应象大论》）]。而这一过程和天地生成过程构成了天地之间的物质循环。 第二点阴阳理论用来阐述万物运行的法则。阴阳用来阐述运动的不同方式、方向和结果[如在人体上：“故清阳出上窍，浊阴出下窍；清阳发腠理，浊阴走五藏；清阳实四肢，浊阴归六府。”（《黄帝内经 阴阳应象大论》）]。 第三点阴阳理论用来阐述生命变化规律。中国古代用生、长、收、藏来说明生命的变化形式和过程，而推动这一过程实现的力量就是阴阳[“清阳上天，浊阴归地，是故天地之动静，神明为之纲纪，故能以生长收藏，终而复始。” （《黄帝内经 阴阳应象大论》）]。 阴阳用来说明生命变化形式的“生、长、收、藏”。推动了生命过程的“生、长、化、收、藏”，形成终而复始的运动，这正是五行理论的内容之一。这也充分表明了五行理论是用来解释和落实阴阳理论的。 第四点阴阳理论用来阐述生命内部的制约和支持关系[这种关系是用五行理论来表达的，具体可以用以下三句话来说明：“五行即阴阳之质，阴阳即五行之气，气非质不立，质非气不行。行也者，所以行阴阳之气也”（张介宾：《类经图翼》卷一《五行通论》）；“盖造化之机，不可无生，亦不可无制。无生则发育无由，无制则亢而生害。生克循环，运行不息。”（同上）；“盖五行之中，有生有化，有制有克。”（张隐庵：《黄帝内经素问集注》卷八《六微旨大论》）]。 第五点阴阳理论用来阐述生命能力的源头。在中国古代，道家和医家都是用“神明”来描述生命的生灭现象和能力[“其生物也，莫见其所长养而物长；其杀物也，莫见其所伤而物亡，此之为神明。”（《淮南子 泰族训》）]。阴阳正是这种生灭现象发生的原因，因此也就是用来理解生命现象的。 上述五个方面代表了中国古代对天地、生命的基本看法，被《黄帝内经》归结为：“阴阳者，天地之道也，万物之纲纪，变化之父母，生杀之本始，神明之府也。”[《黄帝内经 阴阳应象大论》]  </t>
  </si>
  <si>
    <t xml:space="preserve">新生儿应该怎样喂白开水我的宝宝出生6天了一直没有喂过白开水，不知 </t>
  </si>
  <si>
    <t>一天喂一次白开水就好了，一次25至50毫升，在两次喂奶之间喂白开水。如果天气太热可加喂一次</t>
  </si>
  <si>
    <t xml:space="preserve">横三竖四，悲伤哭泣（字一） </t>
  </si>
  <si>
    <t>泪</t>
  </si>
  <si>
    <t xml:space="preserve">1942年为什么英美不利用德军后方空虚的机会进攻德国？》 </t>
  </si>
  <si>
    <t xml:space="preserve">    美英没有在1942年就全面反攻欧洲开辟第二战场,主要有以下三大原因:    一是1942年德国战争实力仍很强.当时德国已经完全转入战时经济,飞机和坦克等各类武器生产顺利.而且无论在苏联战场还是北非,都驻有庞大的精锐部队,并且处于攻势.因此,美英在1942年发动了对德国本土的规模空前的战略大轰炸,直到1944年诺曼底登陆时,连续两年的大轰炸极大地摧毁了德国的经济特别是军工生产,使德国军力成为强驽之末.在这两年中,美英在坐观德国东线主力覆灭的同时,出兵北非,歼灭了隆美尔为首的25万轴心国精锐部队,为反攻欧洲扫清了外围.试想,如果美英提前两年在诺曼底登陆,德国潜力仍强不说,还肯定会停止对苏攻势抽回东线部分主力以及隆美尔的非洲军团,这样美英登陆部队完全不占优势,很可能功亏一篑．　　二是1942年时美英还没有做出反攻欧洲的军事准备.只要盘点一下诺曼底登陆时出动的庞大海陆空三军人员和装备有多少是两年内准备的,就可以知道提前两年登陆是多少没把握的事.    三是坐收渔利的政治考虑.这个不用多说,让苏德两大劲敌死掐相互消耗又保证苏方勉强惨胜,这是最符合美英利益的.斯大林当然明白这个小算盘,因此不断施加强大压力促美英尽快登陆欧洲开辟第二战场.而美英一直拖了两年.当然,两年中美对支援苏德战场也是有很大贡献的,包括直接的军事援助和间接的战略轰炸德国本土,还有前面大家提到的迪厄普突袭的牵制等.反正美国不怕花钱,苏联不怕牺牲,也算发挥各自所长.    所以从打败德国的大局来说,美英在1944年反攻欧洲是合适的.</t>
  </si>
  <si>
    <t xml:space="preserve">激光去黑痣会留疤吗 </t>
  </si>
  <si>
    <t xml:space="preserve">病情分析：激光去痣不会伤害周围健康的肌肤组织，因为激光控制最佳光点的大小及深度，可以有有效的针对病变部位，而对周围肌肤组织没有伤害。尤其是不会感染病变部位也不会留下点痣疤痕。指导意见：是目前非常理想的祛痣方法.当然留不留疤痕要看医院的设备与医生的水平了，还有就是要注意这段时间皮肤的保养，这样就不会留了。 </t>
  </si>
  <si>
    <t xml:space="preserve">油门灵敏度 </t>
  </si>
  <si>
    <t>我记得好像颐达是电子油门吧，会有一点反应迟滞。另外如果是自动变速器，这种反应会更明显一点，因为ECU从判断你急加速的意图，到降挡，增大喷油这些过程都是需要一些时间的，虽然很短暂，但你还是能感觉到的。限制油门是用来控制最高速的，应该是一套程序，有些传统拉线油门是机械结构，去掉的话车的极速会有所提高。但没有实际意义。</t>
  </si>
  <si>
    <t xml:space="preserve">为什么我的浏览器不能发表文章办公室的电脑，登录博客以后，无法发表 </t>
  </si>
  <si>
    <t>你好！由于新浪博客用户的逐渐增多，系统必须要经常的升级维护。可能会出现一些意想不到的问题，属于正常现象，部分用户受到影响的！另外，网络繁忙、本地服务器拥挤、个人电脑配置低、硬盘临时文件缓存区太小、同时打开的窗口页面太多、BLOG页面flash制作太多等都会造成链接博客的速度慢，导致数据无法正常加载！请放心您原有的数据不会丢失，请多尝试。建议：1、遇到这种情况可尝试多刷新几次页面或重新登陆，有时还是可以解决的。2、在博客首页最好少添加FLASH等特效，音、视频文件尽量以超链接的形式在首页发表。同时，经常调整一下你的首页内容，平均一下博客内容的空间，这样再打开你的博客时情况就会有很大的改善！3、最好清理一遍博客里的所有链接,特别是带音乐和带图片的部分。同时建议你清理电脑IE的浏览器cookies、临时文件、历史文件等等谢谢您的提问，祝您一切顺利！欢迎光临我的博客!</t>
  </si>
  <si>
    <t xml:space="preserve">红辣椒营养大还是绿辣椒营养大？青椒的营养比辣椒怎么样？ </t>
  </si>
  <si>
    <t>红辣椒与绿辣椒据测量，每100克红辣椒含维生素C200毫克，是绿辣椒的2倍。另外，红辣椒还富含胡萝卜素、维生素B6、维生素E、叶酸等，这些均是增强人体免疫力的重要成分。故辣椒与葡萄一样，红优于绿。</t>
  </si>
  <si>
    <t xml:space="preserve">设计名片用什么软件请问设计名片需要用什么软件来做？谢谢 </t>
  </si>
  <si>
    <t xml:space="preserve">名片设计BCD Plus翁元祥　　2001-05-15 10:38:13　　Business Card Designer Plus (简称 BCD Plus) 是由CAM Development 公司开发的运行于WIN95/98 平台的专业名片设计软件,由于其小巧玲珑、功能强大、使用方便，一举被 ZDNet评为五星级软件。 　　　　BCD Plus的下载网址是：http：//  Plus安装完成后再将它解压缩到原英文版的安装目录下覆盖原来文件即可。安装完毕后双击Wincrd32.exe文件即可运行，用它设计名片类似于在Word中进行图文混排。 　　　　　　在使用本软件前首先需要在“选项”、“配置”中对个人的各种信息进行设定。选择“文件”、“新建”即可创建新的名片，也可以选择“文件”、“打开”对已存在的名片进行编辑。选择“模式”、“特殊”后在名片任意位置单击可以插入如数字、公司名、人名等对象，也可以选择“编辑/插入对象”，插入如BMP图像，ACOBAT文档以及各种图表等标准对象。 　　　　程序支持各种文字和图形的特殊效果，如旋转，雾化等，同时可以自由的调节前景和背景的颜色，并具备一定的图形编辑功能。在屏幕的上下方各有一排按钮用于对插入的对象进行如旋转、改变字体等多种操作，与OFFICE的使用类似。在编辑的时候可以通过选择“查看”、“放大（或缩小）”来仔细观察各种效果。在执行完各种操作后，可以选择“模式”、“选择”，然后对各个独立的对象进行移动、删除、放大等操作。 　　　　总之，在目前的名片编辑软件中，BCD可以称得上是一个代表。  </t>
  </si>
  <si>
    <t xml:space="preserve">我每天都手淫，好吗？ </t>
  </si>
  <si>
    <t>根据生物能学的观点，能量在不断积累后必须及时释放，如果总是压抑着不让释放，它就要乱施淫威。比如，一个内向的人在不断受到各种委屈或打击后，一直憋在心中，日久天长就会因抑郁寡欢而出毛病，有时还会出现严重的精神障碍。相反，你大可不必为那些火爆脾气的直筒子担忧，他们能把积累的能量及时地释放出来，决不会憋出什么心病。所以积累的能量要及时释放掉，就象大禹治水一样，宜宣泄而不宜堵塞。     在一定程度上，性冲动不受大脑支配，是血液中雄激素含量不断增加的结果。青年时期的血睾酮分泌最旺盛，所以产生性欲也不足为怪。即使不手淫，在身体里逐渐产生的精液储满之后，也会以遗精的方式排出体外。     所以，对大孩子出现的手淫不必大惊小怪。但要记住手淫一次的能量消耗和百米赛跑差不多，再好的身体也经不住过分激烈的运动和过度的消耗，如果恣意手淫，沉缅色情、养成手淫习惯的话，就会荒废学业和损伤身体，必须坚决摒弃。</t>
  </si>
  <si>
    <t xml:space="preserve">奥运会徽的含义含义是什么? </t>
  </si>
  <si>
    <t>北京2008年会会徽于北京时间8月3日晚21时由吴邦国和第29届奥运会协调委员会主席维尔布鲁根在北京天坛正式揭晓。 会徽分上中下三个部分，主体为上部大红底色的白色“京”字图形，约占整个会徽的3/5。“京”字形状酷似汉字的“文”字，取意中国悠久的传统文化。整个“京”字图形为一个向前奔跑，迎接胜利的运动人形。“京”字图形下是黑色的英文“Beijing 2008”字样，其下是奥运五环标志。 北京2008奥运会徽形象独特，英文的“北京”和2008年以及奥运五环，将奥林匹克精神与中国传统文化完美结合。 国际奥委会主席罗格评价：“会徽非常完美，很有诗意，充满了青春和活力，代表着中国的发展和未来，它是奥林匹克精神和中国灿烂文化的完美结合。” 蒋效愚说：“我本人非常喜欢这个会徽，它最大的魅力在于它耐看!当你第一眼看见它时，你就知道它是中国的东西，当你细细琢磨就会发现它体现出来的内涵非常丰富，它把中国人含蓄的文化传统和中国人比较稳重的处事态度都展现出来。” 据了解，奥运会徽的征集评选工作从2002年4月正式启动，整个会徽诞生的过程分准备阶段、竞赛阶段、评选阶段、修改阶段、审批通过和公布阶段等6个阶段，历时1年零4个月。在2002年7月2日至10月8日的北京2008奥林匹克设计大赛中，共收到来自国内外的1985件有效作品，其中外国设计公司的作品有222件。经过初评就筛选出100件进入复评阶段，复评结束后确定最后10名作为获奖作品，而所采用的会徽是所有这些作品中的第一名。</t>
  </si>
  <si>
    <t xml:space="preserve">疑难问题是什么问题？ </t>
  </si>
  <si>
    <t>就是在24小时之内没有人回答过的题，系统定时刷新的时候会把他分为疑难问题，而在疑难问题时被人答了的，也会在刷新时把他排除。所以有时疑难问题里的题也是被人答过的，就是因为系统还没有刷新。</t>
  </si>
  <si>
    <t xml:space="preserve">做一个优秀的采购员,应具备哪些?我现在的工作是采购,主要是机器零 </t>
  </si>
  <si>
    <t xml:space="preserve">采购工作经验越久越吃香，我同事做了差不多10年采购了，从以前在其他公司做物料采购到现在的成品采购，现在主要负责公司在中国大陆的小家电采购。虽然她英语不怎么好，可是经验足够一样可以表现出色。做采购没有速成，只有勤奋，询盘时候，问一家工厂就是懒惰，问三家工厂就是合理，问五家工厂就是勤奋，问五家以上工厂就是浪费时间。     建议你如果不熟悉的话，先了解产品然后再询盘，免得到时别人问你你不懂，这样影响别人的信心也影响你自己的信心。 </t>
  </si>
  <si>
    <t xml:space="preserve">（社会话题）（讨论）黄金周,有多少人还会出去旅游?这七天，哪都人 </t>
  </si>
  <si>
    <t>真的以前挺期待五一十一的但是现在甭说过节了就是平时都哪哪是人这七天肯定哪儿人都特多应该还是会玩一天的</t>
  </si>
  <si>
    <t xml:space="preserve">有一首电视片尾曲，是女声唱的，其中一句歌词是：夜太黑．有谁知道歌? </t>
  </si>
  <si>
    <t>歌曲：夜太黑    歌手：林凡    夜太黑演唱:林凡告别白昼的灰夜色轻轻包围这世界正如你想要的那么黑霓虹里人影如鬼魅这城市隐约有种堕落的美如果谁看来颓废他只是累要是谁跌碎了酒杯别理会只是夜再黑也遮不住眼角不欲人知的泪oh 夜太黑他又给过谁暖暖的安慰只怪夜太黑谁又在乎酒醒了更憔悴夜太黑酒精把一切都烧成灰hey 夜太黑告别白昼的灰夜色轻轻包围这世界正如你想要的那么黑霓虹里人影如鬼魅这城市隐约有种沦落的美男人久不见莲花开始觉得牡丹美女人芳心要给谁没所谓只是夜再黑也能看见藏在角落的伤悲oh 夜太黑谁也没尝过真爱的滋味只怪夜太黑没人担心明天会不会后悔hey 夜太黑酒精把一切都烧成灰hey 夜太黑再轻轻地轻轻地轻轻地包围沦落的美如果谁看来颓废只是累无心跌碎了酒杯别理会只是只是只是夜再黑也遮不住那眼角的眼泪暖暖地安慰他给过谁谁又在乎酒醒之后更憔悴又担心明天会不会后悔但夜太黑夜太黑</t>
  </si>
  <si>
    <t xml:space="preserve">厦门都有那些值得游玩的地方和美食？今夏想去厦门，但是对这个城市不 </t>
  </si>
  <si>
    <t>我在网上看到了一篇攻略很不错哦是豆瓣的，厦门日出印象客栈写的豆瓣是有人去过后写的，嘿嘿，2013最新的。看了之后我也想去。你什么时候去啊。哪里人，一起去吧</t>
  </si>
  <si>
    <t>什么股在2</t>
  </si>
  <si>
    <t>我看了他们点给你的股票,都是涨的很多的,还有人让你买兆维科技 ,这是在坑人,主力明显拉高出货的票子,还点给你,这人品质太差,我看了票子,打算买,正好符合你说的2-3元,所有点给你,你看看吧600080,涨的不多,现在买就可以,还有大股东归还欠款的利好,盘子小,股价比竟资产低很多,你满意吗?呵呵!祝你新年快乐,投资开心!</t>
  </si>
  <si>
    <t xml:space="preserve">请问这个题应该选什么？ </t>
  </si>
  <si>
    <t>选择D，求解全部正确。</t>
  </si>
  <si>
    <t xml:space="preserve">体检时发现肺部阴影，总感觉喉咙有痰吐不出前两天体检胸部X光发现肺 </t>
  </si>
  <si>
    <t>你好！到医院检查一下痰吧！应该是肺结核，肺部新老病灶混合，需要治疗。</t>
  </si>
  <si>
    <t xml:space="preserve">怎么解释梦里的事情后来真的发生了?梦见的事情真的发生在现实生活中 </t>
  </si>
  <si>
    <t>可以解释为 日有所思，夜有所梦，如果后来到了梦里去的地方那就是巧合了。</t>
  </si>
  <si>
    <t xml:space="preserve">爱一和人真的这吗难~我爱她不爱我你说怎么好 </t>
  </si>
  <si>
    <t>我觉得还是算了。既然他不爱你就放弃好了   要不到最后伤害的还是你自己</t>
  </si>
  <si>
    <t xml:space="preserve">什么叫做服务器 </t>
  </si>
  <si>
    <t>服务器是电脑的一种</t>
  </si>
  <si>
    <t xml:space="preserve">鼻窦炎能自愈吗副鼻窦炎呢 </t>
  </si>
  <si>
    <t>鼻窦炎的中药治法：取苍耳子一小把，用锤砸裂；用一勺香油（芝麻油）加热将苍耳子放进油内炸焦后扔掉，香油晾凉以后滴鼻孔！一次一到二滴！痊愈为止！</t>
  </si>
  <si>
    <t xml:space="preserve">今晚错失10万排列5大奖，心情很郁闷！计算发现最近会出91928 </t>
  </si>
  <si>
    <t>别灰心！持之以恒始终有一天您会中大奖的！不过，下一次有心水的话记得给兄弟我捎个信！顶你！！！！</t>
  </si>
  <si>
    <t xml:space="preserve">我的电脑，天堂2上不了？怎么办?请求帮忙，～紧急求救～！在我的电? </t>
  </si>
  <si>
    <t>估计是网络拥挤造成的。或者是没有更新文件？</t>
  </si>
  <si>
    <t xml:space="preserve">深圳动感的客户如何定套餐我是动感地带音乐卡的用户，首月之后我充了 </t>
  </si>
  <si>
    <t>是要在你申请的下一次扣月租才有效，如果你的月结日是8月3号，你在7月5号申请的，那么你也等到8月3号以后才接听免费。不明白你打1860人工服务台问问。</t>
  </si>
  <si>
    <t>生化危机2</t>
  </si>
  <si>
    <t>干掉完2个电锯女之后就取得钥匙，让艾什莉躲在道路尽头的大铁箱内，然后跑回入口附近，利用工事来对付村民们，入口右侧的小屋内的窗户可以击破，翻出窗户后的通道尽头有贵重品啊！大哥啊！幸好我发现这个生化危机4的问题啊！不然都恐怕会无人会答啊！你把问题发错地方啊！应该是发到一般问题 &gt; 游戏 〉电视游戏，这个栏目啊！</t>
  </si>
  <si>
    <t xml:space="preserve">我的电脑怎么回事?我的电脑现在启动时都要出现这么一个网站，是一个 </t>
  </si>
  <si>
    <t>这种情况下，你可以按一下操作：1、开始-运行-输入“msconfig”，选择启动，关闭不用的启动项，只需保留自己安装的杀毒软件和防火墙，还有保留ctfmon（系统托盘），其他全部钩掉就可以了。2、如果你懂注册表，可以在开始-运行-输入“regedit”，进入注册表编辑器，[HKEY_CURRENT_USER\Software\Microsoft\Internet Explorer\Main]，将Start Page改为自己想要的网址就是了，或者你就直接到注册表里面“编辑”—“查找”，输入www.qq.1234，把搜索到的这个网址全部删除就行了。3、不行的话你也可以下载一个超级兔子魔法，使用里面的IE修复功能，一键清除，再删除不用的插件就行了</t>
  </si>
  <si>
    <t xml:space="preserve">男生怎么减掉腹部的坠肉我身上只有腹部有坠肉，其他的地方都没有，我 </t>
  </si>
  <si>
    <t>朋友，你一定是男性。因为男性的脂肪一般会多储存在腹部和腰部，而女性的则是腿部和臀部多一些，这是人类自身的一个特点。脂肪是人体将吸收了而又用不了的那些热量储存的一种形式，要想，简单地说就是减少摄入，增加消耗，让每天的吸收的小于消耗的，就会慢慢瘦下来了。所以，归根结蒂就是节食和运动两种方法。节食的方法是不可取的。因为，人体在肌饿时并不是先使用脂肪作为能量，而是将身体中的肌肉组织分解以供热量（因为肌肉所提供的能量要多一些），体重会掉得很快（因为肌肉密度大）。然后身体将减少对骨骼的供养量，长此以往，人就会得骨质疏松。最后，当长期能量缺乏时，人体会加倍地以脂肪形式来储存能量（人类进化的结果）。人的力量会减弱，脂肪比例上升，体质下降很多。所以，节食减肥是非常有害的。运动减肥是正确的方法，但也要注意作法。许多人认为，要想减肚子就做仰卧起坐好了，但事实并非如此。经国外运动员实验证明，人在做局部运动时，所用的热量也是由全身所提供的，而并非想像中的由运动部位提供。所以，除非吸脂，想局部减肥基本是不可能的。但练习仰卧起坐也有好处，就是会让腹肌发达起来。要知道，人的肌肉越发达，所消耗的热量也越多。比如说，一个健美运动员坐一天所耗去热量就要比一个瘦人坐一天所耗去的热量多很多，如果是运动一天的差别会更大的。减肥的正确方法是将力量练习与有氧运动结合起来，全面提高身体素质才行，想走捷径或想速成都是不科学的。另外，力量练习所消耗热量要远远多于有氧，而有氧运动（如长跑）主要是锻炼心肺功能，是为了使你能进行更大强度的练习而进行的必要准备。我个人的减肥最有效的方法就是这样：负重深蹲，小重量，多数量。扛着３０公斤的杠铃作深蹲，一组２００个，一天３组，这比跑一天减的脂肪都要多得多。具体方法因人而异，适合我不一定适合你。如果你想多了解这方面知识，可以上一些健美网站查查，或买一些相关书籍看看，对你会有很大帮助。因为内容很多，我在这里一时也说不清楚，希望能对你有所帮助。谢谢！</t>
  </si>
  <si>
    <t xml:space="preserve">求教《新流星搜剑录》aa之后的破防怎么破？ </t>
  </si>
  <si>
    <t>这才是最强的地方，各种技能都存在多择。攻击距离长什么的还是免了，又不是写什么多玩评测看个视频就写出来。但是另一方面，棍子虽然多择但是不能连人，破防还有被侧闪的风险，肯定没法频繁用，经常要全套路来一遍看对手习惯然后针对他不会的套路打，全套路来一边都被反残了。。</t>
  </si>
  <si>
    <t xml:space="preserve">显卡问题..高手进我下了最新版的客户端.可以完全进游戏在游戏里打 </t>
  </si>
  <si>
    <t>估计是显卡驱动问题，最新的驱动不一定是最适合你机器的，显卡驱动有多种版本的，换装驱动试试 。。。</t>
  </si>
  <si>
    <t xml:space="preserve">什么时候才能接任务啊一般和挑战几时才能接啊 </t>
  </si>
  <si>
    <t>这是和你跑任务的时间和成功机率有关的，但其实你只要有耐心慢慢跑用不了太长时间就可以跑开的，因为再慢100+一般也可以跑开了。但问题是记住不要跑飞车，而且在黄金时间最算一个任务（虽然是两个威望）。</t>
  </si>
  <si>
    <t>初三数学一元二次方程题已知X1,X2是关于x的方程（x</t>
  </si>
  <si>
    <t>解1.原方程变为  x^2-(m+2)x+2m=p^2-(m+2)p+2m           因为x^2-p^2-(m+2)x+(m+2)p=0          (x-p)(x+p)-(m+2)(x-p)=0        即 （x-p）(x+p)-(m+2)(x-p)=0         所以 x1=p   x2=m+2-p</t>
  </si>
  <si>
    <t xml:space="preserve">100师门问题100的师门任务要环装去打传说能打的出来么?高手指 </t>
  </si>
  <si>
    <t>传不出来只能买,任务链要的东西才能传</t>
  </si>
  <si>
    <t xml:space="preserve">生物低等动物有叶绿体吗？ </t>
  </si>
  <si>
    <t xml:space="preserve">低等动物出现叶绿体的，目前公认的只有原生动物门的绿眼虫可以看做是具有叶绿体的动物。 </t>
  </si>
  <si>
    <t xml:space="preserve">哪些医院看坐骨神经痛和颈椎痛比较好? </t>
  </si>
  <si>
    <t>北京骨科很不错，专门治疗这方面的疾病北京医院是卫生部直属国家级三级甲等医院.除了承担中央领导的保健外,同时负责普通患者的医疗工作.南北楼床位总数1000张,拥有国内最先进的医疗设备和医疗环境. 骨科是北京医院重点科室.70年代末由王福权教授和黄公怡教授创建,重点研究老年退化性骨科疾病.目前在黄公怡教授的指导下,孙常太主任率领全科开展了多种新的技术和业务,某些项目处于国内领先的地位. 我科开展的重点业务有: 肩关节外科: 肩关节镜检查技术 肩关节镜下手术治疗肩袖损伤 肩关节镜下手术治疗复发性肩关节脱位 肩关节镜下手术治疗"五十肩" 肩关节镜下手术治疗肩峰成形术 肩关节镜下手术治疗其他肩关节疾病 各种肩关节开放手术(如:Bristow手术治疗肩关节脱位, Dewar手术治疗肩锁关节脱位,肩胛骨骨折及肱骨外科颈骨折的手术治疗) 老年脊柱退化性疾病: 多节段腰椎管狭窄症的减压内固定手术(多种植骨方式) 后路椎间融合器加椎弓根螺钉内固定椎体间融合术 电子计算机辅助下(导航)脊柱内固定术 后路内窥镜系统治疗腰椎间盘突出症 人工髓核植入术治疗腰椎间盘突出症 颈椎前路减压内固定手术 颈椎后路单开门手术 球囊扩张术治疗老年骨质疏松性脊柱压缩骨折 老年髋部骨折的治疗 1)股骨颈骨折三根螺纹钉内固定术 2)人工全髋关节置换术(各种概念和类型) 3)微创小切口髋关节置换术 4)股骨粗隆间骨折带锁髓内钉内固定术(γ钉) 5)股骨粗隆间骨折加压滑动鹅头钉内固定 老年膝关节骨性关节病 1)膝关节镜手术 2)人工全膝关节置换术 另外，积水潭医院对骨科也比较专业，可以去看看，祝你早日恢复健康的身体！</t>
  </si>
  <si>
    <t xml:space="preserve">真是老子英雄儿好汉美股涨了A股也屁颠屁颠跟着乐呵一下 </t>
  </si>
  <si>
    <t>美股涨了,今天看来不会跌了.</t>
  </si>
  <si>
    <t xml:space="preserve">懂电脑的人进来我的电脑CPU是赛扬D2.4主板是intel845 </t>
  </si>
  <si>
    <t>凑合着可以玩，效果虽差但也可以接受。最好将CPU和显卡都超一下，会好一些。</t>
  </si>
  <si>
    <t xml:space="preserve">狐臭如何治疗 </t>
  </si>
  <si>
    <t>把腋下的汗腺割掉！不就可以了吗！</t>
  </si>
  <si>
    <t xml:space="preserve">白天老睡觉，该怎么办啊？白天老睡觉，没精神学习，上课老爱睡，晚上 </t>
  </si>
  <si>
    <t>请你思考以下问题：1.晚上有没有做什么让自己兴奋的事情比如玩游戏啦，看小说啦，跟同学聊天啦，听音乐或者广播啦，任何你喜欢做的事情。2.白天上的课是不是特别的没意思，老师讲课很枯燥或者声音太小听不见或者听不懂。建议你晚饭后2小时至睡觉前处于快速运动状态，不管你是做什么运动，总之在你没累到肌肉酸痛大汗淋漓前不要坐或者躺。相信你的状况会很快改善。如果连这样都改善不了，建议你上课时候尽量坐前排，有老师盯着我想你的瞌睡虫没那么大胆敢跑出来造反。如果老师不盯你，你可以跟老师说明你的情况让老师在你睡着的时候用粉笔砸你的脑袋叫醒你。最后祝你学业有成大展鸿图！</t>
  </si>
  <si>
    <t xml:space="preserve">改水的问题请问45级4D改水1攻1防2敏能卖多少钱？换54级32 </t>
  </si>
  <si>
    <t>换比较直，毕竟纯白更稀有，而且许多老玩家都喜欢纯白，觉得有纯白就等于有身份，而且相比较而言纯白比改水好卖的多，也好用的多，个人认为，换！嘎嘎~</t>
  </si>
  <si>
    <t xml:space="preserve">为什么我不敢去爱我至今没有恋爱过大一现在。不是长相的问题也不是脾 </t>
  </si>
  <si>
    <t>爱,主要是看你怎么去对待它了，我认为：平平淡淡的爱才是真，在爱上一个人的时候，就不要去计较爱情的浪漫和很多种的爱情方式，每个人去爱的方式不同，不要不知足，太贪心了，会失去难得的真爱，有人说爱情是不会长久的，我认为是错误的，爱情有长久的时候，因为没有做到保护真爱的时候，才会导致爱情是短暂的，认为爱情不会长久!!.爱一个人:要互相信任爱一个人要互相理解.爱一个人:要多多用心去包容爱一个人:要心胸宽阔爱一个人:要尊重对方的思想和主见爱一个人:要背后多多支持他（她），而不是阻拦爱一个人:要面对他（她）不能陪伴你的时候，不要有埋怨，要用笑脸对他（她）说我很好，很开心爱一个人:要把自己内心的脆弱和委屈收藏起来，不要让他（她）知道爱一个人:.....太多太多的爱...也许很难,做不到吧?其实并不难最重要的一点就是:爱要无私无悔，爱要清洁纯净，没有一丝的杂质，甘心情愿为他（她）做任何事情，当你爱上的时候，就要让他（她）幸福，只要他（她）开心快乐，才是最重要的！！！</t>
  </si>
  <si>
    <t xml:space="preserve">怎么样才能得到激活码/ </t>
  </si>
  <si>
    <t>请你前往官方主页查看相关公告一般都需要参加活动才可能获得</t>
  </si>
  <si>
    <t xml:space="preserve">林业适合女生读吗林学、水土保持与沙漠化防治、园林、城市规划的就业 </t>
  </si>
  <si>
    <t>园林设计专业不错，很适合女生</t>
  </si>
  <si>
    <t xml:space="preserve">女性子宫内膜薄会产生哪些危害？ </t>
  </si>
  <si>
    <t>答：　     1、流产：女性即便怀孕也易发生流产。即便受精卵进入子宫，成功着床，但是由于没有足够的营养，还是会引发流产。　　2、诱发妇科疾病：诱发不少妇科疾病，如月经不调、功血等。子宫内膜薄还会导致白带异常等症状出现，对女性日常生活与工作产生很大的影响。　　3、导致不孕不育：最大的危害就是导致不孕。子宫内膜的厚度和女性受孕有很重要的关系，会影响怀孕。如果子宫内膜太薄，受精卵很难着床，从而导致不孕不育的发生。答：果女性子宫内膜太薄，是对女性怀孕有一定的影响的，应该及时查明原因并治疗。如果雌激素不足，这时做的超声发现子宫内膜增厚度不足8毫米，只是说雌激素不足造成的。导致的原因分为全身因素和局部因素两种，全身因素主要是内分泌失调，如雌激素水平较低，孕激素缺乏，排卵障碍和生长激素不足等；局部因素可能是内膜损伤，粘连和缺如等。答：子宫内膜薄会对女性怀孕造成不利影响，严重者会造成女性不孕或是流产的出现。子宫内膜就好比一块土地，对胎儿而言太薄和太厚都不行，子宫内膜薄会使受精卵不能顺利在子宫内安家，而且子宫内膜厚度不够，也不能支撑胎儿的生长发育，造成女性流产。</t>
  </si>
  <si>
    <t xml:space="preserve">徐州在中国的地位如何 </t>
  </si>
  <si>
    <t xml:space="preserve">    一是地理位置优越。徐州地处苏鲁豫皖四省交界，东临黄海，西襟中原，北依齐鲁，南屏江淮，在全国生产力布局中具有承东接西、沟通南北、双向开放、梯度 推进的独特区位优势。　　二是交通便捷发达。徐州素有五省通衢之称，是全国重要的交通枢纽。陇海、京沪两大铁路干线在此交汇；京沪、京福和连霍三条我国重要的干线高速公路在此贯通；京杭大运河穿境而过；徐州观音机场为国家民航干线机场；鲁宁输油管道纵贯徐州，形成了铁路、公路、水运、航空、管道“五通汇流”的立体交通体系。　　三是资源相对富集。徐州是江苏重要的煤炭生产基地，年产煤炭2000多万吨；煤、铁、钛、石灰 石、大理石、石英石等30多种矿产储量大、品位高，是华东地区资源富集且组合条件优越的地区之一。　　四是军事战略重地。　　五是历史文化悠久。徐州古称彭城，有5000年历史，是两汉文化的集萃之地。</t>
  </si>
  <si>
    <t xml:space="preserve">问个问题。我和这个女孩认识2年了，我们是同学，我挺喜欢她的，不过 </t>
  </si>
  <si>
    <t>小伙子，不要难受。爱她，就是要及时的说出来，否则，憋在肚子里不是更难受吗？现在她知道了你爱她，她会考虑怎么回答你的，等待她的答复吧。</t>
  </si>
  <si>
    <t xml:space="preserve">奶伴侣有必要长期加入牛奶吗?我孩子胃口不太好吧,买了开味宝,效果 </t>
  </si>
  <si>
    <t>宝宝如果大便比较干燥再添加奶伴侣，长期食用也无所谓，但如果只是胃口不好，那就没必要加了，还有选购的时候注意要买配方中没有麦芽糊精和香兰素的哦，我家宝宝吃的是贝因美的。</t>
  </si>
  <si>
    <t xml:space="preserve">去南昌宝葫芦农庄该怎么坐车，有公交专线吗 </t>
  </si>
  <si>
    <t>圣诞节的时候我们去宝葫芦农庄做的公交车，从火车站出发，219转501，可以直接到宝葫芦农庄，不熟悉的话，你可以直接问一下公交司机。宝葫芦农庄可以网络订票的，上次我们去的时候在同程网上面预订的，门市价是105元/人，同程网预订只需要90元/人，所以建议你定好票之后再去。网址你直接搜索宝葫芦农庄门票预订就可以了。同程网</t>
  </si>
  <si>
    <t xml:space="preserve">月球自转周期和公转周期一样,仅仅是巧合吗?大自然中间哪有那么多巧 </t>
  </si>
  <si>
    <t>众所周知，地球的自转周期与公转周期是不等的，前者为23时56分4秒（恒星日），后者为365日6时9分9.5秒（恒星年），这意味着地球公转一圈的同时还绕地轴旋转了365圈多。与此不同的是，月球自转周期与公转周期则是完全相同的，即都是27.32166目（27日7时43分11秒），这个周期叫恒星月。两个周期相同，说明月球公转一圈的同时只自转了一圈，这样的结果是使月球总是以正面对着地球。 月球的自转周期与公转周期为什么相同？家认为：这是地球对月球的吸引力所引起的月球表面潮汐摩擦作用的必然结果，而且这种情况早在几十亿年前当月球还处在熔融状态时就已经发生了。 大家知道，地球的质量相当于月球质量的81.3倍，当其强大的吸引力作用于熔融状态的月球时，在靠近地球最近处和最远处的月球表面上会产生两个隆起部分。由于熔融物质具有粘滞性，因此隆起部分并不立刻产生而是要在月球转过了一定角度以后才会产生。但是，地球对这隆起部分的吸引力，又力图将它转向地球，这种转动方向与月球自转方向正好相反，这样就使得隆起部分对月球表面产生潮汐摩擦作用尤如给月球自转施加“刹车”一样，结果使月球的自转速度变慢，自转周期逐渐加长，直到其中一个隆起部分永远对准地球为止，这时候月球的自转周期就正好等于公转周期了。 既然月球的隆起部分对准地球，则在这个方向上的月球直径应该长一些。观测事实证明，这个推测是正确的，不过在这个方向上的直径伸长的程度是极其微小的，大约只有0.36千米，仅及月球平均直径的万分之一左右。 同理，月球对地球的吸引力所产生的地球表面潮汐摩擦作用也会对地坏自转起着“刹车”一样的作用，使地球自转速度变慢，周期逐渐加长。当然，加长的速度是非常缓慢的，很难以为人们所觉察。据研究，由于潮汐摩擦，地球上一天的长度每百年才加长0.0016秒。但正是这样一个不起眼的数字，在地质历史上却起了意想不到的累计效应。据推算，45亿年前，地球上的一天只有4小时，30亿年前已延长至18小时，一年日数减少到507天；5.7亿年前，一天约为21小时，一年约421天。按这样的速度变化下去，2亿年后，地球上的一天将延长为30小时，一年日数将减少为300天；50亿年后，地球上的一天将相当于现在的43天，而一年当中的日数将减少为8.5日，真是不算不知道，一算吓一跳！</t>
  </si>
  <si>
    <t xml:space="preserve">中国的稀土出口都去哪些国家？ </t>
  </si>
  <si>
    <t>中国已经恢复了向日本出口稀土，两艘载有稀土的货船已经启程前往日本。日本媒体24日报道称，日本经济产业大臣大?章宏在内阁会议后的记者会上透露了上述消息。“我们已经证实，两艘货轮已于本月22日和23日离开中国，前往日本。”大?章宏说，希望其他稀土出口在完成检查后能尽快成行。 今年9月，大?章宏曾指责中国暂停对日出口稀土金属的新合约和发货，并称中国商务部已不接受新的出口许可申请。此说随后遭到中方的一再否认，但仍引发了日美欧的不安。 可查资料显示，稀土被认为对高科技和应用有重要价值。目前，中国的稀土储量占全球的30%，但贸易量占全球贸易量的90%。其中日本和美国是中国稀土的最大买家，占到中国稀土70%的出口量。 在从中国获得稀土的难度加大后，日本开始转向越南、澳大利亚等地寻求新的稀土资源。澳大利亚矿业公司Lynas昨日称，正在与日本就稀土项目扩展展开“高级别”会谈，“旨在向日本市场提供稳定长期的稀土供应”。 “所有这些忙乱和不安对于一个年产值仅有大约20亿美元的行业来说真的值得吗？”华尔街日报如是提问。</t>
  </si>
  <si>
    <t xml:space="preserve">5173帐号密码忘了邮箱也忘了怎么找回密码但我有银行账号加其他资? </t>
  </si>
  <si>
    <t>找回正确的密码需要填写注册时的邮箱，如果邮箱遗忘，建议申请修改邮箱。 提交修改邮箱步骤如下：请您登陆5173用户名进入我的5173，在左边导航栏中找到“修改邮箱申请”，填写正确资料后提交修改申请，我们在确认后会将您的邮箱修改。 玩新游戏，领取激活码新手卡去新手卡之家，在度直接搜新手卡之家，赶快行动吧</t>
  </si>
  <si>
    <t xml:space="preserve">华安宏力还可以持有吗？请问华安宏力还可以继续持有吗？另外在建行柜 </t>
  </si>
  <si>
    <t>我早已把华安宏利转成华安A股了，感觉就是不一样，近期华安宏利表现不佳已是不争的事实。</t>
  </si>
  <si>
    <t xml:space="preserve">急急!求助!我是否怀孕了我的YJ周期30天,8月13日和9月11 </t>
  </si>
  <si>
    <t>别担心.测试条比较准,这次不行也不要慌.调养好身体,做好心理准备再要宝宝,</t>
  </si>
  <si>
    <t xml:space="preserve">QQ头像的问题谁知道QQ没到16级,也不是会员,怎么自定义头像 </t>
  </si>
  <si>
    <t>点 个人设置 ，点头像旁边的 更改，在点 选择头像只要你等级达到16级就可以设置，但要注意的是，上传的图片不要太大，最好上传与你QQ头像差不多大小的图片，否则不太容易上传成功！上传头像时，如果传送失败，就多试几次</t>
  </si>
  <si>
    <t xml:space="preserve">能不能把电信3的琴心和别的服务器和服了啊？琴心现在人好少呀~在琴? </t>
  </si>
  <si>
    <t>呵呵,合区的可能不大哦,现在疯狂开新区,人就更少了,到时候在没人玩的时候,完美就宣布本游戏破产...</t>
  </si>
  <si>
    <t xml:space="preserve">月经期同房会怀孕吗？ </t>
  </si>
  <si>
    <t>经期间有性生活不会怀孕，因为女性排卵一般是在月经前的14日,所以月经期间是不会排出卵子的,既然月经期间不存在精子与卵子结合的可能.这样就不会怀孕.但月经期如有性生活容易引起盆腔感染、子宫内膜异位症等，同时也容易导致男性的感染，所以经期性生活应避免。月经期，子宫内膜剥脱出血，宫腔内有新鲜创面，宫口亦微微张开一些，阴道酸度降低，防御病菌的能力大减。如此时行房，将细菌带入，容易导致生殖器官发炎。若输卵管炎症粘连，堵塞不通，还可造成不孕症。也可造成经期延长，甚至崩漏不止。因此，妇女在行经期间应禁止房事，防止感染。</t>
  </si>
  <si>
    <t xml:space="preserve">双鱼座的我我是双鱼座的女生，请大家帮我分析一下双鱼座的相关资料。 </t>
  </si>
  <si>
    <t xml:space="preserve">　小仙女般的双鱼座等待梦中王子。　　双鱼座的女性神秘、浪漫、感性、女性化，而且充满诗意。她渴望住在神话的城堡中，有俊伟的王子相伴。她有无穷的创造力、想像力和直觉的智慧。总之，她是个有无人能解的魔力的小仙女。　　不幸的是，许多男子没法满足她的期望，迫使她不是保持距离，就是发挥自己的想像力来弥补对方的缺点。迟钝、举止失当的男性最令她受不了，只想要逃开。事实上，她这麽做是明智的。　　理想上，双鱼座的女孩希望找到能让她忘掉今夕是何夕的伴侣，至少也要不时接到对方表达爱意或献小殷勤。她倾心的对象是能化腐朽为神奇的王子型人物。最好有用不完的点子，把无趣的一面完全排除在两人的小天地之外。所以她的理想对象必须具备多彩多姿的想像力。　　她觉得自己容易受伤害，常在身边筑起一道墙保护自己。由於双鱼座有神秘的特质，她会把自己的恐惧深埋在心中。心弦被触动的一刹那，她会变得害羞胆怯，害怕自己得不到同样深厚的回报。　　双鱼座的女性能创造最浪漫的亲密关系，让伴侣情不自禁地深深爱她。她唯一的问题就是对爱情神话的强烈渴望，可能令世上每一位男子都满足不了她的期望。　　凡间的王子并不多，超凡绝俗的爱情也不寻觅。不过双鱼座的女性可以靠自己。发挥创造神奇经验的本领，让想像力冲向极致，先创造特独的个人世界。同时，她应该打破王子公主的迷思，跳出令沉醉的神话传说。别再把自己的梦加在对方身上，因为没有人能扮演她梦中的完美偶像。把梦想留在梦中，活在现实世界的她，需要更务实的择偶精神。 双鱼座女子V.S.十二星座种男人白羊座　　有时候他对你的情绪不耐烦,而你总是会因为他的粗心大意而觉得沮丧。金牛座　　他忠实的爱让你觉得温暖而有依靠,但偶尔的大发雷霆和牛脾气,你就必须忍耐一下罗。双子座　　跟他在一起,你可能受伤的机会很大,你总在担心自己是否只是他一时的玩伴而已。巨蟹座　　这样的男人可能是最能给你安全感的,你们的情绪总能彼此配合、了解。她也会耐心的培养你「金钱观念」。狮子座　　你们的星相并不合,但彼此之间都有极大的吸引力。国王般的狮座令你倾心,而你的温柔完全满足他男性的虚荣。处女座　　他是个良师益友型的男人,他或许不能配合你的浪漫,却能给你实际的安慰和帮助。天秤座　　开始的时後,彼此或许会互相吸引,但是你的幻想在他的理性分析之下,会变得荒谬又太情绪化。天蝎座　　他浓烈的情爱完全符合你的起伏汹涌的情绪,是可以轰轰烈烈爱一场的对象。射手座　　他是直率耐心的。因此,许多时候你们都完全不能配合,或许保持朋友的关系会比较理想。摩羯座　　在许多方面你们访得很好,而且有着互补的作用。这是可以成为你精神支柱的男人。水瓶座　　他会试图去理解你的喜怒哀乐,但步调上依然难以配合,你也无法适应水瓶座男子的漠然态度。双鱼座　　两只鱼的搭配,自然「永浴爱河」的机会很大。就怕情绪暗潮汹涌时,两人会游向相反方向。  </t>
  </si>
  <si>
    <t xml:space="preserve">请问各位老师,明天600166福田汽车是涨还是跌，后市如何操作.? </t>
  </si>
  <si>
    <t>600166福田汽车近两天长安、上海汽车等都较强势，福田明显较滞后，汽车股短线强势，明天看涨，持股待涨。</t>
  </si>
  <si>
    <t xml:space="preserve">无缘故嘴唇为什么会肿了坐着，上嘴唇就慢慢肿起来了，已经第二次了。 </t>
  </si>
  <si>
    <t>去医院治疗吧，它说明你身体虚弱，上焦不通。如果没有其他病灶，建议你看中医。</t>
  </si>
  <si>
    <t xml:space="preserve">这个BB值多少钱？这个值多少YB比例1：100 </t>
  </si>
  <si>
    <t xml:space="preserve">  最多能卖到1500J左右！毕竟BB是猪BB外观不怎么样 ！！一般人不怎么喜欢的！！！  </t>
  </si>
  <si>
    <t xml:space="preserve">请问谁知道＂读者＂原创版都开有哪些栏目？ </t>
  </si>
  <si>
    <t xml:space="preserve">打电话到《读者》可得到最准确的答案，杂志社总机——0931-8773352，或发Email：tougao_dz@ </t>
  </si>
  <si>
    <t xml:space="preserve">求图：四川重庆的人文、地貌、民俗照片图片。要求图片质量好，可做墙 </t>
  </si>
  <si>
    <t xml:space="preserve">不知道和不合你心意      </t>
  </si>
  <si>
    <t xml:space="preserve">欧元购汇是否要换算成美元填列外汇收支情况表的结购汇差额单位用人民 </t>
  </si>
  <si>
    <t>估计贵单位不只欧元一个币种吧，一般先按各币种分别计算汇兑损益，再折成大美元，最后合并成人民币报表。</t>
  </si>
  <si>
    <t xml:space="preserve">叶子的离去　是树的不挽留　还是风的追求？有人能告诉我吗？ </t>
  </si>
  <si>
    <t>叶子的离去是风的追求但叶子的离去并不代表树的不挽留因为树希望给叶子自由的爱与不爱两情若是长久时，又岂在朝朝幕幕</t>
  </si>
  <si>
    <t xml:space="preserve">12星的魔幻树灵变身的问题突发奇想我花了2组豆去搞了个12星的魔 </t>
  </si>
  <si>
    <t>lz不知你看过前面的问题没有，我提过了，现在目前解决中，我正在征集其他诛友们的给我的资料，我先给你解答一部分：  因为我的幻魔树灵也是12星，经蓝色盖伞修炼后无变化，我以为上错了，又练了一遍结果还是没有变化，郁闷中。。。后来有的诛友建议我用七宝盖伞修炼试试，那是对特殊宠起颜色的变化，后来我又用七宝盖伞修炼，召唤出来后感觉就是颜色有些发深但还是绿色，其他的还是无变化，又郁闷中。。。后来我在多玩游戏截图里无意中找到一张幻魔树灵的终极变化也就是18星等，挺让我感到搞笑的：幻魔树灵变成小超人了，形态上没有变化，还是那副傻样，但是穿着超人的内裤，好像还是披着超人的斗篷（现在我忘记了），就这些变化。  目前我所知道的幻魔树灵的一些资料就这些，我的问题还在征集中。。。。。希望对你有所帮助。   补充：我的问题中有位诛友已经给我发了一张用七宝盖伞修炼后的图，有兴趣你可以看看。</t>
  </si>
  <si>
    <t xml:space="preserve">求射雕英雄传里黄药师吟的《水龙吟》就是在太湖上黄蓉也吟了的那首 </t>
  </si>
  <si>
    <t xml:space="preserve">                水龙吟〖苏轼〗            似花还似非花，也无人惜从教坠。            抛家傍路，思量却是，无情有思。            萦损柔肠，困酣娇眼，欲开还闭。            梦随风万里，寻郎去处，又还被，莺呼起。            不恨此花飞尽，恨西园、落红难缀。            晓来雨过，遗踪何在？一池萍碎。            春色三分，二分尘土，一分流水。            细看来、不是杨花，点点是离人泪。</t>
  </si>
  <si>
    <t xml:space="preserve">数学问题一轮船从上海到重庆要5昼夜，而从上海到重庆要7昼夜，那么 </t>
  </si>
  <si>
    <t>水流速度为(1/5-1/7)÷2=1/35.故木排漂流要1÷1/35=35昼夜.</t>
  </si>
  <si>
    <t xml:space="preserve">谁给我一个播放器的代码！？谢了！自己老弄不好！所以想要一现成的！ </t>
  </si>
  <si>
    <t xml:space="preserve">这六款可任一个:一。 &lt;i src=" " width="108" height="145" marginwidth="0" marginheight="0" hspace="0" vspace="0" frameborder="0" scrolling="no"&gt;&lt;/iframe&gt; 二。 &lt;iframe src=" " width="145" height="180" marginwidth="0" marginheight="0" hspace="0" vspace="0" frameborder="0" scrolling="no"&gt;&lt;/iframe&gt; 三。 &lt;iframe src=" " width="168" height="158" marginwidth="0" marginheight="0" hspace="0" vspace="0" frameborder="0" scrolling="no"&gt;&lt;/iframe&gt; 四。 &lt;IFRAME border=0 name=xise888 marginWidth=0 marginHeight=0 src=  frameBorder=0 width=149 scrolling=no height=168&gt;&lt;/IFRAME&gt; 五。 &lt;IFRAME border=0 name=xise88 marginWidth=0 marginHeight=0 src=  frameBorder=0 width=106 scrolling=no height=236&gt;&lt;/IFRAME&gt; 六。 &lt;iframe src=" " width="149" height="50" marginwidth="0" marginheight="0" hspace="0" vspace="0" frameborder="0" scrolling="no"&gt;&lt;/iframe&gt;欢迎交流: </t>
  </si>
  <si>
    <t xml:space="preserve">彩钢夹芯板怎样防火？？ </t>
  </si>
  <si>
    <t>夹心材料是聚苯乙烯的话，则一般内部加阻燃进并且密度一般≥14kg/m3；夹心材料是玻璃丝棉或者岩棉的话，本身就是防火的。</t>
  </si>
  <si>
    <t xml:space="preserve">烦请高手赐个公司名（附英文名称）我叫建煌我想注册个网络公司希望大 </t>
  </si>
  <si>
    <t>建富网络公司。英文名：Giantful</t>
  </si>
  <si>
    <t xml:space="preserve">篮球彩大小分，加时赛分算不算？NBA篮球彩票猜大小分，四节结束没 </t>
  </si>
  <si>
    <t>篮球的所有的结果都要包含加时。</t>
  </si>
  <si>
    <t xml:space="preserve">为什么机械兵的“金属重甲”1级和6级一个效果？？昨晚刚把机械兵的 </t>
  </si>
  <si>
    <t>因为机械兵的“金属重甲”和灵光护体要同时加，金属重甲是在灵光护体基础上算的</t>
  </si>
  <si>
    <t xml:space="preserve">嗓子哑是什么原因？这两天嗓子突然哑了，不知是为什么？ </t>
  </si>
  <si>
    <t>嗓子突然哑，最常见的原因为：1、喉头部感染引起的声音嘶哑，如急性喉炎，嘶哑常较重或失音。2、说话过多或歌唱、长期尘埃或刺激性气体的刺激，引起喉炎嘶哑。3、少见原因如喉息肉等。治疗方法：1、清音丸口服：清热利咽，生津润燥。主治咽喉不利，声哑失音。2、有明显炎症，应口服抗生素，如阿莫西林0.5 日3 次；3、胖大海含片，或草珊瑚含片含化；或京都念慈庵川贝枇杷膏含服。4、利咽茶饮：双花、麦冬、乌梅肉、木蝴蝶、胖大海、生甘草各3-5克，开水冲泡频服。或菊花,金银花,木蝴蝶,冰糖泡水喝。调治与保养：1）避免过度发声，用嗓不能过度；2）禁烟，酒，辛辣食物，3）注意休息，保证睡眠，避免劳累。</t>
  </si>
  <si>
    <t xml:space="preserve">请男士回答·一个有过性经验史，但是不多并且为前男友流过一个BB被 </t>
  </si>
  <si>
    <t>对,真的爱情来了的时候,我愿意为她做一切,也愿意接受她所有的过去,受过伤的人会更加珍惜爱情</t>
  </si>
  <si>
    <t xml:space="preserve">申请达人头像必须是真实的吗？ </t>
  </si>
  <si>
    <t>头像最好是真实的，这样成功几率大些</t>
  </si>
  <si>
    <t xml:space="preserve">请问大师这样的房子如何装修才好?玄关如何处理,没有鞋柜的位置?书 </t>
  </si>
  <si>
    <t>你好,你应该把每个房间的功能写一下,这样只能蒙着来..玄关只能后退一步,餐桌也只好放在玄关的后面了..2.7米的书房放一个一米的小床,还有一米多,够放书桌的了..</t>
  </si>
  <si>
    <t xml:space="preserve">2.4版本150公正章换武器的NPC在那里？ </t>
  </si>
  <si>
    <t xml:space="preserve">现在还不可以换呢，这需要全服玩家的共同努力，不断完成任务来达到第2阶段，这时才会出现新的公正徽章商人和新的PVP装备商人，所以什么时候能换，则取决于你所在服的人数和进度。 当2.4版本刚刚开始时，破碎残阳仅仅占领着奎尔丹纳斯的港口，一艘船外加一个小营地。随着玩家完成破碎残阳所提供的日常任务的数量累积，奎尔丹纳斯岛将会被逐渐占领，最终完成对基尔加丹的全面胜利。 第一阶段：阳湾圣殿 先要收复的是阳湾圣殿，玩家可以通过完成各种岛上的日常任务来帮忙收复阳湾圣殿。收复的速度将由日常任务完成的数量所决定。也就是说，完成的越多，那么收复的速度就越快，收复的越快，破碎残阳商人出现的就越早。 第二阶段：阳湾军械库 当圣殿被占领之后，接下来要占领的就是阳湾军械库，占领的方法也同样是完成相应的日常任务。当军械库被占领后，新的公正徽章商人和新的PVP装备商人就会出现，但是战事紧张，他们的货物还无法送往前方。同样还会有更多全新的日常任务。 </t>
  </si>
  <si>
    <t xml:space="preserve">职场困惑，我该怎么办？我在一家外企的工程部门从事技术支持类工作近 </t>
  </si>
  <si>
    <t>人际关系你工作干的好 就会对你的同事产生压力谁不想被提拔？好好的干然后和你的同事还有别的部门的领导 同事搞好关系。你做的是外企 如果是在国有公司做的话  给你这么一句话干的不如看的  看的不如捣蛋的</t>
  </si>
  <si>
    <t xml:space="preserve">什么动漫最好看 </t>
  </si>
  <si>
    <t>《学生会长是女仆》</t>
  </si>
  <si>
    <t xml:space="preserve">灵感来自什么地方？ </t>
  </si>
  <si>
    <t>具体的说它来自认得大脑。但人门更爱把他归结为外物。</t>
  </si>
  <si>
    <t xml:space="preserve">请问vbs这个怎么写啊总表中有三栏——名称、地址、日期，我想通过 </t>
  </si>
  <si>
    <t>键值为NONE/NIL就可以了哦</t>
  </si>
  <si>
    <t xml:space="preserve">北京哪家医院的中医好？ </t>
  </si>
  <si>
    <t>北京医院 北京市中医研究所 北京中医医院北京中医医院始建于1956年5月，座落在市中心王府井北侧的美术馆后街，是北京市唯一的一所市属综合性中医医院，承担着北京市中医医疗、科研、教学、预防等任务。医院设有北京市中医研究所、全国皮科中心暨北京市赵炳南皮肤病医疗研究中心、北京市国际针灸培训中心。 医院总建筑面积五万余平方米，设有500余张病床，日平均门诊量3000多人次。全院职工1300余人，卫技人员占职工总数的75%。医院技术力量雄厚，拥有正副主任医师、教授、研究员140余人。其中：肝病专家关幼波教授、痹病专家王为兰教授，王玉章（外科）、贺普仁（针灸）、巫君玉（热病）、王嘉麟（肛肠）、周志成（内科杂病）、柴松岩（妇科）、滕宣光（儿科）、鲍友麟（胃肠病）、吉良晨（内科杂病男性病）、陈彤支（皮肤病）、以及中西医结合专家危北海（脾胃病）、张志礼（皮科）、郁仁存（肿瘤）、赵荣莱（消化）、许心如（心血管疾病）、温振英（儿科）、刘琨（妇科）、陈增潭（肝病）等知名专家，在各种常见病、多发病和疑难重症上尤为擅长，各有独到之处，临床疗效卓著在国内居于领先水平，国际上亦享有盛誉。 医院设内、外、妇、儿急诊、高干外宾、老年病、男性病、眼、耳鼻喉、口腔等28个临床科室，并配备有药剂科、病理科、计算机中心和证券部等21个医技科室，及14个实验研究室，拥有美国产全身CT扫描机，彩色多普勒、100mA的大型X光机，动态心电仪、自动生化分析仪等先进医疗设备。北京中医医院贯彻执行能中不西，先中后西的方针，突出中医特色，发挥中医优势，疗效突出，深受广大患者欢迎，于1991年被国家中医药管理局评为全国示范化中医医院，同年获卫生部级先进单位称号。 北京市中医研究所 北京市中医研究所成立于1959年10月，是市属医学科研机构，设 有生化、病理生理、药理、药化、中药剂型改革、微生物免疫，经络 等11个研究室，并设有实验动物室和资料住处室，全国中西医结合学 会消化专业委员会挂靠我所，目前承担着国家级、部级、市级和局级 课题20余项，并与医院临床和企事业单位广泛合作，进行中医中药科 技开发，同时负责招收培养硕士研究生。 特色专业: 医院设有北京市中医研究所、全国皮科中心暨北京市赵炳南皮肤病医疗研究中心、北京市国际针灸培训中心。 医院地址:美术馆后街23号 邮编:100010 乘车路线：乘车路线：乘104、108、113、13路</t>
  </si>
  <si>
    <t xml:space="preserve">请教一下怎样抢板的问题！我19PF，板平均只有2.2。不会抢板。 </t>
  </si>
  <si>
    <t>这个是经验的问题啊！得自己体会啊！我讲一点我的心得啊！如果你伙没有中锋的话，在比赛开始的时候你就要站好一个位子，就是在篮狂下向前一不左右的位子啊！我就是这么抢的，才开始建立起能强过C的信心啊！然后就得判断球的落点啊！这个需要自己积累经验的啊！PF主要就是靠冲抢篮板的！自己有时间的话就带2个后卫啊 先到新手区的FREE场去玩玩啊！一般我们都是抢投3分的篮板啊！多积累经验在去大联盟去抢啊！我就是在FREE练到19级在打的比赛啊1感觉还可以啊！板不算太好啊！每场4。5个。就是打3对3抢的！加油 漫漫练把！</t>
  </si>
  <si>
    <t xml:space="preserve">黑木令上说可以接什么任务的?在哪接? </t>
  </si>
  <si>
    <t>武林外传---- 刷黑木令任务！貌似是18级以后吧` 到领任务那里撒`历练任务 白色的五霸岗 可以领一个   穆言的盔甲 不保证每次都可以领到`需要任务物品是 战天银甲 打 [山贼] [梦山村] 上面北面领一次奖励 2480经验 2银 还有一个黑木(不保证每次有,我做了4次4次都给了)``重复做！RP好 3-5个怪就掉任务物品`RP不好最多10分钟一个。</t>
  </si>
  <si>
    <t xml:space="preserve">咽部有异物怎么办 </t>
  </si>
  <si>
    <t>病情分析：你好，根据症状考虑还是慢性咽喉炎，这个预防感冒和对症治疗。另外喉镜检查看看是不是有滤泡。指导意见：一般对症治疗建议雾化吸入治疗或者服用咽炎片，另外建议含化华素片或者牛黄益金片看看。平时需要预防感冒和多喝白开水以及多吃水果蔬菜。不能吃辛辣刺激性食物和吸烟喝酒。有滤泡的情况下激光手术治疗。祝健康。</t>
  </si>
  <si>
    <t xml:space="preserve">请问冯老师我是新手想买C30、乐风不知那好C30配置好但是自主品 </t>
  </si>
  <si>
    <t>哈哈！不用纠结，如果拿不定主义，可以到销售店试乘试驾后，再作决定也不迟啊</t>
  </si>
  <si>
    <t>多特蒙德1</t>
  </si>
  <si>
    <t>80 多特蒙德 1-1 法兰克福 还有一点时间，多特你要给我一个交代啊！哈哈哈~~~~~~~~~~</t>
  </si>
  <si>
    <t xml:space="preserve">一个瘦的人如何可以变胖！ </t>
  </si>
  <si>
    <t>听说经常喝啤酒就会胖的，试试吧？</t>
  </si>
  <si>
    <t xml:space="preserve">谁知道怎么爬铁炉堡后山有没简单的点的爬法 </t>
  </si>
  <si>
    <t>现在上不去了吧  1。9 不能在悬崖上走了</t>
  </si>
  <si>
    <t xml:space="preserve">请问合肥哪家眼科医院有飞秒全激光呢？ </t>
  </si>
  <si>
    <t>做近视手术的话，还是做飞秒全激光的好，就是价格比较高，听朋友说这种手术是目前最先进的，很多报考军校、警察的都做的这种手术，因为术后效果是最好的。所以为了安全考虑，还是选择飞秒全激光的手术方式。今年不知道价格有没有降，你可以去网上查查合肥普瑞眼科的价格。</t>
  </si>
  <si>
    <t xml:space="preserve">龙武修罗装备打什么石头谁知道说下啊 </t>
  </si>
  <si>
    <t>一件装备上不可镶嵌超过一个增加相同类型属性的宝石。如一件装备上可以镶嵌增加战斗属性(生命、物攻、法功、物防、法防)、基本属性(力量、敏捷、智力、体质、精神)和其他属性(命中、躲闪、格挡等)这三种类型属性的宝石各一颗，但不可镶嵌两种增加相同类型的宝石。修罗是土属性攻击、攻击装第三个孔建议一半致命一半土攻击！</t>
  </si>
  <si>
    <t xml:space="preserve">怎样设置访客记录新浪博客可以设置访客记录吗？？？ </t>
  </si>
  <si>
    <t>通过管理博客－－定制我的首页，添加这个模块就可以了，这是新浪博客最近推出的新模块。</t>
  </si>
  <si>
    <t xml:space="preserve">我想吃猪肉但又买不起怎么办? </t>
  </si>
  <si>
    <t>上好佳薯片，要烤肉味的哟！再削个梨，先抓一把薯片放嘴里，再咬一口梨，一定要一起嚼，那回锅肉味儿就出来了。鄙人试过了，很美味的！建议想吃猪肉又买不起的你也尝尝！</t>
  </si>
  <si>
    <t xml:space="preserve">酒店专业专科生～出国留学哪里的比较适合 </t>
  </si>
  <si>
    <t xml:space="preserve">瑞士瑞士作为欧洲中部一个多山的国家，教育水准是世界上数一数二的，其国立大学和上百所私立学校一直是世界各国贵族和志于学术发展的人士进行深造的首选国度之一。许多国家的皇室贵族及一些重要的政界、商界人士都将自己的儿女送到瑞士私立学校读书。 　　特别是瑞士的酒店旅游业更是久负盛名，其酒店管理课程在世界上首屈一指。当地的酒店管理课程种类繁多、师资优良。每年有来自世界各地的学子到瑞士深造。其中，瑞士的十四家酒店管理协会学校最为突出。这些会员学校严格遵守道德规范，以确保学生获得专业的教育，他们毕业后的专业水平亦深受欧美同业所认可和推崇。 　　瑞士酒店管理课程，是理论实践并重的课程，名副其实的“活学活用”。学生一半时间在院校学习理论，另一半时间则被分派到各酒店及餐馆接受“有薪在职训练”，在经济上可补贴下一年的学费，学生毕业后可获相关的酒店管理文凭。 </t>
  </si>
  <si>
    <t xml:space="preserve">为什么我的首饰都卖不出去啊我卖的首饰都很便宜都卖不出去晕死 </t>
  </si>
  <si>
    <t>一，做工太差，看起来很粗糙二，款式不好看.三.店面偏僻四,价格过高或过低容易给顾客造成错误的影响五,是否有质量保证?六,你要打出你的可信度</t>
  </si>
  <si>
    <t xml:space="preserve">请教好心律师，与小区管理处的争执...我家厨房因净水器安装不善渗 </t>
  </si>
  <si>
    <t>目前情况，则只能诉讼解决此事。</t>
  </si>
  <si>
    <t xml:space="preserve">关于诛仙宠物的问题～～大师级别的都来看看～～本人是合欢～～目前买 </t>
  </si>
  <si>
    <t xml:space="preserve">你用什么洗的，如果是鸿蒙古玉，那就属于运气不好，我是合欢，我带的也是金系，当初洗两次还是木，后来就好了，技能不需要太多，洗出技能后，哪九转刷特质，对上号就行了，象31/99或11/99就属于对上了  </t>
  </si>
  <si>
    <t xml:space="preserve">常州哪有买蜂花粉？ </t>
  </si>
  <si>
    <t>市中心乐购超市入口处好像有卖蜂类产品,大润发超出结帐处好像也有,去看看呢.</t>
  </si>
  <si>
    <t xml:space="preserve">谁知道有什么网站教你电脑知识或常识如果不知道的话可不可以教我啊， </t>
  </si>
  <si>
    <t>洪恩在线－电脑乐园   去看看</t>
  </si>
  <si>
    <t xml:space="preserve">关于E398连接电脑的问题!!!小弟昨天刚入手的MOTOE398 </t>
  </si>
  <si>
    <t xml:space="preserve">     前几天俺中意那位从我推荐的几部中“千挑万选”最终把E398买了回家 由于机器声音性能表现不凡 让她很是高兴~回家马上手机连接电脑从随机附带的光盘中安装软件MobilePhoneTools V3.0连上电脑 准备迅速传歌~！初始化…… ……初始化 过了若干小时若干分钟若干秒后 软件还是显示初始化…… 陷入无限等待中……不会吧？！软件检测不到手机 电脑只显示U盘 难道手机只能U盘使用了……不会吧~！赶紧解决~驱ADSL小猫上网直奔YOUNET论坛而来请教各位大虾 论坛的朋友很热情提出了不少解决的办法跟建议 但最终还是无果…… 难道是自己的手机有问题？没办法 第二天驱车直奔客服 哇 全是PERSON 等了半天好容易排到号把手机拿进去检测了 过了半天据说很帅的一个客服GG拿着手机出来了 说手机没有问题 数据线也没有问题 可能是你家电脑的USB有问题。郁闷了 等了半天得到个这样的答复 没辙只有来找我了~又驱车到我家。取出自带安装光盘安装软件重启机器（要是软件第一次安装不要求RESET电脑 自己RESET） USB先插在关机手机上再连接电脑然后手机开机（以上是客服哪个据说很帅的GG说的步骤）。打开MobilePhoneTools 设置完相关 显示初始化…… 等半天无果 问题依旧 跟她在家的电脑上的情况一样.神了~！难道电脑的USB都有问题？选择安装P2K也显示无法激活手机，无奈。进行分析 起初以为是手机自身硬件问题 但到客服检测虽然没有看见过程但检测结果是说手机跟连线本身没有问题 跟自家电脑USB有关 但连到另外一台电脑 问题还是依旧 判断不可能是USB的问题了（对自己的电脑信心很足）难道是软件自身问题？想到这里我就点了MPT上的升级 果然有新的版本 慢慢下吧（我当时是在这里下载的Motorola mobile PhoneTools V3.11  安装这个新的版本 手机连线连上电脑 呵呵 终于显示了个小地球 成功连通了~版本虽然是英文的但是选项还是可以看懂得。经过她回家N次测试 软件工作稳定 没有再出现初始化半天或手机连接不上电脑的情况。故事到此结束 提醒大家一下 在感觉软件使用起来不是太好时升级下版本或者换个其他的类似软件 可能就会取得一个好的效果了 不要迷信光盘自带的软件就一定可以让你能使用了设备。</t>
  </si>
  <si>
    <t xml:space="preserve">胸围和上胸围有什么区别需要量这两个的尺寸~~但不知道量哪里 </t>
  </si>
  <si>
    <t>胸围是以胸部为周长计算的...在乳头饶一圈.....</t>
  </si>
  <si>
    <t xml:space="preserve">紧急询问,沈阳哪有租售调频耳机的? </t>
  </si>
  <si>
    <t>我就有，你要是要的话，给你好了，是上学的时候发的！我 。给我留言吧！</t>
  </si>
  <si>
    <t xml:space="preserve">速卖通和敦煌有什么区别 </t>
  </si>
  <si>
    <t>敦煌网--网上丝绸之路，以交易为核心的B2B小额外贸批发平台。速卖通模式上模拟了敦煌的模式，但是，核心商业模式不同，针对性的服务也不同，总体来说敦煌网有一套很完整的供应链体系，一套设计信息，物流，支付，货品跟踪等方面的完整供应链。毕竟人家做了这么多年了，各方面肯定很成熟啦。</t>
  </si>
  <si>
    <t xml:space="preserve">曼联又射了2；0还是英超稳 </t>
  </si>
  <si>
    <t>谢谢楼主播报比分，辛苦拉，一起好运！！</t>
  </si>
  <si>
    <t xml:space="preserve">为什么马桶盖上有二个按钮，其中一个按下去可以出水，一个按下去为空? </t>
  </si>
  <si>
    <t>正常应该一个是出水少,另一个出水多,你的那一个按下去为空,我想可能是没有给正常安装.你可以打开来自己找到配件安装一下就好了.</t>
  </si>
  <si>
    <t xml:space="preserve">关于即将上市股票如何查讯股票是否中签?谢谢 </t>
  </si>
  <si>
    <t>如果中了钱会自动扣，股票自动到帐，不需任何操作没有中钱会自动打回来</t>
  </si>
  <si>
    <t xml:space="preserve">服装店名称征集服装店名称，希望具有古代（尤其是唐代）的历史韵味， </t>
  </si>
  <si>
    <t>丝织唐装服饰有限公司，丝绸唐装服饰有限公司，丝绸盛唐服饰有限公司，锦兰丝绸服饰有限公司，兰兰丝绸服饰有限公司，楼兰丝织服饰有限公司，我觉得第三,六比较好.各有特色.祝生意发财.供参考.</t>
  </si>
  <si>
    <t xml:space="preserve">液晶显示器上有两个亮点.可以去厂家更换吗?我的电脑显示器上出现了 </t>
  </si>
  <si>
    <t>不可以，两个亮点在国家允许的范围内，所以厂家一般不会同意更换</t>
  </si>
  <si>
    <t xml:space="preserve">湖北男科医院哪家好?治疗男科病在湖北武汉的话有没有专业的男科医院? </t>
  </si>
  <si>
    <t>湖北男科医院有很多家，建议到正规医院，武汉四五七医院作为一家高起点，高品质的现代化专业男科医院。</t>
  </si>
  <si>
    <t xml:space="preserve">往国外汇款哪家银行比较好?我要往加拿大汇款,请问哪家银行比较便宜 </t>
  </si>
  <si>
    <t xml:space="preserve">建议你选择中行，因为它是国内历史最悠久的专业外汇银行，设在境外的分支机构多，与它有直接帐户关系的境外银行也多，这样一是省去了中间行的中转费用，二是钱到帐快，电汇一般两个正常工作日就能到帐。三是一旦出了问题查起来方便。电汇手续费是汇款金额的1‰，最低50元最高260元人民币，电讯费150元人民币（港澳地区80元）。这只是一个大概费用，以当地银行为准。其它银行不太了解，可到它们的网站去查。  </t>
  </si>
  <si>
    <t xml:space="preserve">关于商店的问题在商会开商店的话，需要交税么？是怎么个收法？ </t>
  </si>
  <si>
    <t>在商会开商店。每个商店最多开十个柜台。每个柜台每天收30W的手续费（无论你是否开店）卖出东西要交税。每多开一个柜台减0.3%的税收。原始税收是15%。开第一个柜台是14.7%的税收。（在没信誉度的情况下，即没星星的情况下）</t>
  </si>
  <si>
    <t xml:space="preserve">QQ桌面快捷方式如何变大跟桌面容为一体我去一个网吧上网时，发现网 </t>
  </si>
  <si>
    <t>网吧是vista吗？vista是可以做到这样的</t>
  </si>
  <si>
    <t xml:space="preserve">有人说“老虎屁股摸不得”，也有人说“猴子屁股摸不得”.到底是“老 </t>
  </si>
  <si>
    <t>都摸不得,老虎很凶,要吃人;猴子狡猾,会使坏,得罪这两个家伙,吃不了兜着走.</t>
  </si>
  <si>
    <t xml:space="preserve">局域网怎么pk在局域网游戏时怎么与别人pk,好象打不了请具体说明 </t>
  </si>
  <si>
    <t>听你话的意思，你们都可以进入同一游戏,但是不能相互pk,是这个意思吗?你可以在组队的画面里,快捷键是p,把鼠标移动到人物名字的旁边，有一些特殊符号上，分别可以组队，耳语，pk,你只要把想要pk的对象名字边的那两个剑形状的符号点成交叉状的就可以杀他了，但是他要是不选择的话，此时他不能杀你!这点务须注意，切记双方都要选好.同时,你们的名字在地图上显示为红色，屏幕上有提醒图案的.另外，在村子里不能pk,你们必须要出去到外面才可以，</t>
  </si>
  <si>
    <t xml:space="preserve">小弦切切如私语（物理名词二） </t>
  </si>
  <si>
    <t>音速、微调</t>
  </si>
  <si>
    <t xml:space="preserve">牙齿常出血是什么原因？ </t>
  </si>
  <si>
    <t>：正常的牙龈颜色粉红，有点彩，无水肿，质地较致密，不易出血。当患上牙龈炎或牙周炎时，由于靠近牙齿的牙龈水肿、充血，颜色暗红，点彩消失，质地较松脆，遇到轻微的刺激就容易出血，甚至晚上睡觉时可自行出血。导致牙龈炎或牙周炎最常见的原因之一是牙结石长期刺激的结果。牙结石是附着在牙齿颈部的灰褐色的物质，它的形成主要有三条途经：一是涎液中钙物质沉淀并附于牙面；二是龈沟?牙齿与牙龈方向的小沟液中的钙物质沉淀并附于牙面；三是食物软垢或残渣附于牙面并钙化而形成。特别是牙齿排列不齐的人因不易刷净牙齿，而更易形成牙结石。牙结石是源源不断的，因此每年要到洗牙一到两次，以保持口腔的清洁卫生。 　　另外，口腔预防也是至关重要的。即每日早晚坚持刷牙，每次刷牙约385分钟。牙刷要求以保健牙刷为宜，因为保健牙刷体积小。刷牙时不要象拉锯一样横着刷，最好能采用顺着牙轴方向或划圈刷法，而且力度不宜过大，最适宜的力度大约100克左右。相当于轻压指甲盖而使其刚好发白的力度，否则容易造成牙齿损伤，即临床上所说的“楔状缺损”。 　　一旦发现牙龈出血，应及时到医院口腔科检查，排除血液性因素后进行口腔局部治疗，防止疾病发展而导致牙齿松动和脱落</t>
  </si>
  <si>
    <t xml:space="preserve">新浪机战和机战有什么区别吗游戏里有什么不一样的吗?告诉我一下我还 </t>
  </si>
  <si>
    <t>新浪版客户端服务器列表中为新浪用户的服务器，并且用户只能使用新浪账户登录。在游戏内容上，新浪版客户端将保持与网龙同步的游戏更新。机战新浪是新浪游戏和网龙共同为新浪用户推出的新浪用户独享服务器。在该服务器中所有新浪注册用户都可以在下载完新浪版机长客户端后，直接使用新浪用户账号登录游戏。机战新浪专区除了提供基本的游戏同步更新、游戏活动服务外，还为用户提供多游戏统一注册服务、多渠道游戏充值服务、玩家社区服务、博客、博客、自助问答、UC、Utalk、WOOCALL、新浪圈子等近乎所有的日常网络服务。新浪机战的主要特色包括三个方面：A．所有注册新浪通行证的用户，在下载新浪《机战》客户端后，可以直接通过新浪iGame游戏大厅或新浪《机战》迷你站网页登陆游戏，无需再次注册游戏帐号，快速简单，省掉了注册的麻烦；B．充值方式多种多样，用户可以选择“新浪U币购买”，“银行直充”，“骏网，云网实卡充值”，“声讯购买”，“酷币购买”等多种方式对新浪《机战》游戏进行充值，方便快捷；C．新浪网依靠其强大的媒体实力，旗下的博客，播客，iask，圈子，UC等都将为用户提供一个广阔的展示自己的舞台，成为网游明星？就从新浪《机战》开始！新浪《机战》官方俱乐部内容丰富多彩，并随着游戏不管更新，俱乐部的相关活动为所有会员提供更有趣的游戏体验！</t>
  </si>
  <si>
    <t xml:space="preserve">开机时在出现WindowsXp界面时出现闪烁的蓝色竖条,就卡住了? </t>
  </si>
  <si>
    <t>有多重可能性，不过 有蓝色的竖条 的话 肯定是显卡问题，只有换显卡。另外说 死机的话 检查看看是不是硬盘有问题。最好先换个显卡再试试！~</t>
  </si>
  <si>
    <t xml:space="preserve">练妖石加伤害的石头合法宠物上法攻会增加么？朋友说宠物没打石头等于 </t>
  </si>
  <si>
    <t>有 ，5级的枯叶流魂可以加攻击力1200以上不管是物攻还是法攻都有</t>
  </si>
  <si>
    <t xml:space="preserve">关于无名英雄任务我在天泪的哨兵那里接了一个任务叫(无名英雄)的, </t>
  </si>
  <si>
    <t>一个很长的任务。到88级才能全部完成。万流十大高手叶孤寒任务，要是拿到极品的孤寒盔就爽死了，所以你还是慢慢等吧。</t>
  </si>
  <si>
    <t xml:space="preserve">铁匠2任务的问题,我要到阴阳火晶后怎么消任务啊,我问傲来的他不理? </t>
  </si>
  <si>
    <t>【第二个铁匠任务】　　玩家等级40级的时候可以再去铁匠铺找铁匠打造武器，铁匠会要求玩家做第二个铁匠任务。完成后铁匠将会根据玩家提供的打造原料等级，帮玩家打造2－7级的装备。 　　领任务的地点：傲来国武器店黄哥　　具体内容：要求你到北具和大唐境外杀死俩个小怪，分别获取烈阳和寒阴火种，之后你到天宫找太上老君，把俩个火种分别给他即可。</t>
  </si>
  <si>
    <t xml:space="preserve">祖格的“预言的光环”和哈扎拉尔的治疗护符要些什么东西才能得到，那? </t>
  </si>
  <si>
    <t>预言的光环：现在版本（1.11）需要[巫毒娃娃]一个、血领主或者金度出的 [原始哈卡莱神像]一个。哈扎拉尔的治疗护符：需要[巫毒娃娃]一个，[哈扎拉尔的梦境之丝]、[格里雷克之血]、[雷纳塔基之牙]、[乌苏雷之鬃]各一个。上面4样东西都是ZG疯狂之缘隐藏BOSS掉落，BOSS需要要1极效魔精、6强力魔精、1个英雄之血和1个黑莲花做的[祖尔格拉布疯狂魔精]召唤每2周固定一个BOSS[祖尔格拉布疯狂魔精]由炼金师制作，配方在疯狂之缘石板上读取</t>
  </si>
  <si>
    <t xml:space="preserve">梦幻西游带新人抓鬼下武器问题队长带新人抓鬼可以不下武器吗？我看过 </t>
  </si>
  <si>
    <t>你们比队长低很多级吧？下了武器不容易挨打！队长不下是因为他是主力，打怪是由他来的他下了武器伤害或灵力就低了，打的少了。</t>
  </si>
  <si>
    <t xml:space="preserve">老年人想染发，哪种染发产品好我母亲有白头发，我想给她买染发产品， </t>
  </si>
  <si>
    <t>就欧莱雅吧，便宜点就是卡尼儿，我都用过没感觉多刺激。另外，染白头发就用黑色的染发剂。因为别的颜色染在白头发上很容易掉。</t>
  </si>
  <si>
    <t xml:space="preserve">我好怕怕我都初三了!但JJ还是很短很小我该怎么办?我该吃什么和做 </t>
  </si>
  <si>
    <t>都还没有发育停止　就说明还有增长的可能存在　不用太担心的　如果不放心现在就医院检查一下　看看还有没有办法进行补救</t>
  </si>
  <si>
    <t xml:space="preserve">如果报高升专可以报山东师范大学吗？如果学文科可以报考什么专业呢？ </t>
  </si>
  <si>
    <t>高升专当然可以报考山东师范大学的。文科的专业是不很多的，主要的有英语、历史学、汉语言、新闻、会计等等，你可以到山东师范大学的网站上看一下。</t>
  </si>
  <si>
    <t xml:space="preserve">大学应届毕业生创业可享政府哪些优待？ </t>
  </si>
  <si>
    <t xml:space="preserve">你好！【优惠政策解读篇】 ●高校毕业生到西部、到基层和艰苦地区工作将享受哪些优惠政策？ 为了吸引应届大学毕业生到西部地区、到基层和艰苦地区建功立业，国家出台了以下几个方面的优惠政策： 1.对原籍在中、东部地区而去西部工作的高校毕业生，实行来去自由的政策，根据本人意愿，户口可迁到工作地区，也可迁回原籍，由政府主管部门所属的人才交流机构提供免费人事代理服务；到西部贫困边远地区工作的高校毕业生，可以提前定级，并根据实际情况适当高定工资标准。人事部还要求各地积极引导高校毕业生进入国有大中型骨干企业及承担国家重点工程、项目的单位。 2.各级政府要为高校毕业生创造工作条件，主要充实城市社区和农村乡镇基层单位，从事、卫生、公安、农技、扶贫和其他社会公益事业。在艰苦地区工作两年或两年以上者，报考研究生的，应优先予以推荐、录取；报考党政机关和应聘国有企事业单位的，在同等条件下，应优先录用。 3.实施“大学生志愿服务西部计划”。从高校毕业生中招募志愿者，到西部贫困县的乡镇一级教育、卫生、农技、扶贫等单位服务1—2年，服务期间计算工龄。志愿者服务期满后，鼓励其扎根基层或自主择业；服务期满一年考核合格，报考研究生的，总分加10分，各高校出台的政策如优惠于此政策，则参照高校政策，同等条件下，优先录取；服务期满一年考核合格，可以应届毕业生身份报考国家机关公务员，报考中央国家机关和东、中部地区公务员的，同等条件下优先录取，报考西部地区公务员的，笔试总分加5分；在录用党政机关公务员和新增国有企事业单位专业技术人员、管理人员时优先录用、招聘志愿者。 ●应届高校毕业生自主创业、灵活就业，将享受哪些鼓励政策？ 凡应届高校毕业生从事个体经营的，除国家限制的行业(包括建筑业、娱乐业以及广告业、桑拿、按摩、网吧、氧吧等)外，自工商部门批准其经营之日起，1年内免交登记类和管理类的各项行政事业性收费。有条件的地区由地方政府确定，在现有渠道中为高校毕业生提供创业小额贷款和担保。 从事个体经营的高校毕业生免交的具体收费项目主要包括： (一)法律、行政法规规定的收费项目，国务院以及财政部、国家发展改革委(含原国家计委、原国家物价局、下同)批准的收费项目。 1.工商部门收取的个体工商户注册登记费(包括开业登记、变更登记、补换营业执照及营业执照副本)、个体工商户管理费、集贸市场管理费、经济合同鉴证费、经济合同示范文本工本费。 2.税务部门收取的税务登记证工本费。 3.卫生部门收取的民办医疗机构管理费、卫生监测费、卫生质量检验费、预防性体检费、预防接种劳务费、卫生许可证工本费。 4.民政部门收取的民办非企业单位登记费(含证书费)。 5.劳动保障部门收取的劳动合同鉴证费、职业资格证书费。 6.公安部门收取的特种行业许可证工本费。 7.烟草部门收取的烟草专卖零售许可证费(含临时的零售许可证费)。 8.国务院以及财政部、国家发展改革委批准的涉及个体经营的其他登记类和管理类收费项目。 (二)各省、自治区、直辖市人民政府及其财政、价格主管部门批准的涉及个体经营的登记类和管理类收费项目。 从事个体经营的高校毕业生、应当向工商、税务、卫生、民政、劳动保障、公安、烟草等部门的相关收费单位出具本人身份证、高校毕业证以及工商部门批准从事个体经营的有效证件，经收费单位核实无误后按规定免交有关收费。 同时，自谋职业、自主创业的高校毕业生可将人事关系存放在政府人事部门所属人才服务机构、劳动或人事部门人才服务机构，这些服务机构将为其办理人事关系接转、人事档案管理、转正定级、党团关系、专业技术职务任职资格申报评审、社会保险金缴纳等服务，实行全方位的人事代理服务，以解除自主创业、灵活就业的高校毕业生的后顾之忧。 ●到非公有制单位就业的高校毕业生，将享受哪些政策优惠？ 到非公有制单位就业的高校毕业生，公安机关将积极放宽建立集体户口的审批条件，及时、便捷地办理落户手续。用人单位将按照国家有关规定与所聘高校毕业生签订劳动合同，为其办理社会保险手续，缴纳社会保险费，保障其合法权益。从事个体经营和自由职业的高校毕业生要按当地政府的规定，到社会保险经办机构办理社会保险登记，交纳社会保险费。鼓励和支持高校毕业生自主创业，工商和税收部门简化审批手续，积极给予支持。 劳动、人事部门所属人才服务机构将为到非公有制单位就业的高校毕业生提供集体户口、人事代理、存放人事关系等服务，同时还将为这些毕业生办理人事关系接转、人事档案管理、转正定级、党团关系、专业技术职务任职资格申报评审、社会保险金缴纳等服务，实行全方位的人事代理服务，解除到非公有制单位就业的高校毕业生的后顾之忧。 对于以非全日制、临时性和弹性工作等灵活形式就业以及到个体、私营等非公有制经济组织就业的高校毕业生，将按照有关规定，在工资支付、社会保险、劳动争议处理等方面维护其合理权益。 </t>
  </si>
  <si>
    <t xml:space="preserve">失眠怎么办 </t>
  </si>
  <si>
    <t>睡觉前泡下热水脚，可以缓解，，有用好评喲，谢谢去听下歌舒缓心情</t>
  </si>
  <si>
    <t xml:space="preserve">15人左右怎么才能好玩？15一起出玩，希望大家都能参加到游戏中去 </t>
  </si>
  <si>
    <t>集体参加拓展训练，相当的有意思。如果不愿意，可以去学一些里面的简单的活动，实在不行了，就玩“杀人游戏”吧</t>
  </si>
  <si>
    <t xml:space="preserve">武林外传哪个角色最吸引人？？ </t>
  </si>
  <si>
    <t>燕小6.小MM眼</t>
  </si>
  <si>
    <t xml:space="preserve">84消毒液和洁厕净主要的化学成分是什么?混合在一起会有什么样的试? </t>
  </si>
  <si>
    <t>84消毒液和洁厕净主要的化学成分是什么?混合在一起会有什么样的试验现象???:洁厕净一类主要是稀酸,还有些乳化剂等等。84消毒液一类的主要成分，以次氯酸钠为主的碱性含氯消毒剂，因为在碱性条件下使用，不要混合，否则次氯酸钠迅速分解，很短时间产生较多有毒的氯气，不利于进行操作，以及保存。</t>
  </si>
  <si>
    <t xml:space="preserve">谁玩过电影帝国的？怎么样啊?好玩么？公测了吗？ </t>
  </si>
  <si>
    <t>12月13日不删档内测，到时候玩玩就知道了，之前的封测我有参与，感觉是还不错，期待新内容新玩法</t>
  </si>
  <si>
    <t xml:space="preserve">TL的游乐场是怎么回事？游乐场里面的道具是怎么回事啊？能交换或什 </t>
  </si>
  <si>
    <t>交换道具来源：1.参加游乐场点点吧、翻翻乐等获得的奖品！2.打折商场购买的打折道具！3.天联某些活动的奖品会派发到游乐场里！容易造成的误区：已经存在与游戏里的道具是不能拿到游乐场去交换的！游乐场的道具可以和他人交换或者自己装配到游戏的某个具体的角色了！交换的种类很多，大致的列表如下：猎帽(女)淑女休闲套装中国娃娃(女)时髦马尾辫比基尼7分裤便鞋大编织衣FREE 3号超短裤彩条裙&amp;过膝袜胶底运动鞋金发头发hip-hop套装雨衣热血络腮胡经典足球系列NO.53型男服双条纹短裤便鞋背心法兰绒裤子工装裤胶底运动鞋当然，以上游乐场的道具是可以在游戏中使用的！</t>
  </si>
  <si>
    <t xml:space="preserve">魔力宝贝？生产系！~魔法没了~怎么补合适？我刚练一个厨师小号~~? </t>
  </si>
  <si>
    <t>楼主算的太仔细了，楼主是不是想把厨师的狩猎技能冲上去，所以去挖番茄？？如果是这样的话，其实楼主不赔的，因为卖番茄的钱足够楼主加魔了，而且还能多多少少小赚点~~</t>
  </si>
  <si>
    <t>谈谈冷门目前看彩：11沃尔夫(10)03</t>
  </si>
  <si>
    <t>这场我支持！我最看好的是布莱克本输球！望楼主考虑祝高中！</t>
  </si>
  <si>
    <t xml:space="preserve">河南高考各科参考答案啥时候可以在网上查到 </t>
  </si>
  <si>
    <t>高考结束后当天就有答案书了，上面就是标准答案，用来估分的！</t>
  </si>
  <si>
    <t xml:space="preserve">寻常性长痤疮怎么调理？两年前脸颊一个痘都没有，夜班后有时平白无故 </t>
  </si>
  <si>
    <t>你的治疗办法不足。很明显，你的是肝郁化火型痤疮。必须吃中药才能治好的。另外，痘是不能挤的，不然会留疤痕。维a酸类有致畸作用，未育女性慎用</t>
  </si>
  <si>
    <t xml:space="preserve">为什么进游戏一天到晚排队啊？好累进游戏排队排几小时进不去啊需要网 </t>
  </si>
  <si>
    <t>这游戏本来还好玩的!就是可以一机多用导致小号多过玩家,我们玩家上线的难.这一机多用的功能我希望尽快解决掉,不然这游戏就没意思了,掉一次就上不去了,还玩毛啊~</t>
  </si>
  <si>
    <t xml:space="preserve">请问联想电脑比其它组装电脑有什么好请问联想电脑有哪些好处,比如售 </t>
  </si>
  <si>
    <t>一是售后，二是维修方便，不愁没处修，三是性能，自己家用它的性能够够的，最好选带独立显卡的有一款5999不错。</t>
  </si>
  <si>
    <t xml:space="preserve">为什么会说梦话？怎么治疗？ </t>
  </si>
  <si>
    <t>说梦话也称梦呓。很多人都有这种情况，入睡后常常做梦，并且在睡眠中说话、唱歌或哭笑，有时说梦话是连贯的言语，或成段的述说，个别人说梦话时别人插话他却与人对答，有的说梦话构音并不清晰，或仅是不成文的只言片语。梦呓可出现在睡眠的任何时段。说梦话的部分内容往往与平时思维相仿，多为白天所想的事情，经常梦呓多见于儿童神经症和神经功能不稳定者，梦呓多有素质性倾向。经常说梦话多半是心火过旺、肝火过热及精神紧张所致。 据研究，入睡着后并不表示大脑会完全休息，反而更加活跃。入睡后我们会进入浅睡期（此时会做梦)及深睡期（眼球活动减慢)。浅睡期及深睡期两者成一循环，第一个循环时间较短，第二个循环时间较长，到第三个循环的深睡期，则或会有梦游或说梦话的现象。 说梦话不知应否算是一种病态，但据临床经验所得，经常说梦话的人多半心火过旺、肝火过热及精神紧张。表现的身体状况是有口气、喉乾舌燥，清热后情况便会好转。 引起说梦话的原因很多,有可能是压力过大、精神紧张诱发的。 因此经常说梦话的人一定要加强锻炼,同时更要注意休息,调节工作、所带来的压力，可能是神经衰弱的表现，只需调整一番自己的生活节奏，缓解一下压力，调理营养，适当增加一些锻炼，慢慢好起来的。 了解了说梦话的原因，你就知道在什么情况下可能说梦话，什么情况下不会说梦话了。</t>
  </si>
  <si>
    <t xml:space="preserve">魔兽世界身份证重置问题我登陆我的通行证，想进行60天的预约，请问 </t>
  </si>
  <si>
    <t>你那种两个月预约之后直接改然后绑了密保卡 一个月以上的   可以不冲两张卡没绑的要两张卡</t>
  </si>
  <si>
    <t xml:space="preserve">天津日报大厦附近有没有便宜的宾馆（不要洗浴中心）天津日报大厦附近 </t>
  </si>
  <si>
    <t>琼州道36号（近河西医院）有家如家绍兴道新28号（绍兴道与厦门路交口）（近厦门路）有家天津时光驿栈酒店六纬路70号（近解放路）有家蓝庭假日这三家还算便宜</t>
  </si>
  <si>
    <t xml:space="preserve">如何删除贴子如果在新浪论坛里删除自己发布的贴子。 </t>
  </si>
  <si>
    <t xml:space="preserve">建议您联系一下新浪客服，把出现的问题，症状，告诉他们，让他们帮您分析并找到解决办法。全国统一客服热线：  咨询邮箱：webcn@ </t>
  </si>
  <si>
    <t xml:space="preserve">pc生化危机2的记录问题！那个要自己选记录地址的生化2记录之后就 </t>
  </si>
  <si>
    <t>有时候连存都不让，存档就跳出，把兼容性改成98就行了</t>
  </si>
  <si>
    <t xml:space="preserve">飘原唱是谁？ </t>
  </si>
  <si>
    <t>高胜美</t>
  </si>
  <si>
    <t xml:space="preserve">15F??題15F現在?什麼??I升?快啊，又打錢快??I怎麼分 </t>
  </si>
  <si>
    <t>学敏妖吧或者骑士也行黑也不错最好是买个包季包有名誉货币送跟吃饼干和勇敢药水一样滴跑N快再搞点天堂纪念币换苍天武器很不错的哦</t>
  </si>
  <si>
    <t xml:space="preserve">我现在想要买5300想知道价钱是多少谢谢说下 </t>
  </si>
  <si>
    <t>参考￥999 商场￥770 - ￥1998   各大网站都有销售！5300的音质还可以！我朋友有台！但是现在音乐手机好的有很多。建议你去网上看一下。1000可以买一个不错。仿真的也可以产考一下！</t>
  </si>
  <si>
    <t xml:space="preserve">解决DOS如何安装我是个电脑文盲，谁可以告诉我如何先装DOS，再 </t>
  </si>
  <si>
    <t xml:space="preserve">如果你选择的是XP操作系统，可以直接用WIN XP安装盘启动系统后，直接安装WIN XP，无需先安装DOS。如果你要保留DOS，可以安装MSDOS 7.1，可去 </t>
  </si>
  <si>
    <t xml:space="preserve">我住在恒隆广场后面,马上要去复兴中路西藏南路交口上班了,坐什么公? </t>
  </si>
  <si>
    <t>24路直达</t>
  </si>
  <si>
    <t xml:space="preserve">笔记本硬盘降噪软件我刚买的七喜KD301的本本,键盘左下方总能听 </t>
  </si>
  <si>
    <t>正常，那是硬盘正在读文件，如果时常发生的话，有两种可能：有木马，建议杀毒；还有就是内存不够，也会出现这个问题</t>
  </si>
  <si>
    <t>请大家帮我看下白带分析报告检查项目检验结果参考值清洁度三度1</t>
  </si>
  <si>
    <t>恭喜您没有滴虫和霉菌，只是白细胞增多和清洁度的问题，平时注意卫生应该问题不大！</t>
  </si>
  <si>
    <t xml:space="preserve">油漆搞到裤子上了，怎样去掉？如题！谢谢！ </t>
  </si>
  <si>
    <t>用清凉油洗，我试过，效果很好的，是电视上教的。你不妨试试。</t>
  </si>
  <si>
    <t xml:space="preserve">2008年10月9日保定天气&amp;nbsp;&amp;nbsp; </t>
  </si>
  <si>
    <t>保定 10月8日：多云转晴，最高气温18℃，风向：北风3-4级级10月9日：晴转多云，最高气温19℃，风向：微风级10月10日：多云，最高气温18℃，风向：微风级</t>
  </si>
  <si>
    <t xml:space="preserve">有独立请求权的第三人与被告的区别 </t>
  </si>
  <si>
    <t>有独立请求权的第三人可以把原告被告一起起诉，被告只能让原告提起反诉</t>
  </si>
  <si>
    <t xml:space="preserve">商业贷款买房后，住房公积金可以取出来还钱吗？我是商业贷款买房，我 </t>
  </si>
  <si>
    <t>在买好房子后，等你拿到购房发票后1年内，可以申请将以前存如帐户的住房公积金提出。将来嘛，等你退休时，可以将帐户的剩余公积金一并提出。</t>
  </si>
  <si>
    <t xml:space="preserve">求救求救！！！！我在网上买手机选择货到付款,第2天就付款了,可是 </t>
  </si>
  <si>
    <t>建议先向网商平台投诉，请求他们帮忙保留交易记录的证据，并协助你解决。不行就到店铺找他，或者直接告他。警察不会管你的这点小事，肯定会说是民事纠纷，不属于他们管。媒体曝光可以，但是你认识媒体的人吗？不是你要曝光人家就给版面你的。另外，你的叙述不详细，他为什么威胁你要投诉你？你有做的不对的地方吗？付款直接走银行，没有通过网上交易支付系统（支付宝之类）吗？联系卖家要求更换和发现寄错机子之后的交涉都是电话吗？快递有他签收的回单给你吗？这些证据都有问题的话，打官司也麻烦啊，要找律师将证据重新收集整理才行，估计你自己搞不定。</t>
  </si>
  <si>
    <t xml:space="preserve">紧急求助!!!!怎么样练习有左手运球????我的擅长手是右手,可 </t>
  </si>
  <si>
    <t>拿一个球，到楼下左手运球跑步，慢慢就会觉得左手听你使唤了，再练习动作，比如胯下，变线等。我就是这么练好的！！</t>
  </si>
  <si>
    <t xml:space="preserve">我的电脑正受的helkern的攻击，系统是XP的，怎么办 </t>
  </si>
  <si>
    <t>Worm.SQL.Helkern是一种危害广泛的蠕虫，该蠕虫自2003年1月25日开始在全球传播，造成了很多地区的网络瘫痪。安天实验室于当日捕获了病毒传输包，进行了分析，并提供如下解决方案。由于这个蠕虫是无文件载体的内存蠕虫，也不在系统留下任何后门，因此只要重新启动，蠕虫就会被清除，只是由于全球有大量机器被感染后在不停的扫描，所以可能开机后立即就被感染。而被感染后，由于资源迅速耗尽，可能进入假死状态，影响用户配置和补丁操作。卡巴斯基有优秀的防火墙,所以不必管它,你很安全.</t>
  </si>
  <si>
    <t xml:space="preserve">是不是还有能使弯黄瓜变直的药？ </t>
  </si>
  <si>
    <t>理论上讲植物生长激素可以做到，涂在黄瓜弧形一侧，但是要在黄瓜未成熟之前实际上生长素低浓度时促进生长，高浓度时抑制生长，故低浓度的应涂在弯曲内侧，如果是高浓度就应该涂外侧了。而多高是高，不同植物需求不一样，在下才疏浅薄，无法提供了</t>
  </si>
  <si>
    <t xml:space="preserve">零基础学法语难吗？法语难学吗 </t>
  </si>
  <si>
    <t>我本人是一直在学法语的。其实法语是一门很困难的语言。至少我那么认为。语法很难。杂碎的东西太多了。需要很有耐心的去背。我不知道你学法语的目的是什么。我是因为想去法国留学。所以一直很努力的在学。如果你一直坚持很努力的去背。努力的训练发音。那应该也没什么问题的。现在法语专业在这个社会上还是可以的。我法语老师告诉我。现在。最好的是西班牙语。排第2的就是法语。但是等到我们毕业出来怎么样就不太好说了。这个世界变化得很快。不过。多学点东西当然是没有坏处的。不过要真的很努力坚持才可以。没有语言是好学的，因为我们没有接触过。用途不是说出来的 就算单单了解一种语言文化 也是好事我是学德语和法语的，比较下来，法语语法不比号称语法第一难的德语简单多少。不过中国人的话，我觉得很擅长学语法，多难的语法都能通过做练习练出来。但我觉得法语最难的是听说能力，我可以肯定的告诉你，除非你是天才，不然在你真正去过法国并在那里生活一两年之前，是不可能掌握听说的。法语发音很难，连读很多，所以要很久才能流利的说并马上听懂别人的话。不过世界上说法语的地方还是蛮多的，我觉得掌握了不是什么坏事</t>
  </si>
  <si>
    <t xml:space="preserve">我家阳台于厨房正对，好不好？阳台，客厅，餐厅，厨房都在一条线上， </t>
  </si>
  <si>
    <t>您家的户型属于南北通透的房子，是不错的格局，有利于房间通风，不易产生闷热。但从风水中上来讲不利于藏气，所以建议您再入户的地方用屏风的方式来阻隔为佳。是不是犯煞要实地堪察分析。</t>
  </si>
  <si>
    <t xml:space="preserve">V用户自己可以修改认证说明吗？在什么位置可以改呢？ </t>
  </si>
  <si>
    <t>V用户可以自己修改认证说明，在“微博首页-帐号-帐号设置-认证信息”页面即可修改。</t>
  </si>
  <si>
    <t xml:space="preserve">根管治疗，肿痛的话要吃什么要好？因为之前补牙填充物脱落去补牙，后 </t>
  </si>
  <si>
    <t>不要自己随便吃药，肿痛明显去医院复诊</t>
  </si>
  <si>
    <t xml:space="preserve">有人跳过郑多燕的有氧操吗？如题。有用吗？我跳了半小时好累呀，第二 </t>
  </si>
  <si>
    <t>跳过 现在每天也坚持在跳 个人感觉刚开始结合少量饮食挺有用 但久了就感觉运动量不够 进入瓶颈期 怎么也减不下去了 总的来说每天坚持跳跳还是挺不错的 活动活动也好嘛</t>
  </si>
  <si>
    <t xml:space="preserve">钠玻璃是什么？工业上怎么制作钠玻璃？使用石灰石的作用是什么？详细? </t>
  </si>
  <si>
    <t>玻璃是传统无机非金属材料.也称为硅酸盐材料此外还有水泥和陶瓷钠玻璃是用纯碱(即碳酸钠)硅酸钠.以及过量的SiO2放入玻璃熔炉制得.钠玻璃的成分为Na2SiO3 CaSiO3  SiO2</t>
  </si>
  <si>
    <t xml:space="preserve">星期天的早晨雾茫茫的下一句是？ </t>
  </si>
  <si>
    <t>星期天的早晨雾茫茫；倒垃圾的老头排成行；队长一指挥，冲向垃圾堆；破鞋子，破袜子漫天飞。</t>
  </si>
  <si>
    <t xml:space="preserve">我要如何才能有林青霞那样的美 </t>
  </si>
  <si>
    <t>林青霞从琼谣剧中的花瓶开始，到后来东方不败中女拌男装，到今天面对镜头的随性而至。我认为她今天的美不是天生的，也不是一触而蹴的，这期间经历了岁月和世间冷暖的漫长历练。是一种洗尽铅华的本色流露，是一种看尽世间风景的释然。这应该是一种气质，一种生活态度，比美更深入，更具有魅力</t>
  </si>
  <si>
    <t xml:space="preserve">吃药的问题感冒药和消炎药和稀释痰的药和清热解毒的药能同时吃吗？ </t>
  </si>
  <si>
    <t>药是不可以乱吃的，更不可以没在医生的指导下混合吃，不然会给你带来严重后果的哦！</t>
  </si>
  <si>
    <t xml:space="preserve">梦幻西游中定心套装能加多少法术伤害#55 </t>
  </si>
  <si>
    <t>加15%的灵力</t>
  </si>
  <si>
    <t xml:space="preserve">请大师帮忙算一下我的结婚良辰吉日，拜谢~我的生日为1983年9月 </t>
  </si>
  <si>
    <t>我结婚时自己选了一个双方都方便的日子，现在我结婚已经８年了，和老公生活得很幸福．有些时候不用太计较这些，只要你有时间，哪天都是黄道吉日．祝你们新婚幸福！！</t>
  </si>
  <si>
    <t xml:space="preserve">饭后用茶水漱口好不好？ </t>
  </si>
  <si>
    <t>茶水漱口防龋自古以来就有以饮茶和茶水漱口，作为防龋的方法。　　据记载，我国大文豪苏轼就曾自己创造了一套浓茶固齿法：把普通的茶泡得浓浓的，在饭后用来漱口，既去了腻味，又不伤脾胃。残留在齿缝里的肉屑便会“不觉脱去”，不需要再剔牙，而“齿性便若缘此渐坚密，蠹病自己。”这种护齿方法得到现代的认可，认为用茶漱口有其道理：因吃饭时要分泌大量带酸性的唾液。茶中含咖啡碱和茶碱，带碱性，饭后用茶水漱口，使酸碱中和，能令口腔清洁，残留口中的酸碱麻辣诸味一扫而光，味觉神经疲劳得以恢复。　　茶水预防龋病。根据国内研究证明，茶叶能防龋的主要成分是含有氟和儿茶酚等物质。氟离子可将牙釉质中的羟基磷灰石变为氟磷灰石，改善了牙釉质的结构，增强其抗酸的作用；儿茶酚等物质可抑制口腔内变形链球菌（即致龋菌）的增殖。曾经有人做过调查，８～９岁的儿童每晨用茶水漱口一次，两学期后，龋齿减少７０％。　　茶水含有碱性物质，其除污解腥、消腻之功效远比一般清水强。日常饭后常用茶水漱口，能去污、杀菌、消炎，达到健齿强身的作用。目前在欧美许多国家，已将饭后饮茶，作为解决由于饮食乳酪、肉类较多而引起口臭的措施之一。铁观音的功效　　日常饮食附着在齿缝间隙的食物残渣，如不及时洗漱、刷净，容易被口腔中的细菌、生物酶所分解或者发酵，产生含氨毒物及亚硝酸盐等的致癌物质。由于在茶的鞣酸中含有一种活性成分，经动物实验已证明它有抗癌的作用，故常用茶水漱口，还有利于对抗口腔内可能存在的致癌物质。</t>
  </si>
  <si>
    <t xml:space="preserve">母爱是每个女人都有的吗？变质的母爱会什么样？ </t>
  </si>
  <si>
    <t>一分为二！</t>
  </si>
  <si>
    <t xml:space="preserve">重装系统后，只有一个Ｃ盘了，该怎么重新划分硬盘？刚刚重新装的ＸＰ </t>
  </si>
  <si>
    <t>利用磁盘分区大师（PQ）进行重新分区，步骤如下：1、先在BOIS设为光驱启动。2、重启电脑，将PQ启动盘放进光驱。3、启动后，选择PQ分驱4、选择“调整分驱容量大小”进行调整。5、选择应用就OK了</t>
  </si>
  <si>
    <t xml:space="preserve">上海哪有过刊批发本年的过期杂志 </t>
  </si>
  <si>
    <t>你可以到文庙看看，尤其是星期天的时候，很多过期的杂志都有卖，不过那里关门很早，下午3点就要关门了</t>
  </si>
  <si>
    <t xml:space="preserve">猴子分桃一堆桃子，5只猴子分，第一只把它平均分成5堆，还剩1个， </t>
  </si>
  <si>
    <t xml:space="preserve">最少的情况最后一只猴子拿的自己一份为x。总数为：{{[（x*5+1）*5/4+1]*5/4+1}*5/4+1}*5/4+1 第四只猴拿的桃数为y4=（x*5+1）/4 第三只猴拿的桃数为y3=[（x*5+1）*5/4+1]/4 第二只猴拿的桃数为y2={[（x*5+1）*5/4+1]*5/4+1}/4 第一只猴拿的桃数为y1={{[（x*5+1）*5/4+1]*5/4+1}*5/4+1}/4 y1 y2 y3 y4为正整数 y4=x+（x+1）/4为正整数则x=4k-1（被4除余三）（k=1，2，3。。。。） y4=5k-1 y3=[(5k-1）*5+1]/4=5k-1+5k/4为正整数k=4m（k被4整除）（m=1，2，3。。。。） y3=25m-1 同理y2=125n-1 m=4n（n=1，2，3。。。。） y1=625l-1 n=4l （l=1，2，3。。。。） l取1为最小值 y1=624 y2=499 y3=399 y2=319 y1=255 总桃数为 624*5+1=3121还可以这样想：给所有的桃子加上4个 一个数加上4要被5整除5次 这个数就是5×5×5×5×5－4=3121 </t>
  </si>
  <si>
    <t xml:space="preserve">请大家帮我看看这个问题请有经验的姐妹们帮我看看，我老公在前晚吃火 </t>
  </si>
  <si>
    <t>呵呵 相信自己吧.别迷信啊.祝你早日好孕&gt;</t>
  </si>
  <si>
    <t xml:space="preserve">学妹要得多少分 </t>
  </si>
  <si>
    <t>只要您的知识人积分超过500分，达到501分的时候，就是学妹了。其实目前“学妹”算是较低的级别了，要争取做文曲星！</t>
  </si>
  <si>
    <t xml:space="preserve">请问智能障礙是什么意思？是智障的意思么? </t>
  </si>
  <si>
    <t>智能障碍就是进行智慧活动的能力发展受到阻碍或产生缺陷，致使个体对环境的适应发生困难而表现智能低下，或因大脑结构的弥散性损害而使患者在意识清晰的背景上出现持久的、全面的智能减退。</t>
  </si>
  <si>
    <t xml:space="preserve">求方便好用的调汇表不知哪位大侠有比较简单实用的调汇表格呢？可否参 </t>
  </si>
  <si>
    <t>一般财务软件都是可以设置的，分两种情况 ：一种固定汇率另一种变动汇率固定汇率每月只有一个记账汇率，一般用的是上个月的调汇汇率变动汇率是每天都有不同的记账汇率及调汇汇率无论哪一种只有设置好都能实现自动生成凭证，非常快捷方便...</t>
  </si>
  <si>
    <t xml:space="preserve">骨刺治疗方法坐骨神经痛，走路做不动，人站不直。有骨刺。 </t>
  </si>
  <si>
    <t xml:space="preserve">我对骨质增生一点认识，希望对你有帮助。骨质增生，也称骨刺或骨赘，绝大部分是人体骨关节处缓慢出现的一种退化现象，人体要生长、衰老，就不可避免地会出现骨质增生，只是早晚而已。在门诊治疗中，遇到许多腰腿疼、颈椎病、关节疼患者，一经拍片发现有骨质增生现象就忧心忡忡，到处寻找治疗骨质增生的良方，社会上也出现了许多治疗骨质增生的专科和药物。众说纷纭，有的甚至称其产品可以软化、清除骨刺，这实际是一种不负责任的说法，误导广大患者。人体在40岁左右，可陆续出现一系列的衰老现象，骨质增生只是其中的一种，这是机体对退化的适应性机制。人体的自然老化或过度劳损，引起退行性改变，出现关节不稳、局部应力失去平衡。机体为适应此种变化，在受力不平衡的部位，以骨质增生的形式增加韧带强度（有可能是韧带近骨端骨化形成骨刺），加强关节之稳定，维持关节的正常机能。这个过程较长，进展缓慢。速度因身体状况和体力劳动强度而异。身体素质低下，劳损重者出现早，进程快。多数骨质增生出现在关节周边或韧带部位，并不引起人体疼痛、麻木等症状，只有在一些重要部位，如椎体后缘及椎体小关节等处过度增生，并确实引起症状时，才可以称之为病，但这种情况比较少见。许多人认为是骨质增生压迫了神经而引起疼痛，这是一种不正确的论点，在此基础上采取的各种治疗也是不确切的。实际上多数骨关节疼痛先于骨质增生，或与骨质增生同步出现。骨关节疼痛并不是骨质增生惹的祸。这在临床治疗中也可得到了证实。譬如：骨质增生伴骨关节疼痛的病人，经保守疗法治疗，疼痛消失后骨质增生仍在，一点也不会减少。再者中老年人都不同程度地存在骨质增生，但不是都有疼痛。特别是多数老年人骨质增生严重，关节僵硬，但并无丝毫疼痛，这是骨质增生稳定了关节所致。所以把骨质增生作为病来治疗是不必要的，骨质增生在人体内也不可能被药物软化、清除的。然而，我们并不排除骨质增生压迫神经的可能性，只有在CT或MRI证实且经保守治疗无效者，才可针对其进行手术治疗。既然大多数情况下骨质增生不是引起疼痛的原因，那又是为什么呢？这主要是因为随着年龄的增长及过度劳损，使人体老化、韧带松弛、关节软骨变薄、骨萎缩、椎间盘失膨隆等造成关节失稳，关节内外应力改变，损伤了关节、韧带，形成炎性反应，致痛物质逸出、积聚，最终引起疼痛反应。使用非甾体类消炎镇痛药物可获良好效果。理疗、膏药、中药熏洗、溻渍等可以改善局部血液循环，对促进炎症消退，缓解疼痛也有一定效果。但是，骨刺是去不掉的、软化不了的。假如真的去掉了骨刺，关节将更加不稳，症状会更重。本病的真正原因是人体的退行性改变所导致的一系列变化，与“骨刺压迫神经”无关。骨质增生是人体有益的适应机制，所以该病名定为“退行性关节炎”、“退行性腰腿疼”、“退行性筋骨病”比较恰当。对该病的治疗使用非甾体类消炎镇痛药、理疗、膏药、中药熏洗、溻渍等方法，只是针对最后一个环节，治标不治本，疗效快捷但不持久。笔者在临床工作中以“强筋壮骨浓缩剂”为基础，辩证治疗“退行性筋骨病”收到了良好的效果。该药增强体质、延缓衰老、调节机体免疫力，增强肌力及韧带张力，改善骨及关节软骨代谢，稳定骨关节系统。是治疗退行性筋骨病（“骨质增生”）的治本之剂，可达“长治久安”之效。运用此法治疗退行性关节炎，应用越早，效果越好。如果失治误治，到了晚期，关节软骨破坏严重之时，强筋壮骨也无回天之力。本文摘自 网，欢迎访问，认识南阳党医生。党医生在线答疑 </t>
  </si>
  <si>
    <t xml:space="preserve">请问花花、Q圣人“未指定交易不允许委托，金额计算”什么意思我在广 </t>
  </si>
  <si>
    <t>用上海股票账户交易时，需在交易时间内打你办理股票账户的证券公司电话，根据提示开通“上海指定交易”后才能进行股票交易，深圳股票账户不需要另外开通。</t>
  </si>
  <si>
    <t xml:space="preserve">这个奇迹11弓怎么样？这个弓值多少钱啊？是修过还是没修过的 </t>
  </si>
  <si>
    <t>肯定修过了.耐久太低了.只能算2手.甚至3手...而且敏也一般.网通道具的话可以卖2片.</t>
  </si>
  <si>
    <t xml:space="preserve">意料之外,情理之中~~~~请大家看一眼01切尔西VS波尔多302 </t>
  </si>
  <si>
    <t xml:space="preserve">01 切尔西 VS 波尔多 31 02 罗　马 VS 克卢日 30 03 帕纳辛 VS 国　米 30 04 巴塞尔 VS 矿　工 05 巴　萨 VS 里斯本 3006 埃因霍 VS 马竞技  07 马　赛 VS 利物浦 08 曼　联 VS 维拉利 3009 凯尔特 VS 奥尔堡 3110 布加勒 VS 拜　仁 3011 里　昂 VS 佛罗论  12 波尔图 VS 费内巴 13 迪纳摩 VS 阿森纳 3014 尤　文 VS 泽尼特 30 </t>
  </si>
  <si>
    <t xml:space="preserve">国外有没有像“游侠补丁网”一样的游戏破解网站游侠补丁网出的“免c </t>
  </si>
  <si>
    <t>有多是很雑的（含有X情?V告成分）</t>
  </si>
  <si>
    <t xml:space="preserve">有几个问题1.成长曲线怎么看?2.能不能给我几个妖人的英文名字? </t>
  </si>
  <si>
    <t xml:space="preserve">1.看成长曲线的方法 红色的成长曲线是自己长的状况，蓝色那条是自己培养的状况，可以比电脑自己长的状况高，也可以低。主要是看蓝色那条蓝色曲线增长的幅度越陡，长的就越快，曲线的顶端越接近图表的顶端，说明这个人的素质越变态。图表中间有些竖线，代表年龄，很多人的停长年龄都不一样，若曲线到一个年龄前变平了，就停长了，到一个年龄曲线下降，素质就开始下降了。但有些人很怪，长到一定年龄会停，然后过几年会继续长2.实况8PC版电脑生成妖人1 妖人纳达尔，西班牙，27岁，身高197，防守89，平衡99，体能99，最快速度99，加速度93，反应99，长传99，短传99，头球精度86，弹跳99，球感76，可打中后卫。（没有过训练）2 胡夫，荷兰，20岁，身高182，左脚，位置除了中锋和门将外都可打。防守77，平衡99，体能97，最快速度86，加速度85，反应92，射门力量96，弹跳93，配合能力84。3 恩科里奇（NIKOLIC）德国，20岁，身高179，防守71，平衡99，体能98，最快速度98，加速度98，反应98，带球速度98，射门力量98，弹跳98。可打中后卫边后卫。4 ZAORIC 斯罗文尼亚，20岁，左脚，身高180，进攻80，平衡97，体能89，最快速度93，加速度87，反应93，敏捷性80，带球精度83，带球速度89，传球精度速度85以上，射门精度83，射门力量91，射门技巧81，任意球81，弧度83，弹跳91，球感91，可打中锋，前腰，边前卫。（强烈推荐）5 索尔多，（SOLDO）克罗地亚，20岁，身高189，防守66，平衡96，体能92，最快速度90，加速度81，反应97，带球速度77，射门力量93，弹跳90，配合能力84，可打中后卫，后腰。6 费蒂楠得，英格兰，20岁，身高180，进攻70，平衡96，体能96，最快速度97，加速度97，反应97，带球速度96，射门力量96，弹跳97，可打中锋。7， 帕留伊斯塔（PAULISTA） 巴西，20岁，身高165，进攻61，平衡97，体能85，最快速度97，加速度97，反应97，敏捷性93，带球精度87，带球速度97，射门力量97，弹跳81，球感91，可打前腰，中前卫。8， CRAIOVEANU 罗马尼亚，20岁，左脚，身高182，进攻70，平衡97，体能95，最快速度95，加速度97，反应92，敏捷性97，带球速度97，射门力量97，弹跳97，可打中锋，边前卫 3.1.“R2”这是一个卡位键，在和对方拼抢时，跟着对方跑，当你身位在他前面一点时，按这个键防守，后卫就会直接做出一个横跨的动作，断下或破坏对方的球。当对方试图在边路内切时，按着这个键，后卫的重心会放得较低，对方不容易过去，也不会轻易的丢掉位置，但行动较迟缓。2.“R2”在边路时有重要作用。在边路可作二过一，你传完球后按住R2，刚刚传完球的队员会高速插上，直塞给他。3.“R2+方向”这个组合键是依住后卫晃动过人，大家都会用，方向由大家任意发挥，用得越熟越好，好看，实用。前+R2 中速带球 ，R2+六方向（除了左/右） 指定方向转身 ，横向拉球时按后 身体朝向不变的向后拉球（最多可拉8-10步），R2+左/右 横向拉球过人（这里的左右以带球方向为准） ，不按任何键可以继续趟球，最大10步 4。R2 对方铲球时跳起。5。R2+方向， 强制移动，防守卡位。R1+R2 也是强制移动， 取消追球意图。6。还有些花哨动作，不见得适用，，R2+后 踩球转身,（就是踩着球跳到前面）。R2+○ 更高弧度长传（对方禁区弧顶内）□+R2 射门取消（对方半场） ○+R2 长传取消（本方对方禁区弧顶外）， R2+R2 踩单车（共跨一次，由利足发动） R2+R2→斜前方45度 跨球后斜侧趟球 7.再补充一点，运球盘带时，R2可急停，松开方向，按R2，急停，如果在对方禁区，松开方向，按R2，可急停护球，并转身面对对方门将。。。4.现在应该有买了，下载都有了啊5。应该可以吧希望我的回答您能满意。祝你好运，玩得愉快~~~~~~~~~~~！ </t>
  </si>
  <si>
    <t xml:space="preserve">有了飞剑，装备了没亮？？？ </t>
  </si>
  <si>
    <t xml:space="preserve">是精力满的时候就能用飞剑了 装备了飞剑怎么才可以飞？ 只要在精力条满的情况下点击法宝栏最右边的“飞行”就可以了。 </t>
  </si>
  <si>
    <t xml:space="preserve">星座配水晶的方法什么星座适合佩戴什么水晶? </t>
  </si>
  <si>
    <t xml:space="preserve">十二幸运水晶详解 ★水瓶座 1月21日—2月19日生 星座守护石：红纹石、红宝石、粉晶； 各种助运物： ． 基本助运物：金发晶； ． 恋爱助运物：紫水晶； ． 财运助运物：金发晶； ． 健康助运物：黑玛瑙； ． 人际运助运物：粉晶； ． 事业运助运物：莹石； ． 家庭运助运物：粉晶； ． 学习运助运物：红绿宝； 双鱼座 2月20日—3月20日生 星座守护石：紫水晶、碧玺、月光石、玛瑙； 各种助运物： ． 基本助运物：红绿宝； ． 恋爱助运物：玛瑙； ． 财运助运物：黄水晶； ． 健康助运物：莹石； ． 人际运助运物：紫水晶； ． 事业运助运物：红纹石； ． 家庭运助运物：玛瑙； ． 学习运助运物：血石； 白羊座（牧羊座） 3月21日—4月20日生 星座守护石：碧玺、紫水晶、石榴石； 各种助运物： ． 基本助运物：玛瑙； ． 恋爱助运物：火玛瑙； ． 财运助运物：黄水晶； ． 健康助运物：紫水晶； ． 人际运助运物：紫水晶； ． 事业运助运物：青金石； ． 家庭运助运物：粉晶； ． 学习运助运物：莹石； 金牛座 4月21日—5月21日生 星座守护石：金发晶、海蓝宝； 各种助运物： ． 基本助运物：红纹石； ． 恋爱助运物：红绿宝； ． 财运助运物：黄水晶； ． 健康助运物：虎眼石； ． 人际运助运物：绿幽灵； ． 事业运助运物：青金石； ． 家庭运助运物：粉晶； ． 学习运助运物：金发晶； 双子座 5月22日—6月21日生 星座守护石：海蓝宝、莹石、黄水晶、黄玉； 各种助运物： ． 基本助运物：黑玛瑙； ． 恋爱助运物：粉晶； ． 财运助运物：黄水晶； ． 健康助运物：黄玉； ． 人际运助运物：玛瑙； ． 事业运助运物：玛瑙； ． 家庭运助运物：粉晶； ． 学习运助运物：紫水晶； 巨蟹座 6月22日—7月22日生 星座守护石：玛瑙、绿陨石、月光石； 各种助运物： ． 基本助运物：青金石； ． 恋爱助运物：粉晶； ． 财运助运物：玛瑙； ． 健康助运物：金发晶； ． 人际运助运物：红纹石； ． 事业运助运物：红绿宝； ． 家庭运助运物：紫水晶； ． 学习运助运物：莹石； 狮子座 7月23日—8月23日生 星座守护石：碧玺、石榴石、黄水晶、红宝石、月光石； 各种助运物： ． 基本助运物：粉晶； ． 恋爱助运物：莹石； ． 财运助运物：黄水晶； ． 健康助运物：黄水晶； ． 人际运助运物：紫水晶； ． 事业运助运物：红绿宝； ． 家庭运助运物：青金石； ． 学习运助运物：莹石； 处女座 8月24日—9月23日生 星座守护石：黄水晶、海蓝宝、红绿宝； 各种助运物： ． 基本助运物：粉晶； ． 恋爱助运物：红绿宝； ． 财运助运物：黄水晶； ． 健康助运物：黄水晶； ． 人际运助运物：紫水晶； ． 事业运助运物：虎眼石； ． 家庭运助运物：青金石； ． 学习运助运物：紫水晶； 天秤座 9月24日—10月23日生 星座守护石：绿陨石、碧玺、海蓝宝、紫水晶； 各种助运物： ． 基本助运物：红纹石； ． 恋爱助运物：莹石； ． 财运助运物：玛瑙； ． 健康助运物：黑玛瑙； ． 人际运助运物：粉晶； ． 事业运助运物：红纹石； ． 家庭运助运物：粉晶； ． 学习运助运物：紫水晶； 天?座 10月24日—11月22日生 星座守护石：碧玺、月光石、石榴石； 各种助运物： ． 基本助运物：黑玛瑙； ． 恋爱助运物：红绿宝； ． 财运助运物：黄水晶； ． 健康助运物：玛瑙； ． 人际运助运物：粉晶； ． 事业运助运物：莹石； ． 家庭运助运物：粉晶； ． 学习运助运物：紫水晶； 人马座（射手座） 11月23日—12月21日生 星座守护石：红宝石、紫水晶、粉晶、碧玺； 各种助运物： ． 基本助运物：玛瑙； ． 恋爱助运物：紫水晶； ． 财运助运物：黄水晶； ． 健康助运物：红纹石； ． 人际运助运物：粉晶； ． 事业运助运物：虎眼石； ． 家庭运助运物：青金石； ． 学习运助运物：玛瑙； 魔羯座（山羊座） 12月22日—1月20日生 星座守护石：石榴石、海蓝宝、紫水晶、碧玺； 各种助运物： ． 基本助运物：紫水晶； ． 恋爱助运物：粉晶； ． 财运助运物：黄水晶； ． 健康助运物：虎眼石； ． 人际运助运物：粉晶； ． 事业运助运物：红绿宝； ． 家庭运助运物：红纹石； ． 学习运助运物：紫水晶； </t>
  </si>
  <si>
    <t xml:space="preserve">请大家猜个字谜艳日荷花取心红，残月影下友情浓，无奈您却心在上，清 </t>
  </si>
  <si>
    <t>最爱你的人是我</t>
  </si>
  <si>
    <t xml:space="preserve">我想请问一个关于网易126邮箱的一个问题双方都是这个邮箱,一个在 </t>
  </si>
  <si>
    <t>既然是同一个网站上的邮箱，使用的协议是一样的，因此就不会出现你说的问题．网易信誉度还是高的．</t>
  </si>
  <si>
    <t xml:space="preserve">为什么长颈鹿的脖子这么长? </t>
  </si>
  <si>
    <t>考试的时候偷看方便啊！</t>
  </si>
  <si>
    <t xml:space="preserve">新技能？哈哈。笑死我了1个38JPF用了35的虚实2被我连盖了3 </t>
  </si>
  <si>
    <t>这么说，这个新技能就是起迷惑作用，在虚实的基础上加了个DD！只要判断好的话还是好冒的！但是，最难在判断的时候！那个38的PF估计会郁闷一阵子了！也可能直接就把新技能卸了！</t>
  </si>
  <si>
    <t xml:space="preserve">兑换礼品兑换新浪爱问的礼品竟如此之难。 </t>
  </si>
  <si>
    <t>兑换礼品是不太容易，但在爱问获取礼品的方式还有很多，比如：积极参与爱问的各项活动，给爱问提出合理化建议并被编辑采纳等都有机会获得相应的礼品。现在就可以去试试你的运气了： 期待你的参与哦：）祝好运！！</t>
  </si>
  <si>
    <t xml:space="preserve">门里面一个言字念什么？拼音怎么打？ </t>
  </si>
  <si>
    <t>读"yin",意思:辩论时态度好.</t>
  </si>
  <si>
    <t xml:space="preserve">请问CDRW的全名和含义. </t>
  </si>
  <si>
    <t>CDRW（CD-Rewritable，可重复刻录光盘）</t>
  </si>
  <si>
    <t xml:space="preserve">病患咨询:羊角风的护理方法有哪些 </t>
  </si>
  <si>
    <t>细心照料患儿的饮食起居，尽量避免一切诱发癫痫发作的因素，特别是减小各种感染引起的发热。当患儿体温超过38℃时，常易引起热性惊厥，诱使癫痫发作。而肠道感染、吐泄会使患儿体液大量丢失，水、电解质平衡紊乱，诱发癫痫。当患儿一旦出现高热时，一定要积极就医治疗，采取降温措施。癫痫患儿如果智力无低下，应与其他儿童一样上学，但学习不要太累，注意保证充足的休息和睡眠，可以参加适当的体育活动（不能过于劳累），尽量不要游泳、爬山、荡秋千等。发作前期的癫痫发作护理。所谓有发作预兆病人的癫痫护理，指患者在发作前出现了预兆。癫痫病人应做好心理准备，同时告知家属或周围人，因为发作不可避免，有条件及时间可将病人扶至床上，来不及就顺势使其躺倒，防止意识突然丧失而跌伤，迅速移开周围硬物、锐器，减小发作时对身体的伤害。</t>
  </si>
  <si>
    <t xml:space="preserve">选购刻录机速度越快越好吗？ </t>
  </si>
  <si>
    <t>对于速度，人们总是不断的追求更高更快，刻录机也不例外，从最初的一倍速，二倍速，现在的刻录机已经达到了48倍速甚至更快，一般而言一倍速为150KB/S，40倍速已经可以达到6MB/S，一张680M的光碟，不到2分钟即可完成，确实速度惊人！那么是不是速度越快越好呢，其实不然，一来以这么高的速度刻录光盘，稍有问题就会导致刻录失败，变成坏盘；二来由于-R盘片本身有速度限制，大部分CD-R并不能达到如此高的刻录速度，而达到这种刻录速度的盘片价格又非常昂贵，长期使用是一项不小的开支，实际使用中一般以8倍速或12倍速的CD-R盘片居多，因此也不要盲目追求刻录机的高速度。　　另外，刻录机的指标中一般会有多个速度表示，如：40X12X48X，这一指标就表示这款刻录机具有40倍速的写入速度、12倍速的CDRW复写速度以及48倍速的读取速度，写入速度一般与CD-R相关，即我们刻盘的速度；复写速度一般与CD-RW相关，是指我们将CD-RW作为大容量磁盘使用的速度；而读取速度就是指将刻录机作为光驱时读取数据的速度，我们一般称多少倍速的刻录机通常是称它的写入速度。　　一般而言，一台24倍速的刻录机已经足够满足你的需要，不过既然现在市面上大多流行40倍速的刻录机，你也就随随大流吧。</t>
  </si>
  <si>
    <t xml:space="preserve">PS2接AV线的画面是不是跟色差线的画面没法比啊?顺便问下色差线 </t>
  </si>
  <si>
    <t>色差比AV强多了原装200多组装15建议买组装效果差不多</t>
  </si>
  <si>
    <t xml:space="preserve">如何把其他格式的音乐转成MP3格式啊?例如把波形声音换成MP3格? </t>
  </si>
  <si>
    <t>去下载一个软件新浪下载里面就有转换的软件很多种呢 自己找吧</t>
  </si>
  <si>
    <t xml:space="preserve">尿急尿痛，尿道瘙痒是怎么回事？一周前出现尿急尿痛，尿道瘙痒，自己 </t>
  </si>
  <si>
    <t>您好 ，根据您的描述您可能是尿道感染引起的尿道炎。 建议您最好到权威正规的医院进行相关的检查，明确具体的病因后针对治疗才有效果。上海万众男科医院是一所正规的综合性大型医院，男性生殖健康免费普查的活动，百元检查项目免费，你去那里看看吧。现在在开展祝您早日康复！</t>
  </si>
  <si>
    <t xml:space="preserve">歌曲适合跳现代舞的歌，谢谢了！ </t>
  </si>
  <si>
    <t>i saw you walking in the rainstop stop stop单程车票眉飞色舞不如跳舞</t>
  </si>
  <si>
    <t xml:space="preserve">《山东省基本建设项目登记备案办法》 </t>
  </si>
  <si>
    <t xml:space="preserve"> 山东省发展和改革委员会关于印发《山东省基本建设项目登记备案办法实施细则》的通知 各市计委，省直有关部门，计划单列企业集团，省属各大企业：　　《山东省基本建设项目登记备案办法》已经省政府第146号令发布。现将《山东省基本建设项目登记备案办法实施细则》印发给你们，请遵照执行。                    　　　　　　　　 二OO四年四月一日 《山东省基本建设项目登记备案办法》实施细则　　第一条 根据山东省人民政府令第146号发布的《山东省基本建设项目登记备案办法》（以下简称《办法》），结合实际，制定本实施细则。　　第二条 除国家法规规定的之外，在本省行政区域内基本建设项目登记备案，均执行《办法》和本实施细则。　　第三条 除《办法》第三条规定的六类项目外，其他各类基本建设项目一律实行登记备案。　　第四条《办法》第三条规定的不实行登记备案的六类项目具体范围的界定。　　（一）国家产业政策限制发展的项目，是指在国务院、国家发展改革部门和省政府制定的产业政策及指导投资方向的有关文件中，规定限制和控制投资建设的项目。省发展计划主管部门将汇集有关文件资料，不定期向社会公布。　　（二）基础设施和自然垄断性行业的项目，是指水利、电力（含热电联产）、煤炭、核能、石油天然气、矿山开采、公路、铁路、桥梁、港口（含码头）、机场、通信、城市基础设施、环境保护、风景名胜区等行业领域的建设项目。　　（三）政府投资的项目，是指项目建设资金中包含财政预算内资金、政府专项建设资金和由上述资金提供担保进行融资的项目。　　（四）机关和事业单位建设的项目，是指各级党委、人大、政府。政协、社会团体和事业单位兴建的各类建设项目。　　（五）利用国外贷款的项目，是指利用国际金融组织贷款、外国政府贷款和国际商业贷款的项目。　　（六）国内政策性贷款的项目，是指国家开发银行、中国进出口银行、中国农业发展银行为贯彻国家产业政策、区域发展政策安排的贷款项目，各类贴息贷款项目，省基建基金等政府委托投资公司发放贷款的项目，以及政府协调金融机构安排的专项贷款项目。　　第五条 项目登记备案按属地原则实行分级管理。　　省级发展计划部门负责办理中央驻鲁和省属企业项目的登记备案。　　市级发展计划部门负责办理市属企业项目的登记备案。　　县（市、区）发展计划部门负责办理县（市、区）属项目的登记备案。　　无隶属关系企业项目的登记备案，按照属地原则，由市县两级发展计划部门办理。　　第六条 国家级开发区内项目的登记备案，由开发区投资主管部门办理，并报当地发展计划部门备案。省级以下（含省级）开发区内项目的登记备案，由市、县（市、区）发展计划部门按隶属关系办理。　　第七条 实行登记备案的项目，由企业填写登记备案申请表，并向登记备案机关提交以下材料。　　（一）企业决定项目投资建设的正式文件或董事会决议。　　（二）企业营业执照副本。新设立企业而尚未办理工商登记的，需出具各出资方关于项目建设的合作协议等有效文件。　　（三）项目简介或项目可行性研究报告。总投资1000万元以下项目提交项目简介；总投资1000万元以上项目提交项目可行性研究报告，其中总投资1亿元以上项目可行性研究报告应当由具备乙级以上工程咨询资质的咨询机构编制。　　（四）环保部门出具的环境影响评价批准文件。　　（五）土地管理部门出具的新增建设用地土地预审文件，不需新增建设用地的，出具原有土地证明。　　（六）在城市规划区内或对城市规划有重大影响的项目，由规划管理部门出具的建设项目规划选址意见书。　　第八条 同时具备以下两项条件的项目，可实行简化登记备案。　　（一）不需新增建设用地的。　　（二）国家环境保护总局公布的《建设项目分类管理名录》（第一批）规定的第三类“建设项目对环境影响很小不需进行环境影响评价的”。　　第九条 实行简化登记备案的项目，由企业填写登记备案（简化）申请表，并向登记备案机关提交以下材料。　　（一)企业决定项目投资建设的正式文件或董事会决议。　　（二）企业营业执照副本。　　（三）原有土地证明。　　（四）项目简介或项目可行性研究报告，具体要求同第七条。　　第十条 登记备案机关根据《办法》的规定对企业报送的登记备案材料进行审核，并在自收到企业相关资料之日起3个工作日内办结。　　对符合规定的项目，予以登记备案并出具登记备案证明；　　对不符合规定的项目，不予登记备案，并书面说明理由；　　申请资料不齐全或有误的，将需要补充改正的材料内容和要求一次性告知申请人。　　第十一条 登记备案项目实行全省统一编码，具体编码方法按附件执行。　　第十二条 登记备案证明由省发展计划部门统一印制。　　第十三条 为便于重大项目的信息汇集和宏观管理，对登记备案的项目实行上级备案制。　　市、县（市、区）和国家开发区登记备案机关出具的总投资5亿元以上项目的登记备案证明，在10日内将副本抄报省发展计划部门。　　县（市、区）出具的总投资2亿元以上项目的登记备案证明，在10日内将副本抄报市发展计划部门。　　第十四条 凡实行登记备案的项目，不再办理投资许可证。　　第十五条 项目发生重大变更的界定。　　（一）建设地点发生变更是指项目建设地点在县（市、区）域间发生变化的。　　（二）主要建设内容发生变化是指主要产品发生变更、主要建筑物及构筑物面积超过或低于原登记备案面积30％的。　　（三）建设规模有较大变动是指年生产规模超过或低于原登记备案额30％的。　　（四）变更建设方案可能对环境产生重大影响是指变更建设方案后，按照环境保护分类管理的规定，项目由原登记时对环境可能造成轻度影响或影响很小的二、三类，变更为对环境可能造成重大影响的一类，按有关规定必须重新进行环境影响评价的。　　第十六条 已办理登记备案的项目，项目法人发生变更的，需重新办理项目登记备案。　　第十七条 已办理登记备案的项目，因资金来源和建设内容等发生变化导致项目性质发生改变，因而不属于登记备案项目范围的，应按规定程序重新进行审批。　　第十八条 登记备案项目建设单位在项目完工后；应填写项目竣工情况表，及时向登记备案机关报送完工情况。　　第十九条 按《办法》规定应当实行登记备案的项目，因特殊原因需审批的，由企业提出申请，经发展计划部门审查同意，可按规定程序进行审批。在企业申请报批时，登记备案机关应向企业履行告知义务。　　第二十条 提供虚假资料或者采取其他手段骗取登记备案证明的，由负责管辖的登记备案机关依据《办法》进行处罚，取消其登记备案证明，并处2－3万元罚款。　　第二十一条 应办理而未办理登记备案手续擅自开工建设的，或项目发生重大变更而未重新办理登记备案手续的，由负责管辖的登记备案机关责令限期改正。在规定期限内未予改正的，登记备案机关依据《办法》进行处罚。其中，应办理而未办理登记备案手续擅自开工建设的可处1－2万元罚款；项目发生重大变更而未重新办理登记备案手续的可处5000元以下罚款。　　第二十二条 登记备案机关实施处罚时，依照《行政处罚法》规定的程序进行。　　第二十三条 登记备案机关对违反《办法》和本细则规定的企业，在一定范围内进行通报。　　第二十四条 登记备案主管部门应当对登记备案项目进行规范管理，并为企业提供高效服务。根据国家产业政策和发展规划，加强对登记备案项目的宏观指导和监督管理，及时汇总、分析和发布项目信息，正确引导投资方向。　　第二十五条 登记备案机关进行项目登记备案管理及行政监督时，不得向任何企业和个人收取任何费用。　　第二十六条 登记备案机关及有关责任人违反《办法》和本细则规定，对符合规定的项目，拖延、拒绝办理登记备案手续，或为不符合规定的项目出具登记备案证明的，登记备案主管部门将责令限期改正，并对有关责任人进行批评教育，情节严重的给予行政处分。　　第二十七条 本实施细则自2004年4月1日起施行。</t>
  </si>
  <si>
    <t xml:space="preserve">什么样的咳嗽会传染?跟我经常一起的几个人也都有咳嗽,咳嗽时都有痰 </t>
  </si>
  <si>
    <t>排放细菌的咳嗽一般都会传染。</t>
  </si>
  <si>
    <t xml:space="preserve">职业技能问题三士能不能学因果？能到几级？（应该不会不知道三士是什 </t>
  </si>
  <si>
    <t>5.0新开技能各职业上限图表：黑色的方框代表无法学习灰色的方框代表无法学习。不过，如果使用采集系转职的话，可能会学。红色的字体为专职，表示打卡烧技能技能经验为+21。除骑程技能以外，其他所有技能均为三转上限，四转上限一般只需要+1等级即可。</t>
  </si>
  <si>
    <t xml:space="preserve">未煮熟的豆浆有什么毒 </t>
  </si>
  <si>
    <t>喝豆浆要注意的：豆浆一直是人们非常喜欢的，对人体也非常有好处，可是豆浆是属寒性的，所以有胃寒，比如吃了饭以后消化不好、爱打嗝、碍气的人，还有脾虚的，比如有腹泻、胀肚的人不要喝。同时，因为豆浆在体内的代谢过程当中，会在细胞里产生核酸、尿酸，所以患尿酸增多症的病人也不能喝豆浆。另外，肾脏功能不好、肾功能衰竭、氮质血症的病人不要喝豆浆，因为豆浆中的植物蛋白会增加肾脏的负担。豆浆也并非人人皆宜,祖国医学认为：豆浆性平偏寒而滑利，平素胃寒，饮后有发闷、反胃、嗳气、吞酸的人，脾虚易腹泻、腹胀的人以及夜间尿频、遗精肾亏的人，均不宜饮用豆浆。同时喝豆豆浆还要注意：喝豆浆有七忌1、忌喝未煮熟的豆浆。没有煮熟的豆浆含皂甙、胰蛋白酶抑制物有毒物质，会导致蛋白质代谢障碍，并引起中毒症状。2、忌在豆浆里打鸡蛋。鸡蛋中的黏液性蛋白易和豆浆中的胰蛋白酶结合，产生一种不能被人体吸收的物质，大大降低了对营养的吸收。3、忌冲红塘。红塘里的有机酸和豆浆中的蛋白质结合后，可产生变性沉淀物，破坏营养成分。4、忌装保温瓶。豆浆中有能除掉保温瓶内水垢的物质，在温度适宜的条件下，以豆浆作为养料，瓶内细菌会大量繁殖，经过3-4个小时就能使豆浆酸败变质。5、忌喝超量。一次喝豆浆过多易引起蛋白质消化不良，出现腹胀、腹泻等症状。6、忌空腹喝。空腹喝豆浆时，豆浆里的蛋白质大都会在体内转化为热量而消耗掉，不能充分起到补益作用。喝豆浆的同时吃些馒头、面包等淀粉类食品能够使营养物质被充分吸收利用起来。7.不能与药物同饮。有些药物会破坏豆浆里的营养成分，如四环素、红霉素等抗生素药物。</t>
  </si>
  <si>
    <t xml:space="preserve">网络问题还是设置问题？我是北京的一名大学生，用校园网玩《天堂2》 </t>
  </si>
  <si>
    <t>你再试一下从新更新一下游戏</t>
  </si>
  <si>
    <t xml:space="preserve">有性无婚能否长久 </t>
  </si>
  <si>
    <t>我觉得婚姻是一个从爱情到亲情的过程，如果到老了，没有了性，有的是一种对对方的爱，亲情更深了</t>
  </si>
  <si>
    <t xml:space="preserve">巴勒莫扒了摸，摸了干，还不进！！！ </t>
  </si>
  <si>
    <t>支持巴勒莫，送水手去乙级.</t>
  </si>
  <si>
    <t xml:space="preserve">我为什么有9YOU号为什么还是不能开始游戏啊??? </t>
  </si>
  <si>
    <t>我下了几个小时才下好，但是玩不起来，因为还没内测</t>
  </si>
  <si>
    <t xml:space="preserve">宝宝五个月了,前段时间拉肚子,现在已经好转,但不想吃奶,精神很号? </t>
  </si>
  <si>
    <t>给他喂点妈咪爱或法国合生元，调节一下肠胃，欣许会好一些。</t>
  </si>
  <si>
    <t xml:space="preserve">曾经沧海难为水.~我心里容不下你了是什么意思 </t>
  </si>
  <si>
    <t>你好，“曾经沧海难为水”是元稹《离思五首》中的一句，意思是说“经历过沧海，对别处的水就难以看得上眼了”。这和俗语说的“见过黄山不看山”有一曲同工之妙。表达除了诗人所念、钟爱的女子，再也没有能使诗人动情的女子了。你可以参考下，希望对你有用！如果对你有用，请给予“好评”作为对我的鼓励，谢谢！</t>
  </si>
  <si>
    <t xml:space="preserve">求助:我知道他喜欢我,但是为什么不主动?说心理话,我觉得他不成熟 </t>
  </si>
  <si>
    <t>1.我很认真且很负责任的告诉你,他是爱你的,只是他所对你的爱表达的方式欠妥.2.当你们不在一起的时候,你没有说他出来打电话以外的联系,我想应该有短信联系吧,我想他不打电话也有他的原因吧    ①他这个人也许很腼腆,怕电话接通了以后说不出话或者是没有什么话可说.    ②可能他经济上有点拮据或者他就是有那么一点点吝啬3.他可能对"恋爱"还没有一个明确的定位,而且你们的感情应该还没有到一定的时候,所以你在他的心中所占据的空间不是太多4.你们缺少沟通,多一点时间多一份关爱,有时间做下来好好谈谈(交流一下双方各自的意见或态度)5.如果他是想真的和你一直走下去,我想他会为你改掉一些陈规陋习的,如果他只是为了寂寞而恋爱,对你爱是短暂的,那么你们就不必走下去了6.如果你是真的爱他,我想你也应该可以包容他的一些缺点的回答完毕,鄙人拙见,祝好运!</t>
  </si>
  <si>
    <t xml:space="preserve">科学两张相同的信用卡让它们的平面分别与地面垂直和平行,并从同一高 </t>
  </si>
  <si>
    <t>空气阻力平行于地面的卡可能飞行不稳定，出现滑翔或翻转</t>
  </si>
  <si>
    <t xml:space="preserve">新买的凉鞋穿得脚疼怎么办？脚被磨得都起水泡了，很疼的，有什么办法 </t>
  </si>
  <si>
    <t>是不是不合脚呢，合脚的话磨合一段时间就好了，在伤口处贴一块邦迪</t>
  </si>
  <si>
    <t xml:space="preserve">主演最多电影的是谁？ </t>
  </si>
  <si>
    <t>是主角，，，，</t>
  </si>
  <si>
    <t xml:space="preserve">请问怎么把听过的歌曲一键全部删除？ </t>
  </si>
  <si>
    <t>很抱歉，没有关于这方面的资料，抱歉</t>
  </si>
  <si>
    <t xml:space="preserve">公积金提取问题我的户口在杭州，已经在杭州交了2年多的公积金，后来 </t>
  </si>
  <si>
    <t>我想如果你是一次性支付购房款，可以赁着产权证在一年内都可以前去提取公积金。只是如果你要做公积金按揭，那么必须按下面第2条办理：     二)职工偿还住房贷款本息的：1、如职工申请的是商业性贷款，可在开始还款的1个月后申请提取本人账户内的余额(账户内需留足300元及以上余额)，以后每年可申请提取一次，每次提取的金额不能超过当年还本付息额。其中，贷款结清时，账户余额截止贷款结清当月，贷款结清后不再提取。2、如职工申请的是住房公积金贷款或组合贷款，可在还款12个月后申请提取住房公积金，以后每年可申请提取一次，每次提取的金额不能超过当年还本付息额。其中，贷款结清时，账户余额截止贷款结清当月，贷款结清后不再提取。     另：对于是否可以用杭州公积金贷款，正常而言一个人只能缴交一个公积金帐户，如果你在上海交了半年，那么正常而言你的杭州公积金就停交了，按规定，如果没有及时，连续的缴存公积金的话，你的公积金贷款申请是不能批准的。   除非你杭州的公积金在你在上海缴纳公积金期间也都有定期准时的缴存。</t>
  </si>
  <si>
    <t xml:space="preserve">红魔曼联又将创造三冠王伟业，切尔西将会成功阻止曼联吗？ </t>
  </si>
  <si>
    <t>切尔西在冲击四冠，如果有足够幸运，未尝不能压制曼联，夺得更辉煌的成就。现在三线都要和曼联直接对话，二虎相争，并不是非常看好曼联重温三冠或者切尔西四冠辉煌。切尔西现在目前主要精力在于冠军杯，穆里尼奥要在阿布面前证明自己。最终两强的结果最可能就是：曼联夺得联赛冠军，切尔西拿下联赛杯、足总杯和冠军杯。（其实很不看好曼联可以闯过米兰这一关，毕竟米兰不是罗马）</t>
  </si>
  <si>
    <t xml:space="preserve">五洲明珠已套,请老师指点8.00元买入,现在7.1后势如何操作, </t>
  </si>
  <si>
    <t>绩差股,短期头部,仍需进一步调整,建议逢高出局</t>
  </si>
  <si>
    <t xml:space="preserve">pagefile.sys这个文件是干什么的我的XP系统有这个文件? </t>
  </si>
  <si>
    <t xml:space="preserve">     当计算机的随机访问 (RAM) 存储空间很少，并且需要更多空间才能完成当前的任务时，Windows 会使用硬盘空间模拟系统 RAM。在 Windows 中，这称为虚拟内存，通常称为页面文件。在安装时创建的虚拟内存页面文件（全名  s）的默认大小是计算机上 RAM 的 1.5 倍。在多个驱动器之间划分空间以及从速度慢或者访问量大的驱动器上删除虚拟内存，可以优化虚拟内存的使用。要最优化虚拟内存空间，应将其划分成跨尽可能多的物理硬盘驱动器。在选择驱动器时，请记住下列准则：尽量避免页面文件和系统文件在同一驱动器上。 更改虚拟内存页面文件的大小必须以管理员或 Administrators 组成员身份登录才能完成该过程。如果计算机与网络连接，则网络策略设置也可以阻止您完成此步骤。请依次单击“开始”、“控制面板”，然后双击“系统”。 在“高级”选项卡上，在“性能”下，单击“设置”。 在“高级”选项卡的“虚拟内存”下，单击“更改”。 在“驱动器 [卷标]”下，单击要更改的页面文件所在的驱动器。 在“所选驱动器的页面文件大小”下，单击“自定义大小”，然后在“初始大小 (MB)”或“最大值 (MB)”框中以兆字节为单位键入新的页面文件大小，然后单击“设置”。 如果减少页面文件设置的初始值或最大值，则必须重新启动计算机才能看到那些改动的效果。通常增大不要求重新启动计算机。注意要让 Windows 选择最佳页面文件大小，请单击“系统管理的大小”。 为获得最佳性能，请不要将初始大小设成低于“所有驱动器页面文件大小的总数”下的推荐大小最低值。推荐大小等于系统随机存取存储器 (RAM) 数量的 1.5 倍。通常，尽管日常使用需要大量内存的程序可能会增加页面文件的大小，但应当将页面文件保留为推荐大小。 要删除页面文件，请将初始大小和最大值都设为零，或者单击“无分页文件”。Microsoft 强烈建议不要禁用或删除页面文件。</t>
  </si>
  <si>
    <t xml:space="preserve">福耀玻璃600660的股权登记日是哪天?除权日是哪天? </t>
  </si>
  <si>
    <t>没有看到公告</t>
  </si>
  <si>
    <t xml:space="preserve">爱与喜欢还有什么说法！！爱与喜欢喜欢一个人，在一起的时候会很开心 </t>
  </si>
  <si>
    <t>面对心爱的人，冬天就像是春天 ；然而面对喜欢的人，冬天是个美丽的冬天 喜欢在表面；爱是在心中喜欢不要责任和忠诚；爱却需要这二点</t>
  </si>
  <si>
    <t xml:space="preserve">友基的绘影G5数位板好用吗？ </t>
  </si>
  <si>
    <t>这款数位板还不错的说哦， 外观简约，是我喜欢的类型，我是学服装设计的， 这个板子用着感觉好专业哦，跟那些两三千的数位板有得比哦，而且压感什么的都很好，落笔收笔感觉都很流畅，功能比较多，要慢慢熟悉哦</t>
  </si>
  <si>
    <t xml:space="preserve">三月江南老师：000518如何操作？ </t>
  </si>
  <si>
    <t>000518:筹码有扩散迹象.建议后市谨慎持有.逢高适当减仓.</t>
  </si>
  <si>
    <t xml:space="preserve">颜色 </t>
  </si>
  <si>
    <t>颜色--color, hue</t>
  </si>
  <si>
    <t xml:space="preserve">女宝三个月总是干呕需要去医院吗？鲍奶奶您好，我家女宝三个月，母乳 </t>
  </si>
  <si>
    <t xml:space="preserve">常见现象，不需要处理。 </t>
  </si>
  <si>
    <t xml:space="preserve">隆鼻要多少钱？我觉得自个的鼻子不好看，想隆鼻 </t>
  </si>
  <si>
    <t>隆鼻就是在鼻背皮下垫入硅橡胶.手术不大.不同医院收费不一样.建议到三甲医院做.大概3千元.</t>
  </si>
  <si>
    <t>早上训练能告诉我早上时间5：30</t>
  </si>
  <si>
    <t>还是长跑好,跑步能锻炼身体每个地方。------------每天早上做什么对身体最好?早上怎么锻炼?-体育运动&gt;健身清晨、中午和晚上，你是在什么时间锻炼呢？当然，你的锻炼时间是要受到你的工作、学习的限制。但是，如果你可以任意选择的话，那么是否存在最佳的锻炼时间呢？专家们说：有。但是这个时间在很大程度上依赖于你自己。 近年来，科学家们在不断地探索生物钟和运动之间的关系，以求找到一个每天能够消耗脂肪最多的时间。结果发现，身体温度的变化将最大程度地影响锻炼的质量与效果。也就是说，当你锻炼时，体温越高，你锻炼的效果就越好。 通常，在起床前的1~3个小时内，体温是最低的，而到了下午的时候就会升到最高。因此，可以肯定地说，运动的最佳时间是在下午。在这个时间里，你的肌肉温暖、体力充沛、心率平稳、血压较低。 但科学家们也警告说，不要认为生物钟的规律就能决定一切，你锻炼的最佳时间还得取决于你是否能够按时去做。所以把时间安排在不会影响正常工作的时间里，而且也不要总是想着身体的生物钟。 在决定什么时间锻炼之前，你最好先问自己两个问题。 第一，你的作息时间是什么？你是不是在下午或晚上的时候都很忙？是不是早上的锻炼更适合于你？或者，你是否有必要调整早上、下午或晚上的锻炼？ 第二，你何时感觉状态最佳？你早上起床有困难吗？你是不是那种办事拖拉的人？那样的话，锻炼肯定就会被你排到最后一项了。 也许你会认为早上更活跃，你的状态最好而愿意在早上锻炼，但你是否想过，你还有一整天的事情要做，还需要你以更充沛的精力去处理一天的事务。但具有讽刺意义的是，清晨锻炼比下午锻炼有一个最大的优点：人们很容易坚持下来。因为这时锻炼不会存在时间安排冲突的问题，人们也不会受其它事情的影响而分心。而能否持之以恒是锻炼的一个很重要的影响因素。 不过，无论你选什么时间，都要遵循以下的建议，从而使你的锻炼更有效，也更有趣.</t>
  </si>
  <si>
    <t xml:space="preserve">狗狗除螨副作用？上周给狗狗打了一针除螨虫的针,然后又尊医嘱用88 </t>
  </si>
  <si>
    <t>恐怕他不是职业宠物医师（没有资格证）。由于不知道你的狗的年龄、品种以及除虫针的有效成分所以现在不能判断用药是否正确。但是有一点必须指出：打完针7天内是不能洗澡的，而且887自今年3月起已经不允许使用了。</t>
  </si>
  <si>
    <t xml:space="preserve">又是一次任8心态不放松，14场的单子都单博了乌迪内斯1，拉齐奥1 </t>
  </si>
  <si>
    <t>呵呵 我32也错一场  向你学习</t>
  </si>
  <si>
    <t xml:space="preserve">2004年夏利跑了27000售价多少合适两厢银灰色7101款，车 </t>
  </si>
  <si>
    <t>如果车况没有问题的话 可以卖到2.2万左右</t>
  </si>
  <si>
    <t xml:space="preserve">怎么退出游戏啊我找不到退出的菜单啊 </t>
  </si>
  <si>
    <t>ESC 键</t>
  </si>
  <si>
    <t xml:space="preserve">请问4000元按照复利25%的年收益率计算30年后是多少钱？ </t>
  </si>
  <si>
    <t>4000乘以（1+0.25）的３０次方</t>
  </si>
  <si>
    <t xml:space="preserve">左眼角下的痣是什么意思？我左眼距离外眼角1/3处有一颗痣，是长在 </t>
  </si>
  <si>
    <t>这是泪痣没错,不过你不用管它,不想要这个就去美容院可以去掉,这个是个迷信也不是很准的</t>
  </si>
  <si>
    <t xml:space="preserve">我是独生女，父母因为舍不得我嫁到外地而不同意我和男友的婚事,可我? </t>
  </si>
  <si>
    <t>1、需要男方明确立场。如果他本身就不想在这个城市，言他无意。2、需要让你父母能充分认识到你对这份感情的态度。3、给你父母买些他们想要的东东，说是男方送的。4、让你父母感觉你现在的幸福，直接的间接的让他们知道男方的优秀程度。尤其是让他们知道男方确实对你好的不得了。5、男方可以尝试寻找机会礼节性的拜访一下。6、如果感觉事情差不多了，男方家长应该出面拜会女方家长。</t>
  </si>
  <si>
    <t xml:space="preserve">谁能提供《圣经》、《流血的仕途·李斯与秦帝国》、《嬴》、《缔造苹? </t>
  </si>
  <si>
    <t>到共享资料里搜 有三本</t>
  </si>
  <si>
    <t xml:space="preserve">修行到底是什么意思？是能思会想的“我”在修行吗？ </t>
  </si>
  <si>
    <t>在禅宗看来，您这个问题本身就是修行的关键——是“我”在修行吗？若能把这个参透，则死生大事办矣。在渐门来说，胜义中是知道“无我”的，但世俗中则先承认这个“假我”，以这个“假我”积累如梦如幻的资粮，断除如梦如幻的烦恼。</t>
  </si>
  <si>
    <t xml:space="preserve">我不知道该怎么办？本打算今个星期去登记结婚的，可是上星期五去医院 </t>
  </si>
  <si>
    <t>　　传统检测乙肝的方法为“乙肝两对半”和“肝功能”检测，但是这两种检测方法均不能测定乙肝病毒在体内的含量及复制情况、传染程度。　　乙型肝炎病毒DNA为乙型肝炎病毒核心的主要成分，阳性（＋）表示感染者血清中存在游离乙型肝炎病毒，具有传染性。另一方面，可检测血清中乙型肝炎病毒在体内的含量。DNA检测结果为临床诊断治疗提供了可靠的依据，成为临床治疗疗效判定的依据。 　　还有，楼主需要去医院注射乙肝疫苗，等到你体内产生抗体后，即不会被传染上了，即使之后要生孩子，只要注意疫苗的接种，孩子被感染上的可能很小，希望楼主能幸福。</t>
  </si>
  <si>
    <t xml:space="preserve">卧室的阳台透风，有什么办法？我家卧室很小，但连着一个密封的大阳台 </t>
  </si>
  <si>
    <t>我家的处理是阳台与卧室之间装上推拉门，这些推拉门采用的是半玻门，并不会影响采光。因为是整个开间全是推拉门，并不会影响夏日通风。当然，我建议你还是先采用在阳台上装上一层厚帘子的办法，可以立竿见影地获取保暖效果。祝你远离感冒，呵呵。</t>
  </si>
  <si>
    <t xml:space="preserve">怎么连机玩金山打字游戏急我和我同学的电脑是同网线的怎么弄才可以一 </t>
  </si>
  <si>
    <t>点多人游戏,其中一人点创建游戏,另一个人点加入游戏</t>
  </si>
  <si>
    <t xml:space="preserve">急！新家装修选什么牌子的开关好一点？TNC的行不？ </t>
  </si>
  <si>
    <t>现在很多装修都用的TNC，选它应该还好，可以到TNC的直营店去看看，他有很多系列，根据自己的要求去选。</t>
  </si>
  <si>
    <t xml:space="preserve">怎么样才能改善皮肤干燥、暗淡无光我的皮肤属干性的，而且暗淡无光泽 </t>
  </si>
  <si>
    <t>其实你已经开始有保养意识了，这很好。重要的是我们如何选对保养自己的方法。其实我们每个人刚出生的皮肤都很好，只是随着时间的推移同龄人之间就会大有不同。有些人看起来比实际年龄年轻，而有些人恰恰相反。其实这就是和平时是否注重保养有很密切的关系！不过，你还得首先认清品和保养品的区别。简单的说，就是白开水和牛奶的区别，前者只能帮你补水解渴，而后者在解渴的同时又能给到你充足的养分，让肌肤由内而外的得到改善。所以，25岁的肌肤再使用护肤品只能是帮你肌肤表层补补水、滋润一下而已，不能改善任何皮肤问题，今年25明年26后年27，但保养品却能有效改善皮肤问题，让你今年25明年25后年还是25，只要你用对适合自己肤质的配方。一般在超市能买到的都属于护肤品，只是有些属于中等偏上的护肤品罢了。另外，正确的手法也可以使你的脸部皮肤增加弹性和紧实度，焕发光彩，最大限度的减免过度拉扯皮肤、减少皱纹的产生这里就言简意赅了，希望能对你有点帮助。如果想详细了解或是有更多皮肤方面的问题，欢迎来邮pennygu0314@ ，作为一名专业的美容顾问，很愿意帮你一一解答。愿意给你更详细的专业指导，帮助您有效解决皮肤问题的困扰</t>
  </si>
  <si>
    <t>还有30分钟了~意假怎么就不激烈点呢太假了</t>
  </si>
  <si>
    <t>下半场很沉闷 球都难得进一个</t>
  </si>
  <si>
    <t xml:space="preserve">仙剑2里盛渔村怎样完成任务,就是自从将苏媚背到自己家后,需要分别? </t>
  </si>
  <si>
    <t>将苏媚放在家中后，去找皇甫英(就是仙剑1中说要找李三思夫妇报恩的那位中年人，还是在集市中右边的那间房子里)，将盛武尊的包袱交给他，一段对话后出门，来到集市，发现阿光喝醉，把他弄倒洪大夫家后，去帮他到集市上一个有大船的商人说话，然后和水生叔、买包子的和一大妈说话打听狐仙的事。最后回到盛渔村，往左走，看见一个小dd欺负小狗，发生剧情后，在客栈和小虎家之间的小路进入菜园子，就能看见忆如了．（这里有个支线：1.到盛渔村渡口找幻梦 2.她会要求你把水之笛拿给幻歌，以后你会在荆州城遇见她，交给她水之笛会得到象牙发簪，再去完成一小童丢斧子的支线，把信交给幻歌，得到水之笛，很好的装备呦．）</t>
  </si>
  <si>
    <t xml:space="preserve">女孩是如何看待男孩对她说“我爱你”这句话？昨夜我发短信对她说，“ </t>
  </si>
  <si>
    <t>如果是真心热恋中的女孩，听到、看到男友的这些话，那她一定是非常高兴、非常甜蜜、非常自豪的。只是由于女孩子的矜持，使她会娇嗔地假装怪男友说的不好。从你的述说来看，你的女友正是接受了你的话了，不然不是已和你翻脸了吗？在热恋中，适当和对方说一说这样的话，不是肉麻，而是增进感情的粘合剂哟。要知道，要是婚后的男女双方也能经常说说热恋中的这些别人听不得的话，那么，家庭关系就会非常融洽喽。哈哈，祝你幸福美满！</t>
  </si>
  <si>
    <t xml:space="preserve">在网站上购买香港商品，要付关税吗？ </t>
  </si>
  <si>
    <t>一般是要的，不过一些网站会帮你处理关税的麻烦，拼港网好像就可以让你省去这方面的麻烦。</t>
  </si>
  <si>
    <t xml:space="preserve">宠物狗狗经常喷香水好吗？狗狗经常喷香水好吗？会不会有副作用？对狗 </t>
  </si>
  <si>
    <t>不好。副作用就是影响了狗狗的嗅觉。</t>
  </si>
  <si>
    <t>屁股沟上方干裂不知道怎么回事,这几天屁股沟上方大概有2</t>
  </si>
  <si>
    <t>■芥末治脚袈口 我的双脚多年来每到冬春秋季节裂口，脚后跟干燥裂纹最为严重，血拉拉的，有时竟然脚趾头也裂口。抹甘油、清凉油等都不管用，贴裂口膏效果也不大，后来偶然抹上芥末，两天就基本上好了。方法是：用40C左右的温水洗脚，泡10分钟左右，然后擦干；用温水调好芥末，浆糊状，不要太稀，用手抹在患处；穿上袜子，以保清洁；第二天再用温水洗脚，再抹，2一3次即愈， 云天心 ■醋治好我多年的手脚裂 前几年，每到入冬前我的手脚裂口，疼痛难忍，曾多次去诊治都不见效。有一年回老家，母亲说：买一斤醋，放在铁锅里煮，开锅后五分钟，把醋倒在盆里，待温后把手脚泡在醋里10分钟，每天泡两三次，7天一疗程。果然两个疗程后，我的病彻底好了，至今已有10多年不裂口了。 朱惠英 ■足光粉治脚裂效果好 我是60多岁的老年人，过去每到冬天脚上长硬皮，裂很多口，虽贴胶布，好了又裂，很是疼痛，去年冬天我用足光粉洗了4次，脚上的老皮全部脱落。现在，一个冬天过去，脚上再没有生又厚又硬的皮，也没裂口，脚癣也好了。 王宗秀 ■面块能治脚干裂 前几天刮大风，我的脚后跟干裂了好几道深深的纹，十分疼痛，睡觉也疼。听一朋友说用面粉合成面块往脚跟上搓能治干裂，当晚便试，我把面块在脚跟上搓后又把面块薄薄也糊在脚跟上一层，用塑料膜包上，穿上袜子，果然一夜末疼，白天也未疼。 薛世芬 ■治疗脚裂一法 我的脚跟曾干裂，疼痛难忍。姐姐让我用热水泡一下脚，然后拿酒精消毒过的刀片，将脚跟的硬皮和干皮一层层削掉，一直到露出软皮部分为止，将凡士林油纱布裹在脚跟上，再用绷带固定好。隔3天换2次油纱布，一周后就彻底治愈了。我原在301医院当护士，也用这种方法为脚裂病人解除了痛苦。 张 姜 ■剩茶水可治手足裂 每逢冬天，我的足后跟因裂口影响行走，过去用防裂霜擦患处，始终没有解决皮肤的粗裂。今年入冬来，一个偶然的机会，将白天喝过的剩茶水，在睡觉前对些热水泡洗手足约十分钟，坚持了一周后，手足皮肤渐渐光滑了，裂口也渐渐愈合。后来，我叫老伴试试，十来天后，效果真的很明显。100854北京市142信箱403分箱退休办 唐素芳 ■维生素E可治手脚干裂 我手脚每年入秋开始裂口，中西药膏治一段好了，但着水（洗衣服、洗菜）就犯。后来，我试着用维生素E丸涂抹患处，效果很好。方法是：把维生素E丸，用针扎一个眼，把油挤患处涂抹（一个丸可用多次），每次洗过手抹，愈合后也要常抹，不再犯。100855 北京复兴路40号综合办 王玉诚 ■用蜂蜜揉搓可治手皲裂 每日早饭后，双手洗净擦干，将蜂蜜涂于手心手背指甲缝，并用小毛巾揉搓5一10分钟，双手暖乎乎的。晚间睡觉前洗完手，再用上述办法双手涂蜂蜜揉搓一次。我的双手指甲缝裂的如刀割痛，用此法已治好。114001 辽宁鞍山市铁东区春光街6一1号 杨秀珍 ■枣糊可治手脚裂 我爱人冬天手脚裂口，用热水泡、贴橡皮膏、足跟套柔软套效果都不理想。西城区阜内大街的陈平稳介绍她自创的偏方，刚用5天就好了。方法是把数枚大枣去掉皮核，温水洗净后，加水煮成糊状，像抹脸油一样，涂抹于裂口处，轻的一般2一3次即愈。 赵理山 ■苹果皮治足跟干裂 每年冬季我足跟都干裂出现一道道伤口，其痛痒难忍。最近，我用削苹果剩下的果皮来搓擦足跟患病处，只搓擦了三次足跟干裂处就愈合光滑了。 张玉国 ■香荡治皮肤皲裂 选熟透的、皮发黑的香蕉一个，放火炉旁烤热、涂于患处，并摩擦一会儿，可以促使皲裂皮肤很快愈合。 王志莲 ■香蕉皮治手足皲裂 我患脚底皲裂多年，曾用胶布贴、生猪油擦效果都不理想。后听别人介绍改用香蕉皮内皮擦的方法，坚持3一5天，每天擦一、二次，果然见效。 申正水 ■桔子皮治手脚干裂 将新鲜的桔子皮汁，涂擦在手脚裂口处，可使裂口处的硬皮渐渐变软，裂口愈合，另外，还可将晾干的桔子皮泡水洗手洗脚，也可收到同样的效果。但要经常使用，最好连续两周。宝 德 ■蔬菜水洗脚可治干裂 将莱帮菜叶及水果皮煮沸，晾到适温后洗脚，每次洗30分钟左右，每天1次，1个月左右，脚光滑无痛。这些年我多次使用效果很好。 冯 峰 ■牛奶治脚裂 我的双脚跟常年干燥皮厚，多处龟裂出血。偶然间，我想起牛奶营养成分丰富，擦皮肤有润肤保健作用，于是便利用鲜牛奶在洗过的脚跟处擦抹，果然见效，脚跟皮肤柔软、光滑了，脚垫柔软了，裂口也愈合了。 谢智芳 ■米醋泡蒜瓣治手脚裂口 我是南方人，到北方生活后，每年春、秋、冬手脚裂口，刮风更甚，曾用各种防裂膏，效果不明显）从去年起，我坚持用醋泡蒜瓣擦手脚，手脚逐渐不裂口，皮肤也光滑了。 雷廷春 ■"双甘液"治皲裂 甘草二两，甘油半瓶，酒精半瓶（点滴用空药瓶），将甘草装空瓶中，然后将酒精倒入甘草瓶中，酒精将甘草埋上用盖封好，一星期之后，用纱布过滤液体，再将等量的甘油倒在同一个瓶中混合后即可使用。脚皲裂每天晚用温热水洗脚泡20分钟，擦干后用药棉花蘸双甘液擦在皲裂处，早晨起床后再擦一遍，3至、4天即可痊愈。 杨秀珍 ■药皂治好裂趾甲 我的右脚大脚趾趾甲裂了十几年。经朋友介绍用药皂洗脚能治裂趾甲，我就买了两块西湖药浴皂（杭州东南化工总厂出品的），一块药皂没用完，裂趾甲便完全好了。 殷大生 ■软柿子冰可治手皴 我小时候，每到冬季手被冻破之后，晚上睡觉前老人就叫先用温水洗手，然后把软柿子水挤在手上，来回反复用力搓一搓，连续几个晚上就能见效。至今我家还有用软柿子水治手披的习惯。 卢永浩 ■治疗脚裂一法 我的脚跟曾干裂，疼痛难忍。姐姐让我用热水泡一下脚，然后拿酒精消毒过的刀片，将脚跟的硬皮和干皮一层层削掉，一直到露出软皮部分为止，将凡士林油纱布裹在脚跟上，再用绷带固定好。隔3天换2次油纱布，一周后就彻底治愈了。我原在301医院当护士，也用这种方法为脚裂病人解除了痛苦。</t>
  </si>
  <si>
    <t xml:space="preserve">圣经哪章哪节哪句话说不信主的人死后必下地狱了？我觉得稀罕，是我太 </t>
  </si>
  <si>
    <t>关于这个问题确实也有一些不同的认识，我说一下我的看法。有人说人死后有的立即上天堂，有的立即下地狱，我不认可这种说法，如果这样，那末日的意义又是什么呢？你可以去看《希伯来书》第11章，我在这里仅摘抄几节经文：来11：13、这些人都是存着信心死的，并没有得着所应许的，却从远          处望见，且欢喜迎接，又承认自己在世上是客旅，是寄居          的。来11：14、说这样话的人，是表明自己要找一个家乡。来11：15、他们若想念所离开的家乡，还有可以回去的机会。来11：16、他们却羡慕一个更美的家乡，就是在天上的。所以神被称          为他们的神，并不以为耻。因为他已经给他们豫备了一座          城。来11：39、这些人都是因信得了美好的证据，却仍未得着所应许的。来11：40、因为神给我们豫备了更美的事，叫他们若不与我们同得，          就不能完全。从以上的经文中可以看到，亚伯拉罕、雅各、摩西等人，都“没有得着所应许的”，不是像好多人说的那样进了天家，因为上帝要使我们“同得”。所以用濒死经验来说明天堂地狱之说，我觉得也值得探讨。但如果只是表明人最终的结果，那么“下地狱”这个状态是正确的，圣经中有几节经文：可16：16、信而受洗的必然得救。不信的必被定罪。约3：16、神爱世人，甚至将他的独生子赐给他们，叫一切信他的，         不至灭亡，反得永生。约3：17、因为神差他的儿子降世，不是要定世人的罪，（或作审判         世人下同）乃是要叫世人因他得救。约3：18、信他的人，不被定罪。不信的人，罪已经定了，因为他不         信神独生子的名。约3：19、光来到世间，世人因自己的行为是恶的，不爱光倒爱黑         暗，定他们的罪就是在此。约3：20、凡作恶的便恨光，并不来就光，恐怕他的行为受责备。约3：21、但行真理的必来就光，要显明他所行的是靠神而行。不信的人被定罪，而罪的工价就是死。所以关键是“下地狱”到底是一种什么状态，是在一个实实在在的地方承受痛苦还是承受“永死”的结果而不再有知觉？我认为就是不信的人要承受第二次的死，这种状态就是“下地狱”。至于路加福音16章中亚伯拉罕和拉撒路的那一段，应该只是一个比喻。还有“乐园”说、“炼狱”说等等，我认为追究这些细节容易让人误入歧途，我们应该趁自己生命还存留的时候追求真理的光照。个人观点，欢迎各位兄弟姊妹指正。</t>
  </si>
  <si>
    <t xml:space="preserve">好用的家庭记帐软件有哪些？最好用的是？ </t>
  </si>
  <si>
    <t xml:space="preserve">家庭财务总管－自编软件，完全免费  </t>
  </si>
  <si>
    <t xml:space="preserve">请问各位我27斗斗，锁子套，D顶双刀，适合在哪里单K,在哪里群K </t>
  </si>
  <si>
    <t>剑斗66级以下是很郁闷的，过了40级去找个盟吧，一起盟练要爽很多，50级以上基本没有可以单练的地方，无论社么职业到了50级以上都是要组队打的，组队速度快的，50＋去巨人，60＋去龙洞或者奥慢11楼以下，70＋可以去敖慢13楼转转。本人级数不高，现在正好70级，打架除了法师系的不能打，包藏打不过，打其他职业赢的还是比较多的，到了3章可以吃蛋来代替集气，最高只能集到2级（放个波动连斩够了），这样在PK中就省了时间。剑斗到3章会是很强大的。因为小刀的伤害力看防御了，现在是不看防御，防御最好的骑士也是4刀轧死。致命伤害也小了，命中下降了。根本不可能4刀轧死1个剑斗了。至于现在你可以去土营练练，遗忘组队，到了32级可以去冥界，死亡回廊杀杀亚龙等，组队就去KT，KT建议你35级去，因为级数底了你得不到经验，反而会成为饮料被别人吸。喜欢这个职业就不要放弃，游戏是要玩得开心，因为根本没有最强的职业。</t>
  </si>
  <si>
    <t xml:space="preserve">宝宝哭闹怎么办?我的宝宝今天刚满月,在月子里让月嫂带的样成了要人 </t>
  </si>
  <si>
    <t>其实你可以把BB放在摇篮里给BB买个奶嘴，BB就不会哭，BB还会进入梦乡呢·试试吧··</t>
  </si>
  <si>
    <t xml:space="preserve">急~~~~~~~~~~~请大家帮我出个主意吧?我和男友这个月的1 </t>
  </si>
  <si>
    <t>还是自己退出吧,至少心理可以平复很多.</t>
  </si>
  <si>
    <t xml:space="preserve">企业宣传片我们公司是刚刚成立的，想要做个企业的宣传片，我想要做的 </t>
  </si>
  <si>
    <t>恩 您好！ 可以的，是这样 我们公司与多个知名企业都有过长期合作，可以做全方位的承接，也可以根据您提供的样带进行后期处理、包装，根据您要的思路和要求可以看一下首页视频，《华彬集团》系列作为参考。 注：如有进一步需要可以来电详谈！ 感谢您的提问 谢谢！</t>
  </si>
  <si>
    <t xml:space="preserve">家中80岁的奶奶是我希望要孝顺她，要怎么做才好呢？ </t>
  </si>
  <si>
    <t>老人比较寂寞，内心常常容易孤单，所以有空多陪陪她吧。其实老人并没要求多好的物质，只要有个人多陪陪她讲话，她就会觉得开心了</t>
  </si>
  <si>
    <t xml:space="preserve">一定要服“加强糖丸”吗？着急！现在都在进行服用加强糖丸，但宝宝正 </t>
  </si>
  <si>
    <t>在我国，为了消灭小儿麻痹症，防疫部门采取了紧急措施。因为有些父母对孩子服用糖丸的时间记不清楚，所以要求4岁或6岁以下的孩子再服一丸，以提高预防能力。不知道你宝宝多大，如果2岁以内，已经按规定服用，现在没必要再加强，到了2岁时再服用“加强丸”。拉肚子时不能服糖丸。“糖丸”是一种减毒活疫苗，接种后在宝宝体内需要逗留一段时间才能被吸收。要是宝宝每天排便的次数超过4次，或宝宝正在腹泻期的话，会发生一些异常反应，爸妈就要考虑让宝宝改天再服用“糖丸”了。宝宝大便正常后服用“糖丸”，才是安全的。</t>
  </si>
  <si>
    <t xml:space="preserve">液晶显示器问题液晶显示器的上边出现一条模糊的白色虚线，用WIND </t>
  </si>
  <si>
    <t>你的显示器是特例笼管的，这种管的特点就是那条支撑线。关门要这种管的人就看有没有这条线。当然这条线 是突然有的，那就是你的显示器出问题了</t>
  </si>
  <si>
    <t xml:space="preserve">上3+2好，还是上职高好 </t>
  </si>
  <si>
    <t>如过片追求高文凭和速度,读3+2还是可以的,但同时剥夺了自己专升本和那学位的机会(表面上可以,但很多高校不愿收),如果对本科和学位证书有追求就读职高,在参加高考(和普高的题不同,体现专业性,所以选专业要注意选有对应大专个本科专业),3+2收分相对较高,可跟具个人选择.建意:学习能力不是很强或自制力不强则选3+2免的偷鸡不成倒赊一把米;选职高选有3+2教学班的学校(实力要强些)没有升学意向选好的专业</t>
  </si>
  <si>
    <t xml:space="preserve">爱迪生有哪些发明？ </t>
  </si>
  <si>
    <t xml:space="preserve">爱迪生发明创造年表： 1868年10月11日发明“投票计数器”，获得生平第一项专利权。 1869年10月与友人合设“波普——爱迪生公司”。 1870年发明普用印，出让专利权，获4万美元。在纽约克自设制造厂。 1872—1876年发明电动画机电报，自动复记电报法，二重、四重电报法，制造蜡纸炭质电阻器等。 1875年发明声波分析谐振器。 1876年在新泽西州的门罗公园建立了一个实验室——第一个工业研究实验室。它是现代的“研究小组”这一概念的创始。发明碳精棒送话器。申请电报自动记录机专利。 1877年在门罗公园改进了早期由贝尔发明的电话，并使之投入了实际使用。获得三项专利：穿孔笔、气动铁笔和普通铁笔。 8月20日发明了被证实为爱迪生心爱的一个项目——留声机。 1878年爱迪生宣称要解决电照明的问题。英国皇家学会举办留声机展览。改良留声机，设计微音器，扩音器，空中扬声器，声音发动机，调音发动机，微热计，验味计等。2月19日获留声机专利。7月与宾夕法尼亚大学派克教授赴怀俄明观察日全蚀，并用他发明的气温计测量太阳周围全体的温度。8月返回门罗公园，重新投入科研实验当中。英国批准爱迪生“录放机”专利申请。9月访问康涅狄克州的威廉·华莱士。开始进行发明电灯的研究。10月5日提出等一份关于铂丝“电灯”的专利申请。 1879—1880年经数千次的挫折发明高阻力白炽灯。改良发电机。设计电流新分布法，电路的调准和计算法。发明电灯座和开关。发明磁力析矿法。  </t>
  </si>
  <si>
    <t xml:space="preserve">n85与N82N79的区别！ </t>
  </si>
  <si>
    <t>N96作为诺基亚旗舰，功能可以说是最为强大，但价格较高，而且国内发行的，由于网络制式等原因照国外的在功能上大大缩水，影响整体性价比，但其旗舰地位毋庸置疑。N85是诺基亚为了弥补市场价格空缺发行的平民版N96，从数据上看二者不相上下，但因85并为真正上市其真实性能未知。N79则是比前二者性能少弱但性价比突出，预期发行时定价应在2500-3500之间，而82，76是上代机性能上不如79，85，96，但其因上市时间早而发展的比较成熟。96目前定价在5000以上处于虚高中，85，79也会以较高的价格上市，建议年后再买，我个人认为96比较适合高薪阶层。如果你着急用，建议买82，其与95相差不多,而且现在价格也很适合，而假如说你能等半年价掉了再买，那建议买85，其性能甚至比上一代旗舰更强，而且还是用新一代显示屏很值得期待!</t>
  </si>
  <si>
    <t xml:space="preserve">宝宝总是不长肉？我的宝宝6个半月，还只有14斤。每天吃的一般多， </t>
  </si>
  <si>
    <t>宝宝吃得多不一定就会长肉啊，还要看宝宝会不会消化不良，你可以给宝宝吃婴儿健脾散看看，婴儿健脾散又叫婴儿素，有消食，健脾的作用。我也觉得宝宝健康就是给妈妈最好的礼物，不要一定要多重才好。</t>
  </si>
  <si>
    <t xml:space="preserve">现在都是大屏手机时代，一加手机X这种小屏手机究竟好不好呀？ </t>
  </si>
  <si>
    <t>大屏手机除了屏大也没有什么特别的优势啊，而且大屏手机一只手本根就操作不过来，我就觉得像一加手机X这种五英寸的屏幕就挺好的，不大不小很适中，一只手操作更顺畅，而且外观又好看又有档次。</t>
  </si>
  <si>
    <t xml:space="preserve">为什么很多人总是习惯把“涨停”读作“长停”呢为什么有些人总是习惯 </t>
  </si>
  <si>
    <t>应该是读作“涨停”,就是涨,跌,平.</t>
  </si>
  <si>
    <t xml:space="preserve">要求美少女战士的图图要图就是了~~~~~~ </t>
  </si>
  <si>
    <t xml:space="preserve">  LOOK~~~~~~~~~</t>
  </si>
  <si>
    <t xml:space="preserve">关于指纹，10个斗有什么说法没有？小弟我双手10个斗，而且两只手 </t>
  </si>
  <si>
    <t>10个斗的人还挺多的呢，我也是的我情况，不是很好，但也不坏我觉得不能全靠这个，还是要好好努力才行但，有10个斗好像是对自己的一种“我有好运”的暗示，心理上愉快了，工作起来有干劲，那还能没好回报吗？好好加油吧！</t>
  </si>
  <si>
    <t xml:space="preserve">士兵怎么加点学什么技能 </t>
  </si>
  <si>
    <t>个人认为：如果是为了PK而练的士兵的话：必学技能有：单补（恢复） 洁净 暗杀 跳舞 乾坤 攻吸（攻反） 魔吸（魔反） 抗混 抗石选学技能有：气功蛋（练级用） 调教 宠强 （前期用）加点应该是攻敏血加点 血多一点 敏和攻够用就可以了如果是为了享受技能多样性的话：可以考虑学：单补 恢复 洁净 暗杀 跳舞 乱射 护卫 巫术1/2个 抗混还是学了吧 免得学了暗杀把自己人给点了。。当然还有魔兵……感觉是传说中的人物。。其实士兵的技能多样性 可以考虑练个与众不同的人物出来 那样更有乐趣吧~</t>
  </si>
  <si>
    <t xml:space="preserve">现在办什么哪个银行的卡好?我想办个银行的卡主要是开通网上购物,哪 </t>
  </si>
  <si>
    <t xml:space="preserve">    最好是工行的卡，因为工行网银U盾安全、可操作性强，连续几年评比，都是最好的，使用的人最多，同家银行划款能实时到帐。</t>
  </si>
  <si>
    <t xml:space="preserve">孕中期或者孕晚期可以拍照片吗？ </t>
  </si>
  <si>
    <t>适合拍照的月份是２５周（６个半月）—３５周（８个半月）之间，最晚不要超过３８周</t>
  </si>
  <si>
    <t xml:space="preserve">有人说晚上不要吃苹果！说吃了对人不好？有什么科学道理？ </t>
  </si>
  <si>
    <t>吃苹果没有那么多禁忌的。苹果富含糖类、酸类、芳香醇类和果胶物质，并含维生素b、c及钙、可补充维生素等营养物质，同时又可调节水、盐及电解质平衡，含有磷、钾、铁等营养成分。苹果药用，早在唐代就有记载，苹果不但益心气、的脾。晚上可以吃苹果，但是不要睡前二小时内吃就行。因为睡前二小时吃苹果容易不消化。晚上吃苹果是一种很快速的减肥方法但是长期这样下去会使身体营养失衡带来不良的影响</t>
  </si>
  <si>
    <t xml:space="preserve">全日制大学毕业和业余制具体有什么不同？ </t>
  </si>
  <si>
    <t>普通高校的高等教育毕业生一般都是全日制业余学习主要在成人高等里.</t>
  </si>
  <si>
    <t xml:space="preserve">之前比较喜欢腾讯TT浏览器不过最近它貌似崩溃了我也崩溃了有啥用着? </t>
  </si>
  <si>
    <t>谷歌浏览器也不错的</t>
  </si>
  <si>
    <t xml:space="preserve">急！！！讨论函数Y=X+a/X(a&gt;0)的单调性 </t>
  </si>
  <si>
    <t>设0&lt;x1&lt;x2,则y1-y2=(x1-x2)·(x1x2-a)/x1x2,∵`x1-x2&lt;0,x1x2&gt;0,(i)若0&lt;x1&lt;x2&lt;√a,则x1x2-a&lt;0,y1-y2&gt;0,y1&gt;y2.   ∴`y在(0,√a]上是减函数(ii)若√a&lt;x1&lt;x2,则x1x2-a&gt;0,y1-y2&lt;0,y1&lt;y2.   ∴`y在[√a，+∞)上是增函数   ∵`y=x+a/x(a&gt;0)是奇函数,   ∴`y在(-∞,-√a]上是增函数.y在[-√a，0)上是减函数图象如下:</t>
  </si>
  <si>
    <t xml:space="preserve">我这样的情况会怀孕吗大家帮帮忙上个月九号来的月经．平时来之前一周 </t>
  </si>
  <si>
    <t>如果你经期很准的话,应该就不会怀孕.女性排卵期在下一次月经前14天,那一天的前4天后5天都比较容易受孕.其他时间为安全期~</t>
  </si>
  <si>
    <t xml:space="preserve">咨询一下投影仪和幻灯机的区别具体一点 </t>
  </si>
  <si>
    <t>光学系统完全一样，就是幻灯机的光束要透过幻灯片，而投影仪的光束要透过液晶显示器而也。</t>
  </si>
  <si>
    <t xml:space="preserve">70岁老人糖尿病十余年，最近几年开始打胰岛素，但一直控制不好，这? </t>
  </si>
  <si>
    <t>我是内科医生，我不喜欢高谈阔论，应该解决实际问题。建议你去三级医院内分泌科就诊，住院一阶段，做全面检查，调整好胰岛素用量，使血糖维持在理想水平，再出院。</t>
  </si>
  <si>
    <t xml:space="preserve">我养的缅甸陆龟，为什么老是爬到黑暗的地方阿？越黑爬的越快！好像她 </t>
  </si>
  <si>
    <t>应该说是缅甸路轨的习性是穴居的，所以比较喜欢往暗处转移。我家养的亦是如此，吃饱了就消失得无影无踪，饿了就会在你脚畔打转。</t>
  </si>
  <si>
    <t xml:space="preserve">寻求日本代理服务器我有一个朋友想寻找一个日本的代理服务器，或者是 </t>
  </si>
  <si>
    <t xml:space="preserve">如果是个人上网需要代理的话，可以到这里寻找： </t>
  </si>
  <si>
    <t xml:space="preserve">内部招聘与外部招聘的优缺点 </t>
  </si>
  <si>
    <t>内部提升优点：1.有利于激励企业内部的员工。2.企业内部的员工对企业产品及流程比较了解，可以在很短的时间内进入工作状况。3.招聘成本低。缺点：1.如果内部提升牵涉到人情关系，容易作弊。2.内部提升不利于企业员工之间的团结。外部招聘优点：1.可以为企业增加新鲜血液。2.可以从新人身上，学习到先进的管理方法和工作经验。外部招聘缺点：1.外部招聘员工需要一段时间熟悉公司作业流程及工作环境。2.可能因为对外部员工不够了解，导致招到不合格的员工。3.招聘成本较高。</t>
  </si>
  <si>
    <t xml:space="preserve">请高手帮帮忙改名字，进来看一下我的名字叫徐立伟，想改个别名，还要 </t>
  </si>
  <si>
    <t>徐扬杰,刚好相对,怎么样?</t>
  </si>
  <si>
    <t xml:space="preserve">好痛苦和男友交往四个月了,由于工作的原因,我们差不多每周见一次, </t>
  </si>
  <si>
    <t>如果他不爱你,怎么也不行 ,有时候感情是培养出来的,我希望你开心一点,人就这么几十年,什么事都不要斤斤计较,女孩子对爱情的观点都不样,有的希望找个爱自己的,有的希望找个自己爱的,当然也有互相爱的 ,就是我们所谓的真的,其实三者都可以相互转换的,只要你是真心的,在爱情中不要玩弄感情,我知道你是爱的太真太累!太痛苦，所以我希望你还是选择适合自己的爱情！你不爱你，我不知道他为什么还要哭，或者人是感情动物吧！对于还是有点喜欢，但谈不到爱！我觉得你还是放弃，选择一个适合你的爱情！适合你的人拌你走过人生的风风雨雨！祝你开心，找到适合你的爱情＠等你好消息！</t>
  </si>
  <si>
    <t xml:space="preserve">谁知道天堂1的密码提示问题在哪吗？我怎么找都找不到？？请朋友们帮 </t>
  </si>
  <si>
    <t>你点帐户管理，在网页右边；然后点修改密码。里面就有问题1、问题2。要你填答案才能改密码。这里就看得到你的密码提示问题了。</t>
  </si>
  <si>
    <t xml:space="preserve">卤族元素是什麽意思 </t>
  </si>
  <si>
    <t xml:space="preserve">什么是卤族元素周期系ⅦA族元素。包括氟（F）、氯（Cl）、溴（Br)、碘(I)、砹(At)。简称卤素。它们在自然界都以典型的盐类存在 ，是成盐元素，halogen的含义即是“成盐”。卤族元素的单质都是双原子分子，它们的物理性质的改变都是很有规律的，随着分子量的增大，卤素分子间的色散力逐渐增强，颜色变深，它们的熔点、沸点、密度、原子体积也依次递增。卤素的性质都很相似，它们的最外电子层上都有7个电子，有取得一个电子形成稳定的八隅体结构的卤离子的倾向，因此卤素都有氧化性，原子半径越小，氧化性越强，因此氟是单质中氧化性最强者。卤素的氧化态为＋1、＋3、＋5、＋7，与典型的金属形成离子化合物，其他卤化物则为共价化合物。卤素与氢结合成卤化氢，溶于水生成氢卤酸。卤素之间形成的化合物称为互卤化物，如ClF3、ICl。卤素还能形成多种价态的含氧酸，如HClO、HClO2、HClO3、HClO4。卤素单质都很稳定，除了I2以外，卤素分子在高温时都很难分解。 卤素及其化合物的用途非常广泛。例如，我们每天都要食用的食盐，主要就是由氯元素与钠元素组成的氯化物。 卤素的毒性从氟开始依次降低。 氟氯 溴 碘 砹 F CL Br I At 氧化性：F2&gt; CL2&gt; Br2&gt; I2 还原性相反，由气到液到固 用四氯化碳提取 最外层7个电子 易得一个电子 氧化剂 氟单质常温下为淡黄色的气体，极毒，与水反应立即生成氢氟酸和氧气并发生燃烧，同时能使容器破裂，量多时有爆炸的危险。氟、氟化氢和氢氟酸对玻璃有较强的腐蚀性。氟是氧化性最强的元素，只能呈-1价。单质氟与盐溶液的反应，都是先与水反应，生成的氢氟酸在与盐的反应，通入碱中可能导致爆炸。水溶液氢氟酸是一种弱酸。但却是腐蚀性最强的氢卤酸，如果皮肤粘到，将一直腐蚀到骨髓。氟可与所有元素发生反应（除氦、氖、氩）。 氯单质常温下为黄绿色气体，可溶于水，1体积水能溶解2体积氯气。剧毒，与水部分发生反应，生成氢氯酸与次氯酸，次氯酸不稳定，分解放出氧气，并生成次氯酸，氧化性很强，可用于漂白。氯的水溶液称为氯水，不稳定，受光照会分解成氢氯酸与次氯酸。氢氯酸是一种强酸。氯有多种可变化合价。氯气对肺部有强烈刺激。氯可与大多数元素反应。 溴单质在常温下为深红棕色液体，可溶于水，100g水能溶解约3g溴。挥发性极强，有毒，蒸气强烈刺激眼睛、粘膜等。水溶液称为溴水。溴单质需要加水封存，防止蒸气逸出危害人体。有氧化性，有多种可变化合价，常温下与水微弱反应，生成氢溴酸和次溴酸。加热可使反应加快。氢溴酸是一种强酸，酸性强于氢氯酸。溴一般用于有机合成等方面。 碘单质在常温下为深灰色固体，易溶于汽油、乙醇等溶剂，微溶于水，加碘化物可增加碘的溶解度并加快溶解速度。100g水在常温下可溶解约0.02g碘。低毒，氧化性弱，有多种可变化合价。有升华性，加热即升华，蒸汽呈紫红色，但无空气时为深蓝色。有时需要加水封存。氢碘酸为无放射性的最强氢卤酸，也是无放射性的最强无氧酸。但腐蚀性是所有无放射氢卤酸中最弱的，仅对皮肤有刺激性。有还原性。 碘是所有卤族元素中最安全的，因为氟、氯、溴的毒性、腐蚀性均比碘强，而砹虽毒性比碘弱，但有放射性。 但是，碘对人体并不安全，尤其是碘蒸气，会刺激粘膜。即使要补碘，也要用无毒的碘酸盐。所以所有卤族元素对人体都不安全。 </t>
  </si>
  <si>
    <t xml:space="preserve">有没有将文字读出来的软件我的意思是有没有能将网页文字转换成汉语朗 </t>
  </si>
  <si>
    <t>语音朗读王V2006｜电脑语音朗读｜绿色单文件绿色特别版 一款电脑语音朗读软件，利用TTS语音引擎，它可以朗读中文、英文、中英混合的文字内容，还可以将其导出保存为音频文件。利用"朗读剪切"板功能，你便可以在浏览网页、阅读文档时将文本复制到系统剪切板中让其自动读给你听，还可以给你当校对，有声的世界更精彩。更有"鼠标选读"、"录入朗读"更多超酷功能等待着您的使用。另外，软件内置界面皮肤文件，您可以轻松的进行软件界面的更换，从而使软件使用起来更加舒适自然。娃娃软件，科技开创美丽生活。祝您使用愉快。 注册码：4DSG85qA7QW#R78</t>
  </si>
  <si>
    <t xml:space="preserve">本人NE,想求NE所有的战术解晰 </t>
  </si>
  <si>
    <t xml:space="preserve">转很好的文章一篇，希望有用NE战术集 　1、女猎流　守望者女猎流：APM70的拿手好戏，WD的骚扰，HT的积累，开矿，暴兵，2线 　丛林女猎流：showtime的最爱，运用树人迅速开矿，缠绕骚扰对手农民 　虎妞女猎流：NE内战的王道，高攻高速，英雄等级比拼，女猎数量比拼 　战术体系思想：纯女猎流从ROC起就广为流传，但TFT由于甲的更改，HT的天敌逐渐增多，幸好在初期，HT还是最强的初级兵种，远程的肉搏近战攻击（对农民可是加成伤害的噢），能接受虎妞的光环。 　作为NE玩家，女猎流应该是最基本的战术了吧，配合不同的英雄，风格迥异。好了，我就专门讲一下如何发展。开始后，4W采金，1W造祭坛，本里出大量W，出来第一个造月井，第二个探路，第三个采金，其余全采木。当木为160时，同时放下战争古树BR和猎手大厅BH，此时HERO出来，可以选择骚扰。当木满40，补月井一个。接下来，就友一个分支了，那就是科技流还是暴兵流了。科技流的话就再补一个月井，然后第一时间升2本；暴兵流的话就再补一个BR若干BM月井若干小精灵（到处放），当有了少量HT后可以先MF，等到第一个黑夜降临，就冲进敌手基地大肆屠农，没HP就隐身。如果是HUM速矿的话，把HT分成2队，2线骚扰，让对手忙于来回。我们要说的是暴兵流，在骚扰的同时，家中利用双BR优势量产HT，除了一部分用于骚扰外，另一部分就外出MF小怪，有机会再偷矿若干。一直等到人口上70，出几辆弩车，大兵进发，胜败在此一举。让女猎淹没对手吧。　　2、AC流　相对HT来说，对AC的操作更加难度大，因为AC的HP少，移动慢。但是AC有不可比拟的攻击力、攻击速度、攻击距离。但是高手喜欢用AC，因为便宜，便于攀科技。　娜迦AC流：Podox的夺命杀招，曾经15分钟杀退INSO，10分钟让SHOWTIME缴械 　AC严格意义上说不算战术，在雇佣兵遇到难度的时候，AC就是NE玩家最喜欢的过度兵种，而AC的存活率也侧面反映了一个玩家的水平，利用好AC的隐身，对战局也是至关重要的。而真正把AC作为主力RUSH的还是娜迦AC流。　和普通的中立开局一样，兵营-月井-祭坛-月井，只是又补一个兵营，当NAGA出来之后，轻巧的MF，升到2级，这时的AC数量已小具规模，压制，是不二选择，冰箭减速加AC齐射可以点倒任意一个单位，叉型闪电的威力也不容小视，小精灵可以在对手基地附近造起古树商店，给对手以压迫式的感觉，一举将对手扼杀在前期　3、熊鹿流　NE的主流战术，SUHO大哥的最爱。熊鹿是科技流，因此前期需要少量兵种过度，AC还是HT，随个人喜好。但是DH的骚扰是比赛的焦点，速攀科技使NE过早的拥有2英NAGA，DH+NAGA的组合可以任意斩杀落单单位，在AC（HT）的配合下，艰难度过中期，家中双BL知识树量产熊德，3本完毕后，随着大师级熊的升级结束，终极兵种出现了，之后加入少量的小鹿，部队成型。　争对不同族，战术又可能少量变化，比如先出小鹿顶中期，对UD以小鹿为主熊为次，有时可以出3英雄兽王来增加火力 　不过，熊的移动速度慢，很容易被点杀，所以，保存权杖使必备，让DH和NAGA来回使用，争对NAGA跑的慢的特点，还可以为她购买鞋子 　关于熊鹿流，介绍就少点了，需要具体了解的话，网上文章太多，GOOGLE一下就可以了 　4、玉蝴蝶流 　NE小天王freedom的独特战术，暴精灵龙。　作为showtime的徒弟,freedom倍受瞩目，他的这套类似儿戏的战术却令人惊叹：原来NE也可以DEF啊 　我想引用CBI游戏天地对此战术的详细解释 　从来精灵龙战术就不是个取胜的战术，它的作用是无尽压制，之后你需要灵巧转型击败敌人。昨天我对这战术稍微改进了下（不过对手比较弱，所以不保证战术的含金量），首发黑暗游侠，前期使用少量弓手配合黑暗之奴隶疯狂MF开矿，也就是Moon的Dr滥矿流，只是在远古之树成型后立刻购买地精伐木机，然后垛下4棵风之古树，然后暴够80来人口的精灵龙，一战取胜，灭此朝食。由于对手是亡灵，前期小狗在弓手与黑暗之奴的攻击下毫无用途，轻松的度过前期，轻松的把握中期，这让我对精灵龙的兴趣不禁多了几分。其实很多时候战术就是个组合与搭配，随心所欲的游戏能给你带来更多的惊喜，前提是你已经对游戏的细节元素了若执掌，所以我们还是先来看看FreeDom当初使用精灵龙对付抽筋王人族Rainbow的景况吧。　前期FreeDom走科技路线，其实首发英雄DH或者WD都是不错的选择，三陪是一定的，若对自己信心不足可以造少量的弓手或雇佣些中立兵种（★战场小帖士：暴雪让野怪将雇佣兵镇守得很好，看似无法偷兵其实不然，只需要用个单位引开中立怪然后趁乱雇佣即可），迅速升级好基地后到酒馆叫出naga海巫——由于战术走压制路线，所以你需要在各方面协调加强这个理念。之后放下3棵风之古树量产精灵龙（造价低廉），同时在猎手大厅升级攻防。获得一定量的精灵龙后与英雄摸佛开矿（经济是为之后的转型准备），之后便将矛头瞄准对手，精灵龙灵活的特性让它们在战场的生还率很高，在配合英雄不停点射火枪兵之后，敌人也不得不转型出飞机或是坦克了，这时把队伍恢复到传统的熊鹿流或是弓手混女猎手的组合，比赛就相当好打了。单看战术体系觉得有些夸大其辞，那么最后我们来了解下精灵龙的属性吧，当清楚它们的“习性”后想必你的疑惑也就释然了。精灵龙的HP450，比小鹿更多。攻击力虽然不是很高，但快速的攻击频率弥补了攻击上的不足，另外，它的技能有[空间转换，魔法反馈，魔法免疫]，空间转换为被动技能（开启情况下），一旦被攻击便会暂时消失，这让它们很难被齐射，所以整个队伍的火力承受相当平均，用群疗支持的话是物尽其用！特别是骚扰敌人矿区时，这比亡灵的石像鬼更具灵动的优势。话说回来，回想昨天用蝴蝶海调教亡灵时，发现这个战术的火力并没有想象中那么窝囊，三级攻击让精灵龙的攻击高达20左右，杀起敌人亡羊补牢的蜘蛛来可是眨两眼就是一只，另外亡灵用棺材补给队伍时，在精灵魔法闪耀的电击下更是high到不行……很多时候其实战术本身其实没什么贵贱，看你愿不愿意用而已。5吹风流 NE在对战ORC时，很多会选择吹风流，也就是大师级猛禽，依靠不停的吹风让对手的阵型瓦解。中国的吹风王当然是magicyang了，韩国的话，moon首当其冲（不过这战术是MY发明的，自豪一下） 　很不幸，对于吹风流的操作要求太高。所以我没有具体尝试过，无法用深刻的体会进行叙述，不过网上的交流非常频繁，大家可以参阅一下，或者，等我另外写个专题单独讲解吹风流. 　补充转载: 　[战术] NE之吹风流 VS ORC各战术详解篇　　　吹风流是前段时间兴起的NE针对ORC驱散能力弱从而暴鸟德升级大师级技能配合召唤物的战术.刚用的时候真是觉得ORC很是脆弱,不堪一击...不过在一段时间后ORCer逐渐适应起来,站稳了脚跟,有了自己的立场,针对性战术也层出不穷,所以感觉有必要详细分析一下吹风流打ORC一些细节的问题,毕竟没有什么战术是能一直稳赢的.随着之间的推移终究会有破解的针对战术产生.只能做到让自己的思路明确“该怎么去WIN”,最后还是要看自己的操作意识和发挥. 　　　先说一下地图特性问题:一般吹风流只适合用在有中立的地图上,比如TR，TM，GW，EI之类的地图.在LT，TTR，PI这样的地图很难奏效.鸟德的攻击很低,攻击输出其实还是主要集合在英雄和召唤物上的. 　TR是我个人认为打ORC最有利的一张图,地形狭窄不利近程部队,海龟的甲对近战部队又有反弹效果不利ORC练功(老发觉ORC练完一片海龟基本就等于开了90%的血量在和别人打又不舍得贴膏药-0-) 　TM,比较平衡的图,中立建筑比较齐全,地形也开阔,宝物也比较全面,有利各种战术的发挥. 　GW,比较看运气的图...中间的泉水是随机的.而在ORC对战NE的时候,生命泉或者魔法泉将直接确定到底是谁优势.ORC血厚,NE纯魔法部队.所以一般都不太喜欢打这个图. 　EI比较单调了,地图很小,除了2个生命池一个魔法池一个商店其他没什么大的变化了,另外分矿比较弱,所以还有一些战术的小变化.了解各个地图的特性会对自己战术的展开有很大的帮助 　上手BA BM 单BR开局,(现在的ORC很多人都会用BM开局,所以建造千万记得保护自己的小精灵,另外不要让自己的英雄卡死在树林里了,有空我会贴出常见的几个位置建造方法,基本都不会有小精灵死亡,另外每个地图上都有很多树木有天然保护精灵的位置,这个就需要自己慢慢习惯了,记得以前有人贴过这类的文章.大家可以去查阅一下.）出的AC全放家里不用出去,够木头了就升基地,家里造满4个人口.DH去找对手的BM或者FS,能抽干最好,抽不干也不要勉强,DH不要废太多血,初期保证自己家里水井的饱满是很重要的.当AC数量有4，5的时候DH就可以回来自己MF了,小心不要贪心或是死脑筋强练大怪,MF的时候要把怪勾出来练,这样怪没血了会跑,自己伤血不多,最重要的是脆弱的AC初期禁不住GRUNT的袭击,这样MF可以让自己在第一时间得到撤退的机会.当然也要小心对方偷大怪的行为,WISP的四处侦察很重要.一有发现对方偷MF大怪,或者偷矿的嫌疑,直接带兵过去抓.恰当地利用隐型的AC会让对手得到致命的打击. 二本完成后,基本有7-8个AC,升级射程,召唤BM.家里只要造1个BW就可以升级基地了,3本必须要好的快,第2个BW有钱再补也一样,鸟德的数量并不是关键,第3英雄FL出的快慢很重要,稍后会提到.现在需要看对手是不是出中立英雄,如果是对方买了NAGA或者地精,最好不要轻易出动.先呆在家里.地精的话,他一定会来RUSH一波,这时候利用家里的建筑,买血瓶硬顶,那波对操作的需要很高,不过建筑造得好的话,只要不亏太多顶完这波就等于已经胜利了一半了;如果是NAGA,他一般都不会冲到你家里面,而是在外面逛,这个时候你就让DH+BM出去3陪他,不要离他太近,他练小怪不用理,练大怪就过去3陪,必要时才带AC出来,此处忌讳操之过急或是硬拼.地精和NAGA都是没有后期的英雄,ORC如果出这2个英雄,志在打前期中期或者等待机会TR,所以请抱着"顶到后期就赢"的心态,不陷入对方的陷阱,对手最后那2BBGRUNT+车子+农民过来的时候，你应该已经有了FL,那个时候FL的火人是非常关键的,经常会发生大家最后全拼完了只剩下火人发威的情况.防TR的时候,先杀兵和英雄,不用心急着管塔,当塔快要好的时候再齐力把塔点掉,另外就算是塔起来了也不要慌,部队先往里跑一下,在家种BC出QML,2BB的ORC对空能力很弱,你的部队可以选择绕过塔去他家和你在他家和塔之间不让车子顺利到你家,而他家由于农民倾巢出动,防守十分脆弱,你和他对换基地也未尝不是一个很好的选择. 反之,如果对方没有召换中立,出的是SH或者TC的话,那你将有大概2分钟的2 HERO VS 1HERO的时间,好好利用这段时间,不用去压制,你至少可以比他多MF掉一片大怪的精力.当对方的TC或SH出来之后.你又进入了暂时劣势的阶段,还是不要去硬拼,只需要3陪就可以了,这个时候ORC很有可能会去开矿,因此千万不要贪练.哪怕英雄是1，1也无所谓,尽可能的阻止或者延缓对手的MF和开矿的想法.一样思路,FL顺利出来之后,如果他开矿了,利用FL 1级超威力的特点,先MF掉一片野怪(一般选择商店,可以买群防群补)让火人分裂成2个,然后再召唤一个,一共3个火人,不用等吹风升完,就可以冲进ORC分基地屠杀了,如果前期骚扰得好,这个时候ORC是拼不过你的.牛头或者SH也没有到3,不会有太大的威力,当吹风升完以后,对着英雄,狼骑兵使劲吹吧~你会发觉坚硬的GRUNT是如此的脆弱... 　另外还有2个战术最近才碰到,前几天看yiyun和grubby练了2盘,发觉他们已经开始不用正规打法了,一个是GRUBBY在STARWAR上WIN FREEDOM的开矿暴狼骑战术,利用速度无限游击,就算被鸟德逮到吹了起来也不拼,放了2个网就跑,等狼骑下来了,部队再冲上去,你再吹他再跑...如此反复等鸟德魔用完他再一波冲上,打这种战术千万记得买回城魔被骗完不要紧,因为他在骗魔的时候自己必然也会有损失,如果你无损失回城了,也不会太亏.另外就是千万不能被开出矿来,FL出来的时候一定要去RUSH,一般ORC在那时顶不住NE的50人口+群防群补.另一个是跳猎头战术初期先升基地再出兵营出猎头,2级基地好得快,FS+NAGA+2-3个猎头过来压制在你门口MF,最后3本出DR禁魔配合巫医插棒子,针对性非常强.这种战术也是有破绽的,他的成型比你还慢,只要你不过分以来鸟德吹风(因为升得实在太慢，会贻误战机)没升好吹之前就和ORC打中期,他没有治疗守卫和狂暴列头一样是打不过你的,冲到ORC家去,他龟缩的话就拆房子,只要打掉1-2个房子,他的出兵会严重变慢,这样在持续拉锯中会很占优势.最后把英雄吹起来,猎头就靠英雄+召唤就相当容易对付了. 　累了..暂时就想到这么多,很多细节问题我想到会立即补的,最近想写点战术文章,如果有朋友对NE的战术有什么困惑可以来找我讨论,我会尽量把最详细的答案贴上来.最后附上两盘最近yiyun和grubby打的录象.一盘输的一盘赢的,在他们打的几盘里比较有代表性.感觉NE在打ORC有中立的地图上还算比较好打,主要是让大家看看NE怎么打最近的新战术. 　　　6其他战术：　1） 丛林巨人流：showtime大哥的保留节目，依靠巨人的不停嘲讽让对手不得不在点射上浪费大量操作，而巨人身后的AC小鹿则乘机不停的点杀点杀再点杀，嘿嘿，丛林的缠绕真是无尽其用啊 2） 奇美拉流：不用多说啦，菜鸟最爱。英雄3陪加快攀科技，成型的QML加上角鹰简直是…哎….BUG 　3） flyingbug的淫荡流：flyingbug是叔字辈的玩家啦，他的NE也是使的出神入化，网上有很多他原创的BT打法，只是都是具体对某个地图或某个种族的。 </t>
  </si>
  <si>
    <t xml:space="preserve">港口选址　为什么河流冲刷较强的一侧有利于天然良港的形成 </t>
  </si>
  <si>
    <t>海港和河港都要求水面要有一定的深度，才能保证船舶的正常航行，如果在淤积比较厉害的一侧建港，经过长时间的淤积后，河床就要抬升，于是水的深度变浅，不利于航行。要正常航行的话，就要不断的淘沙，这样就增加了港口维护费用。因此在其他条件相同的情况下，港口建设在冲刷比较厉害的右岸（北半球）或者凹岸。</t>
  </si>
  <si>
    <t xml:space="preserve">为什么好多地震被困人员在被救出后不久就突然死亡？明明在被救出前一? </t>
  </si>
  <si>
    <t xml:space="preserve"> 是“挤压综合症”，肢体坏死或坏疽，释放出大量的钾，解除压迫后，大量的钾入血循环，高钾血症，心脏骤停。 因此，现场急救，如有必要，截去坏死或坏疽的肢体要当机立断！被压过程中，要注意补充水、电解质和糖，救出后坏死或坏疽的肢体如不能及时截除，用止血带加压困扎，防止高钾血症的发生，同时现场可静脉注射高钠或葡萄糖酸钙拮抗钾，及时送后方医院！</t>
  </si>
  <si>
    <t xml:space="preserve">为什么我举报一个人作弊,只受理部分举报差不多他所有答案都是抄袭, </t>
  </si>
  <si>
    <t>处罚一个网友是一件很慎重的事,不能凭感情用事.编辑要经过各种手段,多方核查.即使是很明显的题,如果没有多方证据辅证,那么举报也可能不会通过.所以没受理的部分有两方面原因:1、证据不充分。2、其它网友先你举报。</t>
  </si>
  <si>
    <t xml:space="preserve">文章插图怎么插不上去呢？ </t>
  </si>
  <si>
    <t>在文章里贴图有三种方法：　答：①，网络图片链接：在文章编辑时，点击上面功能区中的“插入图片”在对话框中粘贴网络图片地址，确定即可显示。钩选显示源代码即可看到“图片的源代码”。　　　②，本地上传图片：编辑文章时，点击下面的“图片剪贴板”—浏览—找到你计算机中准备好的图片后，选中“打开”，然后随光标插入图片即可。需要注意的是本地上传图片要求一定是“jpg和gif格式的，容量不能超过300KB”。     ③，直接将网上(非自己的电脑)看到的图片用鼠标框选后点CTRL+C复制，然后在文章中点CTRL+V粘贴到文章。</t>
  </si>
  <si>
    <t xml:space="preserve">五开过的请进电脑需要什么配置.请详细点给个配方(从cpu到显卡) </t>
  </si>
  <si>
    <t>我的电脑可以6开,平常5开一人操作去打材料是家常便饭.就是周六、日下午系统有双倍时我也是4开。我把我电脑装箱配置单上的内容抄给你：主板：酷睿专用；显卡：256M8400；内存：1024M；CPU：双核E4400；硬盘：160G。这些都是主要的硬件。这是我专门为了这游戏新购买的电脑已经3个月零4天，当初电脑技术人员就把电脑的C格成了40.9G，说是玩网游就要这么大的C区。结果：除了问道GM系统本身有问题时我才时有掉线，多数时间好使！</t>
  </si>
  <si>
    <t xml:space="preserve">五行排毒减肥法管用吗？ </t>
  </si>
  <si>
    <t>五行排毒减肥法，配方来自中医世家的绝妙草本配方，采用土生土长的草本植物，和水果蔬菜一样天然健康，针对身体里大量堆积的毒素垃圾。全国免费订购热线：4OO-OO3-1O6O   在线Q号：308-200-8311薏苡仁、茯苓，泽泻，荷叶，当归，决明子，葛根，何首乌，苍术，金银花，太子参，组成的心，肝，脾，肺，肾，五个排毒组方。当归和金银花组成心排毒组方，荷叶和决明子组成肝排毒组方，苍术，茯苓和薏苡仁组成脾排毒组方，葛根和何首乌组成肺排毒组方，泽泻和太子参组成肾排毒组方。通过草本植物的调理，五行排毒，彻底的排除体内的毒素垃圾，恢复气血充沛，恢复代谢循环功能，快速瘦身的同时，还能滋养皮肤及修复五脏六腑，让身材好的同时，还能拥有干净白晳紧致的年轻皮肤。同时，脂肪肝，高胆固醇，高血脂，高血压，高血糖，便秘，胸闷气短等的健康问题，也能轻松的解决。</t>
  </si>
  <si>
    <t xml:space="preserve">升国旗为什么要奏国歌？ </t>
  </si>
  <si>
    <t>在人们中传播情感、凝聚力量方面，音乐能起到任何语言都无法替代的作用。而在升国旗这么庄严肃穆的时刻，唯一能烘托这种气氛的音乐除了国歌还能有什么呢？</t>
  </si>
  <si>
    <t xml:space="preserve">无机化学问题请问“分子轨道理论可解释分子的键型，杂化轨道理论则不 </t>
  </si>
  <si>
    <t>如氧分子.用杂化轨道理论解释,它是没有孤对电子的.若用分子轨道理论解释,它有一对在成键轨道上的孤对电子.这就是为什么氧分子受电场影响.</t>
  </si>
  <si>
    <t xml:space="preserve">美赞臣婴儿奶粉什么价位？刚出生的婴儿吃什么奶粉好？国产的 </t>
  </si>
  <si>
    <t>您好，现在很多奶粉都可以选择的，推荐伊利、完达山等奶粉。祝福宝宝健康快乐成长。（若对您有用^_^ 请给个好评）</t>
  </si>
  <si>
    <t xml:space="preserve">羽毛球呢.?在家看不觉得遗憾么.?羽毛球去不去现场看呢.? </t>
  </si>
  <si>
    <t>非常遗憾 当然想去现场 买不到票啊</t>
  </si>
  <si>
    <t xml:space="preserve">为什么股市.....?股票交易所为什么可以不听从国家关于放假和每 </t>
  </si>
  <si>
    <t>各证券公司开盘时间仅是它对外的工作时间，盘前有卫星信息接收，打印张贴当日交易提示，各大户室报纸杂志分发，重点户头风险监控平仓线的核对，当日盘面的大致估计及应对和计划实施的讨论，交易部的班前会，研发部的各路信息采集等等。。。。。。准备工作，盘后有清算交割等大量的后台工作要做，不是股民朋友们看到的那样，他们每天工作8小时，有时甚至也要加班。在深交所上交所工作的员工来自全国各地，由于交通路程，返程难易不一，为了确保开盘统一准时，就必须放宽休假时间，以确保员工象其他行业的员工一样享受到国家规定的法定假日天数。全国交易主机在上海和深圳，交易所不开盘，证券公司上班也没用，即使这样大多还是提前一天上班的，以应对交易系统的升级，测试，维护卫星接受系统的完好无误，为第二天证券公司股民的正常交易做好一切准备。</t>
  </si>
  <si>
    <t xml:space="preserve">求解，前面这两字用拼音怎么打？ </t>
  </si>
  <si>
    <t>拼音是bengbu（若您对我的答复满意，请点击下方“有用”，谢谢您的采纳。）亲 这两个字的读音是：bèng bù。    （有问题来微问，一问我帮您。如若我的回答帮助到您，请点击“有用”，您的支持给我更大的动力。）蚌埠  拼音是 bengbu  beng是四声bengbubengbu如果能帮到你，麻烦点击“有用”，谢谢！读：bèng bù。。。蚌埠 beng bu 都是去声 简称珠城读bengbu   是这个啦-----------------谢谢</t>
  </si>
  <si>
    <t xml:space="preserve">这女生这样做是什么意思？难道她一点感觉都没有吗？请帮忙看看正追求 </t>
  </si>
  <si>
    <t>要么正在吊你胃口，要么拿你当备胎了</t>
  </si>
  <si>
    <t xml:space="preserve">同州梆子的起源、形式、特点？ </t>
  </si>
  <si>
    <t xml:space="preserve">同州梆子是秦腔之一，陕西同州，今陕西大荔县秦腔是西北地区主要的地方戏曲之一，它是在陕西关中地区生长起来的。周代以来，关中地区称为“秦”，秦腔由此而得名。秦腔是我国一个古老的剧种，大约于明代在陕、甘一带的民歌基础上形成。发展过程中受到昆腔、弋阳腔、青阳腔等剧种的影响。清初，得到蓬勃发展，广泛流传到山西、山东、河南．河北等省。秦腔在发展过程中，因地域不同而演变为三路：东路秦腔，即            同州梆子；          西路秦腔，又称西府秦腔；中路秦腔，又称西安梆子。秦腔本来是陕西各路梆子的总称，后来习惯地指西安秦腔。它兼有各路秦腔之长处，流传于陕西、甘肃，青海、宁夏，新疆一带。 秦腔创造了我国戏曲中板式变化的结构方法，成为梆子腔(乱弹)系统中的代表剧种。现在北方几省的梆子戏虽然风格与秦腔很不相同，但在音调和伴奏上都保持着共同的特征。 秦腔具有独特的艺术风格。它的唱腔，用宽音大嗓，直起直落，给人以高亢激越，粗犷朴实之感。在曲调上有“欢音”和“苦音”之分；在板式上主要有慢板、尖板、滚板、摇板、代板等五种，唱腔音乐丰富多彩，优美动人。在表演上，朴实热烈，富有夸张性，生活气息很浓，并有喷火，跌扑、耍髯口等多种特技。 抗日战争时期，陕甘宁地区一些秦腔剧团进行了戏曲改革工作，曾创作演出过《穷人恨》、《血泪仇》等现代剧目，深受抗日军民欢迎。解放后上演的《三滴血》，：赵氏孤儿》《红梅阁》等经过改编的传统剧目，展现了秦腔 艺术发展的新成就 </t>
  </si>
  <si>
    <t xml:space="preserve">猜一个成语形容只图眼前利益而不计后果。 </t>
  </si>
  <si>
    <t>螳螂捕蝉,黄雀在后【解释】:螳螂正要捉蝉，不知黄雀在它后面正要吃它。形容行事仅顾前而不顾后。 或喻目光短浅， 仅视眼前利益，而不知后患能随之而来.【出处】:《庄子·山木》：“睹一蝉，方得美荫而忘其身，螳螂执翳而搏之，见得而忘其形；异鹊从而利之，见利而忘其真。”汉·韩婴《韩诗外传》：“螳螂方欲食蝉，而不知黄雀在后，举其颈欲啄而食之也。”</t>
  </si>
  <si>
    <t xml:space="preserve">关于打印机打不出公式中的＋、－、×、÷的问题？　　我的计算机系统 </t>
  </si>
  <si>
    <t>看驱动中有没有将truetype作为位图发送，或是下载为软字体，有的话启用。这个功能是将你所打印的东西作为图形发送给打印机，会解决一些问题。</t>
  </si>
  <si>
    <t xml:space="preserve">PQMagic分区出现的问题请高手看看使用PQMagic出现的问 </t>
  </si>
  <si>
    <t>看看在你提的问题下评论。</t>
  </si>
  <si>
    <t xml:space="preserve">十一去阿尔山旅游应该穿什么衣服，还需注意什么？从齐齐哈尔龙江县自 </t>
  </si>
  <si>
    <t xml:space="preserve">阿尔山的天气   最低只有十来度，关于带衣服的问题要看你耐不耐寒了 </t>
  </si>
  <si>
    <t xml:space="preserve">600108在农业股里涨得慢跌得快，该如何处理？ </t>
  </si>
  <si>
    <t>题材股，建议见好就收，短线仍然有机会上涨。。</t>
  </si>
  <si>
    <t xml:space="preserve">关于购买游戏激活码的问题！！问一个问题，我在5173网上想买一个 </t>
  </si>
  <si>
    <t>尊敬的客户:您好!5173客户服务037很高兴为您服务!购买游戏激活码可以随意填写收货角色名。订单支付成功后请联系接手客服 。感谢您对5173的支持!!!</t>
  </si>
  <si>
    <t xml:space="preserve">我的24针的打印机为何不能打印GB18030的字我的24针的打印 </t>
  </si>
  <si>
    <t>是的，可能是打印机里面用的还是GB2312字库，只要换成GB18030字库就可以了。比较简单的办法用一颗专业的字库芯片，上海高通有提供，字库比较有保障还有授权，开发起来也会快一些因为他们都有技术支持的。</t>
  </si>
  <si>
    <t xml:space="preserve">急！物业每平方收费不同怎办？买商铺时签的每平方物业费是２．５元， </t>
  </si>
  <si>
    <t>看合同上是否约定价格，如约定价格按约定价格办理，若未约定价格则可以投诉，注意一定要有证据，保存好合同，发票等；同时要有证据证明同条件下其他商户的费用不同。可以投诉当地物业管理的监督机关，如：工商局，房屋管理局的物业管理处等。建议：通过和平方式谈判解决，找主要负责人重签合同。切记：钱是万能的。</t>
  </si>
  <si>
    <t xml:space="preserve">11,(?),27,43,69.请问括号里应填哪个数字? </t>
  </si>
  <si>
    <t>填 17中间三数儿符合规则：前后之差＋1 如43＝69－27＋1  27＝43－17＋1  17＝27－11＋1</t>
  </si>
  <si>
    <t xml:space="preserve">高中化学3下列反应中，硫元素表现出氧化性的是（）硫元素表现还原性 </t>
  </si>
  <si>
    <t>下列反应中，硫元素表现出氧化性的是（CE ）硫元素表现还原性的是（ B）A、稀硫酸与锌粒反应,Zn+H2SO4=ZnSO4+H2（气体）,Zn元素化合价升高，H2SO4中H元素化合价降低，B、二氧化硫与氧气反应， 2SO2+O2=2SO3 ，SO2中S化合价升高，表现为还原性。C、碳与浓硫酸共热，C+2H2SO4=CO2（气体）+2SO2（气体）+2H2O，H2SO4中S化合价降低，表现为氧化性D、二氧化硫与水反应 ，SO2+H2O=H2SO3，各元素化合价均不变化E、硫粉与金属钠的反应，2Na+S =Na2S，S单质化合价降低，表现为氧化性F、二氧化硫通入氢氧化钠溶液中，SO2+2NaOH=+Na2SO3+H2O。各元素化合价均不变化</t>
  </si>
  <si>
    <t xml:space="preserve">关于黑耀石之刃我们工会现在MC打到一半了，昨天刚杀了加尔，我看我 </t>
  </si>
  <si>
    <t>要是人类那就选黑剑,不然+的双手剑专精不多...个人意见</t>
  </si>
  <si>
    <t xml:space="preserve">我的房子想卖了,但我的户口还在里面,又没地方可以迁出,有办法吗? </t>
  </si>
  <si>
    <t>不行了,只有户口有迁出地了而且同意接收了才能办理! 不然还必须放在合肥!</t>
  </si>
  <si>
    <t xml:space="preserve">什么叫商品经济 </t>
  </si>
  <si>
    <t>商品经济是随人类社会产生而产生，发展而发展的 是商品生产和商品交换的总和</t>
  </si>
  <si>
    <t xml:space="preserve">大话西游里牛魔王是谁演的？ </t>
  </si>
  <si>
    <t>大话西游里牛魔王的扮演者是陆树铭,就是三国演义里演关羽的那个人</t>
  </si>
  <si>
    <t xml:space="preserve">进项税额转出与进项负数有何区别？什么情况下做进项税额转出？如果是 </t>
  </si>
  <si>
    <t>如果需要退货，在开具的发票没有跨月的情况下，可以将原发票退回，这时可以做进项负数，并且也只有在这种情况下才可以做进项负数；象你说的如果原票已经认证，这时又想退货就必须时税务部门办理退货证明，再由对方开出红字发票，收到红字发票时做进项税额转出。附：《国家税务总局关于进一步做好增值税纳税申报“一窗式”管理工作的通知》（国税函［2003］第962号）规定：“因购货方无法退回专用发票的发票联和抵扣联，销货方收到购货方当地主管税务机关开具的《进货退出或索取折让证明单》的，一律通过防伪税控系统开具负数专用发票作为扣减销项税额的凭证，不得作废已开具的蓝字专用发票，也不得以红字普通发票作为扣减销项税额的凭证。”</t>
  </si>
  <si>
    <t xml:space="preserve">肺癌患者饮食不宜吃哪些食物 </t>
  </si>
  <si>
    <t>(1)忌烟、酒。(2)忌辛辣激发性食物：葱、蒜、韭菜、姜、花椒、辣椒、桂皮等。(3)忌油煎、烧烤等热性食物。(4)忌油腻、粘滞生痰的食物。不要吃辛辣，油腻的食物，多吃一些高蛋白，高热量，低脂肪的食物烟酒 油腻 辛辣食物</t>
  </si>
  <si>
    <t xml:space="preserve">风德的减甲魔法把对方护甲减为负值有用吗?能否解释一下?风德的减甲 </t>
  </si>
  <si>
    <t>有用，当护甲为正值时伤害减少，为负值时伤害增加。打相克的甲就更爽了，风德是魔法攻击打兽族步兵重甲200%，护甲为负值时将大于200%。所以兽族打风德流时都多出狼骑。虽然狼骑血少但在风德面前要比步兵生命力强。我就是使兽的，狠死风德流了，打兽简直是BUG。</t>
  </si>
  <si>
    <t xml:space="preserve">为什么爱问里面的视频我看不了啊？是不是要求的网速太高了点啊？ </t>
  </si>
  <si>
    <t>安装各种播放插件补丁不是很明白的话就去下载一个“暴风影音”还有就是安装Flash8.0和网速没什么关系，我1m的带宽看者也很流畅</t>
  </si>
  <si>
    <t xml:space="preserve">Tom'ssisterisastallasmysister同义句? </t>
  </si>
  <si>
    <t>My sister is as tall as Tom's sister请给好评谢谢</t>
  </si>
  <si>
    <t xml:space="preserve">请问神泣是何种收费方式?是需要冲卡按点算时间?还是免费的!只靠卖? </t>
  </si>
  <si>
    <t>免费模式，有收费的道具。</t>
  </si>
  <si>
    <t xml:space="preserve">评价坦克的性能有哪些指标呢？火炮的口径大小最关键吗？多谢！ </t>
  </si>
  <si>
    <t>火炮口径只能算是性能中一个方面的一项，评价坦克的性能主要有三大方面：火力、机动和防护，这也被称为“铁三角”。三大性能构成等边三角形是最理想的，但是任何一个角有缺陷，这个“三角形”就不坚固了。细化一下，火力主要看火炮口径、所用弹药性能，火控系统性能。现在流行的信息化概念其实也是火力的一部分，是典型的“火力倍增器”。机动主要看坦克全重、发动机功率、最大速度（越野与公路）、加速性能、最大行程。防护主要看装甲材料、厚度，是否有主动防护系统、灭火抑爆系统等等。这里有必要提一下车辆电子化的概念，如果仅仅是火力系统信息化还不足以大幅度提升坦克的性能，必须将整车的各个部分用一条总线串起来。这也成为了衡量坦克性能的标准之一，相对而言勒克莱尔在设计之初就考虑了这一点，现在比较新的主战坦克都能做到车辆电子化。还有一个很重要的方面就是坦克的可靠性和可维护性。可靠性比较好理解，像阿三的阿琼那样没上战场就趴窝的肯定不行。可维护性就是更换、维修发动机、炮塔是否简便，这直接关系到坦克的可修复率和出动率。以色列人之所以能够屡次击败阿拉伯军队，装备维护得好便是一个重要原因。最后一个要考虑的问题是价格，坦克毕竟是大规模装备的武器之一，价格过高势必会影响到装备数量，小鬼子的90式就是明鉴。</t>
  </si>
  <si>
    <t xml:space="preserve">想买电动车，哪个品牌的售后比较好，全国的网点比较多？ </t>
  </si>
  <si>
    <t>推荐楼主选择新日，他们的售后服务非常到位，称“有阳光的地方就有新日”，我家附近就有一个，假如有什么问题去找他们，都是非常热情和专业的服务，让人也比较放心。据说覆盖全国各个省份，楼主可以上他家官网看看他们的服务主页就知道了。</t>
  </si>
  <si>
    <t xml:space="preserve">大家有喜欢小虎队的吗有喜欢小虎队的朋友吗？ </t>
  </si>
  <si>
    <t xml:space="preserve">小虎队记录下了我们最美好的童年--学校,同窗,好友,初恋-- 那是梦幻一般的季节,虽然季节在改变,相片在发黄,歌声已经变得悠远!可是不经意我总会翻开那一页!去回味和思索,很专注!不求时间会倒转,梦想会成真!但求那时,那刻,那分,那秒是我心底的永恒! 以此纪念我的同桌也是初恋好友,虽然我们不可能在一起,但是让我们为我们共同喜欢的小虎队祝福!还有:我会永远爱你! </t>
  </si>
  <si>
    <t xml:space="preserve">二元一次方程羊圈里白羊的只数比黑羊的脚数少2,黑羊的只数比白羊的 </t>
  </si>
  <si>
    <t>设白羊有x只、黑羊有y只x+2=4y①、y+187=4x②解得x=50、y=13白羊有50只、黑羊有13只。</t>
  </si>
  <si>
    <t xml:space="preserve">第三次买竞彩还蒙上了！赚多少呢？ </t>
  </si>
  <si>
    <t>1。不知道你花多少钱？（也就是多少倍）？2。根据赛果，第二场的3会减成分。3。两个平局又增加成分。所以你的单子估计中160元左右；就看你花多少钱了。现在可以计算了。以后把自己花多少钱说说后别人才能计算你到底能盈利多少。切记。不过还是恭喜一下，中奖就比不中好。</t>
  </si>
  <si>
    <t xml:space="preserve">洗桑拿时被搓师傅昨天洗桑拿时搓完背以后，搓背师傅给我打硫磺，打到 </t>
  </si>
  <si>
    <t>不会，男性的大腿内侧就是很敏感，男人阴茎周围是性敏感区，所以这是很正常的现在，不要有压力。</t>
  </si>
  <si>
    <t xml:space="preserve">为什么新浪的信箱经常收不到其他邮箱的信件？而我发出去的信别人也收? </t>
  </si>
  <si>
    <t>如果您没有收到朋友的信件，请先检查您自己的免费信箱是否有问题？最简单的测试办法是自己给自己发一封邮件，如果发的出去收得到的话，就说明您的免费邮箱一切正常，没有问题.另外您还要检查下面是否您垃圾邮件过滤设置不当造成的。如果以上两点都没有问题的话，很有可能就是中间线路，或者对方邮件服务器有问题造成的，email的接收影响因素很多，一个因素是新浪的邮件服务器，一个因素是中间线路，一个因素是对方服务器，如果中间任何一个环节出现问题的话，都有可能出现收不到邮件的情况，具体是那一个环节出现问题，要根据对方的退信来判断，您可以和对方联系一下看看是否有退信产生，一般出现退信的原因请详细参阅这里。</t>
  </si>
  <si>
    <t xml:space="preserve">重庆房地开发商办房屋预售许可证要什么手续 </t>
  </si>
  <si>
    <t>一、申报条件: 1、已交付全部土地使用权出让金,取得土地使用权证; 2、持有建设工程规划许可证和施工许可证; 3、按提供的预售商品房计算,投入开发建设的资金达到工程建设总投资的25%以上,并已确定施工进度和竣工交付日期。 二、申报材料: 1、《企业法人营业执照》(验原件交复印件)(1份); 2、《房地产开发企业资质证书》(验原件交复印件)(1份); 3、《建设用地规划许可证》《建设工程规划许可证》(验原件交复印件)(1份); 4、《国有土地使用权证》(验原件交复印件)(1份); 5、建设项目立项批准文件(验原件交复印件)(1份); 6、规划设计方案和主要楼层或户型平面图、剖面图(复印件)(1份); 7、已完成基础以上的的部分工程质量验收合格证明(验原件交复印件)(1份); 8、《住宅质量保证书》和《住宅使用说明书》(复印件)(1份); 9、商品房预(销)售方案(方案中应说明商品房的位置、装修标准、交付使用日期、预售总面积、交付使用后的物业管理等内容)(原件)(1份); 10、商品房预售资金监管协议(验原件交复印件)(1份); 11、建设行政主管部门出具的符合预售条件的工程进度证明(原件)(1份); 12、商品房预售许可审批表; 13、建筑施工许可证; 14、工程建设施工合同。 三、办理程序:1、受理;2、审查资料;3、现场查看;4、发证。去当地房管局办理亲，如答案有帮助，给好评哦。</t>
  </si>
  <si>
    <t xml:space="preserve">天蝎好还是水瓶好？？？希望大家给点建议天蝎和水瓶哪个更棒些？有图 </t>
  </si>
  <si>
    <t>呵呵,车好,不一定外形就好看,外形好看也不一定是好车,只要是自己觉得好开就行了,技术也很重要,,说实话,天瓶我没开过,我开过天蝎,觉得天蝎车还不错,当然啦一个人一个说法,那要看你会不会开好车,适应强的人就会觉得什么车都是好车,呵呵.主要还是自己决定,很高兴能为你解答</t>
  </si>
  <si>
    <t xml:space="preserve">问大家一个关于系统安装的问题。在插入XP安装盘之后按了任意键继续 </t>
  </si>
  <si>
    <t>有可能安装盘检测到不符合安装系统的硬件</t>
  </si>
  <si>
    <t xml:space="preserve">奶萨穿兼顾法伤的衣服好，还是穿只加治疗量的衣服好？谢谢!希望给予? </t>
  </si>
  <si>
    <t>都攒一些。下副本穿奶装，自己单练的时候，可以换上一些法伤装。针对你的补充问题：一般如果是纯奶的话，给你的治疗量会比较大。如果是同时提高法术伤害和治疗效果的装备，给你的伤害和治疗量都相对较小。比如70级，一件纯奶装或纯伤害装给给你200左右的加成的话，那么同级别的兼顾伤害与治疗的装备，给你的加成一般就在小几十点的样子。</t>
  </si>
  <si>
    <t xml:space="preserve">欲知姚明在大家心中的地位这是个心理调查 </t>
  </si>
  <si>
    <t>说真的我不喜欢看他打球，除了身高别的好像都不行</t>
  </si>
  <si>
    <t xml:space="preserve">怎么添加好友和链接 </t>
  </si>
  <si>
    <t>您好。 1.登陆您的博客个人首页 2.点击“模块”，“创建列表模块” 3.输入标题，点击“确定” 4.输入链接名称、地址、描述，点击“添加”（每添加一个链接，就重复此步骤一次） 5.所有链接添加完毕后，点击“保存”即可 6.在您新创建的此模块前的方框处划勾，点击保存，此时模块就会出现在您的博客首页了 如何加好友：1.登录状态进入别人的博客或者空间(点击他们的头像即可）2.在其头像下方会有“加好友”按钮，点击3.输入您的邀请话语，点击发送等待对方回复，如果对方认可您的邀请，他就是您的好友了。祝愉快。</t>
  </si>
  <si>
    <t xml:space="preserve">现在的手机那些牌子的好些啊质量电池还有其他的但主要是质量 </t>
  </si>
  <si>
    <t>首先诺基亚 质量 电池 信号各方面都很好 其次索爱  个人认为MOTO低端手机不行 高端机不错 总的来说 像二楼说的进口品牌都不错 国产品牌稍差些</t>
  </si>
  <si>
    <t xml:space="preserve">我是天平女，和白羊座的他能有结果吗？我和他不在一个城市，但很近。 </t>
  </si>
  <si>
    <t>顽皮猫,你好。我也是白羊座，个人认为：1，如果他是事业型的并且年级较大成熟的，他极有你说的那种表现，不过心里应该有你的；2，另一种可能是，他很喜欢你，但他的那根爱情神经还未得到唤醒；我估计他还须你的点拨----千万别说我喜欢你之类的话；如是我的话会怕得。你不妨考虑：再与他热络几天；偶尔有一天上班时给他发一条消息；-----他极有可能会变化；；如不行，再献上一计：对他说有人开始有点喜欢你了，明确说是你的其他人；但自己不喜欢他；稍微降温一些，过几天再对他说此情况；但不要说自己喜欢“那个人”。.........其他的看您自己的了。祝福你。不要感谢我，我只是曾经有个天平座的女孩喜欢我，自己却稀里糊涂，到后来因工作及其他原因不再见面，才发现自己心中也有她，可已经来不及了。</t>
  </si>
  <si>
    <t xml:space="preserve">中了92期14场！最近运气不错，刚中了87期9场大奖，这次又有幸 </t>
  </si>
  <si>
    <t>恭喜恭喜！恭喜高中的朋友，没中的继续加油！</t>
  </si>
  <si>
    <t xml:space="preserve">我们怎样对待被占领土的问题？ </t>
  </si>
  <si>
    <t>打！！！！！！！！！！！！！！！！！！！！！！！！！！！！！！！！！！！！！！！！！！！！！！！！！！！！！！！！！！！！！！！！！！！！！！！！！！！！！！！！！！！！！！！！！！！！！！！！！！！！！！！！！！！！！！！！！！！！！！！！！！！！！！！！！！！！！！！！！！！！！！！！！！！！！！！！！！！！！！！！！！！！！！！！！！！！！！！！！！！！！！！！！！！！！！！！！！！！！！！！！！！！</t>
  </si>
  <si>
    <t xml:space="preserve">现代大学与之前的高等教育机构最大的区别是什么 </t>
  </si>
  <si>
    <t>一、大学“职能”与“功能”辨——“应有”与“实有”？  大学功能研究一直是颇多争议的领域，大学功能何谓？首先涉及的是对“功能”与“职能”的同异的辨析。在中文中，“职能”与“功能”的区别还是比较清楚的。按照中国社会院语言研究所词典编辑室编的《现代汉语词典》（2002年整补本）的解释，“功能”是指“事物或方法所发挥的有利的作用；效能”，而“职能” 则是指“人、事物、机构应有的作用；功能”。两者都是一种“作用”，但主要区别在“功能”之“功”含有“功效”之意，特别是表示其实际产生的（“所发挥的”）且是有利的作用，带有价值评判上的肯定；而“职能”之“职”则是带有职业或职务责任之“尽职”之意，也就是讲，并不在乎其实际作用效果是正面还是负面的，就如人们常听说的“军人以服从命令为天职”中的“天职”一说，是其“职”之所在和所“应（有）” 的、必须履行之“职”，否则就是“失职”。其次，“功能”重在强调对外产生的效用，是一种“实然”的效能，“职能”重在表示组织内在的规定和要求，是一种“应然”的职责。  因此，按照中文的语义要求，我们在使用“职能”时，应该更为严谨和规范。所谓“大学的职能”必须严格限制在大学的职责范围内，也就是一切“大学”所必须履行和完成的共性的职能，否则就是大学的“失职”。具体说来，比如，说教学育人是所有大学的职能是完全应该的，或者进一步界定专业教学是大学（或高等教育机构）不可推卸的基本职能是可以的，因为大学与基础教育、普通教育的根本区别就是大学必设有专业学科，读大学必有所学学科专业的区分，也就是说，没有专业设置、不进行专业教学的就不是大学。同时，不同类型的大学的职能又是有区别的，比如，学术研究可以被确定为研究型大学的职能之一，否则就是名不副实。但不能反过来要求所有的大学（如美国的社区大学）都把研究列入自己的基本职能。教学型大学也需要、也应该从事学术研究，否则无法保证教学职能的良好实现，当然也可以产生研究创新的“功效”，但一般不作为“职能”要求。所以，任何组织或机构，在其建立之时就必须有其基本职能规定，但不等于不可以有衍生的其他职能，但这些职能在开始时还不是明文规定“应有的作用”，严格地说还不是“职能”，但可以说是该组织（机构）发挥的一些作用，如果是对社会或某个（类）对象发生了“有利的作用”，我们一般也可以说是该组织的“功能”。随着这种作用的不断显现，从外显的有利作用到内化为自觉的职责，有的“功能”就会逐步被自觉认同为必须履行的“职能”了。所以，“功能”要比“职能”更宽泛，且主要是从其实际产生的正面效应、积极作用上加以界定的；而“职能”的使用则应有较为严格的限定，但又一般不对其产生效果给予价值评判（有利还是不利、甚至有害都不妨碍其的存在和作用显示）。产生正面效果的“职能”一般也被人们称为“功能”，因为这已经是“发挥出的有利作用”了。所以大学的“职能”应该被包括在大学的“功能”中，而大学的实际“功能”总是会超出大学的“职能”所限范围。  其实，就上述《现代汉语词典》中对“功能”与“职能”两个概念的释义的严密和准确性而言也是值得斟酌的。比如关于“功能”的释义中的“有利的”一说也具有模糊性：对谁有利？何谓有利？这本身是一个会产生歧义的地方。再如对“职能”的解说中至少有两点可以讨论：一是关于具有“职能”的主体到底有哪些？是否所有的“事物”都有“职能”一说？（“机构”是否也应该归属在广义的“事物”概念中？）自然事物是否有“职能”？无“职”何来“职能”说？自然事物之本质就在于它是自然而然的、“自在”的存在，何来“应有的”与“不应有的”作用可言？（其实对自然人来说也不存在所谓的“职能”一说）。所以我认为“职能”一般应该用来表述人为设置的组织、机构、部门（或事物？）的“应有的作用”。也就是说在该组织、机构、部门设立之时，就应该确定其应有的作用范围之所在，非人为之事物无“职能”之说；其二，这个词条中本身已经用“功能”来释“职能”，也就把两个概念作为同义词了，但这恰恰说明两者的区别是十分有限的。概念的确定性与不确定性本身是具有相对性的，“功能”与“职能”的区别也不是绝对的。（奇怪的是同样具有权威性的《辞海》中有“职能机构”、“职能管理制”等条目，就是恰恰找不到“职能”词条，是无意间的疏忽？还是有意的回避？也许是一个小小的聪明的“遗漏”！）  在大学的“职能”与“功能”之争中，我们还应该考虑与西语的对应性。比如在英语中“function”就包含了中文中“机能（官能）”和“功用”两个含义。我认为，“机能”更接近“职能”之义（如前所述，我认为所谓的“职能”主要是就一个人为的机构、组织或事物“应有的作用”，而对于自然事物是很难说存在什么“应有的”与“不应有的”作用的区别的），“功用”更接近“用途、用处”之义，英语中还可以用“use”来表述，如提出“服务”是大学第三功用的克拉克•克尔的名著《大学的功用》用的就是复数“uses”（国内也有译为《大学的功能》的）。实际上，国内高教理论界在大多数情况下也是并未加严格区分的原因之一，也是由于翻译上的两者通用。随便找一本这方面的译著就可以发现这样的例子。如联合国教科文组织总部中文科译的那份最著名的国际21世纪教育委员会的报告《教育——财富酝酿其中》中的就有“高等教育的功能”一节，但在行文中用的却是“职能”。  所以，大学的职能与功能在一般情况是通用的，难以泾渭分明，但在同时使用时就该区分其存异之处：“大学职能”应严格限制在所必须履行的“应然”职责，否则就有“失职”之嫌。“大学功能”重在强调对社会产生的效用，是一种“实然”的效能。“职能”应该谨慎设定以经得起社会问责与检验，“功能”则应大力发挥以获社会公认和支持。相关的讨论既要注意两者间的区别，更要关注两者间的联系与转化，即大学职能的圆满完成也将是大学功能的良好发挥，而大学功能的社会认同将在一定程度上扩大大学职能的外延，条件成熟时将有可能逐步内化为大学的职能（如“研究”之于研究型大学）。    二、从单功能到多功能——大学的“第四功能”何谓？  至于大学功能的具体设定和表述，又有广义和狭义之分。广义的大学功能讨论往往关注的实际上是指高等教育整体的功能，也就是高等教育的社会功能，这种社会功能又可以分为政治功能、经济功能、文化功能（当代人们热衷讨论的还有教育的生态功能，其实这也是一种社会功能，因为人们对自然生态的态度和行为总是通过社会实施的）。还可以分为又有教育对社会整体的功能和教育对社会成员个体的功能、教育在把个体人变为社会人过程中的功能和为个体人提供个人发展的知识与才能方面的功能等等。有关这些都已经有许许多多的讨论高见，我认为这类讨论更多地是涉及大学理念的范围。而另一头是关于大学的微观层面的具体功能的讨论，如大学的管理功能、大学的群落的功能、大学校园的功能等，这些讨论涉及的许多问题其实是具体的不同部门的职能问题。当然试图以系统论的结构与功能的关系的分析中来缕析大学作为一个自组织系统具有的多种功能，也是一个很有意思的角度。而我认为，研究大学功能最重要的恰恰是中间环节、或者说是中观层面的大学功能考察，即大学所特有的、既区别于其他社会组织与机构、又有别于其他类型的教育机构的功能，这就是人们讨论最多的、也是我最感兴趣的有关大学“两功能说”还是“三功能说”，或者有没有、如果有，什么是大学的“第四功能”？  有关大学功能的探讨历来是与大学理念的讨论结合在一起的。一般的意见认为，传统的古典大学是以“传授知识、造就绅士”为目的的“单功能”大学，但维护大学的“单功能说”的纽曼，其《大学的理想》问世之时（1852年），已经是大学的教学、科研“两功能说”日益高涨之际，洪堡强调“发展知识”、以科研为大学核心，他推动创办的柏林大学正成为一种大学的新模式。所以我认为这种“单功能说”不只是一定历史阶段大学现实的反映，也是人们对守护大学理念的一种执着，纽曼坚守的正是自亚里士多德开始倡导的古典人文主义传统的“自由教育”（liberal education）理念。而“两功能说”的主要阐述者、也是“现代大学”概念的始作俑者的弗莱克</t>
  </si>
  <si>
    <t xml:space="preserve">法宝问题9层金甲仙衣出现保护机率大概是少?大概就可以从0层到9层 </t>
  </si>
  <si>
    <t>百分之15左右  大概3000W经验</t>
  </si>
  <si>
    <t xml:space="preserve">皮肤问题脸上爱出油，总是长油豆豆，我每天晚上用补水面膜，可是第二 </t>
  </si>
  <si>
    <t>容易长痘痘，并不是说必须要用补水的面膜等，而是说明由于人体的激素、内分泌等比较“旺盛”，这特别是在年轻人中是很常见的。痘痘也就是皮肤的毛孔被堵塞后，引起的毛囊炎症现象，所以你可以经常洗脸，并且用洗面奶甚至是比较温和的香皂都可以，这样就可以基本保持脸部的毛孔对外的“通畅”，即使会有油脂排出，也不容易因堵塞而“长痘”了，洗过脸后，应该用清水将洗面奶或香皂等洗干净，保持脸部毛孔通畅。</t>
  </si>
  <si>
    <t xml:space="preserve">拍摄婚纱照的注意事项有哪些 </t>
  </si>
  <si>
    <t>拍摄婚纱照注意事项 拍摄前1、提前一周都要注意好好休息，以减少很眼圈!头天晚上少喝水，早上一定要吃饱! 新郎新娘提前一天一定要洗澡、洗头!2、手脚指甲要剪好!新娘手脚涂淡色甲油!3、准备好无肩带或隐形内衣!(要半杯的)拍摄婚纱照注意事项 拍摄时1、我们要听明白摄影师的动作要求，想想做这样的动作和表情是想让我们怎样去表现自己的美呢?自己应该做怎样的动作和表情才能将摄影师的意图表现的淋漓尽致呢?要用心去表现，要动真感情，只有真正的用心用情才能拍出极具效果的照片来!所以拍摄前和拍摄时要反复提醒自己，要用心，要用情!一般男士会对照相多少会有一些心理抵触情绪，一定要做好他的思想工作!不然女方发挥的很好，男方表现一般效果就不好了!2、眼神也是很重要的，相信只要大家记得真正的用心，用情去表现，眼神就会自然的流露了!相信大家都不会有问题的。笑时一定要把你们心中即将结婚的喜悦和幸福的心情尽情的表现出来，是自然的笑 ，是从内心深处的笑，而不是脸部肌肉机械的皮笑肉不笑。而且笑要和眼神相互配合的，缺一不可!</t>
  </si>
  <si>
    <t xml:space="preserve">门面或商铺的证件我要买一间门面,门面或商铺的法定证件有哪些 </t>
  </si>
  <si>
    <t>容儿:你好！    所有权的法定证件：    在房地合一的城市， 门面或商铺的法定证件是《房地产权证》；    在房地分开的城市，门面或商铺的法定证件是《房屋所有权证》和《土地使用权证》。    使用权的法定证件：租赁合同</t>
  </si>
  <si>
    <t xml:space="preserve">求鉴定这是什么品种的狗 </t>
  </si>
  <si>
    <t>这应该是串串如果回答对你有帮助，请点有用，谢谢。</t>
  </si>
  <si>
    <t xml:space="preserve">关于狂乱野蛮人的武器是加剑掌握好还是斧好？（我还没极品武器） </t>
  </si>
  <si>
    <t>没有极品武器的话就看你用的是什么了,你用斧头就加斧,用剑就加剑,总不可能你用着斧头加剑支配吧</t>
  </si>
  <si>
    <t xml:space="preserve">nokia6208哪里下载游戏 </t>
  </si>
  <si>
    <t>6208真的是一款不错的手机。手机和直板结合。本人也是用这机的 游戏我都是在这里下载的，建议你也去看一下。嘿嘿。</t>
  </si>
  <si>
    <t xml:space="preserve">MDSUN妍心赏最著名的、大家都喜歡的產品是哪一款？ </t>
  </si>
  <si>
    <t xml:space="preserve">   应该是DNA Collagen Lift的那款吧，翻译过来叫：膠原蛋白再生素，因为含有多種DNA幹細胞及黃金箔片，目前是护肤界的新宠。 </t>
  </si>
  <si>
    <t xml:space="preserve">乳头内陷怎么治疗，必须手术吗？我的左侧乳房要比右侧的严重一些，对 </t>
  </si>
  <si>
    <t>对生育没有影响，对哺乳有影响，没有什么治疗方法，可以在怀孕后每天坚持十分钟，向外拉内陷的乳头，而且还有卖乳头帖的，专门适用于乳头小或内陷的哺乳妇女。</t>
  </si>
  <si>
    <t xml:space="preserve">家具流行色？几年前家俱颜色选择木纹色的教多，后来又流行胡桃木黑色 </t>
  </si>
  <si>
    <t>---大约在10年以前,行中有一句话叫"全国一片榉",也就是说,1998年以前,国内的家装与家具以榉木色为主.2000年前后,黑胡桃与浅胡桃色系家具风行全国,占了大半江山,2003年起,又见枫木色,白橡色家具流行.为什么会有这样的现象呢?---形成这种现象有很多方面的原因,98年前,我国的装饰材料比较单一,家具生产工艺比较落后,而榉木花纹与榉木材料在当时最容易获得,所以大家都就都以榉木为主,当时人们的心目中,欧洲进口的榉木是一种高贵的象征.2000年前后,美国木材联合会向我国大量输送胡桃木与樱桃木,因为樱桃木在我国的大部分国土,邻国缅甸等地都可以找到替代木材,所以难以验明正身,不利于推广,而胡桃木则需从美国泊来,所以胡桃木系列产品自然而然在成为体现档次与身份的产品.于是胡桃木系列产品风靡一时,代替了人们有点厌倦的榉木系列.当然这与家装材料丰富,以及家具生产水平的提高也是分不开的.时至今日,胡桃木色也已经见怪不怪,而木材产量很少的枫木等木色又受到了人们的追捧.这就是这些年家具流行色演变的一条基本连线.---还有这与人们的心情变化也有关,98年前,人们的思想处于相对迷惘,所以多选相对混沌的榉木色,2000年前后,人们已经变得取舍分明,所以家具也变得黑白分明,时至今日,人们更加追求环保与个性,所以枫木色,白橡色流行。也许有人会说我这是马后炮，过去的事谁不知道说？---所以这里我想大胆的预测一下接来下的的家具流行色是什么。---接下来流行色应该是---“个性色”。因为现在有越来越多可供我们选择的产品，人们将不再担心能不能购买到问题，而生活水平的提高到使人们更注重个性，所以将来“原木本色”“欧美古典色”、“唐彩”等都会大行其道。近两年，“原木本色”受到的追捧将最多。而且接下来不太会发生“一色统天下”的现象。</t>
  </si>
  <si>
    <t xml:space="preserve">产后月经不来怎么回事?我宝宝有3个月大了我是剖腹产..产后一直出 </t>
  </si>
  <si>
    <t>刚生过孩子就是这样的，过段时间就恢复了</t>
  </si>
  <si>
    <t xml:space="preserve">请教现在有7颗树，要求你栽成6行，每行都有3颗树，应该怎样栽？ </t>
  </si>
  <si>
    <t>栽成三角形，三个顶点各一颗，三条边的中点各一颗，中心种一颗</t>
  </si>
  <si>
    <t xml:space="preserve">剪刀怎样才能得到?? </t>
  </si>
  <si>
    <t>记不太清楚是野生海草还是漂浮的海草,反正一个掉剪刀一个掉梳子.</t>
  </si>
  <si>
    <t xml:space="preserve">工行网上支付结算代理产品功能支持逐笔和批量两种提交方式吗 </t>
  </si>
  <si>
    <t>支持</t>
  </si>
  <si>
    <t xml:space="preserve">请问燕子老师：600511现在还能持股吗？ </t>
  </si>
  <si>
    <t>600511个人建议暂时出局。</t>
  </si>
  <si>
    <t xml:space="preserve">桑椹的颜色为什么那么难洗掉?黑色素为什么那么多? </t>
  </si>
  <si>
    <t>是真的吗？很有启发作用，可以考虑开发做天然染料，感觉那种颜色挺好的，谢谢你的提问。</t>
  </si>
  <si>
    <t xml:space="preserve">关于米德尔斯堡两次逆转!真是神了奇怪的队!奇怪的比赛!主场灭切尔 </t>
  </si>
  <si>
    <t>因为他背后的赞助商是赌博网站</t>
  </si>
  <si>
    <t xml:space="preserve">早上起来嘴里特别恶心。怎么回事 </t>
  </si>
  <si>
    <t>慢性咽炎吧啊，恶心干呕</t>
  </si>
  <si>
    <t xml:space="preserve">买号的问题我想问一下各位大虾,我要买一个外地的号,卖家说他只记得 </t>
  </si>
  <si>
    <t xml:space="preserve">如果想买号，楼主应该优先考虑以下条件： 1、在自己熟悉的区域里，同时能与卖家很容易的联系上 2、帐号必需能修改资料，不然的话也就不要买了 3、最好是买已经绑定的帐号，然后再买个密保进行转换 4、网上的最好不要购买，就像你所说的，大部分是骗子 </t>
  </si>
  <si>
    <t xml:space="preserve">南方和北方粽子的包法有什么不同？馅料啊形状之类 </t>
  </si>
  <si>
    <t>馅料:　　粽子馅荤素兼具，有甜有咸。粽子口味的特色直接体现了当地的生活习惯与美食文化。　　北方菜品以简单见长，这一特点也反映在粽子中：粽子多是简单白米，或者杂以赤豆、枣，蘸白糖食用。　　相比北方粽子的简单单一，南方的粽子名声最盛，做法也复杂，尤其是馅料，更是变化多端。而在南方多变的粽子中，又以五芳斋的粽子口味广受欢迎，不仅口感舒适，而且馅料丰富，能够想到的食品都能成为它的馅料。鲜肉、豆沙、蛋黄、莲蓉、蜜枣、排骨等都能在五芳斋粽子里变为可口的美味。==================================================形狀:北方粽子个头较大，外形也多为斜四角形或三角形。南方粽子也秉承了南方人特有的细腻和柔美，呈现出多种多样的形态。如广东粽子外形多为锥子状——正面方形，后面隆起一只尖角;苏州粽子则与众不同，它的外观非常可爱，呈长而细的四角形，浑身透着江南的秀美风情。</t>
  </si>
  <si>
    <t xml:space="preserve">方向盘异响我的伊兰特悦动跑了2万公里后发现在转向时方向盘出现吱吱 </t>
  </si>
  <si>
    <t>建议先检查是否有刮蹭到物体，如果没有的话，那很可能就是方向机内部拉杆的摩擦声音了，可以尝试重新润滑拉杆，来改善声音的产生！</t>
  </si>
  <si>
    <t xml:space="preserve">中国古代有哪些文学体裁？ </t>
  </si>
  <si>
    <t>一． 骈文 又叫“四六文”，这种文体，四字、六字句相间，起源于汉魏，形成于南北朝，盛行于隋唐。句式迁就，文中堆砌词藻，常影响内容表达。唐朝韩愈、柳宗元提倡古文远动后，骈文逐渐衰落。其中也不泛名篇佳作。著名的有南朝吴均写的《与朱元思书》，唐王勃写的《滕王阁序》、刘禹锡写的《陋室铭》。 二． 说 古代议论说明一类文章的总称。《文章辨体序说》：“说者，释也，解释义理而以己意述之也。”课本中出现的名篇有唐韩愈的《马说》、柳宗元的《捕蛇者说》，宋周敦颐的《爱莲说》，清袁枚的《黄生借书说》。 三． 表 古代奏议的一种，陈述某种意见或事情，为古代臣属进呈帝王的奏章之一。课本中出现的只有一篇，为三国时诸葛亮的《出师表》。公元277年，诸葛亮准备出师伐魏，夺取中原，出发前给后主刘禅写了这篇奏章，表明自己忠于蜀汉， 匡扶汉室的决心。文中名句有“受任于败军之际，奉命于危难之间”等。 四．赠序 古代文人送别时常以诗文相赠，集而为之序的，称为增序。后凡是惜别赠与的文章，都叫增序。其内容多推重、赞许或勉励之辞。课本中出现的是明代家宋濂的《送东阳马生序》。文中向来自家乡的年轻人马生介绍了自己少时的求学经历，勉励马生要珍惜时日，刻苦求学。 五． 铭 古代刻在器物上用来警戒自己或者称颂功德的文字都叫“铭”。放在书案右边用以自警的铭文叫“座右铭”，课本中有唐刘禹锡的《陋室铭》。还有刻在石碑上，叙述死者生平，加以歌功颂德追思的叫“墓志铭”，如韩愈的《柳子厚墓志铭》（未学）。 六． 杂记 包括两类： 1．记载风景、琐事、感想等的一种文体。描写山川、景物、人事的，如《小石潭记》、《西湖游记》、《桃花源记》等。 2．笔记文。以记事为主，特点是篇幅短小，长的千字左右，内容丰富，由理事掌故、遗文逸事、文艺随笔、人物短论、科学小品、文字考证、读书杂记等。如《世说新语》（《小时了了，大未必佳》）、《梦溪笔谈》（《以虫治虫》）。 七．游记 其实是杂记的一种,把它单列出来，是因为它在杂记中占有比较特殊的位置：游记是描写旅行见闻的一种散文形式，取材范围极广——可以描绘名山大川的秀丽瑰奇，可以记录不同地区的风土人情，并从中表达作者的思想感情。文笔轻松，语言生动，记述较为翔实，给人以丰富的社会知识和美的感受。课文中选用的名篇有北魏郦道元的《三峡》（科学色彩浓），南朝梁武军的《与朱元思书》（写景、议论），唐代柳宗元的《小石潭记》（写景、抒情），宋代范仲淹的《岳阳楼记》（写景、议论），宋代苏轼的《记承天寺夜游》（写景、抒情），宋代欧阳修的《醉翁亭记》（写景、议论、抒情）。 八． 寓言 用假想的故事来说明某种道理，从而达到教育或讽刺目的的文学作品。“寓”是“寄托”的意思。通常是把深刻的道理寄托于简单的故事当中，借此喻彼，借小喻大，借古喻今，惯于运用拟人的手法，语言简洁锋利。课文中选用的寓言故事有《韩非子》中的《郑人买履》，《吕氏春秋》中的《刻舟求剑》，《战国策》中的《鹬蚌相争》。 九． 诗歌 我国出现的最早的文学体裁就是诗歌（我国最早的一部诗歌总集为《诗经》），后来逐渐演化为三种样式：诗、词、曲。 诗、词、曲的主要区别在于诗要求节奏和讲究韵律，词比诗的要求更加严格，词是一种配乐歌唱的诗体。去也是和乐演唱的一种韵文形式，但句法比词更灵活。 诗的最高成就表现在唐代。 从表现形式上看有四言诗，如《诗经》中的《关雎》、《君子于役》、《蒹葭》，三国曹操的《观沧海》；五言诗如唐代王勃的《送杜少府之任蜀州》（五律），杜甫的《春夜喜雨》（五律）、《望岳》（五律），李白的《秋浦歌》（五绝）等；七言诗如唐代李白的《望天门山》（七绝）、《闻王昌龄左迁龙标遥有此寄》（七绝），汉语的《早春呈水部张十八员外》七绝），杜牧的《赤壁》（七绝），刘禹锡的《酬乐天扬州初逢席上见赠》（七律），白居易的《 钱塘湖春行 》（七律），李贺的《雁门太守行》（七律），宋代陆游的《游山西村》（七律）、《十一月四日风雨大作》（七绝）等；杂言诗如唐代李白的《宣州谢眺楼饯别校书叔云》，杜甫的《茅屋为秋风所破歌》等。五律、七律、五绝、七绝属近体诗，其他属古体诗。 乐府诗指汉魏南北朝乐府官署采集和创作的乐歌，简称为乐府（本是官署名称），后成为诗体名称。课文中选用的是《敕勒歌》、《木兰诗》。 词的鼎盛时期出现在宋朝。课文中选用的是宋代苏轼的《水调歌头 明月几时有》、《江城子 老夫聊发少年狂》，李清照的《如梦令 常记西亭日暮》，范仲淹的《渔家傲 塞下秋来风景异》等。 曲在元代最盛行。课文中选用的是元代马致远的《天净沙 秋思》、张养好的《山坡羊 潼关怀古》。</t>
  </si>
  <si>
    <t xml:space="preserve">保护海洋的环境，合理开发和...利用海洋资源已成为世界各国共同关? </t>
  </si>
  <si>
    <t xml:space="preserve">    一、宣传海洋，保护海洋      今年６月５日是第３３个“世界环境日”，联合国环境规划署确定其主题为“海洋存亡，匹夫有责”，呼吁国际社会重视海洋环境保护，积极行动起来，为人类留下清洁蔚蓝的海洋。从２０世纪８０年代至现在，我国采取了一系列措施，对沿海海域生态环境进行保护和整治，如颁布实施了《渔业法》、《水污染防治法》、《海洋环境保护法》、《海域使用法》等法规。对海洋渔业资源开发利用实行“捕捞许可证制度”、“伏季休渔制度”、“渔船报废制度”等，并制定了“中国水生生物资源保护国家行动计划”，建设沿海“人工鱼礁”和进行人工放流增殖资源等。这些做法对沿海海域生态环境保护起到了一定的作用，进入２１世纪，更应切实做好各项工作以保证这些法规和制度顺利实施。      ㈠加强海洋环境保护的宣传。海洋环境保护并不仅是海洋与渔业部门的工作，它关系到整个社会乃至每一个人?熏因此要开展全社会保护海洋环境宣传教育，大力宣传海洋污染对人类的危害，建议沿海地区人大、政府和海洋部门每年要结合国际海洋日，开展声势浩大的大规模宣传活动。有可能的话，要学习日本的经验，把海洋知识列入小学教科书。从小加强对海洋知识的宣传教育，不断提高人们保护海洋的自觉性。      ㈡控制污染源。海洋污染物主要来源于陆域超标排污和海洋船舶、水产养殖废水等，因此，必须采取措施，实施入海污染物总量控制。一是各地环保部门要根据不同的工厂定出不同的废水排放标准，工厂生产过程中产生的废水必须经过净化处理，达到排放标准后，才准排入江河、湖泊。二是各地政府对分散排入江河的生活污水、农业废水，要在重要的河口地段建设污水处理厂，经处理后方可排入海洋；三是海洋与渔业主管部门要加强对养殖废水、船舶废水排放的检查、监督，经清污处理后，方可排放入海洋。      ㈢加快建设海洋保护区。要恢复海洋生态环境，需要加快沿海保护区的建设步伐：一是要根据海洋生物繁殖生长规律，建立海洋生物自然保护区。现在我省已经和正在建设的自然保护区２０多个，有名的惠东县港口镇国家级海龟自然保护区，多年来取得很好的成效，受到世界自然保护区联盟的赞扬。二是加快建设人工鱼礁区，恢复海洋资源环境。２００１年２月广东省第九届人大四次会议通过的《关于建设人工鱼礁，保护海洋渔业资源环境》的议案在全国引起很大的反响，广东省委、省政府非常重视，派出很多专业人员到日本、美国等国家考察学习，在阳江、珠海搞试点，各地海洋与渔业部门积极组织实施。三是加强渔业资源统一增殖放流工作，补充江河、海洋生物资源量，促进渔业生态环境的好转。      ㈣以法治海。《海域法》、《海洋环境保护法》等有关法律法规的制定和实施，明确了国家对海域的所有权。标志着过去无序、无度、无偿围海的时代已经结束。今后任何单位和个人必须根据“海域功能区划”等法律制度的要求使用国家的海域，严格执行海洋有关法律法规。只要各级政府重视，各部门通力合作，各种法规制度得到落实，经过１０－２０年的努力，我国海岸带生态系统会好转，沿海水域自净纳污能力会增强，赤潮灾害会减少，海水会恢复碧蓝洁净的面貌，海洋生物资源和生态环境就会保持良性循环。      二、梦想海洋，开发海洋      随着人类对海洋的认识和实践，以及科学技术的进步，进入２１世纪，相信人类对于海洋不再是过去的“望洋兴叹”了，完全有条件有能力对海洋进行合理开发。      ㈠渔业。２１世纪，传统渔业将建设成现代化：一是广泛建设海洋生物自然保护区和人工鱼礁，将浅海建成“蓝色的牧场”；二是大力发展休闲渔业、滨海旅游业，使其成为人们假日休闲的好去处；三是大量繁殖各种含有活性物质的海洋生物，从中提炼各种滋补食品和治疗心脑血管病、癌症、艾滋病及其他疾病的良药；四是 发展相应的水产品加工业，将一切渔业产品都经过深加工，制成美味的食品上市，不但节约资源，人们也不用在厨房里和腥味的鱼虾打交道。这样，到２１世纪末，人们所需的蛋白质和药物将有三分之一以上由海洋产品提供。      ㈡能源。海洋能源将成为我国２１世纪的主要能源：一是继续开发已探明的海底数百亿吨的油气田；二是用二、三十年时间查明我国海底可燃冰的埋藏量，并研究出安全可行的开发技术，这种无污染能源可能够我国用上几百年；三是开发利用由太阳能和万有引力产生的海洋潮汐、海流、波浪、温差、盐差等再生能源。可在潮汐能源丰富的浙江、福建建造一些装机容量几百万千瓦的发电站，发电站的水库还是养殖和旅游胜地。      ㈢矿产。２１世纪我国将利用海上选矿船和海底集矿器、提升管组成的采矿系统对已查８００多个矿床的矿藏进行开采。这样，海洋提供的铜、锰、镍、钴和其他贵重金属，我国几百年用不完。      ㈣化工。氯化纳（食盐）仍然可像几千年前一样，大部分用日晒法从海水中提取，经过精制加碘供人们食用。氯化纳同时还是化工业的重要原料。此外，从海水中还可提炼出溴、碘、镁、钾、铀、锗等重要元素，在２１世纪中，这些元素将会得到很好的开发和利用。      ㈤淡水。２１世纪由于海水淡化技术的突破，在我国沿海将会建立一些蒸馏、反渗透法的海水淡化工厂，生产的淡水将供给我国干旱地区生产和生活的用水。可以设想，在大型海水淡化工厂建成后，用输水管将所生产的淡水源源不断地输送到我国西北地区的沙漠地带，不久的将来，那些沙漠地带将会出现一遍绿洲，这些地方的生态环境将会发生根本的好转。      ㈥滨海城市的建设和交通运输。２１世纪，在寸土寸金的滨海城市，人们可以回归海洋，向海洋发展，建立海上城市，每座海上城市可满足几十万人居住。水下仓库储藏油气更安全，储藏的粮食、水果、食品更耐久，空气清新，气候更适宜人们生活。交通方面会更发达；沿海高速公路全线建成，将沿海各城市、各港口连接起来；大陆与台湾、海南岛等岛屿将有桥梁或隧道连接；海上航运业也会更加发达，新型气垫船、水翼船在海上航行更快捷、安全、舒适；各种潜水器广泛应用在人们生产、生活、旅游中。      ㈦建立全球统一的海洋灾害预报和救助系统。２１世纪人类虽然还无力改变自然，制止热带风暴、海啸、巨浪、厄尔尼诺等灾害的发生，但已经有能力预测、预报，在２１世纪中，将会在全球建立统一的观测、信息、预报系统和先进的拯救机构。我国已加入“国际海洋安全公约”，将会很好利用世界上先进的科技成果，兴利避害，为我国海洋开发事业保驾护航。   海洋的保护与开发     我们的地球的大部门是海洋，我国的海洋资源非常丰富，但是在海洋的保护和开发问题我们正面临着考验。大量的污染排放使得海洋不堪污染，难以恢复；各种不合理的开发过度开采海洋资源，围海造田，破坏海岛生态环境等诸多问题，海洋已经变得“伤痕累累”，如果再任由人们对海洋肆意掠夺，后果将不堪设想，我们的子孙也将失去这一蔚蓝色的家园。     目前在海洋的保护和开发当中出现的主要问题有：     首先海洋污染问题深刻，死海不是谣传。目前渤海，黄海等海域的污染问题都非常严峻。入海排污口超标排污问题严重。虽然我们国家指定了海洋保护计划，但是实际执行当中还存在很多的问题。其次，我们的人均海洋资源不高。更 要求我们有效保护和利用。我们的人均管辖海域面积，世界排名120名左右。另外，海洋的开发还很落海洋开发须发整体性，长远性规划。低水平，重复性建设比较多。     针对这样的情况，我认为应用如下几个方面解决。     第一，加强海洋的保护。对于污染排放问题要加大管理。积极推动《水质污染防止法》等法规的出台。并强化相应的执法检察力度，提高监察技术水平，对违法相关规定的企业要给予严厉惩处。在进行海洋开发时，要合理规划、科学布局、努力减少对生态环境的破坏。所有海岸和海洋工程建设，都要严格执行环境影响评价制度，进一步加强对海洋环境污染的防治。要完善海洋自然保护区，建立生态监控区，建立重大海洋污染事故预警机制。        第二，合理开发利用海洋资源。要制定长期发展战略和规划。。各级政府和海洋管理部门必须严格依据海洋功能区划，统筹协调各海洋产业和各地区之间在海洋开发利用与海洋环境保护中的关系，形成合理的产业结构和生产力布局，充分发挥资源的最佳效益，避免重复建设和浪费现象。实行相关部门的联席会议制度，定期协商海洋资源的综合开发和海洋保护。     第三，加强海洋资源保护，促进海洋产业增长方式转变。海洋资源具有一定的自我更新能力，因此应加强海洋资源养护，加强伏季休渔管理，并建立海洋环境监测的长效机制，定期开展大规模的海洋资源调查。进一步加快海洋产业增长方式的转变，大力发展高科技海洋产业，实现由数量增长型向质量效益生态型海洋产业的转变。        第 四，要建立海洋保护监督机制。依托民间环保力量，发动全社会共同保护海洋。对学生开展海洋教育，增强他们保护海洋，开发海洋资源的知识和意识。使社会形成保护海洋的良好氛围。  海洋国土保护与开发畅想   今年9月初，召开了第一次全国海洋科技大会。海洋经济和海洋科技究竟对沿海地带和全国的发展意味着什么？在中国经济面临增长方式转变的今天，这一问题值得探究。 首先，海洋经济是沿海地区发展的一次新的重大机遇。改革开放以来，沿海地区的发展以出口导向型的劳动密集型加工业为重要动力，但由于资源环境约束，劳动力成本上升和国际市场趋于饱和三方面因素的限制，这一模式面临调整。海洋经济是一种知识密集型的经济，向海洋发展是沿海地区克服土地资源刚性约束的重要途径。发展海洋经济受国际市场制约的因素较小，可为沿海地区经济的跃升提供较大空间。  其次，海洋经济是一种资源性经济，在这一意义上，海洋经济的发展对全国经济的可持续发展有重要意义。除了传统的海洋油气资源的开发可缓解能源短缺的危机外，海上风电的开发也是清洁和经济的能源。在海上风电开发方面，笔者赞成适度超前发展，要克服解决电力问题以火电为主的陈旧观念，中国虽然煤炭储量丰富，但煤并不是可无穷无 尽的开采的，且除了作为能源之外，煤还有更宝贵的资源价值。对海上风电，需要作为一种替代性能源大力发展，对风电设备自主研发给予一定的政策鼓励。  海洋还蕴藏着丰富的矿物资源。因而发展海洋经济可为全国经济的可持续发展积蓄力量。发达国家几年或一两年就进行一次海洋普查。而我国则要一二十年甚至几十年，这方面需要急起直追，加大海洋普查频率。争取五年做一次全面的海洋普查。  在国家相继提出东部率先发展，西部大开发，振兴东北老工业基地和中部崛起之后，300万平方公里海洋国土的保护</t>
  </si>
  <si>
    <t xml:space="preserve">请教高手男鼠女鸡，生蛇宝宝几月好老公属鼠84年十月初三老婆属鸡8 </t>
  </si>
  <si>
    <t>fenny（易学爱好者）已经连同您“”栏位的其他问题都回答好了。请不要忘记要采纳fenny或“易学爱好者”之前的所有回答，谢谢！提供日期是“农历（阴历）”，没错吧？！以下以“农历（阴历）”论之。爸爸：属鼠，84（甲子）年十（甲戌）月初三（癸巳） 妈妈：属鸡，81（辛酉）年十（己亥）月十五（癸巳）任何生肖与任何月份的宝宝都是父母的宝，单从命理的观点分析：蛇宝宝配合父母八字适合的月份：1、阳历2013年2月4日0点19分～3月5日18点18分，农历（阴历）十二月二十四日0点19分～正月二十四日18点18分。分析如下： （1）宝宝的月份和爸爸出生月三合（合者和谐）。（2）宝宝的月份和妈妈出生月六合（合者和谐）。2、阳历2013年3月5日18点19分～4月4日23点4分，农历（阴历）正月二十四日18点19分～二月二十四日23点4分。分析如下：（1）宝宝命带天乙贵人。（2）宝宝的月份和爸爸出生月六合（合者和谐）。（3）宝宝的月份和妈妈生肖相冲（没关系）。（4）宝宝的月份和妈妈出生月三合（合者和谐）。3、阳历2013年8月7日17点14分～9月7日20点32分，农历（阴历） 七月初一日17点14分～八月初三日20点32分 。分析如下： （1）宝宝的月份和爸爸生肖三合（合者和谐）。（2）宝宝的月份和爸爸出生日六合（合者和谐）。（3）宝宝的月份和妈妈出生日六合（合者和谐）。4、阳历2013年9月7日20点33分～10月8日12点30分，农历（阴历）八月初三日20点33分～九月初四日12点30分。分析如下： （1）宝宝的月份和爸爸出生日三合（合者和谐）。（2）宝宝的月份和妈妈生肖同。（3）宝宝的月份和妈妈出生日三合（合者和谐）。5、阳历2014年1月6日20点7分～2014年2月4日6点20分，农历（阴历）十二月初六日20点7分～正月初五日6点20分。分析如下： （1）宝宝的月份和爸爸生肖六合（合者和谐）。（2）宝宝的月份和爸爸出生日三合（合者和谐）。（3）宝宝的月份和妈妈生肖三合（合者和谐）。（4）宝宝的月份和妈妈出生日三合（合者和谐）。仅供参考，祝心想事成。因为爱问版面系统不让上传资料更改，如果对fenny（易学爱好者）答复后，还有其他疑问，请您重新到“演艺、艺术、娱乐的运气与星座”的“风水”栏，向“易学爱好者”提问，并提供原始问题的“链接网址”，不要再复制fenny的答案，否则还是无法全文呈现，谢谢！</t>
  </si>
  <si>
    <t xml:space="preserve">我顶多能隔一天就得洗头发，要不然就会很痒，而且有头皮屑。这跟所用? </t>
  </si>
  <si>
    <t>我也出过这种情况.我现在的头发可是人人羡慕哦!你的头皮会痒可能是毛囊炎,我也出过这种情况,我是刚洗完就会痒.你的头屑是原来就有还是烫染后才有的呢?我是烫染后才有的,是营养失恒的结果.就这个情况来言,你的头发也应该不太爱出油吧?建议你:用用安利,LG,霸王的洗发水,以上几种我都用过,比较适合你这种受损发质.(不要再用海飞丝一类的洗发水了,碱性太强,会令你的头发更干枯,要用温和且有营养发水,把你的营养补充回来).用发膜会更加事半功倍,我在用迪彩的,效果很好,价格也便宜,我已经用了3瓶了.每次洗完发要用吹风机吹干你的头皮(发尾干枯可以吹五成干),先用热风,再用冷风,让你头皮及毛鳞片收缩.这样坚持两个月左右,你的头发就会健康无比了.</t>
  </si>
  <si>
    <t xml:space="preserve">住房公积金异地使用我的档案、户口都在无锡，住房公积金也是在无锡缴 </t>
  </si>
  <si>
    <t xml:space="preserve">可以,需提供的手续和在本地买房一样。省建设厅日前出台了《关于异地住房贷款有关问题的通知》(简称《异地住房贷款》)，针对职工办理异地住房贷款，对《指导意见》给予了更进一步的说明。　　异地住房贷款是指职工在住房公积金缴存所在地之外的城镇购房，并向购房所在地管理中心申请住房贷款。办理异地住房贷款，执行购房(借款)地有关贷款的规定和政策。　　按规定，省内缴存住房公积金的职工(含驻冀石油、铁路等系统单位)申请异地住房贷款，其缴存所在地管理中心应提供职工缴存情况等证明材料。　　省外缴存住房公积金的职工在我省城镇购房并申请住房公积金个人住房贷款的(以下简称“省外异地贷款”)，贷款所需资金原则上由其缴存地住房公积金管理中心提供；购房(借款)地管理中心资金充裕的，也可使用本地资金。　　办理省外异地贷款的，职工购房(借款)地与缴存地住房公积金管理中心应协商签订职工异地住房贷款委托协议，明确双方的权益与责任。签订的委托协议应报河北省住房公积金监督管理办公室备案。　　办理省外异地贷款应收取一定的承办手续工本费，手续工本费由职工缴存地住房公积金管理中心承付。　　由职工购房(借款)地管理中心提供贷款资金时，该管理中心应要求缴存地管理中心在提供职工缴存住房公积金证明的同时，承诺将借款人缴存的住房公积金，在其不能正常偿还贷款时，用于偿还住房贷款本息。参考资料 </t>
  </si>
  <si>
    <t xml:space="preserve">彼岸花的花语是什么？不同颜色彼岸花的花语；花语中藏蕴着那些感人故 </t>
  </si>
  <si>
    <t>中国花语：“优美纯洁”代表美丽、动人 日本花语：“悲伤回忆”　 　朝鲜花语：“相互思念”。又有“分离、伤心、不吉祥、死亡之美”的意思。 　其中，红色彼岸花（曼珠沙华）和白色彼岸花（曼陀罗华）的花语都不相同。 　曼珠沙华：无尽的爱情，死亡的前兆，地狱的召唤。　 　　曼陀罗华：无尽的思念，绝望的爱情，天堂的来信。</t>
  </si>
  <si>
    <t xml:space="preserve">如何去掉从下载电影多余的广告文字网上下载的电影播放时会出现许多网 </t>
  </si>
  <si>
    <t>呵呵，我也很想知道啊！目前我还没有找到有效的办法，你要去码我倒可以告诉你。这种一般很难去掉的，其实也没有多大的关系，又不会影响你的观看</t>
  </si>
  <si>
    <t xml:space="preserve">购买免烧砖机，买哪个牌子的好啊？具体价格又是多少呢？ </t>
  </si>
  <si>
    <t>西安银马是一家很知名的免烧砖机设备生产厂家，在购买之前还可以到他们的厂地实地考察，在详细了解他们的产品性能之后再买也可以。他们机器质量好，售后服务也好，还是中国著名品牌呢。</t>
  </si>
  <si>
    <t xml:space="preserve">吴奇隆什么时候受伤的 </t>
  </si>
  <si>
    <t>在拍摄《向着炮火前进》时候受伤的应该是快杀青的时候</t>
  </si>
  <si>
    <t xml:space="preserve">奇迹世界问题请问各位大侠们：野兽森林AC，按J，出来的图面，左上 </t>
  </si>
  <si>
    <t>50就可以拿戒指了55可以拿项链你把物品全了，然后任务都做了就可以拿项链的宝物箱还没有开放你把地图和钥匙搞全就好了</t>
  </si>
  <si>
    <t xml:space="preserve">一个多月的宝宝得了奶癣我家宝宝出生一个多月了，前不久脸颊上出现一 </t>
  </si>
  <si>
    <t>我在北京，这里的儿研所有个自制的药叫“肤乐霜”，效果非常非常好。注意别让宝宝太热，洗澡水也不用太热，郁美净不是药物，金银花是中药，尽量去医院买药吧。</t>
  </si>
  <si>
    <t xml:space="preserve">糖尿病人或血糖高的人能不能喝蜂蜜糖尿病人不能吃糖，少吃水果，这都 </t>
  </si>
  <si>
    <t>不能的要多注意！！！</t>
  </si>
  <si>
    <t xml:space="preserve">漫漫牛途多跌宕，切莫近视放眼量！股市中人都明白一个道理：如果总是? </t>
  </si>
  <si>
    <t>其实,很多人都浪费了大量的时间在这浪那浪里--如今的股市,杂波太多了,大浪中又还有许多的复合子浪,延伸浪等等,要是每一个波浪都想赚足,那真的就很抱歉了:没这水平!</t>
  </si>
  <si>
    <t xml:space="preserve">老兵酒的官方网站是什么?想给爸爸买瓶老兵酒不知道去哪买 </t>
  </si>
  <si>
    <t xml:space="preserve">考研英语真题哪本比较好？在暑假如何复习马上到暑假了，如何复习考研 </t>
  </si>
  <si>
    <t>推荐【1号】考研英语真题《考研真相》如果基础不好就早准备也好。有了一定的词汇积累才能做得懂题啊！不过记单词不能孤立去记，最好放在文章中去记，可以熟悉语境也不易忘记。记单词最好那就是结合真题，背真题中的英语单词 ，只要是自己不能确定的就查字典 ，找出它的用法 ，然后结合句子中的语境意思去背，这样更有效。真题要多看，我周围还有把真题背下来的。这是我在做《考研真相》的方法，每一类文章都是按照时间顺序从后往前看，做题顺序是：（1）先通读一遍文章，做题（这一遍精神必须保持高度集中，就像考试一样）（2）再通读一遍文章，这一遍要把你不太认识的单词标出来，可以用铅笔（这一遍速度可以加快，不用精读你不太懂的部分）（3）翻开后面的答案详解，对一对你做的题目答案，错题要返回去继续精读文章（这个阶段主要是精读你做错的部分，加深理解，分析自己做错的原因，如果可以，最好在旁边标注一下错误原因）（4）对完答案，可以浏览下译文，并把不会的单词查出来，写在便签纸上，贴在这一页的阅读上面（这些便签纸对我的作用很大，帮助我回顾的时候发现自己的生词，重点记忆）（5）如果文章质量比较好，长难句解析有所帮助，那就着手把文章翻译一遍（我主要是手动翻译，自己查字典，一句话一句话的翻译）当然了，上面的这些步骤有些可以归纳在一起来做，这样可以提升复习效率。对于翻译文章，我觉得还是挺有效果的，翻译了几篇之后，我对长难句有了一些语感，感觉也能读通一些长难句了。而且也锻炼了一下自己的翻译能力。一举多得。当然以上都是经验之谈，仅供参考。</t>
  </si>
  <si>
    <t xml:space="preserve">葡萄干和蜜枣有什么功效，应该怎样吃，在一天的什么时候谁最好。 </t>
  </si>
  <si>
    <t>葡萄干的营养价值非常高，它的主要成份为葡萄糖；葡萄糖在体内被吸收后，立刻就会变成身体所需要的能源。正因为如此，它对恢复疲劳非常有效。除此之外，葡萄干也含有非常丰富的铁，所以它对贫血症状也很有功效。 每天摄食相当于400卡热量的葡萄干，能有效降低血中胆固醇8％，同时还能抑制血中坏胆固醇的氧化。此外，葡萄干能改善直肠的健康，因为葡萄干含有纤维和酒石酸，能让排泄物快速通过直肠，减少污物在肠中停留的时间。蜜枣能补肺润燥，所以对头发好处较多,也有很强的抗氧化、抗自由基的功效，有抗衰老、预防癌症的作用。另外，枣含维生素C较多，能够使胆固醇变成胆汁酸，从而预防胆结石的发生。枣对心脏也有益处，它里面含有芦丁，芦丁是对人体非常有益的物质，可以降胆固醇、降血压，对高脂血症和高血压病人十分有益。时间上没有限制，什么时候都可以吃。</t>
  </si>
  <si>
    <t xml:space="preserve">你需要什么样的朋友？这个社会没有朋友是不行的！但是朋友的多少，朋 </t>
  </si>
  <si>
    <t>包容，理解，善良，理智的朋友是最好的。包容说明他大度，心胸宽阔；理解才能交往，才会彼此信任；善良是衡量一个人的道德水准的基本条件；理智说明一个人的修养，品质。我觉得具备意识、以上4点的朋友是可以交的</t>
  </si>
  <si>
    <t xml:space="preserve">单反相机的好坏如何判断？ </t>
  </si>
  <si>
    <t>单反相机的优好与坏：能够正常使用拍摄，没故障，拍出的片都很不错就是好机。不能正常使用拍摄，机子常出故障，快门都按不下，拍不出的片的就是坏机。单反相机的优与差：价高的一般都是优的，价低的就较差。一分钱一分货！这是常理！！！</t>
  </si>
  <si>
    <t xml:space="preserve">极品紫锤问价，并有意出售！紫锤属性顺序如下：外普95%外冰87点 </t>
  </si>
  <si>
    <t>10亿</t>
  </si>
  <si>
    <t xml:space="preserve">看过《水果篮子》的进来聊聊！！谁有看过《水果篮子》啊！你喜欢谁啊 </t>
  </si>
  <si>
    <t>Q1:谁有看过《水果篮子》啊?A1:我看过。Q2:你喜欢谁啊?A2:本田透。Q3:如果让真人演《水果篮子》，你认为哪个明星演好？本田透 草摩由希 草摩夹 草摩乐罗 草摩绫女 草摩红叶 草摩紫吴 草摩波鸟 草摩泼春 草摩杞纱 草摩灯路 草摩利津 草摩谦人 花岛朔 花岛朔……A3:最好不要有真人版电影，会毁灭人物们的形象的……</t>
  </si>
  <si>
    <t xml:space="preserve">我和他年龄相差12岁,有可能在一起吗我和他在网上认识，本来我并不 </t>
  </si>
  <si>
    <t>只要真心相爱，别说大12岁，就是大22岁，都能沟通的要理解男人</t>
  </si>
  <si>
    <t xml:space="preserve">怎么能让头发长快点用什么方法可以让头发长快点 </t>
  </si>
  <si>
    <t>平时多吃核桃，少熬夜。注意保养。这是生活习惯上要注意的。现在春夏之交，正是头发长的时候呢。建议你把头发有分X的部分剪掉。平时用适合自己的洗发水，护发素，心态最重要喽！</t>
  </si>
  <si>
    <t xml:space="preserve">急急急我要冲钱快来看看我网银什么都搞好了，冲钱的最后上面说我是签 </t>
  </si>
  <si>
    <t xml:space="preserve">尊敬的客户:    您好！5173回复客服03号很高兴为您服务！    签约过的银行帐户使用网银支付需要先下载证书，建议您联系相关银行查询怎样下载证书。    感谢您对5173的支持！！愿您一年365天快快乐乐，平平安安!愿您度过温馨浪漫的每一天！                                            </t>
  </si>
  <si>
    <t xml:space="preserve">饭后恶心，要吐的原因？ </t>
  </si>
  <si>
    <t>恶心是一种主观感觉，是想将胃内容物经口吐出，通常是呕吐的前驱症状，这种感觉主要是在咽喉部和上腹部。引起恶心的原因很多，急慢性胃炎、溃疡病等常见胃病都可以通过神经反射引起恶心。 　　呕吐是指胃内容物经过食道从口中排除的现象。当某些刺激性事物经入胃内时，人体就可以通过呕吐将这些物质排除，对人体产生保护作用。引起呕吐的原因很多。因为胃病引起的呕吐通常先会出现恶心。 　　恶心呕吐最常见的原因是胃和十二指肠溃疡病、幽门梗阻。幽门梗阻引起的呕吐通常在饮食后6~12小时，呕吐的量相当大，甚至是前一天所吃的食物；急性胃炎的恶心呕吐相当频繁呕吐以后腹部痛等症状可以有所缓解；慢性胃炎、溃疡病引起的呕吐通常量不大，呕吐量不多。 诱发胃炎的常见因素有：饮食不规律，暴饮暴食，特别是一些女孩子喜欢吃零食，这让胃本应该休息的时候还在透支工作；偏食，爱吃刺激之物；不规律、熬夜；幽门螺旋杆菌(HP)感染；遗传也有一定影响，比如十二指肠球部溃疡更青睐于O型血的人，而A型血易患胃溃疡。         过敏性咽炎、扁桃体肥大也会让人恶心     除胃炎外，过敏性咽炎、扁桃体肥大也会让人恶心，但这不是吃完饭后才有的症状，可能平时都会觉得恶心。     此外，还有一种情况：患了鼻窦炎，鼻腔炎性分泌物倒流，经后鼻孔流入鼻咽部、口咽部、下咽部,对咽部黏膜造成刺激，这个刺激除会产生咳嗽外，也可能会有恶心症状。</t>
  </si>
  <si>
    <t xml:space="preserve">有谁知道格兰蒂亚3最高等级是多少？还有，哪里练级比较快？ </t>
  </si>
  <si>
    <t>具体多少我也不知道.在沙漠西有一块绿洲的旁边,有个14000左右的小BOSS,4000的经验.不过全体魔法很厉害.速度特别快.有兴趣可以去挑战啊。升级很快.我现在40,都是在那里练的。</t>
  </si>
  <si>
    <t xml:space="preserve">帮我选一下呀englishdoyoulikesports?sur </t>
  </si>
  <si>
    <t>do you like sports? sure i 'm looking forward to ____ the 28th olympic games_____ in greece this august on tv.look forward to 后要用动名词ING,故应为WATCHING后一个空是后置定语,因为是被动,且表将来所以用TO BE HELD</t>
  </si>
  <si>
    <t xml:space="preserve">121期十四场实图里昂和曼联？ </t>
  </si>
  <si>
    <t>昨天的14场里面,只有里昂这场出冷的杀伤力才最大,也只有这场能够做局</t>
  </si>
  <si>
    <t xml:space="preserve">例假正常时间到，但只出了一次血就没了，现在已经三天没动静了，请问? </t>
  </si>
  <si>
    <t>没什吗，我有次还来了2个星期才完~~~你那是不正常~没什吗大事~~如果不放心！~~~就去 医院看看</t>
  </si>
  <si>
    <t xml:space="preserve">事业单位比公务员差很多吗好多人都说事业单位比公务员差是这样吗 </t>
  </si>
  <si>
    <t>事情不是绝对的。目前事业单位处于改革中，大体上分为三类：行政事业单位、公益性事业单位、营利性事业单位。行政事业单位参照公务员管理，比方说：新闻出版局、防疫站、技监局下属特征设备检验所等等单位和部门。公益性事业单位分为全额拨款和差额拨款以及自收自支三种种，比方说：国办学校、公立、交通局下属公路局等等单位和部门。营利性事业单位，下一步要改制成企业，比方说：机关招待所、机关印刷所、机关医院等等单位和部门。事业单位实行的是法人制度，由岗位来定员的方式，单位与所聘人员签订用人合同，往往也是签订终身合同。公务员目前虽然不签订用人合同，但是实行年终和平时考核制度。行政事业单位参照公务员管理，福利待遇等方面与公务员差不多。差额拨款事业单位工作比较稳定，也可以参与一定的盈利活动，应该说福利还可以。盈利事业单位虽然改制成企业但是仍然可能得到政府扶持，应该也不错。有的事业单位还实行专业技术职务（职称）。比方说：国办中学的教师，可以进高级职称，所拿的工资说不定要比教育局的中层领导还高。国办大学老师，享受稳定工资的同时也可以搞一些科研项目或者从事一定的经营活动，收入也很高，并且高校老师的发展前途要好于公务员。</t>
  </si>
  <si>
    <t xml:space="preserve">各位朋友看看此单如何、 </t>
  </si>
  <si>
    <t>说实话，感觉一般</t>
  </si>
  <si>
    <t xml:space="preserve">这种结石怎么办我上不久去医院检查，医生说我得了肾结石。照B超后发 </t>
  </si>
  <si>
    <t xml:space="preserve">    肾脏有一个主要功能是过滤血和水，打个简单的比方，正常的肾过滤10升，如果你现在肾虚了也不疼也不痒，平常腰有点酸痛，到医院检查没病，等疼了到医院一检查肾结石，拿激光打了，打完了这石头排出来了，过一段时间又来了，过一段时间又得打，打完了又来了。打到最后有的人开始尿血，为什么？你怎么老长石头呢？其实肾正常过滤比如是10升，你现在肾虚了，肾虚时过滤还能过滤那么多呢？像干活一样原来干10个小时的活，你现在干8个小时了，没那么大劲儿了，你干8升，过滤8升，只要过滤就会排出脏东西来，如果你肾虚了，过滤10升和过滤8升排泄的脏东西会不同，少了，脏东西长期在你肾里淤积时间长了，钙化了，就形成结石。    只有找名家中医把肾脏机能调理过来，结石也就从尿液中排泄出来了。</t>
  </si>
  <si>
    <t xml:space="preserve">基本黑水法套中的套装效果还存在么？RT，我是新手，请各位大大知道 </t>
  </si>
  <si>
    <t>基本的装备是没有属性的`没有套装效果`基本的就是没属性的`你是法师系`穿基本黑水法`还属于精通法袍的`就是没有了套装属性而已`如果你穿基本轻装或重装`你就不可以感受到精通法袍的效果了`不能感受到精通法袍增加的防御力了`</t>
  </si>
  <si>
    <t xml:space="preserve">盗贼的问题盗贼主手拿匕首副手拿剑做刺杀贼好吗我是学工程的随时带着 </t>
  </si>
  <si>
    <t>主手拿匕首 副手拿剑,明显不好,除非你拿的是传说中的超快的剑,DZ,要求是主手是速度慢些,DPH高,特效好,副手是速度快,属性好,按这2个要求去选武器就可以了</t>
  </si>
  <si>
    <t xml:space="preserve">请教高手600208如何操作？谢谢！ </t>
  </si>
  <si>
    <t>周一盘中高点减磅.</t>
  </si>
  <si>
    <t xml:space="preserve">请问公司老板给我说新公司我占5％股份，年底拿5％以上经营分红，在? </t>
  </si>
  <si>
    <t>股东大会的文件，往工商局报的文件，公司有关于你的股份的文件．总之，要有文字材料．</t>
  </si>
  <si>
    <t xml:space="preserve">如何追比自己大3岁的女孩？我该这样去追啊？我和她是在我表哥的婚礼 </t>
  </si>
  <si>
    <t>这个我也是个男人我也喜欢比我大的不难吧主要是你得给她安全感让她把你当成男人，而不是小弟弟这个得你自己注意气质比的嘛我觉得和恋爱一样没什么区别不过一定得注意 她是喜欢照顾人呢 还是喜欢被人照顾多讨讨她高兴别的说了那是扯淡希望你成功</t>
  </si>
  <si>
    <t xml:space="preserve">炖排骨应该放什么调料？ </t>
  </si>
  <si>
    <t>排骨洗净，加三倍左右的水同，排骨和水同时放锅中，加适量的盐，先大火煮开，然后把火调小，慢慢炖。清炖的话炖的过程中可以加些生姜，出锅时加些胡椒粉和小葱。一般的炖排骨可以加些海带、冬瓜之类的东西在里面。</t>
  </si>
  <si>
    <t xml:space="preserve">推荐一部思考人生的电影。。看了《关于莉莉周的一切》，感慨万千，这 </t>
  </si>
  <si>
    <t>触不到的恋人开心鬼上身三傻大闹宝莱坞美丽人生返老还童</t>
  </si>
  <si>
    <t xml:space="preserve">IBS是什么疾病?我的同学去医院检查,诊断是"IBS',这是什么 </t>
  </si>
  <si>
    <t>肠易激综合征（Irritable Bowel Syndrome，IBS）作为功能性肠病的典型代表，近年来受到广泛关注。IBS是以腹痛或腹部不适伴排便习惯改变为特征的一组肠功能障碍性疾病，缺乏形态学和生化指标的异常。自1818年Powell等首先报道以来，IBS几经易名，并经过近两个世纪的研究和探讨，取得了很大进展。 IBS的患病率，西方国家报道大约8%～23%。我国北京和广州的流行病学资料显示，符合罗马标准有IBS症状的患者分别为1%和5%。          1 病因与发病机制         IBS的病因至今不明，涉及到动力紊乱、内脏高敏、炎症和脑肠交互作用等多个方面。     1.1 动力紊乱：对IBS发病机制的研究最早源于动力方面。多数研究显示，该病患者在餐后或刺激后结肠的收缩频率、收缩幅度和锋电位，较健康对照组明显增强。近年来，发现IBS存在包括食管、胃和胆囊等在内的多部位、广泛胃肠道动力异常。但动力异常并非见于所有IBS患者，且动力紊乱缺乏特异性。     1.2 内脏感觉异常： Ritchie等在1973年首次报道IBS患者存在内脏感觉异常。之后大量研究表明，IBS对结直肠气囊扩张的敏感性增强和疼痛阈值减低，另外结肠的反复疼痛性刺激可导致慢性感觉过敏。其发生机制可能涉及外周感受器、信号传入、脊髓背角、中枢神经和胃肠道生理状态等各个环节。近来发现，IBS患者肠道扩张后，腹部不适较正常人更弥散，并可放射到后背、肩部及大腿等腹部以外部位。     1.3 炎症和免疫功能紊乱：部分急性肠道感染者（20％左右）愈后出现IBS样症状，提示肠道感染与IBS之间可能存在某种关系，这一观点得到大规模流行病学的支持，但迄今尚未发现能直接导致IBS的特异性病原体。感染后，IBS的发生可能与肥大细胞等参与肠黏膜免疫调节有关。     1.4 脑肠交互作用：近年来，对IBS更多的关注是在脑肠轴研究方面，它为进一步了解精神心理因素对胃肠道生理的影响提供了基础。脑肠轴是将认知和情感中枢与神经内分泌、肠神经系统和免疫系统相联系的双向交通通路。外在刺激与内在信息通过神经链接与高级神经中枢相连，影响胃肠感觉、动力和分泌等；亲内脏作用也反过来作用于中枢的痛感、情绪和行为。这些解剖链接的调节是通过包括血管活性肠肽（VIP）、降钙素基因相关肽（CGRP）、胆囊收缩素（CCK）和5-羟色胺（5-HT）等在内的多种脑肠肽完成的。另外，胃肠症状对心理状态有反向作用。     研究发现，焦虑、抑郁和恐惧等情感常可致动力低下，而愤怒、厌恶可致高动力反应。应激明显加速腹泻型IBS口-盲通过时间，减缓便秘型IBS口-盲通过时间。关于内脏敏感性的研究显示，IBS患者的疼痛阈值和精神评分存在相关性，其抑郁、焦虑和疑病症的评分明显高于正常人。此外，心理因素还可通过中枢神经而影响胃肠分泌。 随着生物心理社会医学模式的发展和对脑-肠轴研究的深入，心理因素在发病中的作用日渐受到重视。另外，应激、应付能力及社会支持等与IBS发生也密切相关。          2 诊断标准         由于病因和发病机制尚未完全阐明，IBS的诊断标准从最初的Manning标准和Kruis标准，到罗马标准，直至罗马II标准的制定，虽几经修改仍没有形成金标准。因此，如何正确诊断IBS成为临床医师面临的难题。     2.1 Manning标准：1978年Manning标准的建立使以症状为基础的IBS诊断方法成为可能。    Manning等发现腹痛便后缓解、腹痛初起时排稀便或大便频率增加、肉眼可见的腹胀等4个主要症状，在IBS诊断及与器质性疾病鉴别中，起着重要作用。另外，黏液便及排便不尽感，作为两个补充症状，使诊断价值增大。 Manning标准使IBS第一次有了可以遵循的诊断标准，它在临床实践中得到广泛应用，并为以后罗马标准和罗马II标准的建立提供了主要参考依据。     2.2 罗马标准：由于Manning标准存在某些局限性，1988年以Manning和Kruis标准为基础修改并制定了罗马标准，即：以下症状持续或反复发作至少3个月：①腹痛排便后缓解和/或；②腹痛伴大便频率改变和/或；③腹痛伴大便性状改变。病程中至少有25%的时间存在下列2项或2项以上症状：大便频率改变、大便性状改变（硬便或稀水样便）、排便过程改变（费力或急迫感，排便不尽感）、黏液便、腹部胀气或腹胀感。     研究发现IBS结合诸如体检异常、体重下降、夜间出现症状、血便、近期抗生素应用史和结肠癌家族史等“警报征象”，明显优于Manning标准，并可节省健康保健资源。     2.3 罗马II标准：1999年推出了罗马II标准，即：在过去12个月中，至少有12周有腹部不适或腹痛，可不连续，并具有下列2/3的症状：①排便后缓解和/或；②初起时伴有大便次数的改变和/或；③初起时伴有大便形状改变。以下症状补充支持IBS诊断：大便频率改变、大便性状改变、排便过程改变、黏液便、腹部胀气或腹胀感。     Boyce等采用3种不同诊断标准对4 500例随机个体调查，发现符合Manning标准者13.6%，罗马标准4.4%，罗马II标准6.9%。建议在临床试验、流行病学调查和病因学研究中，应采用统一标准以利于比较，而罗马II标准便于记忆和应用，能够反应疾病的慢性波动过程，应成为首选，但在临床工作中的应用价值有待商榷。     2.4 国内研究：1986年我国制定了IBS的临床诊断和科研病例选择标准，因过于复杂，未能推广。制定有效标准成为必需。          3 诊断策略         首先详细搜集病史并分析临床特征，条件允许应行结肠镜检查，符合诊断标准而无“警报症状”者可作初步诊断，并按照IBS给予治疗，同时随诊。若有“警报症状”及治疗后症状进展或有改变者，应行进一步检查除外器质性病变。          4 肠外表现         临床上常会发现IBS患者出现某些肠外症状。如功能性消化不良、睡眠不足、头痛、腰背部酸痛、非心源性胸痛、纤维肌痛综合征、排尿困难、性交障碍和慢性疲劳综合征等。而焦虑、抑郁或症状躯体化等也较为常见。虽然这些表现不足以鉴别IBS和其他胃肠疾病，但对于IBS的诊断常有提示作用。          5 治疗         轻者症状可通过健康教育及有效的饮食指导得到缓解，否则应考虑药物治疗。目前针对IBS的药物治疗主要针对减轻疼痛、改善肠道动力、调节内脏敏感性及心理调节等方面。     5.1减轻疼痛及改善内脏感觉：解痉剂是IBS较为常用的药物，包括平滑肌松弛剂（如美贝维林）、胆碱能拮抗剂（如东莨菪碱、双环胺）和新型肠道M3选择性胆碱能蕈毒碱受体抑制剂（如扎非那新）等。另外，抗抑郁药物如三环类抗抑郁药阿米替林，5-HT再摄取抑制剂氟西汀、帕罗西汀、舍曲林、氟伏沙明和西酞普兰等对缓解疼痛也有一定疗效。有报道解痉药合并使用地西泮、罗拉等抗焦虑药物，较单独使用解痉药止痛效果更优。报道包括k受体激动剂（非多托嗪）、μ受体激动剂（曲美布汀）、生长抑素及其类似物、5-HT3受体拮抗剂（阿洛斯琼、恩丹西酮及格拉斯琼）、5-HT4受体激动剂（替加色罗），及正处在临床研究中的某些5-HT3受体激动剂和5-HT4受体拮抗剂等对改善内脏感觉有一定效果。     5.2 腹泻和便急等治疗：匹维溴胺是L型钙离子通道阻滞剂，对胃肠道具有较高的选择性，具有强大的肌亲和力和微弱的神经亲和力，对腹泻和便秘均有一定效果。同类药物奥替溴胺（斯巴敏），具有类似钙离子通道阻滞剂作用机制，选择性作用于远端胃肠道，对IBS患者改善腹痛、腹胀症状同样有效。人工合成阿片制剂洛哌汀胺，可通过减慢小肠和大肠转运而改善便急和腹泻，因其不通过血脑屏障，故安全性较高，可长期使用。复方苯乙哌啶因含有胆碱能抑制剂，有一定不良反应而限制了其使用。5-HT3受体拮抗剂通过减慢结肠转运时间、增加结直肠顺应性等，可改善腹泻IBS患者症状。     5.3 改善便秘：增加饮食中纤维素含量可加快结肠转运，使大便松软易于排出，纤维素制剂对于便秘型IBS也有一定疗效; 若无效，可选择缓泻剂如乳果糖、聚乙二醇等。促动力药物如5-HT4受体激动剂西沙必利、替加色罗、普卡必利等对于便秘有不同程度的效果。西沙必利通过刺激肠肌神经丛释放乙酰胆碱加快肠道转运而改善症状，但因偶可导致快速性心律失常甚至死亡而限制了其使用。有报道经替加色罗2mg每日2次，治疗1周后发现便秘型IBS患者的小肠转运及近端结肠排空加快，症状得到改善，并未见心脏事件的发生。     5.4心理治疗: 对于大多数症状较轻或心理应激源不明显者，很少给予心理干预。对少数与心理疾病共病或症状顽固的IBS患者，需要制定复杂的心理治疗方案，以期提高其应付技巧和适应能力，并使生活质量得到改善。首先，需要确立一种治疗性的医患关系，为矫正异常的疾病行为奠定基础。其次，药物治疗可作为辅助手段或用于与原发性精神障碍共病IBS的治疗。另外，其他如行为治疗，是安全且成本低的方法。     不难发现，IBS是多种因素参与下，由复杂的网络结构形成的功能性疾病，它往往存有胃肠外及全身症状，由于目前尚无诊断的金标准，故正确认识并予适当治疗，将有助于精确阐明其发病机制。          测  试：         1. 有关IBS的病因与发病机制哪种说法错误：     A. 动力异常可见于所有IBS患者；     B. IBS患者存在内脏感觉异常；     C. 肠道感染与IBS之间可能存在某种关系；     D. 近年来，对IBS更多的关注是在脑肠轴研究方面。         2. 1999年推出的IBS诊断标准是：     A. Manning标准； B. Kruis标准； C. 罗马标准； D. 罗马II标准。         3. 有关IBS的肠外表现，说法错误的是：     A. IBS患者可出现功能性消化不良、头痛、慢性疲劳综合征等；     B. IBS患者可出现焦虑、抑郁等症状；     C. 可利用IBS的肠外表现明确鉴别IBS和其他胃肠疾病；     D. IBS的肠外表现对IBS的诊断有提示作用。         4. 哪一个是新型肠道M3选择性胆碱能蕈毒碱受体抑制剂：     A. 美贝维林； B. 扎非那新； C. 帕罗西汀； D. 非多托嗪。         5. 匹维溴胺是：     A. 胆碱能拮抗剂； B. 三环类抗抑郁药； C. L型钙离子通道阻滞剂； D. 5-HT3受体拮抗剂。</t>
  </si>
  <si>
    <t xml:space="preserve">这周会更新什么？知道的进？猜对者20分拿去 </t>
  </si>
  <si>
    <t>应该有任务做</t>
  </si>
  <si>
    <t xml:space="preserve">每日任务到底会不会得VIP7天以前听别人说会得到的。但我每次都是 </t>
  </si>
  <si>
    <t>每曰任务只要你一个星期里完成5次就会得到VIP7天或则乾坤包7天中的任意一样东西..这里面存在一个几率问题..本人也得到了不少的VIP7天..个人觉得如果每曰任务里出现需要装备来交任务..那么得到VIP7的几率就会高一些``  可以肯定的是VIP7天是绝对会有的``</t>
  </si>
  <si>
    <t xml:space="preserve">我的爱是不是很曲折,很错误没有认识他前,我以为我不会爱上任何男孩 </t>
  </si>
  <si>
    <t xml:space="preserve">    爱情就是这样！很多时候和我们结婚的不是自己最爱的！，自己最爱的却不能牵手走到老！而这一切都是自己选择的，无论你选择是无奈的，还是被逼的！当你选择了无爱的婚姻就应该知道婚后生活会是怎样！自己又应该怎样面对婚后的生活！能选择无爱的婚姻就应该不会轻易的离婚！    现在你遇到自己喜欢的人！而他正好又有自己的责任！为什么你们现在爱的这么深？因为彼此的责任，因为你们不能走到一起，所以才会爱的这么深！爱的这么疼！但是这一切都是你自己选择的，其实选择无爱的婚姻就是痛苦！而在这个时候遇到他就是更加的痛苦！没有办法可以让你不疼！如果现在放弃他，你会觉得生活没有意义更加觉得自己以后不会在爱别人，更主要的是你们现在无法自拔！如果你们在一起那么以后面对的问题就更多！无论你怎么样的选择都是痛苦！既然都是痛苦，那么就在痛苦里寻找快乐吧！在痛苦里寻找幸福吧！即使是短暂的，但是自己找到了属于自己的爱情！自己真心爱过，真心付出过！那么对于你们的爱就够了！！~~</t>
  </si>
  <si>
    <t xml:space="preserve">飞机上客人的大小便是怎么处理的? </t>
  </si>
  <si>
    <t>客机当中的废物处理仓分为两个，一个为日用垃圾处理仓，一个为卫生间处理仓。 日用品垃圾处理仓可以容纳400公斤的日用品垃圾。卫生间处理仓可以容纳200公斤左右！ 通常客机都会在每天最后一航班后集中处理！</t>
  </si>
  <si>
    <t xml:space="preserve">如何减少魔兽世界游戏的大小我的电脑里魔兽世界的那个文件夹已经9G </t>
  </si>
  <si>
    <t>那很正常，这游戏特点就是吃内存占硬盘。我的已经8.62G了，而且里面没有任何多余文件。楼主你的魔兽所在分区有多大,一般起码得留个15G空间给游戏的，这个游戏随着补丁只会变的更大。我是专门分了个25G的分区给游戏的，建议楼主装游戏的那个分区最好不要再装别的了~~</t>
  </si>
  <si>
    <t xml:space="preserve">失眠怎么办？？？我天天晚上有上网的习惯，要到1点多才关机。34点 </t>
  </si>
  <si>
    <t>现今，人们生活节奏较快，工作环境复杂，人们的思想、情绪也更为复杂，失眠症的患者人数增多，并常与抑郁、焦虑等症相伴。中医认为失眠的原因大多为：情志不遂、劳逸失度、思虑过甚、忧郁焦虑。　　失眠的症情轻重不一，有入寐困难的，有寐而易醒，有醒后不能再寐，亦有时寐时醒，甚则彻夜不寐的。由于夜寐不安，白昼则疲倦难忍，心烦不安，四肢无力，食饮不馨，头痛头晕，记忆力明显下降。在临床上应根据患者的具体症情，采用不同的方药治疗。　　中医强调，要明辨虚实阴阳进行调治，气虚者，用黄芪建中汤；阳虚者，用金匮肾气丸；阴虚者，用黄连阿胶汤；肝气郁结不畅者，有柴胡加龙骨牡蛎汤。西药的安眠剂也可配合应用。还可针灸内关、太冲穴来帮助睡眠，也可用很安全的耳穴贴压法。中药浴足，可帮助一些老年失眠患者入睡。心理疗法、音乐疗法、生物反馈疗法也是临床上常常使用的。</t>
  </si>
  <si>
    <t xml:space="preserve">为什么车在下坡路的时候快?请用初中知识回答. </t>
  </si>
  <si>
    <t>因为重力做正功，重力势能转化为动能。</t>
  </si>
  <si>
    <t xml:space="preserve">高三化学问题白磷P4是有分子构成的还是原子构成的？晶体氩中有什么 </t>
  </si>
  <si>
    <t>白磷P4是四个磷原子组成一个单位.正四面形结构氩是稀有气体,也就是惰性元素,处于饱和价态,所以形成晶体只能靠分子间作用力才可以形成.晶体间分子(原子)作用力越大,相应的结构越稳定,但不一定晶体结构稳定,(可参考石墨的例子来理解)因为键能高了,要破坏,所需要的能量也就越高</t>
  </si>
  <si>
    <t xml:space="preserve">复发性单纯疱疹 </t>
  </si>
  <si>
    <t>单纯疱疹病毒感染1、临床表现与诊断 临床表现可分为三种类型：①全身播散型：主为内脏受侵，表现为肝炎（血清转氨酶升高或/和黄疸、肝脾肿大）。肺炎（呼吸困难、紫绀）、弥散性血管内凝血（紫癜、血小板减少、血尿、血便）、心包炎、循环衰竭以及全身中毒症状（精神萎靡、吸乳差、呕吐、腹泻、惊厥、昏迷）等。此型可同时合并疱疹性脑炎，亦可不合并。皮肤、粘膜疱前也同样可有可无；②中枢神经系统感染型：常表现为脑膜脑炎（昏迷、抽搐、病理反射、视神经乳头水肿、囟门隆起等，脑脊液常呈病毒性感染之改变）。此型可合并皮肤、粘膜疱疹，亦可不合并；③单纯疱疹型：仅于皮肤、眼睛或口腔等处出现单纯疱疹。疱疹部位有时与分娩时先露部位有关，头位分娩者常在头部，臀位分娩者常在臀部及肛周。病变与成人同，偶可变成脓疱及大疱。皮疹可迅速剥脱而造成诊断困难。三型中以①②型较为常见，两型可占总数的3/4以上。病死率分另为80%及30%。幸存者也常有遗有严重的中枢神经系统损害和眼睛损害（较少）。母亲产道有疱疹或单纯疱疹病毒阳性者诊断较易。发病后皮肤、粘膜伴有典型疱疹病变者诊断也不太困难。但确诊还必须病毒学和血清学证明。对于没有皮疹的患者或皮疹非常不典型的患者则主要靠病毒学与血清学的材料。如果病毒分离阳性或/和新生儿血液中出现特异性IgM抗体，或一般抗HSV抗体在病程中有4倍以上的升高均可协助诊断。HSV的中枢神经系统感染单独出现时诊断比较困难。既往多采取颞叶脑组织进行病毒分离或检测特异性抗原、脑脊液分离病毒或检测特异性抗原虽亦可确诊，但阳性率太低，可能由于病毒量太少。1990年开始有人应用PCR（聚合酶链反应）法扩增脑脊液中的病毒核酸，然后用特异性探针进行杂交，结果4例经脑活检或尸解证实的单纯疱疹性脑炎全部阳性，6例对照全部阴性。以后有人报告应用巢式聚合酶链反应（nest PCR),认为可以进一步提高灵敏性，值得进一步试用。2、预防 新生儿疱疹主要经产道感染，此外亦可生后受染（如内交叉感染）。如前所述，妊娠本身有时也可引起疱疹复发，故孕妇发生疱疹的机会较多。有人报告，妊娠后20周产道疱疹病毒的阳性率可达1%，相当于同年龄组非经产妇女的三倍。产道有病毒存在对新生儿的威胁很大，新生儿受染率较高，故有人主张，凡发娩时产道有疱疹者或疱疹病毒阳性者均应进行剖腹产。如有人提出，对于疱疹病毒阳性的孕妇，由妊娠36周开始，每周分离病毒一次，然后根据分娩前的最后一次病毒分离结果决定分娩途径：如阳性即进行剖宫产，如阴性即进行正常分娩。作者认为，应用此种方法基本上可保证新生儿不受感染。作者应用此法观察了58次妊娠合并单纯疱疹感染的孕妇，共分娩60个新生儿，均未感染单纯疱疹。58次分娩中25次正常分娩，剖腹产33次（其中9次由于产科原因）。关于母亲有疱疹感染能否哺乳的问题，作者认为，只要注意隔离：穿隔离衣，戴手套，仔细洗手，仍可喂奶。在作者所观察的60例新生儿中，有35例为母乳喂养，其中13例母亲正有单纯疱疹感染，但新生儿均未感染。3、治疗 如前所述，目前认为对全身性单纯疱疹病毒感染的有效药物有两种，一是阿糖腺苷，一是acyclovir。从理论上干扰素也可能有效，但尚缺乏临床应用的报告。关于阿糖腺苷，有人（Whitley,1980）曾试用于31例新生儿单纯疱疹病毒感染，并输液时间不少于12小时。结果：全身播散性患儿：治疗组8/14（57%）病死，对照组11/13（85%）病死。幸存者中，治疗组4/6有后遗症（1例有痉挛，2例有小头、癫痫发作、痉挛、失明，1例有严重脑损伤及尿崩症），对照组中1/2有后遗症（小头、癫痫发作、失明、耳聋）。故总的看来此型的预后不好。但中枢神经系统感染型则不同，病死率治疗组仅1/10，而对照组则为3/6；后遗症治疗组为4/9（小头、癫痫发作、痉挛及失明），对照组2/3（1例偏瘫，1例小头、痉挛）。如将两型合并计算，则治疗组有7/24（29%）小儿健在，对照组仅2/19（11%）。提示，阿糖腺苷治疗确有一定好处。至于单纯疱疹型，治疗组似亦较对照组为优，两组虽均无病死者，但对照组8例中有3例，其皮肤、粘膜疱疹恢复后1年内却发生了脉络膜视网膜炎和/或神经系统损害，其中2例发展至痉挛和失明，1例发展为小并没有及痉挛。眼中未分离到病毒，也一直没有中枢神经系统感染的临床表现或脑脊液异常。提示有些单纯疱疹性中枢神经系统感染可能是亚临床型的，这些病儿以后仍可能发生神经系统损害和智力障碍，值得注意。单纯疱疹型治疗组有4例，均健在，仅1例于2岁时发生了轻度的脉络膜视网膜炎。提示，即使是单纯疱疹型患儿似亦值得进行阿糖腺苷的治疗。在整个治疗过程中，作者未观察到像成人治疗过程中的那些胃肠道及神经系统毒性反应，也未见到对骨髓、肝、肾功能的影响，血红蛋白、白细胞、肌酐、尿素氮也均与对照组同。其他报告也均证实阿糖腺苷对疱疹病毒感染有较好的治疗作用，如有人（Whitley,1981)两次报告本药单纯疱疹性脑炎的效果，第一次18例，第二次75例，诊断均经脑活检病毒分离证实。治疗后1月的病死率分别为28%及33%，而对照组为70%。治疗组共存活56例，其中30例正常。16例有中度后遗症，10例有严重后遗症。亦有人报告阿糖黄嘌呤核苷（hypoxanthine araleinoside,ARA-R）疗效与阿糖腺苷相似，剂量也一样，而毒性较少。关于无环鸟苷（acyclovir）目前虽未见到对先天性单纯疱疹感染疗效的报道，便对有免疫缺陷病人单纯疱疹病毒感染疗效的报道提示此药还是有希望的，如有人曾对心脏移植伴有单纯疱疹病毒感染的病人进行过对照观察，药物剂量为250mg/m2，每8小时静脉点滴一次，点滴时间为1小时，共用7天，结果，病毒均于治疗后5日内消失，病变也迅速好转，与对照组有明显差异。作者并对血清药物进行浓度测定，发现血清药物浓度高峰为4.8～40.1μm，远远超过对单纯疱疹病毒Ⅰ型及Ⅱ型的50%抑制尝试（分别为0.1及1.0μm）。也有人认为，此药还可用于单纯疱疹复发的预防。如有人对抗-HSV阳性的骨髓移植病人进行观察，10例于移植前3日开始给药，剂量及给药方法同上，共给药18日，另10例为对照。结果给药组无1例有疱疹感染，对照组则有7例。也有人报告用5%的Acyclovir油膏涂抹，对生殖器疱疹有治疗作用，可使排毒期缩短。以上材料均提示，此药值得试用于先天性单纯疱疹的治疗。由于此药毒性很小（偶有报告可引起肾功能减退者），因此，是否可用于预防亦值得研究。例如，对于单纯疱疹病毒阳性的孕妇是否可用此药治疗（全身和/或局部），以使分娩时病毒阴转，从而避免剖腹产。近年来发现有耐无环鸟苷的HSV毒株，主要是脱氧胸苷激酶阴性（TK-）株，但较少见。对耐药菌株可采取联合用药，如无环鸟苷和阿糖腺苷或疱疹净联合，亦有人主张无环鸟苷并用静注免疫球蛋白（IVIG）者。</t>
  </si>
  <si>
    <t xml:space="preserve">电容补偿柜的作用？您好！我们小区的设备有：我要请教的是：为什么电 </t>
  </si>
  <si>
    <t>电容补偿柜的作用是提高负载功率因数，降低无功功率，提高供电设备的效率；电容柜是否正常工作可通过功率因数表的读数判断，功率因数表读数如果在0.9左右可视为工作正常。</t>
  </si>
  <si>
    <t xml:space="preserve">我仓库里有个灵通宝箱,哪位大侠知道干吗用吗!! </t>
  </si>
  <si>
    <t>你可以用那个灵通宝箱去中州公告选其它，之后选传承珠任务，再选释放经验，一般可以释放15－25万左右的经验。</t>
  </si>
  <si>
    <t xml:space="preserve">完美怎么了怎么了,我没有角色选择,进不去了啊 </t>
  </si>
  <si>
    <t>怀疑是完美给黑客攻击了！全区掉线！无角色！</t>
  </si>
  <si>
    <t xml:space="preserve">地区的镇和乡，他们俩是否平级啊？都是怎么排的？ </t>
  </si>
  <si>
    <t xml:space="preserve">地区的镇和乡，他们俩是否平级啊？行政划分上平级，但镇的人口和工业产值高于乡。 </t>
  </si>
  <si>
    <t xml:space="preserve">电脑蓝屏是怎么回是？我的电脑才用了没多久就出现蓝屏的现象而且还有 </t>
  </si>
  <si>
    <t xml:space="preserve">估计是内存或显卡接触不好,同时,可能还有病毒。先按以下操作处理： 1)将BIOS电池放电（恢复BIOS出厂默认值） 2)可能是内存条接触不好。建议，取下内存条，用橡皮擦一下整个接触点，再用干软纸擦干净，安装回去。 3）也可能是显卡接触不好。建议，取下显卡，用橡皮擦一下整个接触点，再用干软纸擦干净，安装回去。 4）电源电压是否正常?插座接触不好,建议更换质量好的。 重新启动，一般可解决你的问题。 5)若还不行，拿你的显示器到电脑城找专门维修的，一般40~60元左右可以搞好，若在保修期内尽快找经销商处理。 6）若显卡损坏，也可以修，20~30元左右。 7)从 下载最新的免费的瑞星杀毒软件,安装后进行全盘杀毒.然后重启. 祝你顺利！祝你顺利！ </t>
  </si>
  <si>
    <t xml:space="preserve">普通发票问题辅导期一般纳税人,现在要开普通发票,品名为"办公家具 </t>
  </si>
  <si>
    <t>你可以看看营业执照上的经营范围有没有销售办公家具,如果有,应该行</t>
  </si>
  <si>
    <t xml:space="preserve">怎么做可以预防妇科炎症？ </t>
  </si>
  <si>
    <t>你好，预防妇科炎症要注意以下几点：放弃滥用抗生素　　　咳嗽、发烧、头痛，就吃抗生素？殊不知，抗生素可能抑制部分有益菌群，霉菌就会乘机大量繁殖。因此，使用抗生素要慎之又慎。　　单独清洗内裤　霉菌可以在皮肤表面、胃肠道、指甲内等地方大量繁殖。如果家人或自己患有足癣、灰指甲等，就容易造成霉菌交叉感染。因此，内衣裤一定要单独洗哦，最好用专用的内衣裤除菌液浸泡几分钟。　　切忌过度清洁　频繁使用药字号洗液、消毒护垫等，容易破坏阴道弱酸性，阴道的弱酸性环境能保持阴道的自洁功能，Ph4弱酸配方的女性护理液更适合日常的清洁保养。　　重视怀孕时的护养　妊娠时性激素水平、阴道内糖原和酸度都会增高，容易受霉菌侵袭。对孕妇而言，不宜使用口服药物，而应选择针对局部的预防和辅助治疗方案。　　警惕洗衣机　几乎每个洗衣桶内都暗藏霉菌！而且洗衣机用得越勤，霉菌越多！不过不用担心，对付洗衣机里的霉菌有一个百试不爽的杀手锏：用60℃左右的热水清洗洗衣桶就OK啦！定时用衣物除菌液清洗一下！　　注意公共场所卫生　公共场合可能隐藏着大量的霉菌。出门在外，不要使用宾馆的浴盆、要穿着长的睡衣、使用马桶前垫上卫生纸等等。同时选用适宜的个人清洁护理产品，女性卫生护理湿巾很方便携带哦。　　正确避孕　避孕药中的雌激素有促进霉菌侵袭的作用。如果反复发生霉菌性阴道炎，就尽量不要使用药物避孕。</t>
  </si>
  <si>
    <t xml:space="preserve">侠盗猎车手存档路径在哪？我下载了一个侠盗猎车手的寸挡，不知到怎么 </t>
  </si>
  <si>
    <t>你只需放在我的文档里的GTA Vice City User Files里就可以了.如果有同名的覆盖便可.</t>
  </si>
  <si>
    <t xml:space="preserve">孕妇生理需要怎么办?都知道前三个月不能同房,可是生理需要???? </t>
  </si>
  <si>
    <t>...b不清楚呢．．．．</t>
  </si>
  <si>
    <t xml:space="preserve">什么样的男人不适合做老公？ </t>
  </si>
  <si>
    <t xml:space="preserve">        如果,他爱你对你好,对家人好,有稳定的工作,爱享受生活，为何不能是一个好的老公呢？　　　　　　当然可以．　　　　　　关键是你是一个什么样的女人？　　　　　　如果你是一个欲望很多，需求很多要求也很高的女人，那么放弃吧．　　　　　　婚姻也是要找一个合适自己需要的伴侣，哈哈，各取所需吧．</t>
  </si>
  <si>
    <t xml:space="preserve">为什么电影主题歌放在影片结束之后我们在电影院看电影会发现一个现象 </t>
  </si>
  <si>
    <t>国内影院最垃圾的一个地方，本来应该是音乐结束后再亮灯走人，他为了多放就早早亮灯，一个好的结尾主题音乐或者是主题歌都会把电影再推一个小高潮，给观众留下深刻的影响！~</t>
  </si>
  <si>
    <t xml:space="preserve">网络感情问题1,你是否会接受网络中别人对你的追求？2你有过网络恋 </t>
  </si>
  <si>
    <t>基本上和现实生活中的感情是一致的.互相建立了好感之后,可以拉近到现实生活中去继续巩固和增进感情.</t>
  </si>
  <si>
    <t xml:space="preserve">如何删除IE上的视频播放器插件 </t>
  </si>
  <si>
    <t>依次点击浏览器中“工具-internet选项-设置-查看对象”删除相应的就是了</t>
  </si>
  <si>
    <t xml:space="preserve">松香如何加工? </t>
  </si>
  <si>
    <t xml:space="preserve">详见  共享资料  芳香植物油的采集与加工（附活性炭的加工） </t>
  </si>
  <si>
    <t xml:space="preserve">电脑里有时有敲桌子声或是咳嗽声是怎么回事呀?电脑里有时有敲桌子声 </t>
  </si>
  <si>
    <t>是不是电脑上QQ啊？声音提示有人上线什么的。</t>
  </si>
  <si>
    <t xml:space="preserve">摩羯座女生请进：请你们各抒己见：摩羯座女生最适合什么星座，最不适 </t>
  </si>
  <si>
    <t>最适合处女座，最不适合天秤</t>
  </si>
  <si>
    <t xml:space="preserve">新浪微博加V有什么好处？ </t>
  </si>
  <si>
    <t>与名人认证相同，经过企业认证后的用户名后也会加上一个字母“V”  可以提升信誉，粉丝多~关注度高~不过一般不是名人不会给你认证的，你可以找我这个朋友来帮你做的~ 看名字就是了</t>
  </si>
  <si>
    <t xml:space="preserve">选择哪家保险公司好我的朋友想让我加入他们保险公司,可是我不清楚济 </t>
  </si>
  <si>
    <t>没有最好的保险公司,只有最好的保险业务员.想做就去做.是金子在哪间公司总会发光的.</t>
  </si>
  <si>
    <t xml:space="preserve">物理用整体法问题，请高手指教~如图，本题应该用整体发吧？那么其中 </t>
  </si>
  <si>
    <t>C:\Documents and Settings\zy\桌面\文档  c</t>
  </si>
  <si>
    <t xml:space="preserve">一元钱的硬币如何识别真假?最近这段时间好像有很多假的一元硬币充斥 </t>
  </si>
  <si>
    <t>可以通过眼观,手感,耳听来判定的!假币做工粗糙,看起来字迹不清楚;而且手感没有真币光滑,如果敲击的话,真币会发出清脆的声音,而假币发音沉闷!还有现在的真币用磁铁可以吸住,而假币是吸不住的!</t>
  </si>
  <si>
    <t xml:space="preserve">对公账户使用网银转，一个操作，审批人去了外工作，那如何通过审批？? </t>
  </si>
  <si>
    <t>1、按内部控制的要求，对公账户使用网银转账，没有经过合理授权审批一个人操作是不适当的。2、在审批人外出等特殊情况下，审批人可临时委托或指派其他人进行审批。3、网上审批也可以，但要打印并保留好相关审批凭证（如截图）等。</t>
  </si>
  <si>
    <t xml:space="preserve">关于双开的问题．．大师来一下．．我已经会双开了．．．是热身赛的那 </t>
  </si>
  <si>
    <t>1.嗯！卡纹身会封号，我想来自是“听说”，从未亲眼见过！而且是在去年听说的，那时卡纹身还是一个“秘密”级的“技术”！我身边的朋友和我在爱问经历的朋友都没听说谁卡纹身封了号的！以前我打过一个比喻卡纹身封了号，那你是“万中无一”的人才！那要运气相当好才行！2.开宝箱的问题，现在只有200%的开，最多一组我开到的是50个！变异纹身目前为止只出过2次活动：四一愚人节和十一！</t>
  </si>
  <si>
    <t xml:space="preserve">什么叫反汇编？经常在各种软件中看到。这是犯法的吗？一般解释的都有 </t>
  </si>
  <si>
    <t>通常编写程序是利用高级语言如C，Pascal等语言进行编程的，后再经过编译程序生成可以被计算机系统直接执行的执行文件。反汇编即是指将这些执行文件反编译还原成汇编语言或其他高级语言。但通常反编译出来的程序与原程序会存在许多不同，虽然执行效果相同，但程序代码会发生很大的变化，非编程高手很难读懂。另外，有许多程序也可以进行逆向操作即反编译以求修改，例如Flash的文件生成的SWF文件，也可以被反汇编成Flash原码，但会发现与原程序有很大变化。</t>
  </si>
  <si>
    <t xml:space="preserve">艾滋病的特征有哪些 </t>
  </si>
  <si>
    <t>艾滋病病毒到发病，有一个完整的自然过程，一般来说，从感染到发病需要2～10年。临床上将这个过程分为四期：急性感染期、潜伏期、艾滋病前期、典型艾滋病期。 1、急性感染期 大部分病人在艾滋病急性感染期，没有任何症状。但有一部分病人在感染数天至3个月后，有如流感或传染性单核细胞增多等症状：发热、寒战、关节疼、肌肉痛、呕吐、腹泻、喉痛等。一般在艾滋病毒感染后2至8周出皮疹，血中出现艾滋病毒抗体。此阶段出现的症状，一般可持续3－14日，以后自然消失。 2、无症状感染期/潜伏期 临床上没有任何症状，但人体内有艾滋病毒，因此又称为艾滋病潜伏期。但血清中能检出HIV以及HIV核心和包膜蛋白的抗体。此阶段具有传染性，一般可持续2～10年或更长。8年内约有50%的人发展为艾滋病。有报告称，1至7年内从感染病毒到发病，其比例依次为1.5%、5%、10%、15%、25%、30%和40%。儿童艾滋病潜伏期短，平均为12个月。艾滋病潜伏期用敏感方法可检测艾滋病感染者的病毒载量，可预测5年内发病的机率。 3、艾滋病前期 无症状感染期之后，人体出现明显的与艾滋病有关的症状和体征，被称之为艾滋病相关综合征，也有人称之为持续性全身淋巴结肿大综合征。主要表现为持续性的淋巴腺肿大，开始于颈部，其次为腋、腹股沟淋巴结等。一般至少有两处以上淋巴结肿大。特点是淋巴结肿大直径在1cm以上，质地柔韧，无压痛，无黏连，能自由活动，一般持续肿大3个月以上。此外还可能有：体重减轻10%以上，持续数月的周期性发热（38摄氏度左右），夜间盗汗，发生单纯疱疹病毒、白色念珠菌（属真菌类）等各种感染。 4、典型艾滋病期 由于免疫系统被严重破坏，各种致命性机会感染、肿瘤等极易发生。病变可表面在肺、口腔、消化系统、神经系统、内分泌系统、心脏、肾脏、眼、关节、皮肤等等。已发生机会性感染者，平均存活期为9个月。 帮到你就给个好评吧，即获得性免疫缺陷综合征，英文名称Acquired Immune Deficiency Syndrome，AIDS。是人类因为感染人类免疫缺陷病毒（Human Immunodeficiency Virus，HIV）后导致免疫缺陷，并发一系列机会性感染及肿瘤，严重者可导致死亡的综合征。临床表现我国将HIV感染分为急性期、无症状期和艾滋病期。（一）急性期：通常发生在初次感染HIV后2-4周左右。临床主要表现为发热、咽痛、盗汗、恶心、呕吐、腹泻、皮疹、关节痛、淋巴结肿大及神经系统症状。多数患者临床症状轻微，持续1-3周后缓解。此期在血液中可检出HIV－RNA和P24抗原，而HIV抗体则在感染后数周才出现。CD4+ T淋巴细胞计数一过性减少，CD4/CD8比例可倒置。（二）无症状期可从急性期进入此期，或无明显的急性期症状而直接进入此期。此期持续时间一般为6-8年。但也有快速进展和长期不进展者。此期的长短与感染病毒的数量、型别，感染途径，机体免疫状况等多种因素有关。（三）艾滋病期为感染HIV后的最终阶段。病人CD4+ T淋巴细胞计数明显下降，多&lt;200/mm3，HIV血浆病毒载量明显升高。此期主要临床表现为HIV相关症状、各种机会性感染及肿瘤。HIV相关症状：主要表现为持续一个月以上的发热、盗汗、腹泻；体重减轻10%以上。部分病人表现为神经精神症状，如记忆力减退、精神淡漠、性格改变、头痛、癫痫及痴呆等。另外还可出现持续性全身性淋巴结肿大，其特点为①.除腹股沟以外有两个或两个以上部位的淋巴结肿大；②.淋巴结直径≥1cm，无压痛，无粘连；③持续时间3个月以上。HIV相关机会性感染及肿瘤的常见症状：发热、盗汗、淋巴结肿大、咳嗽咳痰咯血、呼吸困难、头痛、呕吐、腹痛腹泻、消化道出血、吞咽困难、食欲下降、口腔白斑及溃疡、各种皮疹、视力下降、失明、痴呆、癫痫、肢体瘫痪、消瘦、贫血、二便失禁、尿储留、肠梗阻等。</t>
  </si>
  <si>
    <t xml:space="preserve">本地连接提示受限制或无连接在上网的时候，电脑的本地连接突然显示“ </t>
  </si>
  <si>
    <t>你用的是路由器吗？打电脑给路由器公司问他DNS地址电话在包装盒上若没用路由器拨打电信（网通）让他给你刷新一下端口</t>
  </si>
  <si>
    <t xml:space="preserve">知道那个学校有自学考试会计专业公共课《管理系统中计算机应用》的辅? </t>
  </si>
  <si>
    <t>捷达电脑学校里面有开设</t>
  </si>
  <si>
    <t xml:space="preserve">重新恢复装备的问题2006年5月23号装备被偷了然后想恢复但是当 </t>
  </si>
  <si>
    <t>一般网络游戏档案备份只保存1年~ 9C又不大负责~ 大概只保留了3个月的~ 所以你这个问题恐怕就不那么好解决了</t>
  </si>
  <si>
    <t>高一数学不等式问题y=2x平方</t>
  </si>
  <si>
    <t>求y=2x^2-3x^3(0&lt;x&lt;3/2)的最大值。y'=4x-9x^2=x(4-9x)令y'=0，得到x=0，x=4/9在0&lt;x&lt;3/2范围内有唯一驻点x=4/9，y''=4-18x,y''(4/9)=-4&lt;0所以函数在x=4/9取得极大值，由于在0&lt;x&lt;3/2内只有一个极值，这个极大值也就是这个范围内的最大值，故y=2x^2-3x^3(0&lt;x&lt;3/2)的最大值是y(4/9)=32/243</t>
  </si>
  <si>
    <t xml:space="preserve">中国竞彩网和北京单场哪个回报高? </t>
  </si>
  <si>
    <t>当然是北京单场</t>
  </si>
  <si>
    <t xml:space="preserve">老婆离家出走，我该怎么办我的老婆昨天不辞而别，家人不知道去向，我 </t>
  </si>
  <si>
    <t>你先弄清事情的真相再说要不要,这种问题别人不好插手,毕竟你们之间的感情怎样,只有你们自己清楚,弄清你老婆出走的原因,看你老婆怎么解释,还有就是毕竟有孩子还是应该为孩子多考虑,实在是没有感情我觉得也没有必要非要一个不甜的瓜,这种事情一定要慎重考虑,能维持还是维持,一个不完整的家伤害最大的是孩子</t>
  </si>
  <si>
    <t xml:space="preserve">没加的XY紫龙可以升阶XY麒麟吗 </t>
  </si>
  <si>
    <t xml:space="preserve">    只有6阶可以升级7阶，而且成功率不高，大概三分之一这样的成功率，很有可能是得玛雅宝石。    一到5阶的幸运装备之前活动的时候，练到60都有得送了，一张卷都不用都练到60了，所以1到5阶的幸运装比6、7阶是要便宜很多的。（一个免费获得，一个点卡获得……）    9.城很会骗钱的，哪可能有那么便宜的事情，以前6阶幸运装在商城卖的时候，全部用点卡买一套要花108元RMB，现在幸运装没得卖了，但9.城总不可能开低阶幸运升级高阶幸运装的系统的……</t>
  </si>
  <si>
    <t xml:space="preserve">网吧带宽高手进!我刚来这网吧上班店长说网吧开的带宽是5兆共100 </t>
  </si>
  <si>
    <t>1、首先你要确认网吧是不是用路由器做的NAT转换；2、观察路由器的出口宽带在高峰期是多少, 注意一般的5兆是5M比特,而不是5M字节。也许你的带宽不够用了。这就需要增加带宽。3、如果为了省带宽、最好的办法是加一台防火墙，控制应用层业务。或控制SESSION，对网络可以净化。但或多或少会对一小部分上网者带来少许影响。4、可以问一下其他网吧，高峰期电信运营商的网络紧张，一般谁都慢。</t>
  </si>
  <si>
    <t xml:space="preserve">动物园用英语怎么说来着？ </t>
  </si>
  <si>
    <t>英文是Zoo动物园是zoozoo动物园</t>
  </si>
  <si>
    <t xml:space="preserve">你好，小儿三岁半，疱疹性咽炎用什么药治疗？谢谢！ </t>
  </si>
  <si>
    <t>病情分析:你好，疱疹性咽炎是由于病毒感染导致的，你孩子的血常规白细胞高考虑是在病毒感染的基础上继发了细菌感染了，建议抗炎，抗病毒，清热解毒药物治疗意见建议:你好，建议给予抗炎，抗病毒，清热解毒，止痛等药物治疗，建议点滴治疗效果好，一般病程需要5天左右。同时建议给予维生素C治疗（为您解答,希望帮到您,如有用,请选下方“对我有用”谢谢采纳.）此病比较多见,只要及时治疗,一般不会发生不良后果.治疗:主要为阿昔洛韦或更昔洛韦静脉点滴,预防性用抗生素,如:青霉素或先锋.一般3--4天就可以痊愈.饮食为清淡食物.</t>
  </si>
  <si>
    <t xml:space="preserve">东方钽业什么消息啊,难道真的要被收购了? </t>
  </si>
  <si>
    <t>因公司发生重大可能影响股价、没有公开披露的事项,今起停牌    东方钽业临时停牌公告    因公司发生重大可能影响股价、没有公开披露的事项，根据《深圳证券交易所股票上市规则》的有关规定，经公司申请，该公司股票东方钽业(证券代码为000962)自2007年10月15日开市起停牌，待公司刊登相关公告后复牌。</t>
  </si>
  <si>
    <t xml:space="preserve">六合镜可以用多青云门的法宝六合镜练到高级可以用到多少级不用换新的 </t>
  </si>
  <si>
    <t>７５级以前，都是他．如果你是老区的．还有可能购买到４５级法宝神木．当然价格是粉贵滴．</t>
  </si>
  <si>
    <t xml:space="preserve">关于短期工作证~达人请进~！！！请问工作证在哪领取~！！！给个详 </t>
  </si>
  <si>
    <t>法兰东门阿蒙边上有个"工作证发放员".和他对话即可.</t>
  </si>
  <si>
    <t xml:space="preserve">是什么对社会起最快的发展做用？ </t>
  </si>
  <si>
    <t>人才</t>
  </si>
  <si>
    <t xml:space="preserve">问弓箭手的678是什么意思啊？不玩这个游戏很长时间了，改版后就不 </t>
  </si>
  <si>
    <t>玄阳真气  减少指定对象的回避率20，加40命中率 天罡战气  提升自己和他人武功攻击力冥神护体  提升自己和他人武功防御力</t>
  </si>
  <si>
    <t xml:space="preserve">为什么头发没有干就不能睡觉？ </t>
  </si>
  <si>
    <t>湿头发睡觉会头痛</t>
  </si>
  <si>
    <t xml:space="preserve">问一问我跟他在一块的时候他有时会毫不忧郁的亲我的下身，而且很专注 </t>
  </si>
  <si>
    <t xml:space="preserve">       这说明女的很年青，才进入性蒙窿期，以后就越来越少了。</t>
  </si>
  <si>
    <t xml:space="preserve">结肠癌多发性肝转移如何治疗效果好? </t>
  </si>
  <si>
    <t xml:space="preserve"> 病情分析：      你好，已经出现转移了的话主要的治疗办法就是化疗或者放疗，以及其他的对症支持治疗      指导意见：      你好，注意营养支持治疗，避免恶病质的出现，同时保持好心情，情绪的好坏与疾病也有很大的关系的，建议你最好是到正规的医院去咨询。你好,结肠癌肝转移应该服用中药全面调理,活血化瘀,清热解毒,软坚散结,中药抗癌效力很强,对于西医没有好办法的晚期癌症中药往往会带来意想不到的效果,改善机体内环境,提高免疫力,有效抑制癌细胞继续生长扩散.,减轻症状和痛苦,延长生命等建议目前还是详细检查一下，做一个肝胆的增强CT，明确诊断，如果转移局限的话，可以考虑局部肝脏切除的，祝好。</t>
  </si>
  <si>
    <t xml:space="preserve">SD存储卡问题！数码相机里面的SD存储卡在网络上打不开了，好像是 </t>
  </si>
  <si>
    <t xml:space="preserve">将你的卡用读卡器放上电脑备份后再用相机格式化,出现这种情况多数系用别的机器格式化做成的,换句话说只要将卡放在最近一次格式化的机器中肯定能读出数据,如果不能就系张卡质量问题了! </t>
  </si>
  <si>
    <t xml:space="preserve">我想删除我的问题，怎么删除不了？我想删除我提过的问题，怎么删除不 </t>
  </si>
  <si>
    <t>1、如果没有人回答你的问题，可以撤销问题不扣分，但是奖励的分数不退。2、有人回答你的问题，撤销问题扣你20分，你可以选没有满意的回答不扣分，但是奖励的分数不退。3、提问如果15天不选择正确回答就会过期，并且会被扣除20分，在过期之前可以选没有满意的回答、如果没有回答可以撤销问题，这样不会被扣分，当然也可选择正确的回答。4、已解决的提问是不能删除的，因为这样做是侵害了他们利益的，这些问答题是新浪爱问的，网民有什么问题可以搜索答案，试想全删除了，网民怎么搜索答案，没有这些问答题，爱问的人气就会少许多，不过你有难言之隐可以找管理员商量解决。请你到你的个人中心下面有一个反馈意见，给他们发电子邮件，让工作人员帮助你解决。</t>
  </si>
  <si>
    <t xml:space="preserve">有关简历投递问题？谢谢！１，请问英文和中文简历都要投的话是放在一 </t>
  </si>
  <si>
    <t xml:space="preserve">   1、如果简历不是很长的话，可以在一个文档里。根据招聘方要求或者企业类型，选择先中文后英文，或者先英文后中文。如果感觉比较长就分两个文档。题目注明“个人简历（英文）”、“个人简历（中文）”。   2、一般以附件形式。   3、求职信很重要，一般和简历在一起，附在简历前面。   建议你，作个一套：封面、求职信、个人简历</t>
  </si>
  <si>
    <t xml:space="preserve">关于双开的问题!我有两个号,想双开互相倒下装备,请高手指教怎么双 </t>
  </si>
  <si>
    <t xml:space="preserve">1、首先来到控制面板（点击我的或者开始菜单都可以发现控制面板），然后在控制面板里找到用户帐号这个选项！ 2、点击进入创建一个新用户，记得创建的时候选择是创建为管理员！名字随意！ 3、OK，系统支持调试完毕了，下一步就是调试游戏了！首先让我们照常打开卓越之剑客户端，勾选上窗口化模式，然后点点击进入设置窗口，将分辨调为适宜你窗口化的大小！（机器配置不好的同学可以将里面效果全部关闭），正常进入一次游戏 4、然后将GE整个文件夹复制一份到硬盘其他分区 5、然后进入安装目录（非刚复制走的那份），进入Release目录,你会发现里面有个ge.exe了（主角就是它，友情提示：直接双击是会出来错误提示的）！将鼠标放到这个文件上面，点击鼠标右键，在弹出菜单选择发送到桌面快捷方式！ 6、然后回到你的桌面，在新建立的快捷方式点右键，选择属性，在属性里输入-SERVICE -WINDOWMODE 1后确认（友情提示："后面加个空格再复制我所提示指令） 7、然后点级刚建立的快捷方式，直接进入游戏！ 8、紧跟着请点击左下角开始菜单里选择切换用户！ 9、切换到另外一个用户后，进去后请到刚复制开的那份GE目录，然后进入release目录，重复第5、第6步所操作的事，然后在新用户桌面修改后的快捷方法进入游戏，即可达到双开目的！ </t>
  </si>
  <si>
    <t xml:space="preserve">找老婆要找品质好的还是条件好的,请过来人说说看. </t>
  </si>
  <si>
    <t>依我说的,当然是品质好的拉,富家千金是不能吃苦,不能受气的,嫁给你你受气没关系,连带着你父母也要看她脸色做人.而一个品质好的,上孝顺父母,下对你也会体贴,夫妻在一起永远是要为柴米油盐来计算,一辈子过下来算是精彩啊.虽然生活不会很富裕,但是一家人开开心心的不是很好嘛1</t>
  </si>
  <si>
    <t xml:space="preserve">连续两天针灸对身体有害吗 </t>
  </si>
  <si>
    <t>问题不大，针灸时间长了伤气，供参考亲没有害的</t>
  </si>
  <si>
    <t xml:space="preserve">C语言文件编程序用变量num统计文件中字符的个数 </t>
  </si>
  <si>
    <t>编程最好要自己动手..这样才会有收获#include &lt;std.h&gt;#include &lt;stdlib.h&gt;void main(){  FILE *in;  char filename[20],ch;  int sum=0;  printf("Please input the filename.\n");  scanf("%s",filename);  if((in=fopen(filename,"r"))==NULL)  {    printf("Cannot open file.\n");    exit(0);  }  ch=fgetc(in);    while(ch!=EOF)  {    sum++;    if(ch==32)      sum--;    ch=fgetc(in);  }  printf("This file contains %d letter(s).\n",sum);}</t>
  </si>
  <si>
    <t xml:space="preserve">博客问题谁知道好的免费博客地址我想申请一个博客谁能推荐一个好的博? </t>
  </si>
  <si>
    <t xml:space="preserve">   如何建立新浪博客：一，在新浪BLOG首页进入“开通新浪BLOG”注册你的BLOG；二，登入你的BLOG之后，打开控制面版,进入你的BLOG后台，详细了解系统在此的提示和说明，这里是你对自己BLOG进行全面管理的中枢；三，如果把论坛（BBS）比喻为开放的广场，那么博客就是你的开放的私人房间；你可以充分利用超文本链接、网络互动、动态更新的特点，在你“不停息的网上航行”中，精选并链接全球互联网中最有价值的信息、知识与资源；也可以将你个人工作过程、生活故事、思想历程、闪现的灵感等及时记录和发布，发挥您个人无限的表达力；更可以以文会友，结识和汇聚朋友，进行深度交流沟通；如果想把自己BLOG页面装饰的漂亮点，我这里有装饰代码，和详细的使用方法，以及数千张背景图片素材供你选择，希望能对你有所帮助；谢谢您的提问，祝您一切顺利！欢迎光临我的博客 </t>
  </si>
  <si>
    <t xml:space="preserve">广州五星级酒店招聘我想招酒店类人才，不知道那个网站好，我搜索了一 </t>
  </si>
  <si>
    <t xml:space="preserve">他们中国旅游才网网站是效果是蛮好的，我们公司就用过，在上面招酒店前台和酒店经理不到半个月就招齐了。所以现在我们都是到他们网站招聘。我建议你如果想要知道效果就要去尝试下做个短期的会员，不就见分晓了吗？ </t>
  </si>
  <si>
    <t xml:space="preserve">问道79级人物能带95级宝宝么？ </t>
  </si>
  <si>
    <t>不能带 只能带 94的BB</t>
  </si>
  <si>
    <t xml:space="preserve">关于WE8的问题？1：我的记亿卡的空间不足，我一开始进去时不能创 </t>
  </si>
  <si>
    <t>你把ＯＰＴＩＯＮ里的ＡＵＴＯＳＡＶＥ改成ＯＮ</t>
  </si>
  <si>
    <t xml:space="preserve">你好，我的宝宝四个月十天了，翻身只会往左侧翻，这正常吗？ </t>
  </si>
  <si>
    <t>没关系的，宝宝开始翻身都是习惯向一边翻的，时间久了就会左右都翻了。 如果对你有帮助，请给有用哦，谢谢</t>
  </si>
  <si>
    <t>再生药问题晶魔石任务的关闭和改点系统的增加（１５０００点</t>
  </si>
  <si>
    <t xml:space="preserve">  要涨了啊。你想。现在100W才卖45到50RMB。15000得多少。要3.3张卡。3.3*30=99RMB。这样算要200W都多啊。而且这种药不能交易，用时要一定小心，所以还是买奖品药好，方便多了。想什么时候用都可以</t>
  </si>
  <si>
    <t xml:space="preserve">疑难件原因：【超派,电话联系不上】，这个是什么意思 </t>
  </si>
  <si>
    <t>这个是说快递跟你联系过了 但是没有联系上 可能要打电话咨询一下了 要不就是电话号码留错了 要不有可能你当时信号不好 提示暂时无法接通 原因太多了 联系不上快递 就咨询卖家 帮你问问    ☆予人玫瑰之手， 经久犹有余香， 如果对你有帮助， 请点击好评☆</t>
  </si>
  <si>
    <t xml:space="preserve">汽车改装动力以后．．发动机的寿命会不会缩短如踢．．本人想改装　但 </t>
  </si>
  <si>
    <t>一是能简单改装，就是说，只安装蘑菇头，改变排气管口径，换装性能好的点火线和火花塞等，这类改装费用低效果也很明显，一般车辆都可以做到，零件通用性好。二是高级改装发动机，改装换装的零件多，针对性强，一般都要和改装发动机对应的零件厂商提供专业改装件。但是这类改装会使发动机的性能彻底改变，一般改装后的发动机性能可以提高25％至50％，但是价格也相当昂贵。    对动力性能的提升最有效的方式就是引擎系统的改装。首先是电脑的改装。由于现行的车辆愈来愈精密，因此诸如转速限制、时速限制、点火正时、空燃比调整等都交由行车电脑去执行，通常所说的改装电脑只是将控制晶片加以更换，借由不同的设定使车辆的性能有所提升。　　改装电脑可将原厂所限定的转速与时速加以解除，但使用时要多加注意。引擎长期处于高转速的状态，对于内部机件损耗有相当严重的影响，若是将转速限制解除，在享受高转速带来的快感背后，就是加速降低引擎的使用寿命。</t>
  </si>
  <si>
    <t xml:space="preserve">在游戏里可以买宠物吗? </t>
  </si>
  <si>
    <t>在商店里可以买到宠物的!</t>
  </si>
  <si>
    <t xml:space="preserve">平板电脑能用China.net上网吗？ </t>
  </si>
  <si>
    <t>可以的，China.net跟平常我们用的无限网络一样的，只要有电信wifi热点的地方，搜索到China.net的网络，点击进入页面就可以免费使用30分钟的网络了。然后看15秒的广告，你就可以重复使用，方便快捷，网速给力</t>
  </si>
  <si>
    <t>有谁知道全国各地的公务员分别什么时候报名啊？主要是：山东省</t>
  </si>
  <si>
    <t xml:space="preserve">    你可以登陆 ,这个网站上有不少关于各省公务员考试的情报噢！！</t>
  </si>
  <si>
    <t xml:space="preserve">请问腾讯人工客服电话多少？腾讯网上提供的客服电话打过去联系不到人 </t>
  </si>
  <si>
    <t>多拨打几次吧！没有什么好的办法</t>
  </si>
  <si>
    <t xml:space="preserve">跑60环能得黑水吗？我跑了一次90环能得了黑水，一轮下来近2小时 </t>
  </si>
  <si>
    <t>能！跑60环的任务相对轻松点但是金钱奖励比较少20W左右而90  的任务奖励有120W左右以及一些药品奖励！60和90的任务都有一定的纪律的到黑水，但是如果你运气比较差的话也会得一些石头比如说：灵石和晶石但是绝对不会得女娲的！~~~呵呵开个玩笑！虽然60任务跑的时间比较少但是在奖励上来说比起90的差多了！有时候没黑水你就基本当白跑了！最后，还有个30环的任务也可以跑如果你想试的话可以去找冯喜来！这个任务比较简单但是最后一顶会让你气的流鼻血！而且是没有黑水和石头的奖励的！谢谢给分！</t>
  </si>
  <si>
    <t>《热血无双》是一款三国题材的战争类角色扮演游戏，玩家在三国乱世中扮演一名英雄，随着游戏的进程，玩家将能够通过丰富的任务故事线，以及临场感十足的剧情动画，体验一个真实的乱世。游戏最大的特色在于真实恢弘的战场，在这里，战斗不再是简单的机械对砍，而是代之以激烈多变的即时操控战斗，就如亲临战场，“实时指挥”千军万马。玩家更可以招募关羽、吕布等绝世名将，与战友们组建联盟，攻城掠地，称霸天下。</t>
  </si>
  <si>
    <t xml:space="preserve">我国历史上的十圣？？？？“十圣”是谁？？如杜甫“诗圣” </t>
  </si>
  <si>
    <t>我国历史上的“十圣” 酒圣：杜康，夏朝帝王，传说为酒发明者。 文圣：孔丘，字仲尼，鲁国陬邑（今山东曲阜）人，春秋末期的思想家、家、儒家学说的创始人。 史圣：司马迁，字子长，夏阳（今陕西韩城）人，西汉著名的史学家和文学家，是我国第一部纪传体通史《史记》一书的作者。 草圣：张旭，唐代书法家，他擅长草书，对旧隶的草体造诣更深。 医圣：张仲景，名机，南阳郡（今河南南阳）人，东汉医学家，著有《伤寒杂病论》和《金匮要略》两书，对我国医学发展影响很大。 武圣：关羽，字云长，河东解县（今山西省）人，东汉末期蜀国大将，重义气，精武艺，后人尊其为“关圣”、“关帝”。 书圣：王羲之，字逸少，晋琅琊临沂（今山东省）人，是东晋时著名的书法家，主要伤口有《黄庭经》、《兰亭序》等。 画圣：吴道子，阳翟（今河南禹县）人，唐朝著名画家，擅长人物画，有“吴带当风”之美誉。 茶圣：陆羽，唐朝人，以嗜茶著名，著有《茶经》三卷。 诗圣：杜甫，字子美，号少陵，河南巩县人，唐代伟大的现实主义诗人。著有《杜工部集》。</t>
  </si>
  <si>
    <t xml:space="preserve">想买瓶价廉物美的卸妆油我还是一名学生，想买瓶卸妆油来去鼻子上的黑 </t>
  </si>
  <si>
    <t>可以买强生婴儿油啊，很好的，还便宜</t>
  </si>
  <si>
    <t xml:space="preserve">谢娜和张杰是哪里人吖? </t>
  </si>
  <si>
    <t>谢娜是四川中江人张杰是四川新都人我老乡</t>
  </si>
  <si>
    <t xml:space="preserve">如何下载快速英雄无敌?要快速的哦!能告诉我英雄无敌的哪个版本最好 </t>
  </si>
  <si>
    <t xml:space="preserve">  这是英雄无敌5的bt下载地址 有空可以去看看 玩的愉快英雄无敌二之忠诚的代价  疯狂俄罗斯[英雄无敌] V5.0 珍藏版     你可以去这里看看，这里有地图下载， </t>
  </si>
  <si>
    <t xml:space="preserve">我16及了为什么采集只可以采铜其他的采不了我16及了为什么采集只 </t>
  </si>
  <si>
    <t>除了月桂不能采集是游戏BUG以外 其它材料的采集要做完相应的任务才可以。</t>
  </si>
  <si>
    <t xml:space="preserve">好失望！！11月18号来的月经，今天中午测试，还是一条杠，好失望 </t>
  </si>
  <si>
    <t>别伤心，月经未来还有希望，如果本月不行下个月再努力，相信自己。另外可以在周期过后一星期月经未来到医院验血确认好孕！</t>
  </si>
  <si>
    <t xml:space="preserve">中国GDP中房地产矿产占多少？我国的GDP与欧美的GDP内容上有 </t>
  </si>
  <si>
    <t>看看戴旭的文章就知道了。看看《GDP的质量》一书。</t>
  </si>
  <si>
    <t xml:space="preserve">现在要到香港，过境还要办理什么手续？要办什么证件和手续？怎么办？ </t>
  </si>
  <si>
    <t>国内身份到港澳地区.只要办理港澳通行证.才需要办理护照.&lt;港澳是中国的&gt;.居民个人港澳自由行申请须知  现时，全国共44个城市的居民，可以「个人游」身份来港旅游。已开放「个人游」的城市计有: 1.北京 2.上海 3.广东省(全省）:中山、江门、佛山、东莞、广州、深圳、珠海、惠州、韶关、河源、湛江、阳江、汕尾、茂名、揭阳、汕头、潮州、清远、梅州、肇庆、云浮 4.江苏省:南京、无锡、苏州 5.浙江省:杭州、宁波、台州 6.福建省:福州(仅限市区)、泉州、厦门 7.天津 8.四川省:重庆、成都 9.山东省:济南 10.辽宁省:沈阳、大连 11.广西省:南宁 12.海南省:海口 13.湖南省:长沙 14.贵州省:贵阳 15.云南省:昆明 16.江西省:南昌 居民个人港澳自由行开通后，对于国家机关工作人员、国有企事业单位领导及银行、金融等部门有关工作人员，申请办理《往来港澳通行证》及个人赴港澳旅游签注，须按干部管理权限提交单位意见后才能向公安出入境管理部门申请。 其他人员无须提交工作单位或派出所意见，直接到公安出入境管理部门办理即可。经公安机关审查，只要不是国家法律规定的不准出境人员，都会得到批准，并根据申请签发《往来港澳通行证》及“F”签注(访问签注)。“F”签注种类有3个月一次有效和3个月两次有效两种，由申请人自愿选择，每次在香港或澳门停留时间为7天。签注用完后，可再次向公安出入境管理部门提出申请，个人旅游的申请次数不受限制。办理港澳自由行手续，具有本市常住户口的居民凭身份证、户口簿即可向市公安局出入境管理局提出申请。申请时须填写《内地居民往来港澳地区申请审批表》1份。对首次办理《往来港澳通行证》及个人赴港澳旅游签注的申请，公安出入境管理部门将在10个工作日内完成证件的审批制证工作；对已持有《往来港澳通行证》再次申请的，则在10个工作日内完成。由于公安出入境管理部门在受理公民出入境申请时按规定要面见申请人，因此申请人必须亲自到公安出入境管理部门办理有关手续。办理手续时需注意的事项（是大体上的情况） 有关申请材料： 1、填写完整的《内地居民往来港澳地区申请表》； 2、交验有效居民身份证、户口簿或其他户籍证明原件，提交复印件； 3、提交近期正面彩色免冠照片四张 4、如已申领通行证或通行证已过期，须上缴原通行证。 收费标准： 往来港澳通行证每本100元 一地一次前往签注每个20元 一地二次前往签注每个40元 出具单位意见说明： 以下人员需档案所在单位出具同意意见，其他人员免交单位意见： 1、各级党政机关、人大、政协、人民法院、人民检察院、人民团体、事业单位在职局、处级领导干部； 2、离(退)休的市委管理干部； 3、金融机构、国有企业法人代表，县级以上金融机构领导成员及其相应职级的领导干部，国有大中型企业中层以上管理人员，国有控股、参股企业中的国有股权代表； 4、各部门、各行业中涉及国家安全及国有资产安全、行业秘密的人员； 5、其他有必要提交单位意见的人员。 签注有效期及申请次数： 该签注为访问(F)签注，有效期三个月，分为一次和两次进入有效，每次在港澳地区可停留七天。 注意事项：1、请用蓝色或黑色钢笔或签字笔填写表格； 2、证明材料的复印件均需为A4规格； 3、请注意填写申请表备注栏内的“目的地”及“进入次数”，并确认签字。 4、按有关规定，出入境管理局受理的各项材料，无论批准与否一律不予退还。如本人需要，请在递交申请前复印留存； 5、提供虚假材料骗取出入境证件，将被追究法律责任。 办证时限：一般说来，只要手续齐全，不超过15天就能拿到港澳通行证及签注。</t>
  </si>
  <si>
    <t xml:space="preserve">如何自我治疗不射精我一直有着手淫的恶习，一直想克制，但一直也没有 </t>
  </si>
  <si>
    <t>大家同取一名嘛，有意思！其实，你所说的症状，只要老实安份一段时间就好了，年轻人嘛，心身不定！等仓库积蓄满了，一定能一泻千里的！你一定能行的！</t>
  </si>
  <si>
    <t xml:space="preserve">怠速不稳怠速不稳　　９４年切纳诺基（化油器）早上起动后排气管冒黑? </t>
  </si>
  <si>
    <t>回答在前面的问题里.共参考.</t>
  </si>
  <si>
    <t xml:space="preserve">宁波哪里有刷ECU的？多少钱？ </t>
  </si>
  <si>
    <t>宁波电子城就有，300元</t>
  </si>
  <si>
    <t xml:space="preserve">植物中的生长素是什么东西？ </t>
  </si>
  <si>
    <t>生长素是最早发现的一类植物激素，生长素是一类对植物生长发育起显著作用的微量有机物，在植物体内的一定部位合成，并经常从产生之处运到别处。生长素在高等植物中分布很广，根、茎、叶、花、果实、种子和胚芽鞘中都有分布，且大多集中在生长旺盛的部位。生长素在植物体内含量极少，700万株玉米幼苗的茎尖，只含有1毫克的植物生长素。但是生长素对植物的生长却具有巨大的作用。生长素促进生长的作用，在于它一方面使细胞壁疏松，增加可塑性，促进了细胞的纵向伸长；另一方面生长素又促进了蛋白质等物质的合成，从而增加了原生质体的量。</t>
  </si>
  <si>
    <t xml:space="preserve">3个族的枪手哪个更优秀啊？请详细说一下他们的优势和缺点！！我用的 </t>
  </si>
  <si>
    <t>远程B攻击最高 C攻击距离最远 A没特点就是血防高 2转可以转那个砸弹人很凶</t>
  </si>
  <si>
    <t xml:space="preserve">我下个月认准备去天津，自由行大概四到五天吧，朋友们能给点意见吗？? </t>
  </si>
  <si>
    <t>来天津住快捷比较实惠 河东区有个锦江之星八纬路店 走路到地铁九号线5分钟 入住后可以乘坐地铁九号线至天津站 九号出口有个金马宾馆 新疆餐厅 推荐！然后再入天津站乘坐3号线到达营口道站 就是天津最早的零售商业区 随便逛逛就好了 问问行人 就能溜达到五大道各种小洋楼 拍拍照 晒晒太阳晃到晚上看看海河夜景，游船是100吧。晚饭可以去锦江附近的大眼锅贴，算是实惠的能吃的舒服的饭馆了。转天可以去参观下航母，本人没去过，所以说不出123，也是出门坐九號线往塘沽方向，这个可以自己找找攻略，北塘吃个螃蟹。回来估计也没啥体力了。第三天可以去古文化街，打车，公交都可以，还有南市食品街，其实就是凑热闹，东西不好吃，看看面人，手工技艺。第四天如果想购物，名品店有海信（你的酒店过了光明桥就是），远一点的就是银河广场，里面也有一堆吃吃喝喝。去了银河广场，干脆就去旁边的博物馆看看，去一个城市就要看看他的博物馆，历史和自然两个都可以去，身份证换票，免费参观。第五天不妨早起坐公交去大桥道看看卖早点的，菜市场，老食品店买点零食o祝你有个好假期</t>
  </si>
  <si>
    <t xml:space="preserve">春节期间加班费怎么算的？假如平时我每天100元，那么春节时每天有? </t>
  </si>
  <si>
    <t>一、加班费的计算方法1、休息日加班：如果安排劳动者在休息日工作的，就应该按照《》第四十四条第二款支付加班费，即加班费不低于200%的工资2、法定节日加班：根据1999年9月18日国务院颁布的《全国年节及纪念日放假办法》（国务院令第270号）第二条规定全体公民放假的节日由原来的7天改为10天，即：（1）新年，放假1天（1月1日）；（2）春节，放假3天（农历正月初一、初二、初三）；（3）劳动节，放假3天（5月1日、2日、3日）；（4）国庆节，放假3天（10月1日、2日、3日）。  也就是说，以上日期就是法定休假日，如果在以上日期安排劳动者工作的，就应该按照《劳动法》第四十四条第三款支付加班费，即加班费不低于300%的工资。3、计件工资时的加班加点：根据《工资支付暂行规定》第十三条规定：“实行计件工资的劳动者，在完成计件定额任务后，由用人单位安排延长工作时间的，应根据上述规定的原则，分别按照不低于其本人法定工作时间计件单价的150%、200%、300%支付其工资。经劳动行政部门批准实行综合计算工时工作制的，其综合计算工作时间超过法定标准工作时间的部分，应视为延长工作时间，并应按本规定支付劳动者延长工作时间的工资。实行不定时工时制度的劳动者，不执行上述规定。”4、综合计算工时的加点：依据我国劳动与社会保障部2000年3月17日颁发的《关于职工全年月平均工作时间和工资折算问题的通知》： “职工全年月平均工作天数和工作时间分别调整为20.92天和167.4小时。”因此，实行综合计算工作时间的，如果月平均工作天数超过20.92天，或者月平均工作时间超过167.4小时的，应该视为加点，按照《劳动法》第四十四条第一款支付加班费，即加班费不低于150%的工资。二、假如平时每天100元即3倍是300+100元还是300元每天呢？ 每天应该是：100*3=300元</t>
  </si>
  <si>
    <t xml:space="preserve">如何添加好友我想寻找同城或外地一些不认识的加为好友怎么查找添加 </t>
  </si>
  <si>
    <t>我不知道你是在哪里添加好友，但是在新工社加好友的标识很清楚，你想加某个人为好友就直接点击他头像下面的“加为好友”，或者你到搜索框直接根据你自己设定的条件去搜索符合条件的好友都可以，新工社里加了好友后，可以与好友互动例如送礼物、即时聊天、还可以玩游戏，查找并下载资料</t>
  </si>
  <si>
    <t xml:space="preserve">连云港尖锐湿疣哪家医院能彻底治愈 </t>
  </si>
  <si>
    <t>治疗尖锐湿疣需要选择正规医院进行；同时尖锐湿疣的治疗一定要及时这是非常关键，但在治疗的时候一定要规范的治疗，这也是不能忽视的。尖锐湿疣是一种顽固性性传播疾病，一般医院不具备完善的专业设备，就诊时应根据实际情况和可能，尽量选择医疗设备先进、检查手段先进齐全，诊断治疗器械完善，专业技术力量雄厚的医院。领先国内外先进的医疗技术，妙手回春的大夫，是正规医院的根本，在这里您能体会到什么是专业的尖锐湿疣医院，在这里能让尖锐湿疣得到有效的控制，如果您是尖锐湿疣患者病人，一定要选择这样的医院。</t>
  </si>
  <si>
    <t xml:space="preserve">芦荟 </t>
  </si>
  <si>
    <t xml:space="preserve">命名由来  芦荟(aloe)，为阿拉伯语allcoh演变而来，是一种民间药草，自古以来深受人们的喜爱。“芦”其中文意为黑的意思，而“荟“是聚集的意思。芦荟叶子切口滴落的汁液呈黄褐色，遇空气氧化就变成了黑色，又凝为一体，所以称作“芦荟”。 分布情况  芦荟原产于非洲热带干旱地区，一般来说，芦荟被作为原产于非洲的植物。现在芦荟分布几乎遍及世界各地，据调查，在印度和马来西亚一带、非洲大陆和热带地区都有野生芦荟分布。在我国支南元江地区，也有野生状态的芦荟存在。 形态特征   芦荟是一种多年生常绿多肉质草本植物。历史悠久，早在古埃及时代，其药效便被人们接受、认可，称其为“神秘的植物”。 芦荟是百合科植物。叶簇生，呈座状或生于茎顶，叶常披针形或叶短宽，边缘有尖齿状刺。花序为伞形、总状、穗状、圆锥形等，色呈红、黄或具赤色斑点，花瓣六片、雌蕊六枚。花被基部多连合成筒状。到目前为止，我们所知道的关于芦荟的最早记载，是古代埃及的医学书《艾帕努斯·巴皮努斯中所记录的，考古发现，在埃及芦荟被放置在金字塔中木乃伊的膝盖之间。 书中不仅记载 了芦荟对腹泻和眼病的治疗作用，还有包含了芦荟的多种处方。这部书写于公元前1550年，也就是说，在迄今3500年前芦荟就已经被当作药用植物了。此我们可以推测，早在五千年前，埃及民间人们对芦会的利用应该更早一些。这之后，可能是由于马可多利亚帝国，芦荟被传到了欧洲。公元前1世纪，罗马皇帝的御医蒂俄斯可利蒂斯著有医书《克利夏本草》，书中有针对不同病症使用芦荟的具体处方，并把芦荟称作为万能药草。另外，在《新约圣经》中也记载了，人们埋葬耶稣的时候，将香根芹与芦荟混合以后涂在其身体上。 芦荟的效用，此后在欧洲得到了广泛的承认，12世纪时，被记载于德国的药局方里了，这也是芦荟首次在一个国家的法令里得到承认。在这以后，芦荟通过丝绸之路传到了中国。在中国，人们把它称为“芦荟”，被称为医祖的李时珍所著《本草纲目》里也出现了芦荟。在这部书中芦荟不仅仅被认作是有用的植物，而且还有“色黑、树脂状”的记载，据此可以推断，当时中国所使用的是从欧洲传来的、将汁熬干形成的块状物。 芦荟传到日本是在镰仓时期或室町时期，江户时代人们把它称为芦荟（注：现在日本人称之为阿罗艾），由此可见日本的芦荟是从中国传来的。但是，这时的芦荟大概指的是柯普芦荟，也就是说，芦荟最初不是作为植物，而是作为药品传到日本来的。这一点可以在江户时期贝原益轩所著《大和本草》，小野兰山著《本草纲目启蒙》里得到证实，这些书里有关芦会的插图，大都是想象中的样子。 另外，在这一时，葡萄牙的传教期士也将芦荟带到了日本，据说这就是木剑芦荟。这以后随着基督教的布教，芦荟在全国得到普及，有些地方用芦荟的根部繁殖法使之得到了推广。 到了明治时期，也因为学习了德国医学等原因，日本的医疗制度开始完善，并制定了日本药局方。 虽然芦荟很早就被载入了药局方，但并没有立刻在民间得到普及，像现在这样作为民间药物得以广泛利用，还是从第二次世界大战以后开始的。 战后，世界各地的学者开始发现芦荟的药理作用。而且，与日本气候风土 相适应的品种木剑芦荟与芦荟费拉都具有超如意的病理效果，这一点被证明以后，芦荟终于用作药草得到了日本人普遍的承认。 尤其是昭和44年（公元1971年，日本医学学者发现了芦荟对癌症有抑制作用以来，人们对芦荟的热情便迅速高涨起来了。这以后，芦荟还拥有了一个家喻户晓的名称“不需要医生”，由此，芦荟在民间成了为广大民众所承认的医疗权威。  （药用）芦荟的分类：库拉索芦荟又称蕃拉芦荟，蕃拉为其种名的音译，又称美国芦荟。须根系，茎干短，叶簇生在茎顶。叶呈螺旋状排列，厚肥汁浓。叶长30—70厘米，宽4—15厘米，厚2—5厘米，先端渐尖，基部宽阔；叶子呈粉绿色，布有白色斑点，随叶片的生长斑点逐渐消失，叶子四周长菜刺状小齿。其花茎单生，长有两三个高60—120厘米的分枝。总状花序散疏，花点垂下。 特怔：它能应用在食品、药品、美容品等方面。主要是提取芦荟原汁、浓缩汁、结晶粉，部分亦作家庭盆栽观赏用。 ------------------------------------------------------------------------------------------------- 中国芦荟又称斑纹芦荟，是库芦荟的变种。中国芦荟茎短，叶近簇生，幼苗叶成两列，叶面叶背都有白色斑点。叶子长成后，白斑不褪。叶子长约35厘米，宽5—6厘米，植株形似翠叶芦荟。闽南的中国芦荟植株个体明显比翠叶芦荟小。 产地：福建、广东、广西、云 南、四川、台湾等省。还有在云南元江地区、海南和雷州岛。 特征：具有药用和美容价值，嫩叶可做芦荟拉原料食用。 ------------------------------------------------------------------------------------------------- 上农大叶芦荟 是上海农学院植物科学系植物跗育种研究室从库拉索芦荟中培育出的变异品种。上农大叶芦荟的叶片被有白色蜡粉，叶色翠嫩，叶片最大可达85厘米、宽12厘米，叶肉洁白丰厚无苦味，生长速度快，宜于保护，开发利用价值很大。但在盆载条件下分蘖能力弱大，主枝不分枝。 产地：中国长江中下游地区 ------------------------------------------------------------------------------------------------- 木立芦荟又名小木芦荟。 它很早就被视为民间药草而广受欢迎的芦荟就是指这种木立芦荟。 产地：产地在南非。 在医学上，木立芦荟已经被检验出具有很多有效成份，是一种公认最有效的品种。在药用方面，叶子除了可以生吃、打果汁外，还可以加工成健康食品或化妆品等。由于容易处理，它也适合作食用的家庭菜。 特征：可用在医学上，也可用在美容上。 ------------------------------------------------------------------------------------------------- 开普芦荟 又称好望角芦荟，这是一个大型品种群，高度达6米，茎杆木质化，叶30—50片，簇生茎顶，叶子大而坚硬，带有尖刺，叶深绿色至蓝绿色，被白粉。无侧枝、兹药与兹柱外露，用种子繁殖。开普芦荟是中药新芦荟干块的原料，是一种传统的药用植物，各国药典都有载列。 产地：主产于南非普州。 特征：可用有医学上。 ------------------------------------------------------------------------------------------------- 皂质芦荟 须根系，无茎，叶簇生于基部，呈螺旋状排列，叶呈半直立或平行状。其叶汁如肥皂水，十分滑腻。皂质芦荟变种较多，如广叶皂质芦荟，叶上有白色条斑、纹理清楚，叶片宽大，具有较高手观赏价值。皂质芦荟叶片薄，新鲜叶汁有护肤作用。但所含粘性叶汁不如库拉索芦荟丰富。多用于观赏，沿无大面积的产业化栽培。 特征：既作药用，又可用美容。 芦荟的成分 一、稳定化芦荟凝胶成份木质素、芦荟酸、皂素、蒽醌、芦荟素、肉桂酸醌、芦荟苷大、芦荟大黄素、异芦荟苷、大黄素、蒽、酚、大黄根酸、 蒽Resistannol 二、维生素 维生素B1、叶酸 、维生素B2、维生素C③烟酰胺、维生素E、维生素B6、 维生素A胆碱、(B-胡萝卜素) 三、无机元素 Ca 、Mn、S、Mg、Cl、Zn、Cr、Cu 四、单糖和粘多糖纤维素、aoldonentose、葡萄糖、L-鼠李糖、苷露糖、术糖 五、酶氧化酶、脂酶、淀粉酶、Aliinase、过氧化氢酶 六、必需氨基酸赖氨酸、亮氨酸、苏氨酸、异亮氨酸、苯丙氨酸、缬氨酸 芦荟的使用方法以及注意事项 一、使用方法 芦荟不仅具有各种药效，使用方法也非常多，主要有内服和外用两种。 1、内服法最简单、最快获得药效的方法就是直接生吃新鲜叶片。也可以把生的新鲜叶片制成薄片、糖醋渍品、液汁或油炒后食用。生嚼芦荟叶肉，能够起到较好的调理和保健作用。每次生叶食量以15克为宜。生嚼芦荟叶片不适应者，可采取服用新鲜叶汁的方法。成人每次一匙，每天2-3次，小孩和老人用量可适当减少。用干燥的叶片泡制茶或酒、制成粉末或颗粒状药剂、制成液汁等都是内服的有效方法。 2、外用法芦荟的叶片中含有丰富的粘胶液体。这种液体具有防溃疡、促进伤口愈合、剌激细胞生长和止血作用。外用时直接用新鲜叶片涂抹，或使用芦荟制成的外用药酒。外用方法都比较安全，应注意选择成熟度高的芦荟叶片，这样疗效会更好。 二、注意事项 使用芦荟治病，首先鉴别是否是药用芦荟品种，切忌把龙舌兰、雷神或仅有观赏价值的芦荟品种用来防病、治病。应该选择芭用芦荟品种，注意其特点、用法并根据病因，做到对症下药。正确使用芦荟，方能取得最佳效果。切忌过量服用或急于求成。 正确区别中药芦荟（干块）和新鲜芦荟在使用方法上的不同，特别是一些炎症，新鲜芦荟汁液，要比中药芦荟效果明显得多。 体质虚弱的少儿患者，不要过量服用芦荟，过敏者会出现皮肤红肿、粗糙的现象。 孕妇和经期中的女性严禁服用芦荟。在古代芦荟是作妇科药剂的，用于治疗闭经之类症状。因为芦荟能使女性骨盆内脏器充血，促进子宫的运动。故而孕妇或经期妇女服用容易引起腹痛，导致流血严重出血。 病人如有痔出血、鼻出血，也不应使用芦荟。 首次食用芦荟时应当先做皮试，如果没有异常现象，方能使用。因为有些人的体质对芦荟有过敏现象，如出现红肿、剌痛、起疙瘩、腹痛等，严重的腹部还会有灼热感。初次内服，若出现恶心、呕吐或下泻等症状，有的是暂时现象。如果这种情况出现次数较为频繁，则应暂停用药、减量服用或加热服用。过敏者如想食用，可少量外用或内服，等身体适应后再慢慢增量。 美国FDA认证FDA认证的内用芦荟可以作为“结构/功能”性饮食补充剂，但不允许声称具有治疗或预防任何疾病的作用，也不允许在产品标签上注明具有治疗作用。根据现行的FDA规定，合法的结构/功能描述方式包括“增强免疫力”和“增强心脏功能”，但诸如“可治疗艾滋病”和“可预防癌症”等说法则不允许，因为这些说法是用来指药品的。而外用芦荟则建议作为美容品成分。不允许有结构/功能性的药品说明。允许使用清洁和美容词汇比如“滋润”，“润滑”和“软化”等。美国管理委员会认证1975年芦荟经美国FDA认证为非处方类药物，用于治疗便秘。在1998年有三种芦荟获得认证。FDA要求生产厂家在1999年6月21日前递交附加安全资料，可能会限制出售芦荟作为非处方药用于治疗便秘。芦荟的美容作用 美丽的肌肤来自芦荟，用芦荟美容更白、更嫩、更光滑。 早在公元前14世纪，埃及皇后尼菲提就使用芦荟美容，从而使她拥有细嫩结白的肌肤和柔软光滑的头发。 我国古代也有芦荟作为美容品的记载，如《岭南杂记》：“......叶厚一指，而边有刺，不开花结子，从根发，长香尺余，破其叶，中有豪，好人涂掌以泽发代油......，有效，又名罗帏花，如山丹。” “二次世界大战”以后，美国和许多国家进行了系统的开发和研究，扩大了芦荟的作用面积，除药用，美食外，广泛应用于美容化妆品中。日本、韩国和我国的台湾省也进行了研究、利用，开发新产品。 我国在80年代末，曾兴起了芦荟美容热。上海家用化学品厂在1987年包括营养霜、营养蜜、防晒霜、洗面奶、粉饼、唇膏、面膜、防晒水、香波和护法素在内的美加净“爱萝丽”芦荟系列美容品。在国内占有很大的市场，深受消费者欢迎。 芦荟汁液系天然萃取物，含有多种对人体有益的保湿剂和营养效果。科学研究认为，芦荟中含有聚糖的水合产物葡萄糖、甘糖露、少量的糖醛酸和钙等成份；还有少量水合蛋白酶、生物激素、荷尔蒙、蛋白质、氨基酸、维生素、矿物质及其它人体所需的微量元素。因此，芦荟便具备了如下功能，对美容效果极佳。 1、营养保湿作用 芦荟中能含的氨基酸和复合多糖物质构成有天然保湿因素（NMF）。这种天然保湿因素，能够补充皮肤中损失掉的部分水分，恢复胶朊蛋白的功能，防止面部皱纹，保持皮肤光滑、柔润、富有弹性。 由于芦荟中含有多糖及多种单糖，加上痕迹量乳酸镁的存在，使芦荟凝胶具有天然的湿润性能，并延缓水分从化妆品膏霜和香波中散失的速率。经实验证明，在水包油乳剂中，加芦荟凝胶能延缓水分的蒸发速率。 芦荟凝胶能增进水分渗透，它能渗入皮肤表层，使水分直接进入组织。芦荟凝胶增加对皮肤的渗透是由于水解，咬合及增加化合物的溶解度，使其增进对皮肤的渗透。而多糖及粘浆作为咬合封层形成坚固的复盖层，能阻止皮肤表层水分的蒸发。 经过调查，芦荟凝胶可在各种产品中应用。已经指出，芦荟凝胶显然能在润湿产品中应用。凝胶不但能与阴离子而且也能与非离子，阳离子体系相容共存。 在肥皂中加入芦荟凝胶是格外有意义的想法。它的作用是使肥皂起清洁作用而不使皮肤干燥。由于凝胶的温和性质，所制成的肥皂不具有刺激的危险。 芦荟剃须膏是多糖类在肥皂型产品中的又一个应用。在推荐配方4中，凝胶即起润滑剂作用又起保湿剂作用。由于芦荟的粘稠性，差不多象硅类那样可以用来作为皮肤和胡须间的保护层。 在解除灼伤喷雾品方面，凝胶已在许多产品中应用，除了所称的愈伤之外，还能在损伤的皮肤上保持湿润，而湿润是愈伤的基本条件。一种已证明效果良好的极其简单的产品，是一种由列多因盐酸盐(Lidocaine HCl)和芦荟凝胶组成的解除烧伤喷雾品，它是一种基本的产品，在人们心目中，它是天然品，而不是医药品。 这些仅是能够使用芦荟凝胶产品的少数几个类型。芦荟凝胶可单独或和其它原料一起使用于需要温和湿润的任何系统中。因此芦荟凝胶是各种化妆品中理想的天然润肤保湿因子。 2、防晒作用太阳光线包括红外(&gt;770nm)、可见(400～770nm)和紫外(&lt; 400nm)范围的连续谱。波长280nm以下的短波紫外线(UVC)在大气层中(臭氧层)几乎全部被吸收，到达地球表面的数量很少。人类皮肤对不同波长范围的紫外线的反应。可见和红外范围(400～1400 nm)的辐射会使皮肤变红，但辐射过后很快消退；320～400nm(UVA)波长紫外线会氧化表皮中的还原黑色素，而直接晒黑皮肤，一般不会引起红斑；280～320nm(UVB)波长紫外线会使皮肤引起急性皮炎(红斑)和灼伤。 80年代以前防晒制品主要防止UVB区紫外线的伤害，而对UVA区的紫外线注意甚少。 近年来，皮肤医学科学研究发现，UVA紫外线在到达人体的紫外线总能量中占98%，它对玻璃、衣物、水和人的皮肤穿透性远比UVB紫外线强，对人的皮肤虽然作用较缓慢，但日积月累可导致严重损害。UVA会诱发光致敏作用、光毒性反应等等。严重情况下还会诱发皮肤癌。UVA已被认定为皮肤老化的主要原因之一。 近期的研究指出，当人们的皮肤暴露在紫外线下，形成晒伤的主要原因，是紫外线能降低和损害皮肤的免疫功能，使皮肤降低了对外来微生物和疒毒的抵抗而引起疾疒，严重者可导致肿瘤的形成。美国德克萨斯大学癌症中心的 Faith Strickland 博士指出，芦荟凝胶不但是阳光的屏蔽(Sunscreen)，而且它能阻止紫外线对免疫系统产生的危害，并能恢复被损伤的免疫功能，使晒伤获得痊愈，阻止皮肤癌的形成。它不仅在实验室而且在临床试验，用芦荟凝胶治疗晒伤，都得到了惊人的效果。已由实验证明，芦荟多糖具有增强和调节免疫功能的作用。因此在化妆品中，含有足够浓度的芦荟凝胶，能起到防晒的作用是无疑的，并能使晒伤获得治疗，阻止癌变。 3、消炎、止痛、烧伤、烫伤、割伤等疮伤的愈合作用 芦荟凝胶涂于疮伤表面，形成薄层，能阴止外界微生物的侵入。它能使干燥的伤口保持湿润，凝胶内的生长因子能直接刺激纤维细胞，使其获得再生和修复。芦荟凝胶能增进疮伤的拉伸强度，增进疮伤治疗，促进愈合。Purdue 大学的药物学教授Tyler 证明，称为Brandykinine的一种肽，它是能产生类似于烧伤疼痛的物质，芦荟凝胶能抑止Brandykinine 的作用，也就是芦荟凝胶能减轻和消除疼痛。芦荟凝胶的消炎、止痛、疮伤愈合的作用，也被所有使用过的人们所证实。据美国“预防杂志”对5000名读者的调查，97%的读者评价芦荟是最有用最流行的草药，它能减少痛苦和治愈疮伤。Tyler 教授的文章说到，芦荟在七种对健康有益草药中排行第一。 芦荟凝胶是非常理想的载体。例如当氢化可的松用于皮肤，99%不能渗入皮肤的表皮层都被浪费。当药物先放入芦荟凝胶中，凝胶能很好的渗入皮肤，将药物带入皮肤，增强了药物的治疗效果。因此，芦荟凝胶也是传递各种药物的最好载体。 4、免疫调节剂 生物体内免疫系统的正常是健康的标志。芦荟凝胶内含有的多种活性成分，它们溶解在凝胶的极性水中，相互协同，对外界形成了强大的调节免疫功能的作用。美国卡林顿实验室从芦荟凝胶中提取的多糖《Acemannan》，已获美国的FDA 批准应用于人体治疗艾滋病的药物，震惊了芦荟工业。事实上，Acemannan 起了免疫调节剂的作用，抑止了微生物、病毒等对生物体的侵害和繁殖。并有研究者从芦荟中分离得到芦荟糖蛋白Aloc tin A ，它具有强烈的抗肿瘤活性。芦荟用作糖尿病的治疗。长期服用得到抗衰老的效果等等，均有报导。近几年“国际芦荟科学协会”提出，芦荟除了作为食品、药物和化妆品以外，还能作为功能性食品，可经常定量服用(Dietary Supplement)。 总之，芦荟虽不是“灵丹妙药”，但它对免疫系统的调节作用，起到了实实在在的保健、美容和治疗作用是勿容置疑的。因此，人们理所当然的把它应用到化妆品、保健食品和药物中，发挥它的应有作用，实属最佳选择。重要的是看这个,很多芦荟在一起比较肯定对你有用处.  而且有图片,作用更大了. 家庭种的一般是库拉索,上农大就是库拉索的一个品种.一般花市不多见.建议用库拉索代替. 上农大叶芦荟:学名 r.SCAGu,是上海农学院植物科学系植物遗传育种研究室从库拉索芦荟中选出的更适宜保护地栽培的变异品种。上农大叶芦荟叶片被有白色蜡粉,叶色翠绿,最大叶片长可达85厘米,宽可达12厘米,叶肉肥厚洁白且无苦味。在盆栽条件下分蘖能力极弱,主茎不分枝。它是我国长江中下游地区发展保护地集约化、产业化芦荟生产适宜的优良变种,具有极大的开发利用价值,生长速度快,也适宜家庭栽培。中国芦荟又名斑纹芦荟。在日本观赏植物芦荟“千代田锦”也叫斑纹芦荟，但实际上是与中国芦荟不同的。 中国芦荟外形近似仙人掌，又似龙舌兰，在植物学上隶属于百合科，为多年生肉质草本植物。《中国高等植物图鉴》记载：芦荟，多年生草本……产地不明，有人认为原产中国。 龙舌兰在闽南的一些地方被称为“番仔芦荟”。闽南人有将外国来的东西称为“番XX”或“番仔XX”的习惯。例如：“番仔火”（火柴）、“番薯”、“番石榴”、“番椒”、“番鸭”等等。在“番仔”或“番”字后面的名词应是中国自古以来就有的东西。龙舌兰传入中国已有相当悠久的历史了，这一点至少可以说明芦荟即使是“舶来品”也早在龙舌兰传入中国之前就已被中国人视为自己的物品而非“番仔货”。 中国芦荟是库拉索芦荟的一个变种，其外形也酷似库拉索芦荟，二者所含的化学物质成分相似。有实验指出，中国芦荟原汁的保湿作用比库拉索芦荟原汁强，这对于配制化妆品来说，是有利的，但对于炮制成中药材来说，则有不利之处。 在闽南、台湾、广东潮汕、广西北海地区、海南岛、云南和四川的局部地区，自古以来民间就有盆栽芦荟的习惯，许多地方的妇女长期将它作为天然的护发珍品，因而流传至今。除了作为美容品外，民间还积累了使用芦荟的丰富经验。这种盆栽的小草在南方一些地方常常可以见到，很多人都认识这种小草和它的用途。当你一提起芦荟，上年纪的人大都记忆犹新，能够道其一二。 在云南南部，傣族人及其他少数民族居民将野生的中国芦荟作为草药来使用，将芦荟叫做“烫伤草” 有人被汤火烫伤，即去山上采来芦荟叶，将表皮剖开后贴于患处，立时有冰凉感觉，并可止痛、消炎肿、防止溃疡。烫伤严重时把芦荟全株捣成浆敷贴，效果较好。更重要的是用芦荟治疗烫伤，痊愈后几乎不留疤痕。 一九三八年刊竣的《福建通志》第二十九册物产志草类中记载着：“龙舌草，‘闽产录异’云：产福州，形如龙舌而肥茁，两旁有刺，高者二、三尺，叶长者尺余，开红花，妇女以叶津粘鬓”。这里的“龙舌草”指的就是中国芦荟，不是龙舌兰。而鲁迅在《藤野先生在仙台》一文中提到的“芦荟”指的倒是龙舌兰,这位老先生在厦门住的时间不长，对闽南话不太了解，难怪出错。 日本木立芦荟：亦称日本芦荟、木剑芦荟、树芦荟，因其外形象直立的树木而得名。原产地南非开普州和德兰士瓦州的东部、北部及罗德西亚地区。木立芦荟在日本有大量的栽培，在我国黑龙江，吉林，辽宁等地近年来种植较多。木立芦荟可从基部或茎上形成分枝，利用分枝扦插繁殖极易成活。其特点是灰绿色叶子细而长、凝胶含量少、边缘锯齿状、茎像树杆、橙红色花，叶段面呈V字形。木立芦荟在其原产地株高可达六米，在温室也可达2米以上。目前在日本，木立芦荟已投入商业化生产，他们认为木立芦荟是最好的药用芦荟品种，木立芦荟也可用于食品加工。 </t>
  </si>
  <si>
    <t xml:space="preserve">面积正好等于144平方算普通还是非普通住房 </t>
  </si>
  <si>
    <t>“普通住房标准”，建筑容积率在1.0(含)以上、建筑面积在144(含)平方米以下的，即被视作普通住宅。由于目前房地产市场上容积率在1.0以上楼盘占绝大多数，因此在实际操作中，容积率标准往往忽略不计，不足144平方米的即普通住宅；超过144平方米的即非普通住宅。</t>
  </si>
  <si>
    <t xml:space="preserve">我要剪掉长发吗　　大夫您好,我现在怀孕6个月了,最近有很多人说" </t>
  </si>
  <si>
    <t>　　生完孩子会掉头发，头发太长坐月子时也不好护理(坐月子时会出汗很多)，护理孩子时也不方便，所以剪个短发做母亲是有道理的。</t>
  </si>
  <si>
    <t xml:space="preserve">为什么有的勋章我拿不了比如奥运之类的勋章 </t>
  </si>
  <si>
    <t>有个可能已经过期了 就不能再领取了 奥运勋章很多 你现在拿不到就很遗憾了 不过我们有的过些日子也会收回的 别的勋章要是没过期的 可能是你还没完成领取勋章的任务。仔细看看 很简单的</t>
  </si>
  <si>
    <t xml:space="preserve">没有学位证只有毕业证真的就不能考研吗？ </t>
  </si>
  <si>
    <t>是谁这么误导你？该打！02年我因为大学英语四级未过结业离校，03年参加学校组织的英语补考通过以结业证换到毕业证，无学士学位，今年7月刚从从本科母校硕士毕业。 大概是从99年开始，报考研究生不再需要学位证。只是一些名校和大多数医药类高校需要有。应届生如果在研究生开学时无法出示学位证，也有那么一点危险，不过不是大问题。</t>
  </si>
  <si>
    <t xml:space="preserve">为什么桃园云网盘登不上 </t>
  </si>
  <si>
    <t>检查你的网络  麻烦好评</t>
  </si>
  <si>
    <t xml:space="preserve">帐号和密码忘了怎么办?因为我的大厅是更新的,我怕被盗号,就把帐号 </t>
  </si>
  <si>
    <t>您好，请问您是否记得游戏中的角色名称呢？密码忘记您可以首先到我们的会员中心通过您的密码找回问题和答案找回您的密码，会员中心地址: ,如果还是不行请您将以下资料：用户名、游戏战绩积分（1-2款主要）、家园形象物品（3-5件）、金、银币余额。联系方式（mail地址必须提供，不要用注册igame时送的!）。丢失时间 ,最后一次登陆时间 , 第一次登陆时间，帐号注册地区。发送至  secure@ 我们会有专人为您进行查找！</t>
  </si>
  <si>
    <t xml:space="preserve">谁能告诉我这是谁的歌？谢谢着歌有一句歌词是/他伤透了我的心。。。 </t>
  </si>
  <si>
    <t>我猜是莫文尉的那首《他不爱我》，其实好讽刺，我现在也的心情可能就要高唱歌这首歌了吧，如果你喜欢如果我猜对了，和你一起分享歌词：他不爱我歌手:莫文蔚 专辑:karen more 歌曲名称:他不爱我歌手名称:莫文蔚词曲:作词:杨立德作曲:陈小霞编曲:王豫民他不爱我牵手的时候太冷清拥抱的时候不够靠近他不爱我说话的时候不认真沉默的时候又太用心我知道他不爱我他的眼神说出他的心我看透了他的心还有别人逗留的背影他的回忆清除得不够乾净我看到了他的心演的全是他和她的电影他不爱我尽管如此他还是赢走了我的心</t>
  </si>
  <si>
    <t xml:space="preserve">孩子出生4个多月了,还不到10斤孩子出生时是4斤6两，4个多月过 </t>
  </si>
  <si>
    <t>发育特点    (1) 体重：男婴约6.93千克，女婴约6.24千克；    (2) 身长：男婴约63.35厘米，女婴儿 约61.53厘米；    (3) 头围：男婴约41.25厘米，女婴约39.90厘米；    (4) 胸围：男婴约41.75厘米，女婴约40.05厘米；    (5) 坐高：男婴约41.69厘米，女婴约40.44厘米。是不是吃的少,还是缺钙,宝宝从满月开始就要补钙，　　婴儿四个月后，单用母乳喂养已不能满足所需的全部营养，尤其是钙和维生素，因此适当地增加些易于消化吸收、营养丰富的辅食，是很有必要的。下面介绍几种辅食： 蛋黄：蛋黄含有丰富的蛋白质，脂肪、钙、磷、铁、核黄素等营养成分，有助于宝宝大脑、骨骼、肌肉和神经细胞的发育。做法是，将新鲜鸡蛋煮熟，取出蛋黄置于小勺中捣成泥状，开始每天喂半个，根据宝宝的吸收情况，可逐渐增加到每天喂一个蛋黄。 菜泥：取适量的新鲜无农药污染的绿叶蔬菜，去掉菜筋，和菜汁一起放入锅中，加适量的植物油与食盐，煮熟，即成菜泥，晾温后，可用小勺喂宝宝。菜泥含有维生素和矿物质，有助于消化。 鱼泥：取适量无皮、无骨的活鲤鱼或鲤鱼肉，加入适量的植物油和食盐，煮熟，捣成泥状，晾温后喂宝宝。鱼类含有丰富的蛋白质，钙、磷、铁，并且易消化。 肉末：取适量的新鲜瘦肉，洗净切成末，加盐和调料，蒸熟或炒熟，每隔3—5天喂一次。瘦肉中含有动物蛋白质多，脂肪少，易被宝宝吸收。 肝泥：取孪手砀位蚣Ω?0—80克，洗净剖开，加入粥内或细面里煮熟，晾温后喂宝宝，常喝骨汤能促进小儿骨骼发育。 胡萝卜汤：取新鲜胡萝卜150—200克，洗净，切成大块，放入锅中煮烂后，用漏勺捞出，挤压成糊状，再放回原汤中煮沸，用白糖调味，每隔数天喂一次。胡萝卜含有多种氨基酸以及丰富的维生素A，对组成人体骨骼，神经细胞，血红细胞有重要作用。 厦门莲花妇产科 林棣</t>
  </si>
  <si>
    <t xml:space="preserve">吃什么能把人体的油脂去掉？ </t>
  </si>
  <si>
    <t>什么也不吃最快！油脂和脂肪不同，油脂是黏附在消化道上的，俗称板油，饥饿时人体首先消化消化道油脂。皮下脂肪需要长期提高肌肉发热量来解决，就是多参加运动。这点也揭示了为什么女人吃的不多，但肉还是很松的原因。运动少了。</t>
  </si>
  <si>
    <t xml:space="preserve">请问骑士和魔法师转神转什么最好？请问骑士；猎人和魔法师转神各转什 </t>
  </si>
  <si>
    <t>现在的情况看 战士方面转怒D比较好 猎人同样转怒D 当然也可以转猎人 法师还是转魔D吧 节约装备钱</t>
  </si>
  <si>
    <t xml:space="preserve">如何坐月子？各位爸爸妈妈或是准爸准妈请进。由于种种原因，我得自已 </t>
  </si>
  <si>
    <t>现在先准备点婴儿用品：如尿布、尿片、小毛巾、爽身粉、沐浴用品、奶瓶、干净的小被褥和新生儿的小衣物、婴儿床、大浴巾。另外准备产妇用的卫生巾、吸奶器、收腹带等。坐月子应注意加强营养多吃如蛋、鱼、虾、肉、豆制品及新鲜蔬菜等，特别要多喝汤水。产妇可洗澡，但不要盆浴，以防阴道发炎，注意外阴清洁。保持良好的环境，常开窗，保持空气新鲜。产后42天内禁止性生活，剖腹产三个月禁止性生活。产妇不要碰冷水，不要对着风吹。照顾宝宝要随时观察宝宝的动作、气色、神态、哭声、饮食、睡眠和大小便等，及时帮宝宝更换尿布。爸爸要帮忙照顾宝宝，给小孩换尿布、哄睡觉、洗衣服、尿布等。祝你宝宝健康！！！</t>
  </si>
  <si>
    <t xml:space="preserve">为何46亿年尚不足以冷却整个地球？地热的能量来源是什么？地球内部 </t>
  </si>
  <si>
    <t>sun还在，这是主要原因</t>
  </si>
  <si>
    <t xml:space="preserve">清泉老师,0366如何操作清泉老师，您好！601588已被套，是 </t>
  </si>
  <si>
    <t>601588 逢低可补仓.600366 明天有5%以上的冲高时,可减半仓操作.</t>
  </si>
  <si>
    <t xml:space="preserve">恋爱中男友没有告诉父母亲!这种恋爱可靠吗恋爱一年了,男友都没有告 </t>
  </si>
  <si>
    <t>要看情况,有的男孩子什么事情都闷在心里,和父母沟通不多.不到要结婚的时候不会跟父母讲;如果是这种情况就与他和你的感情是否可靠无关,你也就不要太担心,但可以和他侧面讲.如果他不是内向性格,也不是过于独立那种;不仅不告诉他父母,也不太想见你的父母,那你就要当心了.如果人品没问题，还有一种可能:他对你们的恋情不是很有把握,在谈婚论嫁之前,不想扯到双方家庭;想完全定下来再说.所以,现在不要盲目担心,看看他属于哪种情况.可以尝试或者提议双方见家长,看他什么反应,再去判断.要结合他平常的性格等来分析,不要轻易往坏处想.在乎一个人不要表现太明显,更不要挂在嘴边;别给人家压力,同时女孩家要稍微矜持点,这样反而显得有魅力些.祝你爱情美满!</t>
  </si>
  <si>
    <t xml:space="preserve">请问用兽族究竟是好定晤好，现在战网的人多数都用不死和夜精！点解 </t>
  </si>
  <si>
    <t xml:space="preserve">WCG2004已经落下了帷幕，其结果相信也不用我在这里废话了。但是正由于这次的比赛结果，让我们重新看到了一个强悍无比的种族，同时也是一个被遗忘了很久很久的种族—ORC。这个种族是笔者接触War3以来所看到的最跌荡起伏的种族，也是给人最多思考和想象的种族。因为它那多变的兵种配合，因为它那强悍勇猛的战斗风格，因为历代达人苦思冥想后创出的“无敌”战术，因为……因为很多原因，所以笔者想在这里对这个让无数铁杆FANS既爱又恨的种族从ORC时代开始直至现在的主流战术作个小小的整理，但笔者的水平有限，所以有遗漏或错误的地方还请各位看官多多指教。ROC时代　萨满和巫医的天下　对于很多和我一样从WarCraftIII:ORCv1.00时代就开始接触魔兽3的玩家来说，一定不会对ROCv1.05以前曾经红极一时，被从高手至菜鸟无数玩家使用，并百试不爽的ORC三英雄+大师级萨满+大师级巫医的战术陌生吧。　就是因为这个战术，使无数ORC玩家春风得意，更使当时无数非ORC玩家骂声不绝。究其原因，正是因为这个战术那巨大的破坏力。当时，ORC的基地升级所耗费的木材只有区区的90而已，可以说是想什么时候升就什么时候升。同时，当时英雄的攻击型态为普通型，就是因为这个设定，导致了ORC的剑圣可以凭着1级的分身术轻松清理“老死的神庙”—LostTemple中央泉水左上角和右下角的Creeps。　可以快速清理Creeps就意味着英雄可以比对手拥有更多的经验，也就意味着更高的等级。这个设定成就了剑圣和NE的恶魔猎手成为当时最可怕的两个英雄。而当时ORC的地洞和了望塔都是城防甲，拥有众多地洞的ORC基地简直可以说是生人勿近，防御力之强可称四族之首。　到了三级基地后，三位野蛮人英雄在嗜血术和治疗守卫的支持下，练级的速度更是只能用飞速来形容，更何况当时MF的经验并没有等级限制。到了决斗之时，三位高等级的英雄进有双法配合进攻，退有治疗守卫源源不断补充生命值，有静止守卫阻碍追兵，简直可以说是有恃无恐。　但是这个战术太强了，强得令这个经典的简直快要变得索然无味，也强得让Blizzard下定决心将其根除，因为Blizzard不允许有无敌的战术和无敌的部队出现。于是，萨满那穿刺型的攻击改了，改成了一种叫魔法的攻击型态；萨满那高达20多的攻击改了，因为Blizzard认为，作为一个法师就该本本份份地做好本职工作，而不应该去抢战士的饭碗。于是，ORC第一次从种族的优势颠峰跌了下来，并一度消沉。　急速TR　但是，有人说过：规定是死的，可人是活的。既然双法海已经不再适用，就有ORC达人把目标锁定在ORC那经济又实惠的了望塔身上，想要在那拥有坚固的城防甲和不输AK-47的攻击速度的了望塔上作点文章。　了望塔既可以快速进行零损伤MF，让英雄在初期就可以MF高等级Creeps，用有高等级宝物，又可以对对手进行压制，真可谓是进可攻退可守。于是，一时间从BN到HF，战场上箭塔林立，箭矢的破空之声不绝于耳，毫无防备的玩家一个个落荒而逃。这个战术就是在很长一段时间内在初级玩家心目中一段挥之不去的阴影--TownRush。ORC再次重现辉煌。同时，就在ORC的TR战术风行一时之时，HUM和NE纷纷闻风而动，并形成了不同的TR风格。　NE由于远古守护者的攻击力和攻击方式实在过于“疲软”，于是NEer就改T为B，而BB那超高的攻击力，可移动可吃树补HP，坐下又可生产部队，击毁时极少的EXP，都成为了NEer选用这个战术的理由。而HUM的TR，建造迅速，攻击强劲，可在短时间内形成较大规模，在心理上给对手沉重的压力，并成就了一代塔王--Deity。　但是，这个战术也是同Blizzard的初衷想违背的，一种作为防御型的建筑被用来进攻是不被允许的。于是，又一次的大修改开始了。TR最强劲的ORC和HUM的箭塔防御模式不再是城防甲，ORC的地洞也不再是城防甲。当然，NE也是在劫难逃，老树站起来后也不再是城防甲。没有了对于非攻城单位拥有强大防御加成的的城防甲，TR的实用率直线下降，不久就退出了主流战术的行列。飞龙在天就在TR战术潮起潮落不亦乐乎的时候。有另一批ORCer正在一边冷眼旁观。因为他们是属于战斗型的ORCer，对于TR战术并不是太在意。所以在TR玩家为Blizzard的改动呼天抢地，为TR战术的逝去心痛不已的时候，他们却好象事不关己般悠然自得。因为他们使用的是另一种更为主动的战术，一种直至今天间或还可遇到的ORC唯一可贯穿整场战斗的游击战术--双足飞龙海。说句实话，作为一个飞行单位，双足飞龙并不是很强的一种单位。这个单位的攻击并不很高，血量更是可以用贫瘠来形容，但其唯一可贵的就是速度。是的，正是速度。ORC这个种族总体来说沉稳有余，而灵活不足。简单地来讲就是ORC的绝大部分兵种的移动速度都不快。战场上，形势瞬息万变，谁拥有更强的的灵活性，谁就更能把握住战场的主动性。而ORC欠缺的就是这点。双足飞龙的灵活性在别的种族或许不值一题，但在ORC，真是十分难得。于是就成就了ORC的快攀科技，双兽栏暴双足飞龙的战术。这个战术的要点在于初期，也就是ORC的基地攀到三级以前，利用ORC英雄的强大骚扰能力，对对手的经济或英雄等级进行压制。到后期，利用飞龙的高机动性既可以快速MFCreeps以提升英雄等级，也可以绕到对手的金矿后方，将骚扰进行到底。前期的英雄骚扰对操作有一定要求，同时，还要保证自己基地内部有足够的防御措施。这些，对于刚刚上手的玩家可能有一定的难度，但对于稍稍熟悉这个游戏的玩家来说却是不难办到的。于是，这个战术在当时于TR流并列为ORC的两大主流战术。在Blizzard对ORC再一次“痛下杀手”前，这个战术一直持续着，也艰难地维持着ORC越来越微弱的优势。狼骑奔袭在快要结束对ORC在ROC时代的战术回顾之前，我还要提一下ORC在ROCv1.06时的另一个战术。由于当时有两大主流战术的存在，这个战术并没有被很多人所使用。同时，由于这个战术的局限性和危险性，也没有被列为主流战术的资格。但是，这个战术却极富创意，同时，又秉承了ORC那强悍的战斗风格，所以我想在这里对其稍微提一提。这个战术可以说是StarCraft时代Zerg族5农民放狗的改进版本。那就是ORC的快暴狼骑战术。在快攀科技到二级主基后放弃常用的双足飞龙，而选用在二级基地时就可以生产的狼骑，在研究了主基地里的掠夺术和本身的诱捕网技能后，由英雄带队直接RUSH对手的主基，由于狼骑属于攻城型攻击，在拥有了6~8条狼骑后可以在极短的时间内将对手的基地K.O。但是，由于狼骑在近战中的劣势，所以这个战术只能是出其不意，一旦战术被对手识破或是对手可以艰难得熬过前期，到了后期，使用这个战术的ORC会异常被动，因为那个时候的ORC要科技没科技（钱全用来买宝物了），英雄要等级没等级（没时间也没能力去MF）。所以，这个战术只能算是ROC最后的时期中ORC战术的一个小插曲罢了。适合那些追求刺激的玩家。：）TFT时代大家可能看了以上的这些个战术会发现，在ROC时代，ORC的战术总是围绕着一个主题展开的，那就是科技。从双法到飞龙再到狼骑，没有一个不是以科技为主导的。所以说，ORC是一个高科技的种族。只有科技才是ORC战术的灵魂。转眼已经到了TFT时代。这个时代，ORC的日子不再好过。为什么？因为ORC不能再快攀科技了。ORC是一个缺木材的种族，偏偏Blizzard为了打消ORCer们快攀科技的念头，在TFT一始就对ORC进行了一系列的修改。然后，ORC就不断地处于种族的低谷。BN排行榜上前十名没有ORC玩家的名字，一段时间内甚至快有销声匿迹的趋势。而这段时间里，ORC也不再象ROC时代那样经典战术纷呈了。现在的ORC战术更趋于全面。更强，更稳，更实用是现在ORC战术的中心思想。所以现在的ORC战术属于多兵种联合作战，而没有很明确的暴兵的倾向。一个完美的ORC兵团应该是由各个兵种组合而成的。虽然，不再有既定的战术，但ORC却有了一种灵魂的兵种，那就是狼骑。是的，就是狼骑。但是它不再作为主战的兵种，而是作为一个限制对方行动的兵种存在。再配合物美价廉的速度卷轴和新英雄暗影猎手的妖术，组成了完美的猎杀组合。所以，无论现在ORC有什么战术，几乎都有狼骑的身影出现。转眼到了TFT的v1.17，由于4K.Gurbby的出色表现，又开始有很多玩家把注意力集中到了这个曾经的王者身上。ORC沉寂了太久了，作为一个勇猛无畏的种族，在长久的沉寂过后势必会以强劲的势头再次崛起。这是一个混乱的时代，没有不败的种族，有的只是更强的战术。所谓乱世出英雄，而每一个玩家都可能成为英雄，这或许就是WarCraftIII的魅力所在吧。   </t>
  </si>
  <si>
    <t xml:space="preserve">别克GL8冷却液何时换？别克GL8冷却液说明书上说5年或2400 </t>
  </si>
  <si>
    <t>最好是每2年\40000KM?Q1次</t>
  </si>
  <si>
    <t xml:space="preserve">关于马的技能领悟？我的马儿亲密度2000了，为什么还没技能？ </t>
  </si>
  <si>
    <t>每个人的马都会在亲密度到达1000，2000的时候学会技能，但不是肯定就能学会，我的云龙湖号，在1000的时候学会过技能，2000的时候又学会了一个。但我在普鸵山的新号里，亲密度到达1000就没学会任何技能，现在都快1300了 也没学到一个技能。所以说这个就是看点子，但在你到达2000的时候肯定会学会技能的。等待吧！尽量喂好你的马儿！补丁:2000亲密度还没学到技能的人,我劝你们把马杀了.^_^.</t>
  </si>
  <si>
    <t xml:space="preserve">宝宝湿疹那款药最好用呢[疑问] </t>
  </si>
  <si>
    <t>湿疹（俗称奶癣），主要是由于6个月前宝宝的免疫功能未完善，且皮脂腺旺盛，毛孔易堵塞，所以容易长湿疹。属于过敏性的皮肤病（如果有家族过敏史，宝宝长湿疹的机率也会高些和频密些）。一般在宝宝出生3个月内比较常见（易反复好了会再出好了又会再出）常见，一般在6个月时减轻，1岁时多数不会再出。建议可以煲些金银花水或茶叶水（不要用隔夜的茶叶水）给宝宝洗脸。如果是母乳喂养的，建议妈妈的饮食暂时清淡一些。如果湿疹情况严重的话建议带宝宝去看医生。饮用雅培牛奶配方奶粉对湿疹没有影响，如果挑一些易消化的吸收的配方奶粉也有助于减小少湿疹。? 区别于过敏：湿疹多见于面部，持续时间较长。过敏反应除了会长在脸上的红疹外，红疹会长在手背内侧耳背后还可散布于全身，有过敏原接触史，持续时间短，抗过敏治疗有效。? 引起过敏的方面很多：食物、空气中的螨虫、花粉、等。宝宝湿疹的护理方法对患湿疹的宝宝一般采用以下护理方法：? 给宝宝洗脸洗澡时不要用肥皂刺激，如身体、四肢湿疹较重时，暂时不要盆浴，洗后要立即涂药? 给宝宝换上清洁柔软舒适的衣服，枕头要常换洗，衣服被褥均要用浅色纯棉布制作，勿用化纤制品；? 不要使宝宝着冷受热，要躲避冷风，夏季不要暴晒；? 母乳喂养时应忌食辛辣刺激性食物，如辣椒、葱、蒜、酒等；? 宝宝患湿疹严重时要及时请皮肤科医生治疗，家长不要随便给宝宝涂药，以免加重过敏。一般湿疹经治疗后容易好转，但也容易复发，大约到宝宝6个月时就会逐渐减轻或痊愈的。</t>
  </si>
  <si>
    <t xml:space="preserve">苹果4代手机只有手写没有拼音输入法怎么弄我的手机被在电脑上更新程 </t>
  </si>
  <si>
    <t>在设置-通用-里添加键盘</t>
  </si>
  <si>
    <t xml:space="preserve">怎么申请银行刷卡机？ </t>
  </si>
  <si>
    <t>你想要开的那种刷卡机是银联标志的，也就是说，所有银行有银联标志的卡都能在你那刷卡，开办这种刷卡机是有条件限制的，你到任一银行都可以申请报装银联的POS机，不过，最好是到你经常存取钱的银行，那样子人熟好办事，如果你有对公账户更好办，没有的话等报装审批下来了再开也行，装POS机银联方面是要收取那些设备的押金的，好像是要交1000块，也就是说，如果那些机具有人为损坏的话就用来赔偿，好了，机子装好了，客人刷卡的话，你每刷100块是要交一定的费用给银联的，费率是按不同行业来定的，最高的是餐饮，百货在话我们这的客户说是100块就要交1。2块的手续费，客人来多了，手续费也很快赚回来了，我是很赞成商家报装刷卡机的，起码不用担心收到假钱，也不用烦零钱，客人也喜欢，现在银联和各银行都用刷卡有积分来让客人多刷卡，而且，刷卡花钱感觉没用给现金那样心疼</t>
  </si>
  <si>
    <t xml:space="preserve">更年期需要注意的有哪些？ </t>
  </si>
  <si>
    <t>更年期也就是围绝经期，是指卵巢功能开始减退到绝经后一年之间大约持续3—5年的阶段，通常出现在45—48岁。会出现潮热，易怒,失眠,阴道干涩/性交困难,皮肤萎缩,关节痛等。围绝经期的远期危害包括骨质疏松骨折,心脑血管疾病,老年痴呆等。不过您不用太担心了。处在这一阶段的人应该注意补充营养，同时，由于围绝经期症状的主要原因是由于体内雌激素的减少引起的。所以适当补充女性所需雌性激素是必要的。推荐使用由拜耳公司出品的克龄蒙。这是一款专门针对围绝经期女性研发的激素补充的产品。可以缓解围绝经期的不适症状，同时还能预防心脑血管疾病和骨质疏松。祝您健康</t>
  </si>
  <si>
    <t xml:space="preserve">异地手机话费充卡问题?请问移动的充值卡是全国通用的吗?比如说在湖 </t>
  </si>
  <si>
    <t>标准神州行可以全国充值，其他的号码可以通过银行代收话费，前提 是你的银行卡和手机号码同时绑定才有效，全国通用，也就是手机银行。否则只能在省内用使用，</t>
  </si>
  <si>
    <t xml:space="preserve">女朋友不要我了事情是这样的，昨晚因为她忘记带钥匙所以来我这睡，我 </t>
  </si>
  <si>
    <t>等过段时间,你女朋友冷静下来再说吧.</t>
  </si>
  <si>
    <t xml:space="preserve">网恋有结果吗？ </t>
  </si>
  <si>
    <t>有结果的很少！</t>
  </si>
  <si>
    <t xml:space="preserve">暧昧？爱情？和他是在考研占座认识的，似乎他一开始就有意思，慢慢的 </t>
  </si>
  <si>
    <t>他可能是有点自卑，才不敢直接说出他对你的感受。虽然被你强迫说出了自己的感觉、感受，但他还是没有进一步表现。可能是他感觉自己虽然喜欢你，但没有能力给你幸福。所以，在能力范围内满足你。包括离开你，让你开心快乐。而你是因为他对你的好而被感动。但也不代表你爱上他。只是感觉他不错，想给大家一个机会。既然他都选择放弃了，你也应该不要再想他怎样好了。认定大家没有缘分，你就不会多想了。以后假如遇到这种人，多了解他的心里是否有自卑成分。假如有的话，你需要帮他建立自信后才好发展。否则，很容易没有结果。所以，没有必要想太多了，既来之，则安之。不来之，别理之。相信你以后会遇到很多不同类型的男生。需要你慢慢了解面对的方法和技巧。。</t>
  </si>
  <si>
    <t xml:space="preserve">显示问题`~~急~~急~~急`~完了一个月的机战了`~都好好的` </t>
  </si>
  <si>
    <t>重装一下显卡驱动</t>
  </si>
  <si>
    <t xml:space="preserve">复印纸上的500sheets什么意思复印纸上写着500sheet </t>
  </si>
  <si>
    <t>sheet的意思是纸的一张，sheets是sheet的复数形式。500sheets的意思是500张纸。</t>
  </si>
  <si>
    <t xml:space="preserve">HP和能量罩到了多少级可以畏缩HP和能量罩到了多少级可以畏缩 </t>
  </si>
  <si>
    <t>您好，可缩微化物品：　　  引擎（175级、180级、185级）、货舱（170级、180级、185级）　　  HP组件（177级、180级、185级）、能量罩（178级、180级、185级）</t>
  </si>
  <si>
    <t xml:space="preserve">男人的下面一天硬几次之间是正常的？我的话，早上有时可能两，三次白 </t>
  </si>
  <si>
    <t>正常点的,一般是一天硬2到4次.如果超过了这个范围了,就是不太正常了.一是说明自己过于敏感,二就是只能说自己的自控能力不足,而三就是说你是个非常好兴奋的人.</t>
  </si>
  <si>
    <t xml:space="preserve">博客不能更换模板了。而且发纸条和写留言评论都说验证码有错。其实并? </t>
  </si>
  <si>
    <t>速度“慢”是主要问题。网络越来越慢，新浪系统更是越来越慢，最后形成电脑慢，所以电脑速度慢多数情况是网络慢新浪系统慢和电脑慢兼而有之。1、解决杂乱文件影响（解决恶意软件或插件）。清理杂乱文件有三个方法，一是点网页上的“工具”，点“Internet选项（0）”，在新页面分别点“Cookies（I）”“删除文件（F）”“清除历史记录（H）”、最后“确定”；二是用“磁盘清理”，把鼠标指向程序——附件——系统工具——就显示出“磁盘清理”，所有的盘C、D、E等都要清理（主要是系统盘C）只要显示有文件的，都可以选择清理；三、如果你安有瑞星卡卡上网安全助手，点桌面“瑞星卡卡上网安全助手”，点“系统优化”，点“系统垃圾智能清除”，完毕后效果会更佳。这三种方法，都可以清除正常浏览网页没有保存的所有文件，有用的系统文件和安装保存的文件不会被清理。“整理磁盘碎片”也是改变电脑速度有效的方法把鼠标指向程序——附件——系统工具——就显示出“整理磁盘碎片”，主要是系统盘C，很慢一般要一到两个小时甚至更多时间。2、解决恶意流氓软件和恶意流氓插件影响。恶意流氓软件和恶意流氓插件除少数是躲在自己下载的软件和安装的代码里面以外，主要是自己强行安装进电脑的，目的就是干扰操作系统，影响程序正常工作，用“磁盘清理”清不掉，杀毒软件发现不了，卡卡助手、奇虎360、雅虎助手等凡杀毒软件配置的助手，都可以用系统优化功能、系统防护功能等有效的清除恶意流氓软件和恶意流氓插件，只要经常清理，就可以保证电脑健康。3、去掉添加多余空白面版影响（消除恶意代码）新版本点“设置首页内容”，把首页自己添加的不需要的模版全部去掉勾，“确定”就可以了。如果是老版本（1）、登录新浪自己博客后：（2）、点首页“博客管理”（3）、点“ 制定BLOG模板 ”（4）、在“恢复初始数据”栏点“恢复我的初始模首页”“确定” 显示成功。这时刷新博客，首页恢复到初始，变成新版本。然后再点“设置首页内容”，勾选自己需要的“模版”，“确定”即可。4、杀毒软件和一键恢复经常更新病毒库，升级杀毒，不要让病毒长期存留在电脑里，选择高级设置，发现病毒杀毒，杀不了删除文件、隔离、手动清除等配套杀毒，是电脑不受病毒侵害，保证健康最有效的手段。但电脑遭遇病毒是难免的，为了减少重装系统的麻烦，一定要在装系统时装“一键恢复” 。“一键恢复”就是操作系统备份，一般是装系统时设置，也就是确保操作系统健康。在电脑遭遇病毒无法清除、程序错乱，速度特别慢等严重问题时，任何时候“一键恢复”，电脑就恢复到健康正常的系统，保证正常操作。保持自己的电脑健康，只能是稍微好一点，解决正常操作显示等问题，不能解决根本性的系统慢的问题。</t>
  </si>
  <si>
    <t xml:space="preserve">Mc问题MC掉落的法师装备哪些是垃圾？ </t>
  </si>
  <si>
    <t>在我印象中MC里FS的垃圾没有几个,一般FS在里面全要T1和TY</t>
  </si>
  <si>
    <t xml:space="preserve">现代青年，农村出身，自己创业，申请贷款，无担保无息小额贷款，哪里? </t>
  </si>
  <si>
    <t>1、如果是在农村创业，看看能否申请农行或农信的支农贷款，一般也是需要有人提供联保的；2、如果在城市创业，恐怕不可能直接贷到款的。各家商业银行都不会提供无担保无利息小额贷款。3、如果能够申请一张银行贷记卡，可以作为一种融资渠道使用，即利用贷记卡的免息还款期，一般最长可达50天，透支额根据你的资信、财力证明核定。</t>
  </si>
  <si>
    <t xml:space="preserve">内存不足是什么原因?我打开一个word文档,有158KB,每次当 </t>
  </si>
  <si>
    <t>如果只是编辑word文件，这一定是中毒了，或者office有问题，建议升级杀毒软件并到安全模式下杀毒，不行，就重新安装office办公软件。</t>
  </si>
  <si>
    <t xml:space="preserve">乌龟会冬眠吗？冬天不吃东西吗？会饿死吗？ </t>
  </si>
  <si>
    <t>不会的哦！11月底到3月底 一般都不咋吃东西！ 我家的就这样 每年都是</t>
  </si>
  <si>
    <t xml:space="preserve">刚搬进新的房子,对人体有那些危害?有怎样防护?我前几天刚搬家,是 </t>
  </si>
  <si>
    <t>新盖的房子一般在墙壁等地方会有很多的水分，现在已经到了冬天，这些水气会让人感到很渗的，容易得关节炎，着凉等病。新装修的房子中每天都有中难闻的气味，估计是甲醛，甲醛在建材中危害较大，房间中危害最大的就数甲醛了，人们如果过量吸入甲醛，头发都掉光那是轻的。因此好材料和不好的材料甲醛含量是一个重要指标。   因此人们长说新盖的房子要过一夏再住最好，如果不能过夏，或因为某些原因不得不搬的话，家里这时就不能太省钱了，多买一些或借一些大功率的电暖器，或者蜂窝煤炉等的取暖设备，加大马力将房子烘上一段时间，并且经常打开窗户通风。将房子中的潮气烘掉,甲醛蒸发掉.我听说现在市场上有一种消除甲醛的喷剂，价格不贵，你可以买一些喷一喷。</t>
  </si>
  <si>
    <t xml:space="preserve">当你心情不好时你会怎么样呢,或者说你会做些什么呢?愿意让我分享你 </t>
  </si>
  <si>
    <t>心情不好时就听听歌,看看书！</t>
  </si>
  <si>
    <t xml:space="preserve">江苏的专科有什么好的学校？我是江苏的，今年考试不理想，准备上专科 </t>
  </si>
  <si>
    <t xml:space="preserve"> 45 南京森林公安高等专校 国家林业局 南京市 专科 　 46 连云港师范高等专科学校 江苏省 连云港市 专科 　 47 泰州师范高等专科学校 江苏省 泰州市 专科 　 48 镇江市高等专科学校 江苏省 镇江市 专科 　 49 江苏畜牧兽医职业技术学院 江苏省 泰州市 专科 　 50 江苏城市职业学院 江苏省 南京市 专科 　 51 扬州市职业大学 江苏省 扬州市 专科 　 52 沙洲职业工学院 江苏省 张家港市 专科 　 53 苏州职业大学 江苏省 苏州市 专科 　 54 南通职业大学 江苏省 南通市 专科 　 55 南京工业职业技术学院 江苏省 南京市 专科 　 56 南通纺织职业技术学院 江苏省 南通市 专科 　 57 苏州工艺美术职业技术学院 江苏省 苏州市 专科 　 58 无锡商业职业技术学院 江苏省 无锡市 专科 　 59 泰州职业技术学院 江苏省 泰州市 专科 　 60 连云港职业技术学院 江苏省 连云港市 专科 　 61 无锡职业技术学院 江苏省 无锡市 专科 　 62 民办明达职业技术学院 江苏省教育厅 盐城市 专科 　 63 徐州建筑职业技术学院 江苏省 徐州市 专科 　 64 南通航运职业技术学院 江苏省 南通市 专科 　 65 徐州工业职业技术学院 江苏省 　 专科 　 66 常州轻工职业技术学院 江苏省 　 专科 　 67 江苏海事职业技术学院 江苏省 　 专科 　 68 苏州经贸职业技术学院 江苏省 苏州市 专科 　 69 苏州工业职业技术学院 江苏省 苏州市 专科 　 70 江阴职业技术学院 江苏省 　 专科 　 71 扬州环境资源职业技术学院 江苏省 扬州市 专科 　 72 常州机电职业技术学院 江苏省 　 专科 　 73 江苏信息职业技术学院 江苏省 　 专科 　 74 紫琅职业技术学院 江苏省教育厅 南通市 专科 　 75 南京特殊教育职业技术学院 江苏省 南京市 专科 　 76 江苏食品职业技术学院 江苏省 　 专科 　 77 江苏农林职业技术学院 江苏省 　 专科 　 78 常州工程职业技术学院 江苏省 常州市 专科 　 79 金肯职业技术学院 江苏省教育厅 南京市 专科 　 80 九州职业技术学院 江苏省教育厅 　 专科 　 81 盐城纺织职业技术学院 江苏省 盐城市 专科 　 82 江苏财经职业技术学院 江苏省 　 专科 　 83 健雄职业技术学院 江苏省 　 专科 　 84 无锡工艺职业技术学院 江苏省 无锡市 专科 　 85 无锡城市职业技术学院 江苏省 无锡市 专科 　 86 江苏经贸职业技术学院 江苏省 　 专科 　 87 江南影视艺术职业学院 江苏省教育厅 　 专科 　 88 江苏联合职业技术学院 江苏省 　 专科 　 89 南京信息职业技术学院 江苏省 南京市 专科 　 90 建东职业技术学院 江苏省教育厅 　 专科 　 91 苏州托普信息职业技术学院 江苏省教育厅 苏州市 专科 　 92 应天职业技术学院 江苏省教育厅 　 专科 　 93 无锡科技职业学院 江苏省 无锡市 专科 　 94 南通农业职业技术学院 江苏省 南通市 专科 　 95 南京铁道职业技术学院 江苏省 南京市 专科 　 96 宿迁职业技术学院 江苏省 宿迁市 专科 　 97 苏州卫生职业技术学院 江苏省 苏州市 专科 　 98 常州纺织服装职业技术学院 江苏省 常州市 专科 　 99 盐城卫生职业技术学院 江苏省 盐城市 专科 　 100 昆山登云科技职业学院 江苏省教育厅 昆山市 专科 　 101 苏州农业职业技术学院 江苏省 苏州市 专科 　 102 南京交通职业技术学院 江苏省 南京市 专科 　 103 硅湖职业技术学院 江苏省教育厅 　 专科 　 104 炎黄职业技术学院 江苏省教育厅 盐城市 专科 　 105 南京机电职业技术学院 江苏省 南京市 专科 　 106 南京视觉艺术职业学院 江苏省教育厅 南京市 专科 　 107 正德职业技术学院 江苏省教育厅 南京市 专科 　 108 苏州港大思培科技职业学院 江苏省教育厅 苏州市 专科 　 109 钟山职业技术学院 江苏省教育厅 南京市 专科 　 110 无锡南洋职业技术学院 江苏省教育厅 无锡市 专科 　 111 淮安信息职业技术学院 江苏省 淮安市 专科 　 112 苏州工业园区职业技术学院 江苏省 苏州市 专科 　 113 太湖创意职业技术学院 江苏省教育厅 无锡市 专科 　 114 江海职业技术学院 江苏省教育厅 　 专科 　 115 扬州工业职业技术学院 江苏省 扬州市 专科 　 116 金山职业技术学院 江苏省教育厅 　 专科 　 117 常州信息职业技术学院 江苏省 常州市 专科 　 118 南京化工职业技术学院 江苏省 南京市 专科 </t>
  </si>
  <si>
    <t xml:space="preserve">治疗尖锐湿疣上海哪家医院治疗水平高？ </t>
  </si>
  <si>
    <t>　　您好，每个人的患病情况都不同，患者一定要选择正规的医院进行针对性检查治疗，治疗效果才有保障。上海455医院采用先进的“NK生物细胞免疫排 毒疗法”。“NK生物细胞免疫排毒疗法”主要是从性病的病因病理入手，结合免疫学、细胞生物学、组织工程学、基因学、医疗光学等学科理论，以及 将国际高精尖物理治疗、生物细胞免疫治疗方法融为一体，摸索出一套根治性病的特色疗法，成功地突破传统方法诊疗性病的弊端。传统意义上，疫苗 的作用在于“预防”，而本院研制的新型疫苗着眼于以新颖手段治疗性病，获称“治疗性疫苗”，旨在调动人体免疫系统对病原微生物发起“攻击”， 从根源上快速治疗尖锐湿疣、生殖器疱疹，同时有效激活、重建机体免疫功能，在患者体内生成终身免疫抗体。多年来成功累计治愈数万例湿疣疱疹患 者，无一例复发。</t>
  </si>
  <si>
    <t xml:space="preserve">请大家帮我设计发型我的头发比较硬，剪毛寸，头发不需要任何固定剂， </t>
  </si>
  <si>
    <t>叫发型师帮你设计一下吧，肯定会帮你设计一个很好的发型的。。</t>
  </si>
  <si>
    <t xml:space="preserve">怎么提高初始属性啊，如果是老鹰我要提高他G的初始属性因该和主属性? </t>
  </si>
  <si>
    <t>和副属性才能加攻击初始值</t>
  </si>
  <si>
    <t xml:space="preserve">急，英语翻译1、到1号会议室参加会议及用餐的由此去1楼大堂2、到 </t>
  </si>
  <si>
    <t>1、到1号会议室参加会议及用餐的由此去1楼大堂2、到1号会议室参加会议及用餐请乘坐电梯或走楼梯下至一楼大堂  1.Those who will attend the meeting at the No. 1 Conference Room and have meals go to the lobby on the first floor.     2. Those who will attend the meeting at the No. 1 Conference Room and have meals go down to the lobby on the first floor by elevator or stair.</t>
  </si>
  <si>
    <t xml:space="preserve">很急~~请大家看看这个病怎么治呢？谢谢我们家人得了蛇盘疮在肋上表 </t>
  </si>
  <si>
    <t xml:space="preserve">    蛇盘疮叫缠腰火丹，西医叫带状疱疹，是一种同时损及神经和皮肤的病毒性疾病。    本病多在春秋季节发病，成年人患病多些。发病前常有轻度发热，疲惫不适，食欲不振等全身症状。患部有带索状刺痛，有些疼痛在发病前出现，有的在发病时随着皮肤同时出现，还有的在发病后出现。初步患部皮肤发红，续则出现密集成簇的绿豆至黄豆大的丘疹，迅速变成小水疱。水疱三五成群，集聚一处或数处，排列成带状，呈现疱与疱之间正常皮肤，严重时可出现血点，血疱或坏死。皮损常发生在身体的一侧，按周围神经走向排列，如腰部、胸部、面部。    此病发生在头部的病情严重，常引起剧烈的头痛。可损害眼球各部位，甚至引起失明，病程约2周至4周。    为了使蛇盘疮患者减少痛苦，早日恢复健康，黑龙江中医药大学附属一院皮肤外科栾天庆主治医师向您介绍几种治疗方法：一、内治法：1. 口服中药汤剂龙胆草、黄苓、山桅子、木 通、泽泻、柴胡、当归、生地、甘草、板兰根、大青叶，痛重者加元胡、乳香、没药、水煎，服早晚个1次，忌食辛辣食物。2. 口服阿昔洛韦片，2片/次，日4次。二、外治法1. 水疱未破者，用雄黄酒（雄黄5g、冰片0.5g、白酒100ml）振荡后直接涂于患处。2. 水疱破后者，用四黄膏、青黛膏外涂。3. 水疱不破者，可用三棱针或消毒针头挑破，使疱液流出，以减轻痛苦。</t>
  </si>
  <si>
    <t xml:space="preserve">4.巴西在历届世界杯上总赢球场数？ </t>
  </si>
  <si>
    <t>巴西参加次数:17总场次:87胜:60平:14负:13积分:194进球:191失球:82</t>
  </si>
  <si>
    <t xml:space="preserve">西安做无痛人流手术那家医院好 </t>
  </si>
  <si>
    <t>建议你去当地的妇科医院做这样的医院做人流手术是非常安全的有保障你可以考虑建议您还是可以选择当地的三甲医院或者专科医院检查治疗的，祝您早日康复!建议您去当地的三甲以上的医院，进行无痛人流为好的</t>
  </si>
  <si>
    <t xml:space="preserve">华夏蓝筹贺信还值得持有马华夏蓝筹核心长得太慢了，该不该换掉 </t>
  </si>
  <si>
    <t>时间太短了,应该给它机会的</t>
  </si>
  <si>
    <t xml:space="preserve">这把扇子值多少钱？原始命中320伤害285谢谢 </t>
  </si>
  <si>
    <t>恭喜啊，是７０的极品．价钱不好说，，估计１００万应该没问题</t>
  </si>
  <si>
    <t xml:space="preserve">俱乐部重要的战绩问题第１　在俱乐部比赛后．我发现战绩里的胜负关系 </t>
  </si>
  <si>
    <t>俱乐部系统现在不管是网页还是游戏中都还不能操作</t>
  </si>
  <si>
    <t xml:space="preserve">请教你酸菜鱼的做法？ </t>
  </si>
  <si>
    <t>酸菜鱼的简易烹饪做法：材料：鲜鱼、酸菜鱼调料及酸菜首先菜刀必须锋利而快1、将鱼处理并洗净，然后削薄片。2、油热后，放入酸菜鱼调料翻炒，熟后加入适量开水（以没过鱼为宜），放入削好的鱼片，中火炖20分钟左右就差不多可以出锅了。3、做好的酸菜鱼出锅后将滚烫的油泼入其中表层味道会更佳！提示注意：1、鱼选用新鲜的鲤鱼，草鱼，黑鱼都可以。2、酸菜鱼料本身比较咸，也包含了各种调料，不需要再加盐和其它调料了。祝朋友天天开胃！</t>
  </si>
  <si>
    <t xml:space="preserve">求助内科医生有关胆囊炎的问题今年27岁得胆囊炎两年了但是由于第一 </t>
  </si>
  <si>
    <t xml:space="preserve">大多数胆囊炎的发生，都因胆囊在着结石，阻塞了胆囊管，使胆汁排出不畅，继而发生细菌感染，形成胆囊炎。也有一部分病人，胆囊内并无结石，细菌由肠道或由血循环进入胆囊而形成胆囊炎。胆囊炎的病人由于胆汁成分改变、胆汁浓缩，以细菌和炎性坏死物质为核心，也易形成胆结石，故胆囊炎、胆结石常伴随存在。 胆囊为什么容易发炎? (1)胆囊是胆囊管末端的扩大部分，可容胆汁30～60ml，胆汁进入胆囊或自胆囊排出都要经过胆囊管，胆囊管长约3～4cm，直径2～3mm，胆囊管内粘膜又形成5～7个螺旋状皱襞，使得管腔较为狭小，这样很容易使胆石，寄生虫嵌入胆囊管。嵌入后，胆囊内的胆汁就排不出来，这样，多余的胆汁在胆囊内积累，长期滞留和过于浓缩，对胆囊粘膜直接刺激而引起发炎。 (2)供应胆囊营养的血管是终末动脉，当胆囊的出路阻塞时，由于胆囊粘膜仍继续分泌粘液，造成胆囊内压力不断增高使胆囊膨胀、积水，胆囊壁的血管因此受压而缺血、坏死。当胆囊缺血时，胆囊抵抗力下降，细菌就容易生长繁殖，趁机活动起来而发生胆囊炎。 (3)由于胆囊有储藏胆汁和浓缩胆汁的功能，因此胆囊与胆汁的接触时间比其他胆道长，而且，接触的胆汁浓度亦高，当此时人的胆道内有细菌时，就会发生感染，形成胆囊炎的机会当然也就增多了。 手术治疗胆囊炎的效果如何? 手术治疗胆囊炎，是目前腹部外科最常见的手术之一。全世界每年有上百万的病人要作这种手术，但是手术治疗也不是十分理想的治疗方法，有的术后还会产生并发症，仍有0.5%～3%的病死率。特别是因病情突然恶化而被迫施行手术者，病死率更高。一般来说，手术疗效取决于患者年龄，手术时机。年龄越大，手术时间越晚，效果越差。随着现代医学的发展和手术方法的改进，已使手术安全性和治愈率有了很大提高，术后一般都能取得满意的效果。临床上对于有下列情况者，就要及时选择手术治疗。 (1)临床症状严重，药物治疗无效，病情继续恶化，非手术治疗不易缓解的病人。 (2)胆囊肿大或逐渐增大，腹部压痛明显，腹肌严重紧张或胆囊坏疽及穿孔，并发弥漫性腹膜炎者。 (3)急性胆囊炎反复发作，诊断明确，经治疗后腹部体征加重，有明显腹膜刺激征者。 (4)化验检查，血中白细胞明显升高，总数在20×109/L以上者。 (5)黄疸加深，属总胆管结石梗阻者。 (6)畏寒，寒战，高热并有中毒休克倾向者。 手术治疗急性胆囊炎，其手术方式一般有2种：一是胆囊切除术；二是胆囊造瘘术，造瘘术多用于较晚期的病人，估计难以耐受胆囊切除或者有严重并发症的病人，以引流脓液或去除结石，一般经6～8周，病情稳定后再行胆囊切除术，如全身情况极度虚弱，也可长期安置胆囊造瘘管引流，至经胆管系统造影无结石存在时，可以拔除造瘘管。如果诊断不能十分确定，或合并有心肺等严重疾患者，可待诊断明确或全身状况得到改善后再行胆囊切除术。临床实践表明，发病后48小时内施行手术治疗者，其中15%已有胆囊坏疽甚至穿孔，如发病超过72小时，手术病死率增加，所以一旦出现手术指征应及早手术治疗。 胆囊炎患者的家庭常备药物有哪些? 胆囊炎胆石症患者，常常发病突然，尤其在抵抗力很差的时候，或内心苦闷，精神不振，或暴食暴饮或饱餐以后，常常会出现胸闷、消化不良、恶心、食欲不振等胆囊炎发病的轻度症状，一时到医院求医又十分不方便怎么办呢?可以在家庭中准备一些常用药，一有症状，就可进行自服，缓解症状。如： 口服消炎药： ①氟哌酸：一日3次，每次1～2粒(即0.1～0.2g)空腹口服。 ②红霉素：0.3g，一日4次，饭后服。 ③氯霉素：0.5g，一日4次，饭后服。 ④洁霉素：一日4次，每次1～2粒(0.25～0.5g)。 ⑤灭滴灵(甲硝唑片)一日3次，每次一片(即0.2g)，饭后服，孕妇禁用。 ⑥先锋Ⅳ胶囊：一日4次，每次0.25～0.5g。 利胆药：有胆通、胆宁、胆益宁、胆乐、胆酸钠、利胆酸等，也须备用。 在发病时，可在以上各类药中，选择一种药服用。服前应看说明书，避免错服。如果症状越来越重，就应去医院就诊。 诊断： 胆囊炎早期：可见右胁下时常作痛，伴见舌苔糙垢根厚、质红且干，脉多弦滑而数，大便干结，小溲赤少。此为胆热郁滞，气机不畅，治宜清泻胆热，疏调气机，以缓疼痛。处方：柴胡60g，黄芩10g，旋覆花10g，片姜黄6g，杏仁10g，苏子梗各10g，焦山楂、神曲、麦芽各10g，槟榔10g，鸡内金10g。在治疗期间必须注意饮食调摄，减少食量，以青菜为主，忌食油腻之品，每天早晨必须走路以助消化。 急性发作期：多由慢性胆囊炎转来，临床表现为右胁剧烈疼痛拒按，发热，恶寒，呕吐，恶心，舌苔垢厚，心烦急躁，两脉洪滑而数，大便数日未通，小溲赤热，急以清泻胆热，攻下利胆为治，用大柴胡汤加减：柴胡6g，大黄3g，枳实6g，黄芩10g，半夏10g，郁金10g，杏仁10g，香附10g。 慢性胆囊炎长期不愈者仍需轻泻胆热，增强其消化功能，用药沿清热调肝利胆法：竹茹6g，陈皮6g，半夏10g，蝉衣6g，杏仁10g，莱菔子6g，焦山楂10g，鸡内金10g。 体弱气血不足而消化功能过差者，宜用益气补中、健运缓痛法，并嘱其坚持体育锻炼以期配合治疗。方用：木香6g，砂仁2g，白术10g，茯苓10g，太子参6g，陈皮6g，竹茹6g，黄芪10g，焦麦芽10g，枳壳6g。 胆囊炎经常发作，脉象细弦，舌红口干，又有阴伤阳亢之象者，当用养血柔肝，疏调木土法：当归10g，白芍10g，木瓜10g，生牡蛎20g，香附10g，片姜黄6g，旱莲草10g，女贞子10g。 若阴伤而阳热过亢者，两脉细小弦滑数，心烦口干急躁，夜寐梦多，形体瘦弱，甚则午后低热，当用养血柔肝折热法：金铃子10g，元胡6g，香附10g，旋覆花10g，柴胡6g，夏枯草10g，郁金6g，焦山楂、神曲、麦芽各10g，杏仁10g。 胆囊炎、胆石症的针刺疗法有哪些? 针刺治疗胆道疾病具有解痉止痛、利胆排石、降逆止呕作用，可单独使用，也可配合其他疗法使用。 (1)体针 ①针刺 a. 穴位：胆俞、中脘、足三里、治胆穴、阳陵泉。绞痛加合谷；高热加曲池；呕吐加内关。 b. 针法：选以上穴位2～4个，深刺、重刺，持续捻针3～5分钟，留针30分钟，每日2次。 ②电针 a. 穴位：右胆俞(阴极)，治胆穴，日月，太冲(阳极)。 b. 方法：进针，有针感后接电针仪，使用可调波，强度由弱逐渐加强，以可耐受为度，每次30分钟，每日2～3次。 ③水针 a. 穴位：胆俞，足三里、中脘、治胆穴。 b. 方法：选1～2个穴位，每穴注射当归液或红花液2ml；或10%葡萄糖液5ml，进针有针感后快速推注，每日1～2次。 烟台地区文登中心医院采用体针治疗219例胆石症，排石者185例，占84.5%。该组185例排石者共排1cm×1cm×1cm以上大小结石151块，其中最大为4.5cm×3.5cm，最大横径3.5cm。有的患者在排出同时还排出蛔虫残体及炊帚苗为核心的结石。取穴右侧日月、期门。上腹疼痛较剧和胆囊胀大者用巨阙透腹哀、治胆穴。进针后接电针仪，通电60分钟，每日1次，疼痛重者也可一日2次。同时口服33%硫酸镁40ml。 (2)耳针 ①穴位：肝、胆、脾、胃、十二指肠、神门、交感。 ②针法：选上述反应明显的2～3穴，重刺激，留针30分钟，每日2次。 近年，全国各地多处有人采用王不留行籽、白芥子或菜籽贴压取穴，配合猪蹄等高脂饮食治疗胆石症，有较好的排石效果。 如何运用按摩疗法治疗胆囊炎、胆石症? (1)点、按法：在背部寻找痛点，大多在第九胸椎旁及两侧胆囊穴。用点或按法先刺激背部压痛点3～5分钟，然后刺激胆囊穴3～5分钟。日1次，7日为1疗程。 (2)一指禅推或揉右胆囊穴，阳陵泉，右肝、胆俞以及双侧太冲穴以舒肝利胆。 (3)施掌擦法于两侧胁肋部。 (4)点穴治疗胆绞痛： 病种包括胆囊炎、胆石症。取穴：胆俞(双)。指压，以患者能耐受为度，每次10～15分钟，痛甚酌情增时。再用大鱼际循本穴上下推揉30次。本组100例，显效(疼痛完全缓解)65例，有效30例，无效5例，有效率95%。另设点穴(10分钟)、空白对照组胆囊有功能者各50例，用Aloka-190型超声仪检测胆囊及胆总管最大切面后拍片，结果：两组胆囊、胆总管呈收缩改变分别为45例、42例，扩张分别为2例、5例。两组比较有显著性差异(P＜＝0.01。 (5)特定按摩手法治疗肝内胆管结石： 用扩胸晃法(医者双手搬两肩，膝部抵胆俞穴，向前用力扳晃2～3次)、贯法(医者握空拳轻叩放在百会穴上的一手掌背1～3次)、四指叩击法(根据结石部位分别仰、侧、先仰后侧卧位，自上而下叩击肝区3～5遍，以无痛苦为度)。点按法：点按背部胆俞、肝俞和阿是穴、至阳穴；再点按期门、日月、鸠尾、中脘、阳溪、足三里、公孙、太冲、丘墟，按子午流注法每次取3～4穴，每穴15～30秒，得气为度。每次15分钟，日1次，10次为1疗程。本组36例，用3个疗程，痊愈9例，有效21例，无效6例。 (6)推拿背部腧穴对胆囊炎止痛作用的观察： 本组45例，其中伴肝内胆管结石者3例，胆囊结石3例，胆总管结石1例。治法：均以推拿心俞、督俞、膈俞穴为主。患者取俯卧位，术者用拇指的指腹或大、小鱼际，或用掌根部在穴位上进行按揉，每次10～20分钟，日2次，5日为1疗程。部分患者在背部压痛区结合拔火罐。结果：有效40例，无效5例(均伴有肝胆结石，经按摩后疼痛虽缓解，但维持时间较短)。 (7) 胆石症按摩四法： 第一法：第七至第九胸椎背部压痛点及两侧胆囊穴，用点法或按法重刺激2～3分钟。 第二法：左背部压痛点平面的脊柱棘突作旋转复位。 第三法：沿背部两侧膀胱经用推法治疗，约6分钟，再按胆俞、肝俞、膈俞各1分钟，最后用擦法治疗背部膀胱经，以透热为度。 第四法：在两侧胁肋部用擦法治疗，以微微透热为度，然后施按、揉法于两侧章门、期门各1分钟，以酸胀为度。 参考资料：参考资料：摘自《生理健康网》 慢性胆囊炎 慢性胆囊炎是指胆囊的慢性炎症。是胆囊的一种最常见的疾病。一般多由急性胆囊炎未彻底治愈引起。慢性胆囊炎者，平时可以无任何表现，或只有轻微的类似胃病的一些表现，但常反复急性发作。发作时疼痛难忍，十分痛苦。目前，临床上一般系用手术切除，以求根治。 (一)病因和发病 1．感染性胆囊炎。是最常见的一种。胆囊病变较轻者，仅有胆囊壁增厚，重者可以显著肥厚，萎缩，囊腔缩小以至功能丧失。 2．梗阻性胆囊炎。当胆囊管阻塞(结石等)时，胆汁潴留，胆色素被吸收，引起胆汁成份改变，刺激胆囊发生炎症。 3.代谢性胆囊炎。由于胆固醇的代谢发生紊乱，而致胆固醇沉积于胆囊的内壁上，引起慢性炎症。 (二)病人表现 慢性胆囊炎的病人，临床表现不如急性胆囊炎那么典型，模糊不清，常似“胃病”，如右上腹部隐痛，腹胀(即肚子发胀)，嗳气和厌油腻等消化不良表现，若触模右上腹部(胆囊所在区域)常有触痛感。急性发作时同急性胆囊炎。 (三)家庭养护 若曾被医院确诊为“慢性胆囊炎”的病人，而又经长时期的药物治疗，效果不好，反复发作，应考虑护送病人早日住院手术治疗，以彻底根治。 1.家庭用药 (1)复方柠檬酸胶囊，每次2-4粒，每日3次口服。可以帮助利胆，消食，缓解症状。 (2)利胆药：50%硫酸镁10毫升，每日3次，或去氢胆酸0．25克，或胆酸钠0．2克，每日3次，或利胆素1.0克，每日3次口服。 (3)利胆消炎的中成药，消炎利胆片，4-6片，1日3次口服。 (4)慢性胆囊炎急性发作时，用药同急性胆囊炎的西药治疗。 2．中药及偏方 (1)郁金粉20克，白矾粉15克，火硝粉30克，滑石粉60克，甘草粉10克，研细混合，每服10克，大麦粥汁送下，每日3次。 (1)金钱草20克，茵陈、佛手各15克，栀子10克，甘草3克，水煎服，每日一帖，可长服，也可以每月服药三周，停一周，连续2-3月后停药观察。 (2)陈皮10克，佛手或拧檬(鲜品)、山楂、金钱草各15克。将其中的一种中药代茶饮，每日换一味。用法为：先将中药洗净，加入沸水中一杯或冷水煮服15分钟， 随时喝，随时加入开水。 3．营养和饮食 (1)慢性胆囊炎急性发作时，参照急性胆囊炎的膳食要求。 (2)慢性胆囊炎的膳食，应根据病情给予低脂肪、低胆固醇的半流质食物或低脂肪，低胆固醇的软食。低脂肪：指脂肪总量以20-30克／日为宜，并把这些脂肪总量分在各餐中。低胆固醇：指忌食用含胆固醇较高的食物。如蛋黄，脑，肝、肾及鱼子等，因鱼油中含大量多烯酸，能降低血中胆固醇水平，所以平日可多食用些鱼类食物； (3)蛋白质：蛋白质食用要适量，每日50-70克，足量的蛋白质有利于损伤组织的修复，但过量的蛋白质会增加胆汁的分泌，不利于胆囊炎性组织的修复。 (4)碳水化合物：慢性胆囊炎的病人的热量主要来源于碳水化合物：碳水化合物易消化，利用率亦高。但过于肥胖的人患胆囊炎，同时合并有冠心病或高脂血症时，则需要适当限制碳水化合物的摄入，包括主食及含糖糕点，糖块的摄入，以利于减轻体重。 (5)大量饮水。保持每日1500-2000毫升水量的摄入，以利于胆汁的稀释，减少胆汁滞积。 (6)忌食用刺激性食物或浓烈的调味品。 (7)少量多餐。 (8)避免便秘发生，因其能影响胆汁的排出，所以适当用些含粗纤维的蔬菜和水果。 (9)此外还可采用如下饮食疗法： 金钱败酱茵陈茶：金钱草、败酱草、茵陈各30克，煎汁1000毫升，加白糖适量温服代茶饮。鸡蛋汁黄瓜藤饮：黄瓜藤100克，洗净煎水100毫升，新鲜鸡蛋1个，取汁冲服。萝卜汤：取新鲜萝卜1个，切成小块，适量水，放少许食盐，共煮之，取汁饮用，每周3次服。 4．家庭护理 (1)慢性胆囊炎急性发作时，病人应绝对卧床休息、。 (2)伴有发烧时，除可以用西药降温外，还可采用物理降温，加速散热。 (3)腹痛时，除用止痛的西药外，家人还可以用热水袋在病处作热敷，具有止痛作用。 (四)注意事项 1．慢性胆囊炎急性发作时腹痛严重，并伴有明显的皮肤发黄，呕吐剧烈时，应及时送院治疗。 2．慢性胆囊炎患者平时无症状时，仍应注意饮食，不宜多食用含有脂肪，胆固醇成分过多的食物，以防诱发。 (五)预防常识 1．注意饮食卫生，防止感染发生；当炎症出现时，及时应用有效的抗菌素； 2．合理调配食谱，不宜过多食用含动物脂肪类食物，如肥肉和动物油等； 3.当有肠虫(主要为蛔虫)时，及时应用驱虫药物，用量要足，以防用药不足，蛔虫活跃易钻入胆道，造成阻塞，引起胆囊炎。 </t>
  </si>
  <si>
    <t xml:space="preserve">我是38的西林神使我看2转西林长老以后的魔法技能...请问大家2 </t>
  </si>
  <si>
    <t>穿法袍，不要穿轻装，因为席林本身施法慢回蓝也慢，穿法袍蓝多施法快，席林是辅助，主要就是组队加状态，如果蓝不够施法慢，那么队友和自己的安全就会得不到更好的保障。轻装只是防高一点，但是高的那一点并没有什么用的，所以不是穿法袍最合适。穿C的卡套+卡手有加施法速度的加成，神圣+神圣手套有加防的加成。神圣是C顶。不过我觉得穿卡套就足够用了，加施法速度很不错，还便宜，神圣虽然是顶，只是蓝和防高一些，对施法不是很有用的，而且席林不用去顶怪的，所以防不是特别的重要，如果你有钱的话就换神圣，紧张的话就换卡套，穿到52直接换B。</t>
  </si>
  <si>
    <t xml:space="preserve">是哪些人在支撑着高档酒店的财运？ </t>
  </si>
  <si>
    <t>有钱人与有背景的人!</t>
  </si>
  <si>
    <t xml:space="preserve">有没有可以把英文网站的网页翻译成中文的软件?如果有的话到哪下载? </t>
  </si>
  <si>
    <t>金山快译就不错,不过不要指望能翻译的很完美!百度上或者直接在迅雷资源上搜索一下,很多的,找个破解班的!</t>
  </si>
  <si>
    <t xml:space="preserve">想买一辆6万左右的合资小型车，请老师给推荐几种 </t>
  </si>
  <si>
    <t>可以看一看新奥拓，铃木进口的发动机和变速箱，品质很不错。</t>
  </si>
  <si>
    <t xml:space="preserve">还没到家怎么取返程票还没到家，但是定了2月7号的返程票，应该怎么? </t>
  </si>
  <si>
    <t>你可以把身份证的复印件，邮给亲人叫他们去取，一定要带订票人的身份证。</t>
  </si>
  <si>
    <t xml:space="preserve">有谁知怎样改天堂2游戏密码啊？谢谢啦！ </t>
  </si>
  <si>
    <t>去 ,找个人帐号管理中心,进入,选择修改密码就可以了,当然,前提是你记得你当初申请帐号时填的2个问题的答案,不记得的话,阿门,愿老天保佑你</t>
  </si>
  <si>
    <t xml:space="preserve">请问：明天大盘还会下跌吗？ </t>
  </si>
  <si>
    <t>你好补充大盘无量反抽须防放量急挫虽然大盘还有部分个股活跃，虽然或有政策利好，但在一个趋势基本向坏的市场继续操作，无疑风险远大于机会先休息再等待机会出现吧来日方长我看好春节前走势如果错过了2008年多次反弹的机会，也不必遗憾和郁闷，反而应该高兴宽慰，因为，错过了2008年的多次机会就等于规避了大幅下落的巨大未知风险而保存了实力，保存实力就是最好的赚钱，那么，只须把握好2009年一季度这个大底机会，就足可快慰啦！相信长期苦于并甘于静心忍性静观持币的你、我、他有缘有识的朋友们，届时机遇当前之时当砸锅卖铁倾囊买股勇抄大底。</t>
  </si>
  <si>
    <t xml:space="preserve">吃什么药好？我的嗓子老痒，就是喉结下面几厘米，老咳嗽，总感觉闻到 </t>
  </si>
  <si>
    <t>是慢性咽炎．感冒后会加重．咽部如火烧感．常备点咽炎片和含片吧</t>
  </si>
  <si>
    <t xml:space="preserve">请问香港电影剧本的要求我写了两部的电影剧本,我是住广东的,我想拿 </t>
  </si>
  <si>
    <t>你的??題我看了?状??滋炝?我倘?回答一下我的看法是,你必?了解香港各位?а萆崎L拍那?影片你?”舅v的故事?倌囊活?你就??”炯慕o哪一位?а菘?人家拍不拍?不知道呢,就不要講版?嗔?你只有相信?а菔侵v道德的,相信你的運?饬?你認?槟?祝你好運!補充:?影?”静煌谝话愫玫纳钣闷坊蛘哂耙?產品,后者被抄襲了也不容易被查到,而且抄襲者不止一人而?影?”救绻怀u了或者版?啾磺址噶?那几乎是明目???的,是冒天下之大不違的,而且是很清晰的,?o疑?]事找事形同自己走上被告席,而事??上以全世界的范??碇v也好,?影?”镜陌?啾磺址傅陌咐巧僦稚?退一步講,不管你懂与不懂,你都?艿?版?啾Ｗo法&gt;給予的相等保護,所以你不必太過于?哪愕淖髌繁怀u或盜版至于你希望?⒛??的二本?”灸茉谙愀叟某呻?影的想法,我認?檫?是需要好好想想這?望的可行性究竟有多大?我建議你倒不如??”炯慕o?鹊囟??名?а??他??指點,用你的誠意打?铀??或者寄給香港及?鹊氐呐?а??,你要"突出"你也是女人,看看能否?С龊玫姆??你的?猿至钊烁??繼續努力!</t>
  </si>
  <si>
    <t xml:space="preserve">(脑筋急转弯):请你把九匹马平均放到十个马圈里，并让每个马圈里的? </t>
  </si>
  <si>
    <t>把9匹马放进一个圈中,再套上9个.</t>
  </si>
  <si>
    <t xml:space="preserve">关于舰对地战术巡航导弹的问题舰对地战术巡航导弹一般位于军舰的哪一 </t>
  </si>
  <si>
    <t xml:space="preserve"> 　舰地导弹是指从水面舰艇发射攻击地面目标的导弹。也可攻击海上设施，是舰艇主要攻击武器之一。与舰艇上的导弹射击控制系统、探测跟踪设备、水平稳定和发射装置等构成舰舰导弹武器系统。通常采用复合制导；飞行速度多为高亚音速,少数为超音速。同舰炮相比,射程远，命中率高，威力大；但连续作战能力差。通常由弹体、战斗部、动力装置、制导系统和电源等构成 。舰对地战术巡航导弹一般位于军舰的侧面</t>
  </si>
  <si>
    <t xml:space="preserve">为什么我国青藏高原年太阳总辐射量大,而四川盆地,贵州高原年太阳总? </t>
  </si>
  <si>
    <t>青藏高原纬度比较低，太阳高度比较大，并且这里海拔高度高，大气稀薄，大气的削弱作用很少，因此这里太阳辐射最强，而四川盆地、贵州高原降水多，特别是四川盆地，云雾非常多，阻挡了太阳辐射，因此虽然这里纬度低，但是太阳辐射最少。</t>
  </si>
  <si>
    <t xml:space="preserve">电脑怎么在手机上下载电子书,下载都是压缩文件,怎办? </t>
  </si>
  <si>
    <t>压缩文件那样子上传方便啊,你下载了就在电脑上解压吗,再上传到你的手机上</t>
  </si>
  <si>
    <t xml:space="preserve">急！急！急！谁回答得好给10分！！寻求三首描写春天的古诗。明天上 </t>
  </si>
  <si>
    <t>　　忆江南 　--刘禹锡 春去也,多谢洛城人。弱柳从风凝举袂， 丛兰裛露似沾巾。独坐亦含??春日　 ——（宋）朱熹 　　　　　　胜日寻芳泗水滨， 无边光景一时新。 　　　　　　等闲识得东风面， 万紫千红总是春。 　　今译： 天气晴朗赏花观景来到泗水河畔， 春回大地无穷风光景物焕然一新。 春天的面貌与特征是容易识别的， 这万紫千红全是由春光点染而成。 　　欣赏： 这首诗写出了春天一派欣欣向荣的景色，语言清新，色彩鲜艳，充满了对的热爱之情。 　江南春　　—— （唐）杜牧 　　　　　　　千里莺啼绿映红， 水村山郭酒旗风。 　　　　　　　南朝四百八十寺， 多少楼台烟雨中。 　　今译： 艰难到处是黄莺啼唱绿叶映衬着红花， 依山傍水的小镇里酒旗迎风招展。          《咏柳》        唐            贺知章碧玉妆成一树高，万条垂下绿丝线。不知细对谁裁出，二月春风似剪刀。  描写春天的古诗和描写春天的名句春日迟迟，卉木萋萋。仓庚喈喈，采蘩祁祁。迟迟：缓慢。卉木：草木。萋萋：草茂盛的样子。仓庚：莺。喈喈：鸟鸣声众而和。蘩：白蒿。祁祁：众多。 《诗经·小雅·出车》时在中春，阳和方起阳和：春天的暖气《史记·秦始皇本纪》阳春布德泽，万物生光辉汉 乐府古辞《长歌行》阳春白日风在香晋 乐府古辞《晋白绮舞歌诗三首》阳春二三月，草与水同色晋 乐府古辞《盂珠》春晚绿野秀，岩高白云屯秀：秀丽。屯：驻，聚集。南朝宋 谢灵运《入彭蠡湖口》池塘生春草，园柳变鸣禽变鸣禽：鸣叫的鸟换了种类。两句写冬去春来，鸟儿已经替换了。南朝宋 谢灵运《登池上楼》喧鸟覆春洲，杂英满芳甸覆春洲：落满了春天的沙洲。杂英；各种各样的花。芳甸：郊野。南朝梁 谢眺《晚登三山还望京邑》寄语洛城风日道，明年春色倍还人洛城：洛阳城。风日：春光风物。道：说。唐 杜审言《春日京中有怀》云霞出海曙，梅柳渡江春。淑气催黄鸟，晴光转绿蘋海曙：海上日出。梅柳渡江春：梅柳渡过江来，江南一片春色。淑气：春天的和暖气息。转绿蘋浪：使水中蘋草转绿。四句意谓：彩霞伴着朝日在海面升起，梅花绿柳把春意带过了江面，黄鸟在和煦的春光中歌唱，阳光催绿了蘋草。唐 杜审言《和晋陵陆丞早春游望》不知细对谁裁出，二月春风似剪刀唐 贺知章《咏柳》：“碧玉妆成一树高，万条垂下绿丝线。不知细对谁裁出，二月春风似剪刀。”林花扫更落，径草踏还生唐 孟浩然《春中喜王九相寻》二月湖水清，家家春鸟鸣唐 盂浩然《春中喜王九相寻》闻道春还未相识，走傍寒梅访消息唐 李白《早春寄王汉阳》寒雪梅中尽，春风柳上归唐 李白《宫中行乐词八首》东风随春归，发我枝上花唐 李白《落日忆山中》东风洒雨露，会人天地春唐 李白《送祁昂滴巴中》咸阳二三月，宫柳黄金枝唐 李白《古风》春草如有情，山中尚含绿唐 李白《金门答苏秀才》时有落花至，远随流水香唐 刘?Y虚《阙题》飞雪伴春还，善庭晓自闲唐 刘?Y虚《积雪为小山》道由白云尽，春与青溪长意为：道路被白云遮断，春景与青青的流水一样绵延不断。唐 刘?Y虚《阙题》芳树无人花自落，春山一路鸟空啼唐 李华《春行即兴》</t>
  </si>
  <si>
    <t xml:space="preserve">7个月的孩子自制辅食我的宝宝7个多月了，近来发现她不爱吃单一的米 </t>
  </si>
  <si>
    <t>你可以把胡萝卜和苹果切成小小块，和米放在锅里，像煮稀粥一样，不要太多，够吃一顿就可以了。你还可以买点儿童吃的肉松和米放在一起煮成稀粥给他吃。</t>
  </si>
  <si>
    <t xml:space="preserve">如何给电脑中的文件加密 </t>
  </si>
  <si>
    <t>目前只能用文件夹加密，可以用加密软件，但要记住密码</t>
  </si>
  <si>
    <t xml:space="preserve">游戏不能玩为什么我下载完了他说不能玩我有下载一个最新版本的还是说 </t>
  </si>
  <si>
    <t>从网上下载个'QUARTZ.dll'，拷贝的你的系统目录下，然后再运行看看游戏能不能玩</t>
  </si>
  <si>
    <t xml:space="preserve">从1加到100还有什么比较快的算法嘛1+99。2+98。3+97 </t>
  </si>
  <si>
    <t>直接使用等差数列的求和公式,Sn=n(n+1)/2=100*101/2=5050.</t>
  </si>
  <si>
    <t xml:space="preserve">80年代赛应该买什么车?不知道应买什么车? </t>
  </si>
  <si>
    <t>在80的旧车中心买R32，然后改一下就可以了</t>
  </si>
  <si>
    <t xml:space="preserve">犬夜叉中的疑问？大家都知道，铁碎牙上布有结界，妖怪是无法碰的，可 </t>
  </si>
  <si>
    <t>我一直怀疑铁碎牙是否是有思维的，你的问题正好证明了这一点~~</t>
  </si>
  <si>
    <t xml:space="preserve">为什么不给我称号了!!!急于知道我的称号刚到欢喜的慈雨,但是跟银 </t>
  </si>
  <si>
    <t>烧技能去呀，在砍练上一个月就给你了</t>
  </si>
  <si>
    <t xml:space="preserve">有没有步战外挂近程防空导弹的 </t>
  </si>
  <si>
    <t xml:space="preserve">楼上的不贴切，63式就算装了双联装14.5毫米机枪也只能算重火力装甲人员输送车。看看美国人给真正的步兵战车加装防空导弹的例子吧。  M6“布雷德利一前锋”（Linebacker）防空系统——其特点是去掉M2步兵战车上的“陶”式反坦克导弹发射器,换上四联装“针刺”地空导弹发射架制成。其他武器不变。实际上它相当于俄罗斯发展的2S6一类的弹炮合一系统,成为中近程防空的利器,可用来打击包括武装直升机、低空飞行的飞机以及巡航导弹一类目标,也可攻击地面目标。首批M6已于1997年交付美军,美国陆军的总需求量约200辆。 </t>
  </si>
  <si>
    <t xml:space="preserve">魔忍穿怎样的装备请问各位大侠，100级的魔忍该怎样配装备？越详细 </t>
  </si>
  <si>
    <t>帽子（火）：普F20+（A1）减冰属性(A2)；衣服（木）：电F20+血内100+；项链（木）：电F20+血内100+；武器（火）：内火100+（A1）减冰属性(A2)；护手（金或土）：毒F20+或冰F20+血内100+；玉配（金或土）：毒F20+或冰F20+血内100+；上戒（土）：冰F20+血内100+；下戒（水）：火F20+血内100+；腰带（水）：火F20+（A1）减晕属性（A2）；鞋子（土）：跑速30+%冰F20+。</t>
  </si>
  <si>
    <t xml:space="preserve">燕子老师帮忙下都说大盘要调整你怎么看，真调整的话我手里的6001 </t>
  </si>
  <si>
    <t>600162:受到市场关注,走势强于指数；从交易情况来看，明日仍有顺势下跌可能。近2日上涨势头减弱；该股近期的主力成本为8.39元，股价在成本区上方运行，可保持部分仓位；股价周线处于下跌趋势，阻力位8.93元，中线持币为主；本股票大方向依然乐观.000541:近两周内缺乏资金关照；从一天盘面来看，盘中抛压仍大。最近几天要观察下跌能否持续；该股近期的主力成本为8.70元，股价脱离主力成本区，可密切关注；股价突破7.18元，周线有形成上涨趋势可能；此股长线看仍是牛市.</t>
  </si>
  <si>
    <t xml:space="preserve">中国国庆节最主要的庆祝方式有哪些？ </t>
  </si>
  <si>
    <t>阅兵式                                                                                           .</t>
  </si>
  <si>
    <t xml:space="preserve">Win32/Trojan.这个病毒用什么杀软清除？这个病毒有这几 </t>
  </si>
  <si>
    <t xml:space="preserve">推荐使用对付木马比较强的瑞星杀毒软件。 </t>
  </si>
  <si>
    <t xml:space="preserve">怎么让女孩爱上你我现在在网上认识一女孩。可她老说她有男朋友，不接 </t>
  </si>
  <si>
    <t>不现实的事就放弃！</t>
  </si>
  <si>
    <t>买什么手机好月收入2000</t>
  </si>
  <si>
    <t>月收入2000-3000左右,建议还是买款2000以下的手机，手机毕竟不能算是生活的直接必需品吧？htc或者一些大点儿品牌的机子都有这个价位的主流机型。</t>
  </si>
  <si>
    <t>初一数学，请教二！解方程：｜x+4|</t>
  </si>
  <si>
    <t>解:①当X&lt;-4时,原式为 -(X+4)+(X-2)=X+1                      X=-7,符合Ｘ＜-4,成立   ②当-4≤X≤2时,原式为 X+4+(X-2)=X+1                         X=-1,符合-4≤X≤2,成立   ③当X&gt;2时,原式为 X+4-(X-2)=X+1                    X=5,符合X&gt;2,成立  综上所述,Ｘ＝－７，X=-1或X=5这个方法繁了点,不过是最基本的,在解这种两边都是绝对值的不等式时也可以用.</t>
  </si>
  <si>
    <t xml:space="preserve">我跟老公又吵架了我跟老公刚刚拥有一个很可爱的儿子，才六个月大。我 </t>
  </si>
  <si>
    <t>每对夫妻吵架的时候都会都一些伤害对方感情的话．因为人气愤的时候确实很难理智的控制自己的情绪．如果你认为他是爱你的，就不要总记着这些伤感情的话了，跟他说说你的感受，让他明白你很爱他，而他的言语又的的确确伤害到了你．希望以后不要再这样，用真情感动他．希望你们幸福美满！</t>
  </si>
  <si>
    <t xml:space="preserve">请问清泉老师600598该如何操作？谢谢！ </t>
  </si>
  <si>
    <t xml:space="preserve">企业开展的问题管理与合理化建议有何区别? </t>
  </si>
  <si>
    <t>“问题管理”的概念是用友集团企业管理研究所所长喻文益博士提出的。他认为问题管理最重要的特征在于：　　第一，它是在拓展全体员工的思维深度，而不是对现状不闻不问；　　第二，它把由经理人士和其他管理人员执行的管理变成了全员管理；　　第三，它造成了一种危机意识，人们不仅要对自身的岗位提问题，还可以对企业的所有生产经营管理和其他方面提问题；　　第四，它将问题的发现变成一种经常性的活动和制度，而不是一时兴起的冷热病；　　第五，它将由管理者进行的管理降到了办公、生产、营销、后勤等第一线的前沿，使管理的层次扁平化了；　　第六，问题管理强化了所有领导和普遍员工的权责意识，培养了责任心；　　第七，人们常常为自身的学识与见识所局限，为思维定势所左右、为体能惰性所埋没，问题管理力促人们超越自我，给组织带来活力，又极大地降低了组织风险等 而"合理化建议"不仅仅是提出问题,而主要是提出解决问题的方法和设想.</t>
  </si>
  <si>
    <t xml:space="preserve">请问什么时候才开华夏免费版的新区　　好象玩华夏免费版的游戏｀可是 </t>
  </si>
  <si>
    <t>官方消息:10月31号  开电信19区</t>
  </si>
  <si>
    <t xml:space="preserve">电脑被累打坏了 </t>
  </si>
  <si>
    <t>嗯嗯。。 楼主可以把电脑加上电   然后按“power”键   看看“硬盘灯”或者“风扇”转不？？然后拆下机箱挡板   把内存拔掉看看会不会发出什么声音如果上面第一步无指示灯闪烁  无风扇转   你大约的情况   应该是电源烧了  或者主板烧了如果有的话   我再跟你说怎么做。。。 嫌自己弄麻烦  就送修咯。。 呵呵。。 你的描述不是很清楚哦</t>
  </si>
  <si>
    <t xml:space="preserve">问一下有关盗贼的问题1）盗贼怎么加点的？2）该学哪些技能？3）其 </t>
  </si>
  <si>
    <t>由于现在出了5衣服.所以建议盗贼还是加点攻.以免被B4.否则在练级中边偷东西还能边杀怪.应该不会有人介意的.加点个人建议大血大敏小攻.加上10级小刀穿5C衣服绝对没人B4.即使是任务也没人B4.经验证.穿上5C衣服即使是拿回力小刀也都不会减少伤害.只要你使用偷窃技能.对方的伤害就是你人本身攻击所产生的数值(包括武器对你本身攻击的影响)就是说带小刀不再是攻击2个目标.只要穿5C衣偷东西.对方产生的伤害将是你小刀+人本身的攻击应该产生的攻击.而不是一般用小刀时的攻击2个目标减少伤害值.(表达能力不强.望看懂..)技能有条件把洁净单补单恢全学上.盗贼技能栏要求不高.盗窃.攻无.迅速(有一定效果).毒击.抗体除盗贼职业外无职业可偷到49蛋.49蛋5级物品.记得忍是到4,兵是到3.所以没职业能和盗贼比偷高级物品了(除改够道具).建议去下个盗贼全书.对盗贼有一定帮助.(我共享里有.免费.)不过盗贼要偷那些49蛋牛斧是十分困难的.要有长期受煎熬的准备.几率太小了.感觉盗贼最好的一点就是能第1时间偷到想要的图鉴.特殊物品心理比较脆弱的请误尝试.</t>
  </si>
  <si>
    <t xml:space="preserve">请问B2型胸腺瘤术后一定要做放疗吗？还有什么可以治疗的方法么？ </t>
  </si>
  <si>
    <t>患者的体质弱吗，肿瘤是全身的病变在局部的显现，所以手术和放化疗都只是消除局部病变 ，得了肝癌并不可怕，怕的是采取错误方法对待肝癌。那些认为得了癌症就必死无疑的看法是错误的。而传统的切除肿瘤不会永久的抑制肿瘤的再生，化疗之法又对人体伤害极大。选择一种正确而无副作用的肝癌三联平衡治疗方法，至关重要！延长生命 提高生活质量</t>
  </si>
  <si>
    <t xml:space="preserve">跪求直播网站我的AC </t>
  </si>
  <si>
    <t xml:space="preserve">你的AC 你来看 新浪直播 </t>
  </si>
  <si>
    <t xml:space="preserve">续约问题！我得续约为什么有只需要100的从来也不涨价 </t>
  </si>
  <si>
    <t>能力1300-的球员，续约都是100。1300+的球员是按1400+、1500+球员的个数决定续约费的。</t>
  </si>
  <si>
    <t xml:space="preserve">关于双刀的问题两把刀的配合有没有什么讲究?比如精灵和重剑的组合跟 </t>
  </si>
  <si>
    <t>两把刀的配合有没有什么讲究?没什么特别的讲究，自己看清楚了合成出来武器的等级就好了，你想合D的合出C的可就不好了。比如精灵和重剑的组合跟精灵和精灵的组合相比有什么优缺点?精灵*重剑就是D顶，精灵*精灵是C级的了。在你没精通C级的时候可不要用C级武器哦D顶的双刀是什么?一把70W的剑和一把100W的剑和出来的就是D顶了。样子款式你随意挑了。现在D顶双刀的市价是多少(我是23服的)?自己做便宜还是买成品便宜?我不是23的，但一般来说D顶双刀的价格应该在170W左右，如果你看市场有人卖算下便宜多少钱，比商店便宜当然买啦，另外，你还可以，在市场买两个武器自己去合也可以。对于骑士拿的双刀和席林拿的双刀D顶是不是一样的?沼泽骑士拿双刀好不好?席林拿双刀怎么样?2转之前没有精通双重武器，起不了什么作用，但攻击力确实比单刀要强，如果你打算转剑舞倒是不妨用双刀打，这样你大可不必学2转之前的精通武器和精通盾，省下好多SP,如果转席琳的话还是用单刀吧。</t>
  </si>
  <si>
    <t xml:space="preserve">怎样才能让新装修后的房间气味消失呢?我新装修房子后屋子里的气味很 </t>
  </si>
  <si>
    <t xml:space="preserve">注意：装修好的居室不可马上入住，要尽量通风散味，但又不能打开所有门窗通风，因为这样可能会给刚施工完毕的墙顶漆带来不利，使墙顶急速风干，容易出现裂纹，破坏美观。 以下方法你可以试一下：1、吸附法(活性炭) 吸附是一种固体表面现象。它是利用多孔性固体吸附剂处理气态污染物，使其中的一种或几种组分，在固体吸附剂表面， 在分子引力或键力的作用下，被吸附在固体表面，从而达到分离的目的。 常用的固体吸附剂有焦炭和活性炭等，其中应用最为广泛的是活性炭。 活性炭对对苯、甲苯、二甲苯、乙醇、乙醚、煤油、汽油、苯乙烯、氯乙烯等物质都有吸附功能。目前市面可见的甲醛捕捉剂能深入人造板材内部对甲醛游离分子产生主动吸附、捕捉并发生反应，一旦反应生成无毒高分子化合物，就永不分解，从而达到迅速有效消除甲醛的目的。 特别提醒：该产品操作简单，喷涂于各种人造板材表面和家具的内壁及背面即可。 价格参考：600ml装的为68元(天韵牌) 2、吸收法油漆味：新油漆的墙壁或家具有一股浓烈的油漆味，要去除漆味，你只需在室内放两盆冷盐水，一至两天漆味便除，也可将洋葱浸泡盆中，同样有效。 居室异味：居室空气污浊，可在灯泡上滴几滴香水或风油精，遇热后会散发出阵阵清香，沁人心脾。 盛器打满凉水，然后加入适量食醋放在通风房间，并打开家具门。这样既可适量蒸发水份保护墙顶涂料面，又可吸收消除残留异味; 买些菠萝在每个房间放上几个，大的房间可多放一些。因为菠萝是粗纤维类水果，既可起到吸收油漆味又可达到散发菠萝的清香味道、加快清除异味的速度，起到了两全其美的效果; 要快速清除残留油漆味，可用柠檬酸浸湿棉球，挂在室内以及木器家具内; 刚装修过的房屋往往有天纳水等各种刺鼻的化工原料气味，把一只破开肚的菠萝蜜(一种形似榴莲的热带水果,但绝不是榴莲啊!!放榴莲可糟了!)放在屋内，由于菠萝蜜个体大(一般有西瓜那么大)，香味极浓，几天就可以把异味吸光; 在房间里摆放桔皮、柠檬皮等物品，也是一种很有效的去味方法，不过它们的见效不会很迅速; 最经济实惠又美化家居的方法当然是在家里摆上合适的花草.可以吸收甲醛的植物有仙人掌、吊兰、扶郎花(又名非洲菊)、芦苇、常春藤、铁树、菊花等；而消除二甲苯的花草则有常春藤、铁树、菊花等; 龟背竹:又名龟背蕉、蓬来蕉、电线莲、透龙掌，常绿藤本植物。花谚说，“龟背竹本领强，二氧化碳一扫光”，它夜间有很强的吸收二氧化碳的特点，比其它花卉高6倍以上。 美人蕉:又名红花蕉、苞米花、凤尾花、宽心姜。花谚说，“美人蕉抗性强，二氧化硫它能降”，它对二氧化硫有很强的吸收性能。 石榴:又名安石榴、海石榴、丹若。花谚说，“花石榴红似火，既观花又观果，空气含铅别想躲”，室内摆一两盆石榴，能降低空气中的含铅量。 石竹:又名洛阳花、草石竹，多年生草本植物，石竹种类很多，夏秋开花。花谚说，“草石竹铁肚量，能把毒气打扫光”，它有吸收二氧化硫和氯化物的本领，凡有类似气体的地方，均可以种植石竹。 海桐:海桐又名宝珠香、七里香，为常绿灌木，夏季开花，叶片嫩绿光亮，四季常青不凋。花谚说，“七里香降烟雾，又是隔音好植物”，它能吸收光化学烟雾，还能防尘隔音。 月季、蔷薇:花谚说，“月季蔷薇肚量大，吞进毒气能消化”，这两种花卉较多地吸收硫化氢、氟化氢、苯酚、乙醚等有害气体，减少这些气体的污染。 雏菊、万年青:雏菊又名延命菊、春菊、小雅菊、玻璃菊、马兰头花。花谚说，“雏菊万年青，除污染打先锋”，这两种植物可有效地除去三氟乙烯的污染。 菊花、铁树、生长藤:花谚说，“菊花铁树生长藤，能把苯气吸干净”，这三种花卉，都有吸苯的本领，可以减少苯的污染。 吊兰、芦荟:花谚说，“吊兰芦荟是强手，甲醛吓得躲着走”，这两种花卉可消除甲醛的污染，使空气净化。 .纳米材料环保工艺画:它在制作过程中，添加了纳米复合材料，其降解机理是在光照条件下，将这些有害物质转化为二氧化碳、水和对人体无害的有机酸。将喜欢的画挂在房间里，即优雅别致，又可净化居室环境，倒是两全其美之策。一般居室、客厅挂一幅画即可，新装修房希望马上入住或污染源严重(多人经常吸烟)，希望多一点空气负离子，也可同时多挂几幅画;希望以上见意对你有所帮助 </t>
  </si>
  <si>
    <t xml:space="preserve">我是猎人我怎么学不了狼的狂怒之嚎？抓一只48的狼带了好久也没教给 </t>
  </si>
  <si>
    <t>把技能改为手动释放，多点几次（在不战斗的情况下也可以），很快就学会了！狂怒之嚎  好象学得要久一点，要有耐心！就用我这招，要快一些！（我学技能都是这样的！）</t>
  </si>
  <si>
    <t xml:space="preserve">帮帮忙！小学低年级英语演讲比赛，什么题目比较好？儿子要参加小学英 </t>
  </si>
  <si>
    <t>可以是“2008年的奥运会等待着我们——英语最重要”。</t>
  </si>
  <si>
    <t xml:space="preserve">特殊较色为什么买不了 </t>
  </si>
  <si>
    <t>应该可以买``是不是你网络问题.建议重开游戏.然后在进行购买.</t>
  </si>
  <si>
    <t xml:space="preserve">学广东话的小窍门怎么可以很快的学会标准的粤语。 </t>
  </si>
  <si>
    <t>多看粤语节目，勇敢开口说，不会说的就问别人，很快就会学会的。</t>
  </si>
  <si>
    <t xml:space="preserve">如何经营宾馆我想从事宾馆管理需求有经验的前辈多多指点谢谢 </t>
  </si>
  <si>
    <t>如果你方便，跟我一起工作，我在上海新时空酒店。用心去关爱每一位客人。赢的客人的赞誉，是所有住过你酒店的客人，都怀念在你经营的酒店里度过的时光。</t>
  </si>
  <si>
    <t xml:space="preserve">屈原真的是弄臣而因爱投河的吗？ </t>
  </si>
  <si>
    <t>屈原，名平,字原，出身于楚国贵族。公元前340年诞生于秭归三闾乡乐平里。屈原自幼勤奋好学，胸怀大志.。早年受楚怀王信任，任左徒、三闾大夫，常与怀王商议国事，参与的制定，主张章明法度，举贤任能，改革政治，联齐抗秦。同时主持外交事务。主张楚国与齐国联合，共同抗衡秦国。提倡“美政”。在屈原努力下，楚国国力有所增强。但是，由于自身性格耿直再加上楚怀王的令尹子椒、上官大夫靳尚和他的宠妃郑袖等人受了秦国使者张仪的贿赂，不但阻止怀王接受屈原的意见，并且使怀王疏远了屈原。前305年，屈原反对楚怀王与秦国订立黄棘之盟，但是楚国还是彻底投入了秦的怀抱。使得屈原亦被楚怀王逐出郢都，开始了流放生涯。结果楚怀王被秦国诱去，囚死于秦国。顷襄王即位后，屈原继续受到迫害，并被放逐到江南。公元前278年，秦国大将白起带兵南下，攻破了楚国国都，屈原的政治思想破灭，对前途感到绝望，虽有心报国，却无力回天，只得以死明志，就在同年五月五日投汨罗江自杀。屈原到了江边，披散头发，在水泽边一面走，一面吟咏着。脸色憔悴，身体干瘦。渔夫看见他，便问道：“您不是三闾大夫吗？为什么来到这儿？”屈原说：“整个世界都是浑浊的，只有我一人清白；众人都沉醉，只有我一人清醒。因此被放逐。”渔夫说：“圣人，不受外界事物的束缚，而能够随着世俗变化。整个世界都浑浊，为什么不随大流而且推波助澜呢？众人都沉醉，为什么不吃点酒糟，喝点薄酒？为什么要怀抱美玉一般的品质，却使自己被放逐呢？”屈原说：“我听说，刚洗过头的一定要弹去帽上的灰沙，刚洗过澡的一定要抖掉衣上的尘土。谁能让自己清白的身躯，蒙受外物的污染呢？宁可投入长流的大江而葬身于江鱼的腹中。又哪能使自己尚的品质，去蒙受世俗的尘垢呢？”于是他写了《怀沙》赋，然后抱着石头，投汨罗江而死。[</t>
  </si>
  <si>
    <t xml:space="preserve">孕妇可以吃西洋参吗 </t>
  </si>
  <si>
    <t>孕妇吃西洋参，主要看有无适应症，即有无气虚之症。如孕妇出现食欲不振、饭后腹胀以及久泻脱肛等脾气虚弱、清气下陷等症状时，可用其配合黄芪、白术等健脾益气药同用，以纠治偏颇；如果孕妇因热病耗伤津液出现口渴不止等症状时，也可用西洋参或太子参配 生地、花粉等药以生津止渴。但是，由于其是一味补气作用很强的药物，一般不用于有实证有外邪的病症。如孕妇感冒初起，或里热炽盛表现为高热、烦渴、甚至谵狂、腹痛拒按、便秘、或有泻秽臭、苔黄腻、脉数有力等，应忌用，以防助热恋邪；如孕妇出现发热、胸胁痞胀、脘腹满痛、恶心呕吐、食欲不振、渴不多饮、大便秘结，或泄泻、舌苔黄厚而腻等湿热病症时，也应忌服，以防助热恋湿热不易除去。</t>
  </si>
  <si>
    <t xml:space="preserve">为什么水稻种子最后几乎都变成了淀粉？我们知道细胞除了水分最多外其 </t>
  </si>
  <si>
    <t>“细胞除了水分最多外其次就是蛋白质了”这说法不很确切，植物体的蛋白质、脂肪、淀粉等营养物质都是植物体重要的营养物质主要贮存在贮藏薄壁组织细胞中，但不同的植物这些贮藏薄壁组织细胞所含的营养物多少是不一样的，有的含有较多的蛋白质，有的则含有较多的脂肪或者淀粉。水稻种子是以淀粉做为营养物质的主要贮藏形式，含有少量的蛋白质和脂肪。</t>
  </si>
  <si>
    <t xml:space="preserve">医疗咨询．紧急！！非恶性淋巴瘤．却行放疗，化疗．各一疗程！对患者 </t>
  </si>
  <si>
    <t>对免疫力伤害较大</t>
  </si>
  <si>
    <t xml:space="preserve">记账凭证汇总表只包括借贷发生额合计，不包括借贷余额栏的合计数是吗? </t>
  </si>
  <si>
    <t>记帐凭证汇总表只是用来登记总帐的，没有余额栏，如果凭证处理没错，且汇总表借贷方发生额相平，还要检查汇总表中是否有录入错误，如果检查无误，就可以登记总帐了</t>
  </si>
  <si>
    <t xml:space="preserve">读什么英语课外书好?读什么课外书可以提高英语成绩,比如说阅读和完 </t>
  </si>
  <si>
    <t>牛津出版社有一套专为中学生出版的名著压缩本，每本都只有100页左右，非常适合中学生阅读，无敌英语新出了一本阅读和一本完形，很不错的。做完型和阅读的时候记得控制好时间。</t>
  </si>
  <si>
    <t xml:space="preserve">中考难题现在很急，请你们详细的解答一下，谢谢谢谢。。。。。。。。 </t>
  </si>
  <si>
    <t>24题 负电，很小</t>
  </si>
  <si>
    <t xml:space="preserve">硅胶隆鼻手术的风险很大吗？ </t>
  </si>
  <si>
    <t>你好，硅胶隆鼻手术效果和安全值得肯定，它本身是一项较安全的隆鼻手术方法。硅胶是安全和效果很好的隆鼻植入材料,经过实验室和临床实验证明硅胶和人体组织相容性好、 无毒无害、可塑性强、不致癌。硅胶隆鼻手术危险性有几分?下只要雕塑的假体与鼻骨紧密贴合，并且假体安放在鼻背筋膜下，手术后假体就不会活动，安全系数是可以保障的。经过反复的改良和实践，发展至今，硅胶隆鼻的安全性已经被人充分肯定，成为市场上主流隆鼻假体之一。但是硅胶隆鼻主要的风险来源于医生的技术以及求美者是否适合。硅胶假体的颜色与皮肤近似，不会有虚假之感的固体硅胶隆鼻材料。此外，硅胶隆鼻，它的特点还有揷入容易，取出更容易，一旦发生感染、排异等情况可及早完整取出，不留任何隐患，因此这种这种硅胶隆鼻材料是目前国际上应用多广的一种。因此，在隆鼻的时候，通过此方法来进行隆鼻的话，术后的效果是不错的。硅胶隆鼻经过近二十年的观测发现，其价格低廉、相容性好、可塑性高、安全性好，所以硅胶就变成了临床的隆鼻材料之一。　假体隆鼻的假体材料除了可以采取硅胶假体之外，还能用自体软骨组织或者异体软骨组织，还可以使用人工代用品。如果是自体组织可以从求美者的自身将组织提取出来，但是提取的时候须要增加新的伤口，所以选择这种方法的人比较少。</t>
  </si>
  <si>
    <t xml:space="preserve">公司的成败兴衰！今天我外面回来打开电脑，想玩一玩彩虹岛，结果被上 </t>
  </si>
  <si>
    <t>狂顶`````````</t>
  </si>
  <si>
    <t xml:space="preserve">问题与思考我们在生活中，经常用到毛细现象来解决问题，试着写出四个 </t>
  </si>
  <si>
    <t>抹布擦水海绵吸水毛笔吸墨水蔬菜叶放在糖罐里,可软化发硬的白糖</t>
  </si>
  <si>
    <t xml:space="preserve">怎样加对方的QQ号码为我的QQ好友 </t>
  </si>
  <si>
    <t xml:space="preserve">首先登录QQ，在QQ面板上点击“查找”，选基本查找&gt;&gt;精确查找&gt;&gt;输入对方的QQ号码&gt;&gt;查找查找到自己的好友后，选择该好友点下方“加为好友”如果对方需要身份验证，你在输入框中证明自己的身份，待好友验证。 </t>
  </si>
  <si>
    <t xml:space="preserve">被判出有期徒刑期，但是没有剥夺政治权利，那这个人在被判的期间能行? </t>
  </si>
  <si>
    <t xml:space="preserve">虽然被判处有期徒刑，但并未被剥夺政治权利的，仍然享有选举权。其选举方式由选举委员会和监管场所共同决定。 </t>
  </si>
  <si>
    <t xml:space="preserve">推算搬家吉日属虎，女单身，四月初九生日，哪天是搬家吉日？ </t>
  </si>
  <si>
    <t>宅主：属虎，四月初九生日阳历2011年6月11～30日除了下面的日子，没有你们可以举行“入宅仪式”（入住）的日子。阳历2011年6月11～30日你们搬家（入住）的最佳吉日：阳历2011年6月12日或6月18日。 分析如下：1、阳历2011年6月12日，农历（阴历）五月十一（戊戌）日15：00～16：59：戊戌日和宅主生肖三合。“入宅仪式”时请生肖属龙的亲朋好友暂时避开。2、阳历2011年6月18日，农历（阴历）五月十七（甲辰）日9：00～10：59、23：00～23：59或凌晨0：00～0：59：甲辰日的禄是宅主生肖。“入宅仪式”时请生肖属狗的亲朋好友暂时避开。阳历2011年6月11～30日适宜你们可以搬家（入住），但对全家人助益不大（无助无害）的日子：阳历2011年6月21日或6月30日。1、阳历2011年6月21日，农历（阴历）五月二十（丁未）日9：00～10：59或19：00～22：59。“入宅仪式”时请生肖属牛的亲朋好友暂时避开。2、阳历2011年6月30日，农历（阴历）五月二十九（丙辰）日15：00～18：59或清晨3：00～4：59。“入宅仪式”时请生肖属狗的亲朋好友暂时避开。搬家的日子通常是指：举行“入宅仪式”的日子，最好在“入宅仪式”前把所有、家具就定位、床、书、衣服、等杂物（锅、碗…）整理好，封门（把门关好），等“入宅仪式”的吉日开门、上香祭祖、开火（点火）或放鞭炮…等，在当天入住。 “入宅仪式”指，在吉日时： 1、在吉日时，开新宅的门。 2、在吉日时，开新宅的门后，准备好祭祖的所有事宜（布桌与祭品）。 3、准备好祭祖的所有事宜（布桌与祭品）后，上香祭祖,是点香祭祀祖先。 4、点香祭祀祖先后，插好香后，香在燃烧时，就可以在空暇时开炉火和烹饪。“入宅仪式”没严格规定要开炉火和烹饪。 5、香火过二分之一，就可以烧纸钱。 6、烧纸钱后，香还在燃烧时，就可以放鞭炮了。“入宅仪式”没严格规定要放鞭炮。 7、“入宅仪式”礼成（完成）。 恭喜乔迁之喜，祝事事大吉。</t>
  </si>
  <si>
    <t xml:space="preserve">上次做人流没干净去做b超说有积液尿检结果是阳性医生要求做清宫手术? </t>
  </si>
  <si>
    <t>我在合g肥g博g爱妇gg科医g院g做过手术的，收费不高！是合肥市医保定点机构，是属于国家的非盈利性医院，所以诊疗设备、专家资质及收费上，我都比较信任！我当时怀孕时50天，医生说正好是最佳的人流时间，由于术前检查没有任何炎症及异常，我选用的是这家医院最先进的、也是计生委和妇联联合推荐的减压保宫无痛人流术,医院就在合肥东流路上，去看看吧</t>
  </si>
  <si>
    <t xml:space="preserve">汽车防盗系统电子防盗系统，和车内中控门锁，个有什么特点 </t>
  </si>
  <si>
    <t>简单来说，电子防盗系统是一种防盗装置，防止坏人偷车，而车内中控门锁则是一种省事的锁门方法，不用再用钥匙锁车了,为了方便！明白了吧！</t>
  </si>
  <si>
    <t xml:space="preserve">现在可以去青岛旅游？要注意哪些？ </t>
  </si>
  <si>
    <t>现在去？冷哦，多穿的衣服，小心感冒</t>
  </si>
  <si>
    <t xml:space="preserve">一道基础的简单的语法题，请帮忙Ifnoone_____theph </t>
  </si>
  <si>
    <t>answersno one是一个不定代词，不定代词作主语时，谓语动词选择第三人称单数。</t>
  </si>
  <si>
    <t xml:space="preserve">怎样化妆会使脸变得窄一些,瘦一些,更有立体感,我是学音乐的女生, </t>
  </si>
  <si>
    <t>下面介绍一个小脸术对MM也许会有帮助小脸化妆术 轮廓打底、眉、眼、脸颊及口红是小脸化妆术的五大重点地带，而真正的脸部化妆效果就是强调出脸蛋、五官的立体感，因此如何将脸孔肌肤扑上均匀、健康、有层次效果的底色，让眼睛线条与脸颊部位呈现出逆三角形的立体效果，是我们要练习的地方；此外还要注意像是以鼻头为中心的三角锥部位，其中像眼影深浅的层次感，应该是由内而外渐渐加重，画法应该是轻轻涂抹呈“球心状”的效果。 最后记得整张脸的色调要一致、协调，以自然、时尚为诉求，切勿追求流行将脸涂成调色盘。小脸轮廓打底化妆基本上粉底要以浓、淡两底色来混合涂抹，如此才能造成三维效果，为了强调轮廓，在脸颊旁的部位要打上深色液状粉底，而眼睛下眼圈四周及鼻梁，则以浅色液状粉底由外而内用海绵涂抹，特别要强调脸部额头。此外，鼻梁的T字部位要上些蜜粉，而两颊则上深点颜色，可让脸部更显立体感。小脸眼部化妆由鼻梁两侧往两眼，以球心式来画眼部妆。棕色系眼影能够让眼睛看来有神且深邃，同时，下眼圈四周如果能够扑上些珍珠白的蜜粉，就可遮盖眼袋及黑眼圈问题。另外，黑眼圈问题重的人可以使用偏黄再混合白色的遮瑕膏，眼线笔由眼窝往眼尾方向画，往上扬勾勒，如此眼神会看起来更妩媚。最后别忘刷刷睫毛液、夹夹上下睫毛，让你的眼神更加俏丽、动人喔。凤眼或眼睛小的女生可以只画下眼线，再将眼线慢慢推开，如此眼睛看起来较自然，眼皮则可搭配咖啡色系眼影，使你的眼睛看来更加深邃。而眼尾下垂者，建议只需画上眼线，然后再加强眼尾处眼线，往上扬勾勒，这样眼睛自然会呈现迷人的东方魅力喔！小脸脸颊化妆脸颊的化妆技巧关系着脸部大小的成败关键，立体感是脸颊的化妆技巧要强调的重点。假设自己的脸颊旁是斜角四边形，由下颚至颧骨以腮红刷由下往上、内而外轻刷，建议腮红可选择粉橘混合些金粉的颜色，最能修饰脸型，让你的脸看起来既立体又有精致美。小脸眉型化妆从眉头至眉尾间自然修长的角度，会予人成熟、亮丽的第一印象。用眉笔描绘时，要仔细注意嘴角与眼角的长度与眉尾呈一直线的化妆技巧；此外，从眉头处至眉峰间可以用眉刷沾点粉梳过眉毛，这样会使眉形看起来十分有质感而自然。眉色方面建议可以用深棕色比较年轻又不失自然。小脸唇形化妆现今十分流行的透明质感唇膏，通常会带些珍珠粉光泽，让你的双唇看起来闪闪动人，有3D立体感。建议可以先将唇形描绘出来，再涂抹上唇膏，如此唇形会更精巧、动人。建议避免浅色系或白色等怪颜色唇膏，若能选择像樱桃红、粉红色甚至酒红色唇膏，都十分讨喜。</t>
  </si>
  <si>
    <t xml:space="preserve">打算入手一台单反求推荐几款不错的单反相机。价格不要太贵。谢谢 </t>
  </si>
  <si>
    <t>单反入门首选  佳能500D。主要优点： 1、1510万高像素 2、1080高清摄像功能 3、3.0英寸92万像素高清屏幕，视野率100%，7级亮度调节，实时取景功能 4、DIGIC 4数字影像处理器 5.综合除尘功能 6.出色的高速反应和连拍性能 500D强大功能，人性操作；普及型产品，专业级画质：</t>
  </si>
  <si>
    <t>醉酒后心跳变慢，只有40</t>
  </si>
  <si>
    <t>您好，长期饮酒还可能使血脂水平升高、动脉硬化;增加心、脑血管发生的危险;增加患高血压、中风等危险。白酒中的有毒成分甲醇会直接损害末梢神经，导致各类神经系统疾患。建议尽量的避免饮酒，因为饮酒是很多疾病的危险因素，必要时就诊检查心电图。希望帮到您，祝您健康。</t>
  </si>
  <si>
    <t xml:space="preserve">笔记本电脑4000左右可以买哪个牌子 </t>
  </si>
  <si>
    <t>宏基新款3686C-M5201.6G/512/镜面宽屏 3999HP NC6000迅驰2代1.6 512M 60G        3850华硕笔记本 X50Q36M-DR               3900 (AMDTurion64 MK36+/1５.１/512M DDRII/80G高速／ＣＯＭＢＯ)联想旭日410MC430                    3990还有很多,建议华硕这款.</t>
  </si>
  <si>
    <t xml:space="preserve">孩子已经换完牙了，有蛀牙该怎么办？换完牙齿的孩子，蛀牙是拔掉还是 </t>
  </si>
  <si>
    <t>根据蛀牙的情况来决定拔与不拔，如果有医治的价值那就千万不要拔掉，因为嵌的牙终究没有自己的牙好。而且孩子还小，牙也会随孩子的成长而有所变化，嵌的牙是不会合适的。</t>
  </si>
  <si>
    <t xml:space="preserve">天骄的神州区今天怎么还是上不了啊请给个答复啊~难道你们是这样来欺? </t>
  </si>
  <si>
    <t>顶一下……………………我也是六区的玩家。   这样的情况已经持续了好几天了，难道六区就这样关了吗？如果关了那你们（GM）也要给我们玩家一个答复啊。……为什么全国的战区只有六区上不了？？？？？？？？？？？？？？？？</t>
  </si>
  <si>
    <t xml:space="preserve">谁能帮我解读一下我的体检报告上的白细胞昨天去做了体检，拿到血常规 </t>
  </si>
  <si>
    <t>白细胞只是略有偏低，并不严重，主要考虑病毒感染所致。当病毒感染时，多数情况下白细胞会有所降低趋势，待感冒恢复后白细胞数值是可以上来的。无需服用增白药物。引起白细胞减少的药物，如解热镇痛药、磺胺类药等。免疫力有点低，表现在哪？是不是经常感冒，吃药。如果是这样，白细胞偏低正是感冒药物的影响，不要紧的。匹多莫德冲剂对于白细胞升高没有直接作用，但是能够促进病毒感染的恢复，从而白细胞继而升高。此外，生活注意休息，避免受凉，禁烟、酒，忌食辛辣刺激食物，避免劳累。（yuan_t)</t>
  </si>
  <si>
    <t xml:space="preserve">奥运男子足球决赛详细时间是啥时候？谁对谁？ </t>
  </si>
  <si>
    <t>巴西、墨西哥两队则将在北京时间11日22:00为金牌展开最后争夺。</t>
  </si>
  <si>
    <t xml:space="preserve">为什么我的魔兽能运行但是不能加入局域网?进入局域网菜单后看得到别 </t>
  </si>
  <si>
    <t>可能版本不同或者是盗版的游戏吧！</t>
  </si>
  <si>
    <t xml:space="preserve">这句话怎么理解？哲学第三章1“如果偶然性不起任何作用的话，那么世 </t>
  </si>
  <si>
    <t>这句话的意思是 我们既要承认一切事物多是存在必然性的，又要承认偶然性的存在，必然性通过偶然性起作用，偶然性表现为必然性，如果只承认必然性而否认偶然性，我们就会认为世界万物一切多是注定的，宇宙中必定有什么外在的力量在操纵着世界，促使必然性的形成与实现，那我们就会陷入唯心主义的泥潭而不能自拔，所以说“世界历史就会带有非常神秘的性质”。</t>
  </si>
  <si>
    <t xml:space="preserve">虫族升级的问题？虫族钻地，狗的速度，口水的射程，速度和变蜘蛛，房 </t>
  </si>
  <si>
    <t>我教你,如果你zvp,你狗作主力,对方狂徒作主力,那么对方一定升级1攻,因为杀狗马上有质的变化.所以这情况你要着重升防,尤其不能让对方的攻升级完成得比你的防快.不然对方马上用这个时间差打你!因为你新手,所以我只能告诉你这些非常简单的东西.高级的战术要非常刻苦和常常练习才可以学来的.还有一个诀窍:优先升级属性类,其次是攻防类.因为属性类比较快,效果明显.攻防类耗时长,效果相对差点.属性类:速度(无论什么兵种),射程,攻击频率.攻防类:这个不用我说明了吧.还有,zvz,zvp,zvt开局都很不同.你想一个思路通用打所有情况是不可能的.你作为新手,我给你最简单,实际的建议:zvz,开局一般单矿,狗+飞龙zvt,zvp,都可以口水+插地(即lurker).这样你练习起来通用简单一点.遁地基本很少用上,因为高手很少花这个钱.不过新手vs新手,应该不缺这些钱,对手也容易上当.可以考虑.达到一定水平你自然会理解我全部所说了.</t>
  </si>
  <si>
    <t xml:space="preserve">口臭每天早上我老公的口气就特别臭,非常难闻,刷牙后白天味道没那么 </t>
  </si>
  <si>
    <t>消化不好，睡前也刷牙。</t>
  </si>
  <si>
    <t xml:space="preserve">应该先申请学校还是先考雅思?我是2006年3月考雅思,现在就要开 </t>
  </si>
  <si>
    <t>可能来不及了，你可能要拖到2007年1月山冬季班了，一般3月份学校已经把录取通知书都寄出来了，不过你是去哪个国家，有些国家不一样的。有一点可以肯定，你必须先考试再申请的，不然人家学校不知道你的考试成绩怎么考虑是不是接受你呢，另外你假如准备考第二次你可以跟他们说第二次考试成绩会补上。</t>
  </si>
  <si>
    <t xml:space="preserve">去西藏旅游高原反应怎么办 </t>
  </si>
  <si>
    <t>怎样预防高原反应？怎样克服高原反应？怎样缓解高原反应？大部分人初到高原，都有或轻或重的高原反应，一般什么样的人会有高原反应没有规律可循，避免或减轻高原反应的最好方法是保持良好的心态面对它，许多的反应症状都是心理作用或有心理作用而引起的，比如：对高原有恐惧心理，缺乏思想准备和战胜高原决心的人，出现高原反应的机会就多。建议初到高原地区，不可疾速行走，更不能跑步或奔跑，也不能做体力劳动，不可暴饮暴食，以免加重消化器官负担，不要饮酒和吸烟，多食蔬菜和水果等富有维生素的食品，适量饮水，注意保暖，少洗澡以避免受凉感冒和耗体力。不要一开始就吸氧，尽量要自身适应它，否则，你可能在高原永远都离不开吸氧了（依赖性非常强）。 高原反应的轻重程度因人而异，一般而言，年轻人要好过中老年人和儿童、青少年。对于长期在低海拔地区（诸如东部沿海地区）的人员而言，初次上高原，海拔2000米以上就会有轻微的高原反应前兆比如易饿、头痛、失眠等等，此时就需要注意尽量不要让自己感冒。当海拔超过3000米时，很多人会出现明显的高原反应，比如喘气、嘴唇发紫等等。长期从事身体锻炼、体质较好的人可以坚持到4400米左右。不过为保险起见，初上高原，目的地在3000米以上的，建议事先做好一定的准备工作。如果时间充裕，建议海拔上得不要太急，在3500米左右休息一至三天，适应之后再进入更高海拔的地区，这样可以大大降低高原反应的强度。药品准备：（可服用一些高原反应药和缓解高原反应的保健食品） 景天红花胶囊：功效：提高缺氧耐受力、缓解疲劳、提高免疫力、防辐射、延缓衰老。具有预防、缓解、防止高原反应的发生。服用方法：出发前3-5天开始服用，防止高原反应；回家后继续服用2天，可防止发生晕氧。  止痛药：必理痛、芬必得         胃肠药：泻利停、氟哌酸、藿香正气胶囊、止痛丸        消炎药：磺胺、螺旋霉素 、头咆安苄胶囊、氧氟沙星         鼻喉类：鼻腔外用软膏、草珊瑚含片、金嗓子喉宝         维生素：21金维他、骨密钙、大蒜油胶囊、番茄红素       外伤药：正红花油、云南白药、创可贴、碘酒、纱布，胶布、酒精棉球         眼睛护理：眼药水 、眼药膏        感冒药：白加黑、感冒胶囊 、银翘片        急救品：氧气袋. 药棉、?布、绷带、白胶布。驱蚊花露水.         安眠药或安神补脑液         急性腹泻，肠胃炎：瑞贝克（口服庆大霉素）急性呼吸道感染：头孢类抗菌素防止上火：  牛黄解毒片       晕车：葡萄糖+扑尔敏+维生素b6（最好为针剂），此三联药加在一起服用对治疗高原地区的晕车有极好的效果，且在高原地区均有购买。对于高原适应力强的人，一般高原反应症状在1-2天内可以消除，适应力弱的需3-7天。如果能适应，可以多喝一些酥油茶，对缓解高原反应也有一定的作用。对于高原旅游者来说，预防高原反应是生命攸关的重要问题。预防要点和简单的急救知识，要事先做到心中有数。 　　做好体检为预防高原反应，高原旅游前应该去的医院认真做好体检。患有慢性阻塞性肺病、间质性肺病、各种呼吸功能不全、器质性心脏病、脑血管疾病、高血压病、胃肠道疾病、神经与精神性疾病、严重慢性疾病等的病人不适合高原旅游。无法确定安全性时，应该接受低氧试验。 　　身心准备 　　⑴心理准备：消除恐惧心理，可从书本和向有经验的旅游者了解有关高原环境、特点和医疗保健知识，增强自信心。 　　⑵做好适应性锻炼。如登山、长跑、负荷行走等，以增加肺活量和增强适应能力。⑶了解当地气候特点，带足衣物，注意防寒保暖，避免急性上呼吸道感染。 　　适应训练为预防高原反应，进入高原后应注意： 　　⑴保持良好的心态，消除对高原不必要的恐惧心理，避免精神过度紧张，让机体充分休息。 　　⑵避免受凉。高原气候寒冷，日夜温差大，机体受凉后易患呼吸道感染，并易诱发急性高原病。 　　⑶头两天避免剧烈活动及重体力劳动，登高需缓慢进行，有利于机体逐渐适应。 　　⑷饮食宜多吃高糖、优质蛋白食物，有利于克服低氧的不良作用。 　　⑸禁烟，不饮或少饮酒，以减轻对氧的消耗。⑹进高原后最好服３－５天抗高原反应保健品。</t>
  </si>
  <si>
    <t xml:space="preserve">翡翠和玉器有什么区别么？ </t>
  </si>
  <si>
    <t xml:space="preserve">(一) 软玉与的区别 我们经常听到有诸如"和田玉"、"台湾玉"、"加拿大玉"；以及"羊脂白玉"、"碧玉"、"青玉"、"墨玉"、等名称，它们是属于矿物学中称为"软玉"的集合体。"软玉"在我国古代典籍中未曾见及，系来源于近代矿物学中。软玉是由角闪石族矿物组成的特殊集合体。根据其颜色，软玉可划分为：白玉、青玉、碧玉、墨玉、黄玉、糖玉等几种重要品种。 软玉与翡翠的不同区别之处有： 1. 软玉颜色比较均匀，有白色、暗绿色、黑绿色等，无鲜绿色。 2. 软玉呈油脂光泽，无翠性。 3. 软玉的比重（3.00）略比翡翠的比重为低。 4. 软玉的折射率（1.62）亦略比翡翠的折射率为低。 (二) "马来玉"与翡翠的区别 80年代，在玉器市场上出现一种绿色鲜艳而又均匀的玉石，做成的串珠或戒面，曾经蒙骗了不少人，以为它是"难得的高档翡翠"。这种玉石究竟是甚么呢？这种玉称为马来西亚玉（简称马玉，亦有称"马来翠"），这只不过是名称而已。马来西亚玉并不产于马来西亚。它是一些印度及巴基斯坦商人，在大陆开放初期大量带入云南边界兜售的一种假翡翠的名称。马来玉其实是一种染成绿色的极细粒石英岩，但与翡翠相比存在明显的不同之处： 1.肉眼观察，马来西亚玉的颜色过于鲜艳而十分不自然。 2.马来西亚玉的比重为 2.65，远小于翡翠的比重 3.24 ~ 3.43。 3.马来西亚玉的平均折射率为 1.55，比翡翠的折射率为低。 4.在查尔斯滤色镜之下颜色不会变红色，但在十倍镜下可观察到染色剂存在，即颜色很浮，是染色的现象。 (三) 澳洲玉（绿玉髓）与翡翠的区别 澳洲玉，又称南洋玉，因盛产于澳大利亚而得名。由于颜色翠绿，颇得人们喜爱。它有一定透光性，颗粒细，价格较低，曾经迷惑了一些人。其实它是一 种隐晶质的SiO2，在矿物学中称玉髓或石髓。 澳洲玉严格来讲不能称玉，应是绿色的玉髓，它的外观颇似翡翠，但与翡翠不同之处有： 1.澳洲玉的颜色太均匀，呈生苹果绿，很少深绿色，很像塑料。 2.凭借放大镜观察，澳洲玉绝对看不到翠性。 3.比重为2.60的澳洲玉比翡翠的比重（3.24 ~ 3.43）轻得多。 4.澳洲玉的折射率为 1.55，比翡翠的折射率为低。 (四)东陵玉与翡翠的区别 珠宝市场上常见一种具有中等绿色（其深浅有所变化），呈半透明状的串珠（也偶有雕刻成摆件），由于有一定的绿色，价钱又不高，颇受不少女士们的青睐。这类串珠究竟是甚么呢？询问卖主，他回答说"这是印度出产的东陵玉"。 东陵玉，亦称东陵石，最早产于印度，故又名"印度玉"。中国河南亦有产出，有人称之为"密玉"，然而正确名称应为耀石英。东陵玉与翡翠不同之处有： 1.用透视光，可见东陵玉内有平行排列的绿色铬云母片。侧视之，常形成一条"绿线"。在查尔斯滤色镜下观察，绿色铬云母呈现红色。 2.东陵玉的比重为 2.65，比翡翠的比重小得多。可用手便可掂量出来。3.东陵玉的平均折射率为 1.55，比翡翠的折射率为低。 (五)水磨子（钠长石玉）与翡翠的区别 近些年来，在云南昆明、瑞丽、腾冲等地和内地的一些大城市的珠宝市场上，出现一种水头很好，呈透明或半透明的"冰种"玉石，颜色总体为白色或灰白色，具有较少的白斑和色带，分布不均匀，这种玉在云南当地称为"水?i子"，带有色调偏蓝的色带者称为"水地飘蓝花"，常被加工成手镯、吊坠和雕件在台湾市场出售。其实"水磨子"的主要矿物成分为钠长石，其次有少量的辉石矿物和角闪石类矿物。简易鉴定可采用下列几种方法： 1.放大观察法：水磨子主要由钠长石组成，不显翠性，并有较多白色的石脑或绵。 2.手掂法：水磨子比重（2.57 ~ 2.64）比翡翠的比重小得多，用手掂之比翡翠具明显的轻飘感。 3.测定折射率法：水磨子的折射率（1.52 ~ 1.54）远比翡翠的折射率小。 总而言之，了解了翡翠的特性，就可以掌握翡翠与类似石的区别。参考资料：  </t>
  </si>
  <si>
    <t xml:space="preserve">梁咏琪的《顺时针》大家觉得这张专辑怎么样？我觉得蛮好听的，算是真 </t>
  </si>
  <si>
    <t>嗯，几首新歌都不错，我比较喜欢《顺时针》和《偏见》，感觉她的假声进步了很多～</t>
  </si>
  <si>
    <t xml:space="preserve">什么东西卖的价格越高越容易成交？ </t>
  </si>
  <si>
    <t>拍卖~~~卖的价格越高越容易成交</t>
  </si>
  <si>
    <t xml:space="preserve">喜欢坐我前面的一个女孩，我快疯掉了，各位给我点意见吧她是坐在我前 </t>
  </si>
  <si>
    <t>问 问她组的人，她有没有男朋友，再询问一下她身边的她的闺中密友，问问她有那些爱好，投其所好，有针对的采取行动！   你别这样憋着了，先从朋友做起，寻找接触的机会，机会是你自己给自己的；先接触一段时间，看她的性格、兴趣、爱好是不是和你相符，是否真的适合你，你们之间在一起上否有共同语言；然后在找个适当的机会向她表白，让她了解你的心思，女人都是很敏感的，你开始主动接近她时她就会有感觉的，经过一段时间的相处，你在她心里会有个定位的，要是适合她，她就会选择你的。     圣诞节快到了，要是公司没有集体活动就找机会约她一起出来玩，第一次可以多叫些朋友，去些休闲放松的地方，过个有意义的圣诞节，要是公司有集体活动的话，你可要好好表现啦，假如公司的人一起去KTV ，你就要好好的唱首歌，如果她是很外向的人，也可以和她对唱一首。    努力吧！   有好消息可要通知我们啊，我等着吃你的喜糖呢！</t>
  </si>
  <si>
    <t xml:space="preserve">想了解一下那个牌子的空气能热水器要好一些？ </t>
  </si>
  <si>
    <t>宝诚的做的还可以</t>
  </si>
  <si>
    <t xml:space="preserve">这题怎么做?“母亲,只有两个字的一个词,轻轻地读出来,却又是如此 </t>
  </si>
  <si>
    <t>不矛盾啊  这句话是特意怎么说的 轻轻的 和沉重 形成对比  这样突出母亲的伟大 和无私  也就是说母亲看起来平凡 但是世界上最伟大的人</t>
  </si>
  <si>
    <t xml:space="preserve">红色警戒在哪下载?我想玩最新版的红色警戒,不只在哪下载,请大家帮 </t>
  </si>
  <si>
    <t>到浩方</t>
  </si>
  <si>
    <t xml:space="preserve">天鹅飞去鸟不归，回峰山中我独醉，良辰美景斜眼看，孤独寂寞深深埋，? </t>
  </si>
  <si>
    <t>有三种答案说法一：我仍朝思暮想着你 说法二：我一直在深爱着你 更有趣的是说法三：我峨嵋派弃暗投明</t>
  </si>
  <si>
    <t xml:space="preserve">病毒WIN32.TROJ最近经常中这类毒,杀了又中,周而复始有没 </t>
  </si>
  <si>
    <t xml:space="preserve"> oj这个系列，其实是木马系列的病毒，一般是引导安装的（小萧最近有没有被什么人引导安装过一些程序？），例如比较出名的Win32.Troj.PASS××××、 wsuper.××××都是这个系列的。你查出来的这个病毒如无意外也应该是个木马，所以从表面上看来，使用专门的查杀木马工具要比使用金山毒霸、瑞星等查杀病毒的软件有效，不妨试试。 一般的病毒或者木马，肯定会修改你的注册表，令你每次开机的时候都会自动生成一些病毒或木马程序，甚至启动某些服务。单纯的手工删除是完全没有用处的，还是需要依靠工具的帮忙。如果没有适当的工具，就一定要想办法把注册表的值重新更正，不过这个方法比较傻，我不推荐。（我猜这个病毒修改的键值可能是HKEY_LOCAL_MACHINE\Software\Microsoft\Windows\CurrentVersion\Run下的某些键，你可以去看看这个键值下面有没有可疑的值，如果有就手动删掉。） 如果我是你，我会很爽快地——格式化硬盘，因为这其实很简单而且无后顾之忧的办法。不过，如果你不愿意格式化硬盘，可以试试我以下的建议： STEP1：下载最新的病毒库，更新你的杀毒软件（这一步也可以换成到网上找找有没有相应的专杀软件，或者下载专门对付木马 oj系列的工具） STEP2：彻底杀毒。杀毒的时候有三个地方要注意。第一，必须断网杀毒，就是说不要连上网络。第二，将所有可以关闭的进程关闭，即使用任务管理器，将所有可以结束的进程结束掉。第三，要所有硬盘都杀一遍，不要只查杀C盘。 STEP3：重启，进入DOS状态下，用软盘杀毒（杀毒软件一半都会自带急救软盘，现在用得上啦！当然这个软盘的病毒库也应该首先更新才行）。如果你没有杀毒的软盘……嗯……就进入安全模式，不要启动任何程序，不要联网，将可以关掉的服务和进程关掉，杀毒。 如果执行了以上三步，还是不能解决问题，则打开注册表（regedit），查找主键HKEY_LOCAL_MACHINE\Software\Microsoft\Windows\CurrentVersion\Run和 HKEY_LOCAL_MACHINE\Software\Microsoft\Windows\CurrentVersion\Runservice 看看这两个键下是否有可疑的键。（比如说启动一些奇怪的程序啊，更改svrhost路径啊之类），将可疑键值删除，然后重复上面的STEP3 如果执行完上面的操作还是不行……那么……那么……真的是最好格式化硬盘了，不过……还有一个办法可以试一下：就是可以不用格式化硬盘，而直接在你的非系统盘上安装另一个系统（比如说在D盘上装个WIN98）。安装完之后重新启动，进入新系统（这个新系统不用安装任何驱动程序或者软件，所以装起来会很简单也很快），在这个新系统下使用杀毒软件对你系统盘进行杀毒（即在D盘启动的状态下查杀C盘）。杀毒完毕后再用C盘启动，新装的系统卸载掉……（不过这样做，比格式化更加麻烦的样子了……）</t>
  </si>
  <si>
    <t xml:space="preserve">我想抄黄金,怎么操作? </t>
  </si>
  <si>
    <t>自己向开户银行咨询。很简单的。很快就可以办好！</t>
  </si>
  <si>
    <t xml:space="preserve">奇迹轻装衣服鞋子帽子做奇迹一般用几的做。我人可以穿到14级装备 </t>
  </si>
  <si>
    <t>以下建议仅供参考。PK8C衣 11A鞋 11B/5C帽任务11B衣 11B鞋/（5C靴成本低） 5C帽。</t>
  </si>
  <si>
    <t xml:space="preserve">哪个测速测长传感器精度比较高? </t>
  </si>
  <si>
    <t>ZLS-C50激光测长传感器是根据中国市场特别定制的一款高精度测长传感器，其精度&lt;0.05%。该产品能满足你的需求。它有2个正交测量信号输出能同时测量两个方向的长度、特别适合测量粗糙表面，如绒布、毛皮等纺织品，涂层或粘胶表面，泡沫橡胶表面的测长。也可用于起吊设备运行速度监控，油缸运行速度监控。</t>
  </si>
  <si>
    <t xml:space="preserve">我是一个婚姻的失败者.很无奈，不知道该何去何从，尽管今后付出更多? </t>
  </si>
  <si>
    <t>哎，，能理解你，，但是时间能冲淡一切，，你这么晚了也还没睡觉，，看的出你失眠了。祝福下你。。能早点走出来。</t>
  </si>
  <si>
    <t xml:space="preserve">我军为何不配备香瓜式手雷？香瓜式手雷爆炸后的弹片要多于木柄手榴弹 </t>
  </si>
  <si>
    <t>你要知道生产木柄手榴弹的工序比生产柱形无柄手榴弹的工序更多~~而且生产过程更加复杂~~这就是为什么日本在二战时期研制出98式手榴弹但却不能大量生产满足部队需要而大量生产加工简便的99式手榴弹的原因了~~但是柱形弹体对破片的飞散也有一定的影响~~因此现在都使用卵形手榴弹体~~而且我军并非没有卵形手榴弹(无柄手榴弹)~~现在部队装备的是82-2式手榴弹~~另外用于外贸的是82-2式全塑无柄钢珠手榴弹(86式)~~82式手榴弹系列由82－1、82－2、82－3和82－2式全塑无柄钢珠手榴弹组成，前3个弹种都是在1982年完成设计定型的，82－2式全塑无柄钢珠手榴弹是1986年设计定型的，因而又称为86式手榴弹，除两种82－2式手榴弹进行了批量生产外，其余几个弹种也是定型后便转入了技术储备。82－2式手榴弹研制目的是用来取代77－1式木柄手榴弹的。该弹由弹体和引信两大部件组成。弹体是用内部刻槽的A3钢板冲压成球形壳体，装62gTNT炸药，爆炸时，壳体能产生单个破片质量在0.3g以上的破片330余片，使手榴弹的杀伤半径大于6m，临界安全半径小于30m。引信为翻板击针式针刺发火延期时间引信，由引信体、点火机构、起爆装置和机构4部分组成，这种结构与国外流行的翻板击针机构基本相同。平时用保险销将引信固定在保险状态，并使击发扭簧处于储能状态，使用时拔除保险销，翻板击针在扭簧的驱动下击发火帽，这样大幅度提高了手榴弹的安全性和可靠性。82－2式手榴弹全弹质量260g，弹径48mm，全弹长约85mm，杀伤半径大于6m，平均投掷距离约40m。该弹的主要特点是：结构简单、经济性好、体积小、质量轻，与67式木柄手榴弹比较，体积缩小了58％，质量减少了57％；安全性和可靠性高。82－2式全塑无柄钢珠手榴弹是1986年完成设计定型的，外贸产品称为86式手榴弹，现进行批量生产。此弹是一种攻防两用手榴弹，由引信和弹体两大部件组成，引信的结构与82－2式手榴弹的基本相同。但采用了特殊的结构和工艺，击发时无烟、无焰，延期药燃烧时的火焰和烟也不会从顶部冒出，从而保证了该弹在投掷过程中不会产生声、光、烟，有利于投掷手的隐蔽。破片衬套是用1600颗钢珠和塑料注塑成型的，每颗钢珠的直径约3.0mm，在破片衬套外裹注一层塑料，作为手榴弹的壳体。为了防滑、便于握持，在弹体外注塑有纵横肋条，横向肋条5条，径向肋条8条。主装药是40g高能炸药。该弹增加了保险销拉环固定装置，可确保手榴弹在各种环境下的使用安全。82－2式全塑无柄钢珠手榴弹全弹质量260g，弹径52mm，全弹长90mm，杀伤半径6m。从总体性能看，上述两种弹处于世界同类产品的中间水平。与同期国外装备的先进手榴弹比较，如美国的M26A2、英国的L2A2等，还是稍有差距的，与国外同期装备的中等水平手榴弹比较，如德国的M－DN61式手榴弹等，基本处于同一水平</t>
  </si>
  <si>
    <t xml:space="preserve">在经期ML可以么?回怀孕么? </t>
  </si>
  <si>
    <t>不会受孕，但是经期性生活可以引起妇科疾病。所以月经期间不要有性生活。由于性交能使阴道充血，从而导致流血量增加。经期性生活，容易感染病菌。尤其是男性患有性病时，使宫颈、阴道的感染加剧。另外，经期宫颈肿胀，组织脆弱，容易损伤，从医学角度来讲应禁止在经期进行性生活。</t>
  </si>
  <si>
    <t xml:space="preserve">考拉姐姐好！咱们俩个都是社会工作者啊。呵呵。在国内我是社会工作专? </t>
  </si>
  <si>
    <t>什么叫专项成绩？好像送G分数就是全部送过去了吧。对于专项成绩我不太清楚。。GRE好像不分什么社会科学或自然科学。。全世界各种专业的人考的GRE都是同样的题。。关于GRE的复习，主要就是先攻克单词，然后分题型一点点做题就行了。加油噢～</t>
  </si>
  <si>
    <t xml:space="preserve">研究生费用研究生每年学费、生活费、住宿费大约是多少？南方的和北方 </t>
  </si>
  <si>
    <t>我是湖北的学生，给你提供几个南方的具体例子吧以武汉的学校为例1.学费：两学校都有公费的（或称为奖学金）若无则学费是8千（华中科技大学）或一万（武汉大学、中南财经政法、华中师范大学、武汉理工等）2.费：研究生学校一般都有补贴（200-300不等），华科大武大是300，其他学校200-250。   平时有助学岗位，一般工资在300-500左右（有的还可以给导师做课题，工资另算）   日常生活的生活费在武汉是400-500之间（一般水平）3.住宿费：大多数学校是公寓，即1200元/年，四人间。      但也有学生宿舍，华科大是600/年，三人间。武大是800/年 四人间，中南财经是800/年，三人间北方的高校不是太清楚，但因为有同学在那边估计一下，以北大清华为例学费1万，生活费700-800（一般水平）但补贴较高，一般每月500-600，最高是人大据说有800住宿费统一1200封顶靠南方这边以广东的中山大学、暨南大学，深圳的深圳大学为例学费8千-1万   生活费700-800 补贴200-300 助学岗位不太清楚，具体可以参照各学校的规定住宿费1200吧，深圳大学研究生1500/年两人间我所知道就这么多啦~~~打了这么多，手都酸了哦~~呵呵，希望你能满意</t>
  </si>
  <si>
    <t xml:space="preserve">什么水果最适合晚上吃？？？???????????? </t>
  </si>
  <si>
    <t>香蕉、有助于睡觉。</t>
  </si>
  <si>
    <t xml:space="preserve">如果地球爆炸了，哪个地方最安全？动脑筋急转弯 </t>
  </si>
  <si>
    <t>不在地球最安全。</t>
  </si>
  <si>
    <t xml:space="preserve">关于忍者的问题，NB人士进来看看！！我的号是个71的弓手，加点是 </t>
  </si>
  <si>
    <t>转职业没什么合适不合适,主要看你有没有恒心把他练好!你这个等级转忍不是很好了,因为暗和抗都是跟战场总数有关,一仗固定40经验(打卡),你加攻也太多,即使练了,建议你以后改点.忍技能无非暗杀3抗.其他随便,最好学洁净,补血等.弓是转职大师,转什么都可以的~</t>
  </si>
  <si>
    <t xml:space="preserve">会阴红肿,是什么原因?50岁的妇女会阴红肿,会阴右部分肿起来了, </t>
  </si>
  <si>
    <t>可能是由于生活环境不洁导致的下阴发炎用温水混合高猛酸钾洗两回就好了</t>
  </si>
  <si>
    <t xml:space="preserve">为什么我的手机验证码没有发到我的手机上？上午到现在也没给我发过来 </t>
  </si>
  <si>
    <t xml:space="preserve">尊敬的客户:     您好！5173客户服务040很高兴为您服务！激活用户名您必须保证您注册5173用户名时填写的联系电话通畅，以便我们的工作人员联系您并对您的5173用户名进行激活，如果您的电话联系不上是无法激活的。如果您的用户名激活失败，请您登入您的5173，选择修改填写个人信息，修改您的联系方式重新提交您的资料，改资料信息后重新提交的时间为12小时，即每12小时提交一次，提交后我们会对您的用户名再次激活。如您的问题还没有解决，请您登陆5173用户名,进入我的5173,选择左边任务栏中的"我的咨询投诉",在线提交您的问题,我们会有人员在1个工作日内在线答复您，您可以在"咨询投诉管理"中查看回复结果,并对我们的服务进行评价。感谢您对5173的支持!!!                                               </t>
  </si>
  <si>
    <t xml:space="preserve">CDKey怎么得 </t>
  </si>
  <si>
    <t>30元点卡在官网上换的，再送你20小时游戏时间</t>
  </si>
  <si>
    <t xml:space="preserve">宝宝有时流鼻涕怎么样我家宝宝明天五个月了,这两天气温有点下降,给 </t>
  </si>
  <si>
    <t>如果鼻塞的程度不重，不影响孩子的进食与睡眠，家长不必刻意去干预，一般1周到10天左右就会痊愈。如果因为鼻塞影响到孩子的进食，或导致睡眠时张口呼吸，就应该给孩子滴一些收缩鼻腔黏膜的药，例如，可用0.5% 呋麻滴鼻剂滴鼻，它可使鼻粘膜下扩张的血管收缩，使鼻塞减轻。家长在给孩子滴鼻时，须注意不要同时对两只鼻孔滴药，可以先滴鼻塞较重的一侧，间隔5分钟左右，然后再滴另一侧，每次只滴1滴足矣。若因鼻腔分泌物积聚引起的阻塞，可用棉签把分泌物卷出来；如果鼻腔分泌物已形成了硬块，可用棉签将去硬块略向鼻腔深处推移，以刺激他打喷嚏，鼻内的分泌物往往会随气流排出；或用棉签轻轻挑出鼻分泌物，将其拨出。 感冒初起时，一般是流清鼻涕，如果几天以后鼻腔分泌物不但不减少，反而越发增多，且由清水鼻涕转变成粘稠的黄脓鼻涕，甚至还有些臭味，这就可能是因为孩子患了急性鼻窦炎。 在鼻窦炎时由于其粘膜肿胀，分泌物也会随之增加，而幼儿的鼻窦腔又狭小，往往造成引流不畅。分泌物积聚在鼻窦内还会导致孩子头痛，乃至出现发烧、胃口差等全身不适症状。有的患儿还会出现面部肿胀，鼻窦部位出现压痛等。病情严重者可波及周围组织，引起中耳炎、神经炎等。 得了急性鼻窦炎之后，如果治疗不及时，有可能会转成慢性鼻窦炎。这时，脓性鼻腔分泌物难免会反流到咽部，刺激咽部而引起咳嗽；孩子又会因为鼻堵，只能张嘴呼吸而致咽炎。长时间的炎症消耗、食欲减退可导致孩子营养不良、贫血等；有的患儿还会因头痛而影响学习。 家长发现孩子长期流黄脓鼻涕、慢性咳嗽久治不愈，或反复咽炎者，要想到孩子是否是患了鼻窦炎并及时带孩子去诊治。 宝宝的抵抗力还不健全，容易出现“头疼脑热”的毛病，万一发生了，妈妈应当怎么办？以下是宝宝最常出现的8种病症，在专家的指导下照料好生病的宝宝吧。 宝宝发烧时...... 发热的原因有感染性和非感染性两大类。细菌、病毒感染导致的感染性疾病都能引起发热，如扁桃体炎、流行性感冒等；由非感染性疾病引起的发热也不少，如风湿热、药物热、疫苗反应等。 宝宝发烧，妈妈应这样做：勤测体温，每小时测一次，并进行记录，了解体温的变化。脱衣减被，增加散热，以达到降低体温的目的。温水擦身，一次要擦拭5至10分钟，此后隔5分钟擦拭一次，直至体温降到38℃，就可以停止擦拭。多喝开水。多休息。 不足半岁的婴儿发烧；发生了惊厥，或者宝宝曾经发生过惊厥，再就是家族中有人有高热惊厥史；宝宝高烧，体温超过了39℃；发烧超过24小时，在采取了以上降温措施以后，依然没有好转。 宝宝咳嗽时...... 当气道吸入了异物(包括上呼吸道感染后鼻腔内的黏性分泌物顺鼻腔流到了喉部)，或者气道自身发生炎症，分泌出来的黏性分泌物——痰增多时，喉、气管、支气管受到了刺激，就会引起咳嗽。 保持空气清新湿润，父母不要在室内抽烟。促进咳痰，鼓励宝宝将痰咳出来，轻轻地拍打宝宝的背部促进痰液排出。多休息，如果宝宝晚上因咳嗽而睡不好觉，可以让他侧身睡，或用枕头将上身垫高一些，以避免气道内的黏液或鼻腔分泌物返流到喉部引起咳嗽。适当保暖，既不能让宝宝受凉，也不要使宝宝热得满头大汗。 就医提示如果宝宝咳嗽了几天，病情还在加剧，或出现呼吸困难应立即就医。 宝宝呕吐时...... 不仅是胃肠自身受到感染会引起呕吐，甚至像中耳炎、脑膜炎、扁桃体炎、阑尾炎等其他疾病都可能引发呕吐； 严重的咳嗽、服用了某些对胃有刺激的药物也会引起呕吐；在宝宝快速移动或改变方向时，如果耳内的平衡器官功能失调，也可能引起呕吐；如果宝宝的幽门有先天性的狭窄，进食时，就会引起呕吐。 凉开水刷牙漱口，以除去口中的臭味。宝宝身边放一个盆盂，以备再次呕吐时使用。禁食，待宝宝呕吐症状完全消失后，逐渐恢复饮食。勤喝水，每隔10～15分钟给宝宝喝一点淡盐水或淡白糖水，也可以喝一点稀释的果汁类饮料，但不要给宝宝喝牛奶。注意观察有无脱水现象，看看宝宝手上的皮肤是否干涩。 如果宝宝出现反复呕吐、上呕下泻、伴有38℃以上的高烧，或出现脱水症状，应立即去医院检查。 宝宝头痛时...... 宝宝在患病的过程中如果发烧，就很可能出现头痛；有些头部疾病如中耳炎、脑膜炎、牙痛等，也会发生头痛；宝宝在闷热、不通风的环境中时间长了，或宝宝因为某些事造成思想过于紧张也会感到头痛等等。 确定头痛的准确部位，仔细观察宝宝的面颊、下颌、耳部、鼻窦区、牙齿、牙龈等部位是否有异常现象。 给宝宝营造一个轻松愉快的生活环境。保持室内空气的清新。适当休息，给他吃一点清凉饮料或食品。 如果头疼伴有发烧38℃以上，或伴有呕吐、颈部强直、眼睛怕光等症状，应立即去医院就医。 宝宝腹泻时...... 宝宝饮食不合理，消化不良，会出现腹泻；胃肠受细菌或病毒感染会出现腹泻；服用了某些对肠胃有反应的药物，可能发生腹泻；甚至宝宝因为某些事情造成情绪紧张，也会引起腹泻等等。 禁食，不要给宝宝吃任何食物，尤其不要吃乳类食品。人工喂养的婴儿，可暂时用米汤、淡盐水和糖水来替代牛奶。 补充水分，少量多次地给宝宝喝淡盐水、糖水或稀释后的果汁。测量体温，观察宝宝是否发烧。 注意饮食卫生，所有的餐具都要消毒后再使用，包括给喂养婴儿用的奶瓶在内。 宝宝如果出现持续多次腹泻，或腹泻伴有呕吐，应立即就医。 宝宝便秘时...... 如果不按时大便，由于粪便在大肠里停留得太久，残渣里的水分已被大量吸收，粪便就会变得干燥、坚硬，很难排出体外。 试试润滑剂，如果看到粪便已到达肛门口，可就是排不出来，可以将润滑剂开塞露或一小块香皂挤入宝宝的肛门，稍后宝宝就可以顺利将大便排出来。多吃新鲜蔬菜、水果以及含丰富纤维的食品，并鼓励宝宝多喝水。未经医生同意，不要随便给宝宝服用泻药。注意培养按时大便的好习惯。 如果宝宝大便时感到疼痛，或者发现宝宝的尿布、内裤有血迹，应立即带宝宝去医院。 宝宝头晕时...... 如果贫血，可因大脑供氧不足而发生头晕；在有些疾病的患病过程中，会伴有头晕症状；乘车船不适应时，会感到头晕；严重的头部外伤，也会感到头晕等等。 让宝宝深呼吸。平躺在床上降低头部的相对高度。保持居室清新的空气。休息片刻，让宝宝平躺在床上闭上眼睛，安静地休息一会儿。 如果宝宝持续头晕，应立即去医院检查。 宝宝鼻塞、流鼻涕时...... 感冒的宝宝常会出现鼻塞、流鼻涕的现象，此外，鼻炎也会引起流鼻涕和鼻塞。鼻腔异物也会造成鼻塞。 盐水滴鼻液滴鼻，吸鼻器吸出鼻涕如果在吃奶前15分钟滴鼻，过一会，可用吸鼻器将鼻腔中的盐水和粘液吸出。抹凡士林油在鼻孔中抹上一点凡士林油，往往能减轻鼻子的堵塞。保持空气湿润你可以用加湿器增加居室湿度；也可以给宝宝做个蒸汽浴，让宝宝在充满热蒸汽的浴室中呆一会儿；或给宝宝洗个热水澡。让宝宝睡得更舒服如果宝宝鼻子堵了，你可以在孩子的褥子底下垫上一两块毛巾，头部稍稍抬高能缓解鼻塞。 如果宝宝鼻塞合并高烧、流鼻涕持续一周以上，或除了鼻塞之外，没有任何症状，你都需要带宝宝去医院就诊。</t>
  </si>
  <si>
    <t xml:space="preserve">请教清泉老师000822请问清泉老师：000822明天出一季度报 </t>
  </si>
  <si>
    <t>利平,关联度不大.</t>
  </si>
  <si>
    <t xml:space="preserve">温蟹怎么做？上海来天华的温蟹很好吃，我想学着做一下，麻烦哪位大厨 </t>
  </si>
  <si>
    <t>要自己做很难，是因为现在市场上已经买不到新鲜的苏子蟹了。我们家以前是做海鲜的，常有活的蟹就可以做。把活的蟹放在盐水里，让它吃了盐水自己死去，然后把蟹放入高梁酒，葱，姜混合的醉卤里。过了两天，把蟹撩出来，切成一块块，放入糖醋调和就行了。</t>
  </si>
  <si>
    <t xml:space="preserve">怎么在QQ里把不喜欢的人彻底删除在我的QQ号里有些人我确实不喜欢 </t>
  </si>
  <si>
    <t>直接拉入黑名单,再过几天直接删除,问题就解决了!</t>
  </si>
  <si>
    <t xml:space="preserve">美国广告联盟(AAF)其详细介绍资料...! </t>
  </si>
  <si>
    <t>CJ， Lakeshare。。。。</t>
  </si>
  <si>
    <t xml:space="preserve">壁虎跑进屋里的墙上了怎么办 </t>
  </si>
  <si>
    <t>没什么,曾经有一只小壁虎掉到我床上被压死了.壁虎不吃人</t>
  </si>
  <si>
    <t xml:space="preserve">把手机屏幕摔裂了，不过能正常显示正常触摸，应该怎么办呢？[泪] </t>
  </si>
  <si>
    <t>是手机外屏幕坏了而已，不好看就去换</t>
  </si>
  <si>
    <t xml:space="preserve">如果一个男人伤害了你，你会怎么报复他？如果一个男人伤害了你，你打 </t>
  </si>
  <si>
    <t>最好的方法：结交朋友，让自己过得开心努力工作，让自己物质上生活得不错当我一天他想重新选择你的时候有资格对他说请你排队！</t>
  </si>
  <si>
    <t xml:space="preserve">说出你对你暗恋的人最想说得一句话时间很长了有7年了 </t>
  </si>
  <si>
    <t>说什么话要看在什么样的场合。比如，如果你们打赌，他会问你输了你怎么办，你可以说“怎么办都行！”我想这句话后面的含义谁都会清楚，他会知道的。不知道这样回答对你是不是有启发。</t>
  </si>
  <si>
    <t xml:space="preserve">天2里的BOSS死了掉东西的吗??杀了好几个了,除了回收到一个金 </t>
  </si>
  <si>
    <t>你杀的是野外小BOSS吧?现在也叫群怪。东西是会掉一些，但是不多。我的巫师杀了数十次同等级的石头群怪和蜜蜂群怪（都是移动慢的）就掉了一个D1武器和十多张软皮。2章里顶等级的怪因该会爆好多好东西，但是很难打。</t>
  </si>
  <si>
    <t xml:space="preserve">高一数学非空集合S包含于{1,2,3,4,,5},且S满足条件; </t>
  </si>
  <si>
    <t>解：因为a属于S,则6-a属于S所以1属于S，则5一定属于S1，5一定在一起同理，1-5分成3组1，5和2，4和3可以看作3个元素非空子集个数2^3-1=7</t>
  </si>
  <si>
    <t xml:space="preserve">哆啦a梦剧场版2014新大雄的大魔境什么时候有 </t>
  </si>
  <si>
    <t>以经有了，你可以去搜一下</t>
  </si>
  <si>
    <t xml:space="preserve">现在去九寨沟旅游该注意什么 </t>
  </si>
  <si>
    <t xml:space="preserve">由于当地的晚间活动较差，所以出门参加娱乐活动时要特别注意，以免被敲诈。可以观看藏羌民俗歌舞晚会，晚会非常精彩，是九寨沟风情的最佳展示，票价100－160元不等，根据艺术团档次来定。银行：如果需要在九寨沟景区内取款，可以去九寨沟沟口游客中心旁的中国农业银行九寨沟县支行九寨沟分理处，门口有ATM自动取款机。或者在九寨沟沟口银鑫宾馆内的中国建设银行九寨沟县支行九寨沟分理处存款取款，门口有ATM自动取款机。电话：沟口有IC电话数门，可以打长途电话，沟内主要景区可以使用移动手机。此外，有消息称四姑娘山地区门票将在4月1日之后上涨至30－50元/每条沟不等，马匹租费也将随之上调，且路途经过卧龙自然保护区和巴朗山垭口也会被收取10－15元/人的过路费，如若属实，那只能说是后来者的不幸了。  </t>
  </si>
  <si>
    <t xml:space="preserve">女人不喜欢过性生活是怎么回事男32岁，女28岁。结婚4年，小孩3 </t>
  </si>
  <si>
    <t>看来你是男的啦。不会调情么？还是孩子在附近，怕影响呢？</t>
  </si>
  <si>
    <t xml:space="preserve">国内治疗白塞氏病最好的医院是哪里，哪位医生？ </t>
  </si>
  <si>
    <t xml:space="preserve">白塞氏病又叫白塞氏综合征或眼、口、生殖器综合征。临床上以口腔溃疡、生殖器溃疡、虹膜睫状体炎三联症较常见。其中眼部症状多样，可表现为视力模糊、视力减退、眼球痛、畏光流泪、异物感及飞蚊症等，严重者可导致失明。此外还有后针眼反应等。如果缺乏对疾病的整体认识，就医时可能会把各个症状分别向不同专科的医生叙述，常常会出现“头疼医头、脚疼医脚”的局面，丧失接受最佳治疗方案的机会。 白塞氏病自古就有，男女均可发病，可见于各个年龄，以35岁后多见，其发生、发展与免疫功能异常密切相关。称之为“狐惑”，且指出“蚀于喉为惑，蚀于阴为狐”。本病的发生与肝肾不足、气阴亏虚、外感湿热等密切相关，久之，湿热与气血相搏，湿、毒、淤相互胶结，致本病反复发作，迁延难愈。 多年来，根据中医的传统理论和临床实践，对白塞氏病的急性发作期和缓解期，依照不同的症型，分别采取清热解毒、清利湿热、解毒通脉、益气养阴、补益肝肾等治法，结果表明中医不仅可以控制溃疡的反复发作，而且可以调节免疫功能。 此外，根据该病病灶小、病位浅的特点，运用锡类散、冰硼散、黄柏和细辛研末局部吹敷，金银花、甘草等煎汤漱口，野菊花、地肤子、苦参等煎汤坐浴熏洗。临床实践证明予中药外用及中药内服治疗白塞氏病，溃疡的发作频率、发作个数及疼痛程度多数能在一个月左右得到缓解，继续给予数月中药治疗可进一步控制病情。 除了药物治疗外，平时要注意保护口腔卫生，多吃蔬菜、水果，少吃烧烤油炸和油腻食物，不吃辛辣及热性食品如辣椒、生葱、生姜、大蒜、烟、酒、羊肉等，忌劳累，保持心情愉快和大便通畅。 白塞氏病为系统性血管炎里面的一种，属于风湿性疾病。北京很多家医院都有风湿病专家，如协和医院、301医院、北大附属医院等。全国风湿病专科最强的要数北京协和医院，有唐福林、董怡等10多位教授。你可以去看看。（不过挂号很难哟 （： ） </t>
  </si>
  <si>
    <t>大家进来给点意见====这单如何？01利物浦08</t>
  </si>
  <si>
    <t>01 利物浦 08-15 23:00 阿森纳===3平手升平半高水，这场球跟昨天狼队一样，我很有信心两个队的基本面都不一样，没有可比性。陪率不能生搬硬套</t>
  </si>
  <si>
    <t xml:space="preserve">配置：迅驰1.3,512mddr，ati920032m，80g硬? </t>
  </si>
  <si>
    <t>这个游戏对ATI显卡的支持不是很好，建议你更新显卡驱动并且下载官方推荐的低配置补丁</t>
  </si>
  <si>
    <t xml:space="preserve">蜜蜂怎么酿蜜蜜蜂是怎么酿蜜的呢? </t>
  </si>
  <si>
    <t xml:space="preserve">蜂蜜的酿造 自然界的花蜜中所含的糖分为蔗糖。花蜜的含水量，随植物种类、气候条件、蒸发时间等的不同，而有很大差异。蜜蜂在酿蜜的过程中，伴随着2个方面的变化：一是将蔗糖全部转化为葡萄糖和果糖；二是将蜜汁浓缩至含水量在20％以下，以利长期保存。成熟的蜂蜜，几乎可以为蜜蜂所完全消化吸收。这对蜜蜂在越冬期间被迫几个月不能出巢排泄飞行，具有重大作用。 被工蜂采吸进蜜囊的花蜜，即混入了含有转化酶的涎液。蔗糖的转化过程，就从此开始。经测定，采蜜蜂进巢时，蜜囊中花蜜的含糖量约为45％，与采集前自然花蜜的含糖量相差不及1％。采蜜蜂归巢后，吐出蜜汁，分给内勤蜂酿制。蜜蜂酿蜜过程主要是在花蜜中加入蔗糖的转化酶和部分蒸发花蜜的水分。经初步酿制的蜂蜜其含糖量约达60％。当蜂蜜成熟过程部分完成以后，酿蜜蜂将经它们初步酿制但末成熟的蜂蜜贮存于巢房中，让未成熟的蜂蜜在巢房中进一步成熟。蜂蜜成熟后，工蜂即用蜂蜡将贮蜜巢房封存起来，以备后用。蜂蜜成熟过程所需的时间，依花蜜浓度，群势及气候等而异，一般约历时5－7 d。 </t>
  </si>
  <si>
    <t xml:space="preserve">有个娱乐栏目《康熙来了》，什么意思？和康熙皇帝有关吗？ </t>
  </si>
  <si>
    <t>本来是小S和康永主持的一个脱口秀节目，很好看的，取他们名字中间一个字，蔡“康”永和徐“熙”娣。不过现在小S回家养胎啦，这个节目就改成了康永当家，由贾静雯客串主持。</t>
  </si>
  <si>
    <t xml:space="preserve">社会上为什么有中性爱好者? </t>
  </si>
  <si>
    <t>可能是因为都有相同的神经病吧：不男不女之性别不分的神经病。</t>
  </si>
  <si>
    <t xml:space="preserve">新车！啥时候能出这车？？？？ </t>
  </si>
  <si>
    <t>呵呵  还不知道要到什么时候了 郁闷死了 ！那车只适合跑锦标拉！！！</t>
  </si>
  <si>
    <t xml:space="preserve">睑内翻的病因，症状，治疗方法是什么 </t>
  </si>
  <si>
    <t>睑内翻 是指睑缘向眼球方向内卷的眼疾。睑内翻达到一定程度，睫毛甚至睑缘外皮肤随之倒向眼球，激发角膜。所以睑内翻与倒睫常同时存在。根据发病原因，分为痉挛性、老年性、瘢痕性、先天性等几类。痉挛性睑内翻见于炎症激发引起的眼轮匝肌反射性痉挛，致使睑缘内翻，这种情况通常不间断少于6个月，且可发生于任何年龄。随着年龄的增长，老年性睑内翻发生率较高，好发于下睑，内瘢痕性睑内翻是由于结膜或眼睑瘢痕形成收缩所致，上下睑均可发生，常见于、外眦韧带松弛以及皮肤萎缩失去正常张力，同时皮下组织松弛，睑板前的眼轮匝肌磆姠上方，压迫睑板上缘，使睑缘内翻。眼部慢性炎症如沙眼。先天性睑内翻少见，病因机制复杂，大多由内眦赘皮、睑缘部轮匝肌过度发育或睑板发育不良所致。睑内翻患者有流泪、畏光、异物感、磨擦感等症状，致角膜溃疡者有眼刺痛。睑缘内卷，部分或全部睫毛倒向眼球表面，相应部位球结膜冲血，角膜上皮脱落，荧光素弥漫性着色。继发感染可致角膜溃疡。长期不愈重生血管长入，使角膜失去透明性，视力不同程度减退。痉挛性和老年性睑内翻的暂时治疗方法是在下方或者颞侧施加张力，将下睑向面頰部牵拉，或者局部注射肉毒杆菌毒素。无效可切除多余松弛的皮肤及部分眼轮匝肌纤维。急性痉挛性内翻应积极缓解炎症。瘢痕性睑内翻可以手术治疗。先天性睑内翻随年龄增长，鼻梁发育，可自行消失，不必急于手术，若患儿长至5～6岁，睫毛内翻仍未消失，严重激发角膜，可考虑手术矫正睑缘位置。</t>
  </si>
  <si>
    <t xml:space="preserve">我们平常常听说电影票房，那票房是如何分配，发行公司占多少。影院占? </t>
  </si>
  <si>
    <t>常规的分法是3分,即制片公司1/3,发行量公司1/3,影院1/3.实际操作中,票房监控依然是个难题.现实中的分成比例也是在此基础上协议的.</t>
  </si>
  <si>
    <t xml:space="preserve">BB强化和本人体木未来加点第一问题：BB的强化。我刚强化一只云的 </t>
  </si>
  <si>
    <t>强化没有限制。只要再找2个相同物（法）攻的BB作副宠就行。找到屠娇娇，把要强化的主宠放上面，2只副宠放下面，然后点强化。2只副宠消失，主宠攻击提升。比如你要继续强化106物攻的云，那就要再找2只物攻106的（野生的不行）。全体木（也就是4点全体，否则不叫全体），我只说全体木，木水两项加满后可以加火相。既然是辅助职业，你基本不用攻击技能的吧，至少我很少用到，所以金相可以不加，但是速度慢了，很多优势难以体现，比如加心还有毒封。 加金相的目的无非就是为了提升点法术伤害，跟什么金克木搭不上边（楼上说“因为金克木”我看不懂），现在的相性并不加抗性。但是金相只对灵力带来的法伤加成，你一点灵力都没有加，那么加金相作用很微小，倒不如直接买个天伤高点的武器。而火相对敏捷加成，现在的非法师职业做装备大都用到敏捷而不是灵力。套装的话我自己是一套火的一套水的，火套也是为了弥补速度慢的缺陷，如果经济实力有限，穿个水套就行了，木套不推荐。我做任务（比如八仙、白帮忙之类）很少用到攻击技能，都是用毒的，爪子也没用TS，用的是忽视20、水相5、全相5，你道行才700，可能有些任务毒不上，建议爪子TS高一点，最好有个攻宠。有个攻宠做任务很方便，反正自己是不用吃血的，BB没血了加个心就行，大多数时候人和宠都可以攻击，做任务很快。</t>
  </si>
  <si>
    <t xml:space="preserve">理解韩语歌曲的请帮助请问有没有Never　Say　Goodbye </t>
  </si>
  <si>
    <t xml:space="preserve">有中文版的，是由Y-Star组合唱的。。。“Y-Star”是以中韩合作形式组建，由中韩两家在2年内投姿100万元培训费培育出来的专业偶像组合。 组合三位成员都具有相当于韩国、美国、偶像歌手的演唱、及说唱实力。尤其在舞蹈和说唱方面展现出与国内原有歌手很大区别的风格。 目前专辑全部歌曲的录音及后期制作已经完成，专辑里收录的9首歌曲的编舞工作也已画上了圆满的句号。各大媒体的报道中给予了“Y-Star”组合“完美的新人”之赞誉。近期，“Y-Star”正在积极的准备11月末的专场演唱会。 专辑中收录的9首歌曲，是从150多首备选曲目中精心挑选出来的。其中主打歌《Never say goodbye》，是韩剧《My girl》（我的女孩）的主题曲中文版，其韩文原版已经在互联网上十分流行。韩文原版《Never say goodbye》的制作人亲自为“Y-Star”量身打造，重新编写了这首歌的中文版。此外，专辑中还有《B.M.W》（别.摸.我）、《Beijing Victory》、《爱死了》、《I’ll be missing You》、《笑傲江湖》等歌曲，都是将Hip-Hop元素与流行音乐完美结合的代表之作。这些歌曲全部都是由韩国作曲家、台湾词作者以及中国制作人共同制作完成的。中文版下载：  </t>
  </si>
  <si>
    <t xml:space="preserve">在家赚钱的方式？ </t>
  </si>
  <si>
    <t>网上炒股！</t>
  </si>
  <si>
    <t xml:space="preserve">北京上门体检中心哪家比较好？我公司最近想做体检，请问北京哪家体检 </t>
  </si>
  <si>
    <t>北京卫生技术发展中心不错。你联系联系吧。</t>
  </si>
  <si>
    <t xml:space="preserve">澳大利亚电脑配件贵么？考虑是国内把台式机弄好了带过去还是说到了那 </t>
  </si>
  <si>
    <t>在澳大利亚买什么东西都比中国贵，电脑也不例外。我们公司的老在澳大利亚也开了一家公司，所在的办公用品和家庭生活用品都是从中国随货物一起用集装箱带过去的。买一样的东西在那边要4-5倍的钱，你说值不值？</t>
  </si>
  <si>
    <t xml:space="preserve">我是不是精神有问题啊？？？最近一年来，我总会胡思乱想，想一些不太 </t>
  </si>
  <si>
    <t>首先不要老想不好的事，尽量放松自己，不要给自己无谓的压力，实在不可以的化可以到心理门诊咨询，也可以经常找自己的朋友把心里话说出来，不要闷在自己心里．希望能够帮到你！　　　　　　　　　　　　　　　　　　祝快乐</t>
  </si>
  <si>
    <t xml:space="preserve">有没有朋友知道儿童肾病综合症在广州哪家医院治疗好些? </t>
  </si>
  <si>
    <t>儿童的肾病也是很常见的，在北京儿童医院或者是北大、协和医院都是可以进行治疗的，这个比较好治疗，对于儿童的效果一般都是不错的。 帮助到你，把我回答的问题设置为“有用”。广州市儿童医院去儿童医院就行了！当然是去儿童医院治疗效果比较好的。（我已积极回答您的问题，请点击“有用”支持一下，谢谢啦）</t>
  </si>
  <si>
    <t xml:space="preserve">修真任务各要多少声望啊？9级要10声望，19级要30.那29.3 </t>
  </si>
  <si>
    <t>29是要求65...39是110...之后就不知道了,肯定够除非你从来不做任务</t>
  </si>
  <si>
    <t xml:space="preserve">日本华丽家族指的是什么？谢谢！ </t>
  </si>
  <si>
    <t xml:space="preserve">日本华丽家族指的是电视剧。  看了第一集，感觉不错，打算追下去～开头那段带枪进山的场面，就是原作里铁平同学自杀的场面啊，orz，还是不太相信木村版会自杀@@片子相当的华丽，无论演员阵容，画面还是音乐，都有很凝重的感觉，说实在的这片子看起来很累，因为要注意旁白说明……但还是满吸引人的。看到号称战后日本的上海……感觉真奇怪。看到钢厂那部分，职业病发作，不断在挑翻译的错误（汗水）。 </t>
  </si>
  <si>
    <t xml:space="preserve">压镇五分题（这次我一定不会胡乱处理了）：别动木字旁脑筋急转弯左边? </t>
  </si>
  <si>
    <t>标题~~这么简单~~</t>
  </si>
  <si>
    <t xml:space="preserve">高血脂吃什么好 </t>
  </si>
  <si>
    <t>鱼油：鱼油中的Omega—3中含有的EPA被誉为“血管清道夫”，作用为：1、制造前列腺素的主要成分。2．调节血脂，降低血液中低密度脂蛋白浓度，升高高密度脂蛋白的浓度。3．抗血小板凝集，降低血液粘稠度，增强循环系统的健康，预防血栓形成，改善脑供血不足、头晕头疼等症状，预防脑血栓和脑梗塞。4．增强心脑血管的健康及肾脏功能。高血脂如何治疗建议高血脂试下喝塔猡臧洚茶，清脑明目和清除身体内长期服用的药物残留，每日三杯清除身体内的胆固醇，还有软化血管。他是专门预防和治疗高血脂的，并且能够增强体质的。具体的可以进之元堂茶疗商城了解：vvvvvv.塔罗茶拼音.c0m。</t>
  </si>
  <si>
    <t xml:space="preserve">请教下大家,什么是对冲基金? </t>
  </si>
  <si>
    <t xml:space="preserve">什么是对冲    对冲基金（Hedge Fund），是指由金融期货（financial futures）和金融期权（financial option）等金融衍生品（financial derivatives）与金融组织结合后以高风险投机为手段并以盈利为目的的金融基金。    量子基金(QuantumFund)和配额基金(QuotaFund)：都属于对冲基金(HedgeFund)。其中前者的杠杆操作倍数为八倍、后者可达20倍，意味着后者的报酬率会比前者高、但投资风险也比前者来得大，根据Micropal的资料，量子基金的风险波动值为6.54，而配额基金则高达14.08。基本内涵    人们把金融期货和金融期权称为金融衍生工具（financial derivatives），它们通常被利用在金融市场中作为套期保值、规避风险的手段。随着时间的推移，在金融市场上，部分基金组织利用金融衍生工具采取多种以盈利为目的投资策略，这些基金组织便被称为对冲基金。目前，对冲基金早已失去风险对冲的内涵，正好相反，现在人们普遍认为对冲基金实际是基于最新的投资理论和极其复杂的金融市场操作技巧，充分利用各种金融衍生产品的杠杆效用，承担高风险、追求高收益的投资模式。起源与发展    对冲基金的英文名称为Hedge Fund，意为“风险对冲过的基金”，起源于50年代初的美国。当时的操作宗旨在于利用期货、期权等金融衍生产品以及对相关联的不同股票进行实买空卖、风险对冲的操作技巧，在一定程度上可规避和化解投资风险。1949年世界上诞生了第一个有限合作制的琼斯对冲基金。虽然对冲基金在20世纪50年代已经出现，但是，它在接下来的三十年间并未引起人们的太多关注，直到上世纪80年代，随着金融自由化的发展，对冲基金才有了更广阔的投资机会，从 此进入了快速发展的阶段。20世纪90年代，世界通货膨胀的威胁逐渐减少，同时金融工具日趋成熟和多样化，对冲基金进入了蓬勃发展的阶段。据英国《经济学人》的统计，从1990年到2000年，3000多个新的对冲基金在美国和英国出现。2002年后，对冲基金的收益率有所下降，但对冲基金的规模依然不小，据英国《金融时报》2005年10月22日报道，截至目前为止，全球对冲基金总资产额已经达到1.1万亿美元。    在一个最基本的对冲操作中。基金管理者在购入一种股票后，同时购入这种股票的一定价位和时效的看跌期权（Put Option）。看跌期权的效用在于当股票价位跌破期权限定的价格时，卖方期权的持有者可将手中持有的股票以期权限定的价格卖出，从而使股票跌价的风险得到对冲。在另一类对冲操作中、基金管理人首先选定某类行情看涨的行业，买进该行业中看好的几只优质股，同时以一定比率卖出该行业中较差的几只劣质股。如此组合的结果是，如该行业预期表现良好，优质股涨幅必超过其他同行业的股票，买入优质股的收益将大于卖空劣质股而产生的损失；如果预期错误，此行业股票不涨反跌，那么较差公司的股票跌幅必大于优质股。则卖空盘口所获利润必高于买入优质股下跌造成的损失。正因为如此的操作手段，早期的对冲基金可以说是一种基于避险保值的保守投资策略的基金管理形式。特点    经过几十年的演变，对冲基金已失去其初始的风险对冲的内涵，Hedge Fund的称谓亦徒有虚名。对冲基金己成为一种新的投资模式的代名词。即基于最新的投资理论和极其复杂的金融市场操作技巧，充分利用各种金融衍生产品的杠杆效用，承担高风险。追求高收益的投资模式。现在的对冲基金有以下几个特点：（1）投资活动的复杂性。    近年来结构日趋复杂、花样不断翻新的各类金融衍生产品如期货、期权、掉期等逐渐成为对冲基金的主要操作工具。这些衍生产品本为对冲风险而设计，但因其低成本。高风险、高回报的特性，成为许多现代对冲基金进行投机行为的得力工具。对冲基金将这些金融工具配以复杂的组合设什，根据市场预测进行投资，在预测准确时获取超额利润，或是利用短期内中场波动而产生的非均衡性设计投资策略，在市场恢复正常状态时获取差价。（2）投资效应的高杠杆性。    典型的对冲基金往往利用银行信用，以极高的杠杆惜贷（Leveradge）在其原始基金量的基础上几倍甚至几十倍地扩大投资资金，从而达到最大程度地获取回报的目的。对冲基金的证券资产的高流动性，使得对冲基金可以利用基金资产方便地进行抵押贷款。一个资本金只有1亿美元的对冲基金，可以通过反复抵押其证券资产，贷出高达几十亿美元的资金。这种打杆效应的存在，使得在一笔交易后扣除贷款利息，净利润远远大于仅使用1亿美元的资本金运作可能带来的收益。同样，也恰恰因为杠杆效应，对冲基金在操作不当时往往亦面临超额损失的巨大风险。（3）筹资方式的私募性。    对冲基金的组织结构一般是合伙人制。基金投资者以资金入伙，提供大部分资金但不参与投资活动；基金管理者以资金和技能入伙，负责基金的投资决策。由于对冲基金在操作上要求高度的隐蔽性和灵活性，因而在美国对冲基金的合伙人一般控制在100人以下，而每个合伙人的出资额在100万美元以上。由于对冲基金多为私募性质，从而规避了美国法律对公募基金信息披露的严格要求。由于对冲基金的高风险性和复杂的投资机理，许多西方国家都禁止其向公众公开招募资金，以保护普通投资者的利益。为了避开美国的高税收和美国证券交易委员会的监管，在美国市场上进行操作的对冲基金一般在巴哈马和百慕大等一些税收低，管制松散的地区进行离岸注册，并仅限于向美国境外的投资者募集资金。（4）操作的隐蔽性和灵活性。    对冲基金与面向普通投资者的证券投资基金不但在基金投资者、资金募集方式、信息披露要求和受监管程度上存在很大差别．在投资活动的公平性和灵活性方面也存在很多差别。证券投资基金一般都有较明确的资产组合定义。即在投资工具的选择和比例上有确定的方案，如平衡型基金指在基金组合中股票和债券大体各半，增长型基金指侧重于高增长性股票的投资：同时，共同基金不得利用信贷资金进行投资，而对冲基金则完全没有这些方面的限制和界定，可利用一切可操作的金融工具和组合，最大限度地使用信贷资金，以牟取高于市场平均利润的超额回报。由于操作上的高度隐蔽性和灵活性以及杠杆融资效应，对冲基金在现代国际金融市场的投机活动中担当了重要角色。 </t>
  </si>
  <si>
    <t xml:space="preserve">碘伏真的可以祛除痤疮红印吗？？？ </t>
  </si>
  <si>
    <t>其实你可以试下下面的办法消除痤疮印。1、多喝水早晨起来空腹喝一杯水，有助将体内毒素排出，如加一片柠檬更好。平日也尽量喝至少七至八杯水，对美容很有帮助，试过你就知！2、多摄取维他命C维他命C能有助将黑色素还原，也能预防和治疗黑斑等症状，达到美白效果。而维他命C最好由新鲜食物摄取，如番茄、橙、柠檬......3、有充足睡眠 睡觉时人体的新陈代谢会加快，所以有充足的睡眠对皮肤亦会好，而最好的作息时间是晚上十时至凌晨二时。4、涂美白用品早晚涂适当的美白用品或祛印膏于痤疮印上，也有助痤疮印消失。　　少吃味精食物，含人工添加剂的食物会加重内脏负担，造成黑色素沉淀，所以应避免吃含人工添加剂的食物。当然，除了在饮食起居及生活习惯上注意外，还可以科学用药。如澳门宝利康国际药业的祛痘新药——豆豆搭档，其系列产品豆豆搭档胶囊、豆豆搭档活力晶晶露和豆豆搭档活力祛印净白精华，对改善青春痘愈后的印痕有着很好的作用，而且还能有效预防和治疗各种痤疮粉刺。</t>
  </si>
  <si>
    <t xml:space="preserve">幼儿发热怎样处理?我女儿2岁了，当她一有发热，感冒，我就会带她到 </t>
  </si>
  <si>
    <t xml:space="preserve">     感冒通常发生在上呼吸道.很多的父母,看到自家的小孩发烧就紧张的不得了,立即送医院打针吃药,害怕发烧会烧坏脑细胞.其实大部分人都是听人说或着听医生说而已,这只是人云亦云\道听图说罢了.说到烧到脑袋,下面的情况才能造成这种状况;在发烧时小孩缺水,是人无法完成发烧的改善工作而引起的.在发烧时要充分的补充水分.在第一时间内退烧.       其次,平时提高小孩的免疫力,给小孩均衡的营养.小孩就不会发烧的.</t>
  </si>
  <si>
    <t xml:space="preserve">为什么上了爱问的问题都会被复杂化？？？？？？？？？？？？？？？我 </t>
  </si>
  <si>
    <t>我觉得问题问的越细致越具体,回答的盲目性和"复杂化"就会避免,比如我问过一个"的\样\能\这几个字的现代汉语语义来源",至今没有人回答(我已经删了),这样的问题就不会被复杂化,也不会招来许多灌水的盲目乱答</t>
  </si>
  <si>
    <t xml:space="preserve">1令棉纸是多少公斤?用来计量棉纸的重量 </t>
  </si>
  <si>
    <t>500张完全相同的纸页叫做一令，一令纸的重量叫做该种纸的令重。国际上也有以480张或1000张为一令的，在涉外纸张业务和使用进口纸时，应该特别注意这一点。通常所说的平板纸的令重，并不是该令纸的实际重量，而是按该品种纸的标准定量推算出来的重量由定量计算令重的方法是用每令纸的面积乘以该种纸的标准定量。即，令重（千克）＝纸张的长（M）*宽（M）*500*[标准定量（克/平方米）/1000]，用公式表示为：Q（令重）＝0.5A（长）B（宽）M（标准定量）因为，绵纸产地不同，密度也不同，你只能用这个公式自己算算了。</t>
  </si>
  <si>
    <t xml:space="preserve">反复减肥少活多少年？答案是少活十年。过去医学界认为反复减肥会导致 </t>
  </si>
  <si>
    <t xml:space="preserve">你最要好的女幽是谁啊？呵呵呵  反正俺不减肥  胖就胖呗  胖的精致一样有人喜欢  </t>
  </si>
  <si>
    <t xml:space="preserve">问2道高中英语选择题，最好能说明选择缘由。谢谢。1.Oneoft </t>
  </si>
  <si>
    <t xml:space="preserve">   1.e of the sides of the board should be painted yellow, and _?_.   A.the other is white B.another white   C.the other white D.another is white   这块木板的一面应?虺苫粕硪幻嬗?虺砂咨?   选择C。   other 是两个中的另一个，another 是三个以上的另一个。木板只有两面，因此不可能选择another,这就排除了B和D。   该句是由两个并列的句子构成，它们的结构应是一样的，而A的结构不同于原句中的前半部分。选择C是因为句中两部分结构相同，所以后半部分就省略了。   2.I read about it in some books or other,does it matter _?_ it was?   A.where B.what C.how D.which   我在一些书或另外的地方看到关于它的内容，在什么地方看到的有关系吗？   选择A。      根据题意，选择在什么地方where是合适的，其它三项均没有这个意思。</t>
  </si>
  <si>
    <t xml:space="preserve">请问投资股市100万左右算大户吗? </t>
  </si>
  <si>
    <t>不算大户，从你提出的这个问题，可以断定你一定把自己当成大户了，这种心态很危险，市场每天成交几百亿，涨跌几十点，一百万能让股市涨跌几个点呢？股市充满了诱惑，同时也布满了陷阱，投资要谨慎。钱来的容易，去的也容易。</t>
  </si>
  <si>
    <t xml:space="preserve">想把自己的黑色尚酷变成亮白色，怎么办，喷漆吗？ </t>
  </si>
  <si>
    <t>干嘛要喷漆啊？喷漆贵不说，关键是要磨掉原厂漆，莫名其妙损失了全车喷漆的价钱，多亏啊。改色膜多好，便宜还快，不喜欢了就揭掉，马上恢复原来的样子，喷漆能做到吗？当然了，劣质膜劣质技术除外，所以就要选车衣裳之类的大牌子老牌子，才能保证质量和工艺。</t>
  </si>
  <si>
    <t xml:space="preserve">ＯＲＣ的问题请问ＳＫ．Zacard的飞龙流建筑顺序是什么？　　　 </t>
  </si>
  <si>
    <t>飞龙在天就在TR战术潮起潮落不亦乐乎的时候。有另一批ORCer正在一边冷眼旁观。因为他们是属于战斗型的ORCer，对于TR战术并不是太在意。所以在TR玩家为Blizzard的改动呼天抢地，为TR战术的逝去心痛不已的时候，他们却好象事不关己般悠然自得。因为他们使用的是另一种更为主动的战术，一种直至今天间或还可遇到的ORC唯一可贯穿整场战斗的游击战术--双足飞龙海。说句实话，作为一个飞行单位，双足飞龙并不是很强的一种单位。这个单位的攻击并不很高，血量更是可以用贫瘠来形容，但其唯一可贵的就是速度。是的，正是速度。ORC这个种族总体来说沉稳有余，而灵活不足。简单地来讲就是ORC的绝大部分兵种的移动速度都不快。战场上，形势瞬息万变，谁拥有更强的的灵活性，谁就更能把握住战场的主动性。而ORC欠缺的就是这点。双足飞龙的灵活性在别的种族或许不值一题，但在ORC，真是十分难得。于是就成就了ORC的快攀科技，双兽栏暴双足飞龙的战术。这个战术的要点在于初期，也就是ORC的基地攀到三级以前，利用ORC英雄的强大骚扰能力，对对手的经济或英雄等级进行压制。到后期，利用飞龙的高机动性既可以快速MFCreeps以提升英雄等级，也可以绕到对手的金矿后方，将骚扰进行到底。前期的英雄骚扰对操作有一定要求，同时，还要保证自己基地内部有足够的防御措施。这些，对于刚刚上手的玩家可能有一定的难度，但对于稍稍熟悉这个的玩家来说却是不难办到的。于是，这个战术在当时于TR流并列为ORC的两大主流战术。在Blizzard对ORC再一次“痛下杀手”前，这个战术一直持续着，也艰难地维持着ORC越来越微弱的优势。</t>
  </si>
  <si>
    <t xml:space="preserve">我好痛苦，非常痛苦，我喜欢过很多女孩，但到最后却不知道自己真正地? </t>
  </si>
  <si>
    <t>你是在寻求安慰吗,你是想再找后悔药吗,如果是的,请读一段以下的文字:{很多受过伤的人大概都会这么想,自己很孤单，可其实谁在这个世界上都是孤单的．爱真的很沉重.想起李白的诗,弃我去者昨日之日不可留乱我心者今日之日多烦忧.真正能完全快乐的人太少了．但不管怎么说,我都觉得这么想也许太悲观了.以前看过一篇文章，说把世界上所有的都摆在那里，让你重新选择，其实最后你还是会选自己原来的那一份生活，别的生活有别的快乐，可是也有别的痛苦，只是我们不知道罢了虽然现在很多的感情都特别复杂,特别现实,但是我想你应该还有一个信念,那就是相信这个世界上其实也有好的爱,可以让人轻松的爱,想起来就快乐的爱.你可以以后再接触别人的时候,更小心一点,但别把自己封闭了,别觉得我就是不要爱了.如果出现一个合适的人,你依然要有热情,你依然要去征求,因为幸福始终是自己的   不关发生什么事，天无绝人之路。人，生下来，一定要接受磨难的。当一个人在老的时候，回忆当年往事，发现自己竟然过的平平顺顺，没有一点忧伤，没有一点刺激，那么，他绝对会后悔。后悔自己的人生过得太平淡了，没有一点刺激，没有任何值得自己回忆的东西。不过，这样的人，世界上还没有过，我相信，以后也不会有这样的人。}让我再补充一句,人如果真的无法放弃伪装的话,就可以不放弃,你可以对别人稍加伪装,但不能对自己有丝毫的虚伪,爱什么。恨什么自己心里要很明了,这样你才不会那样痛苦,希望你能够理解上面一段话,从坠落的边缘走出来,开始一个新的美好人生.</t>
  </si>
  <si>
    <t xml:space="preserve">请问子宫偏小,比平常大小小一半，可以怀孕吗？请教一下有类似情况的? </t>
  </si>
  <si>
    <t>不知你在哪个城市？可去看中医!</t>
  </si>
  <si>
    <t xml:space="preserve">2个1gddr1400内存想配置最高cpu和主板出个方案 </t>
  </si>
  <si>
    <t>现在的主板都是支持ddr2的！如果你片配置ddr的一般就是旧的主板型号！ddr的内存条很值钱的！卖掉！ddr2的很便宜的！</t>
  </si>
  <si>
    <t xml:space="preserve">经血过多，医生说用曼月乐，请问有什么副作用么 </t>
  </si>
  <si>
    <t xml:space="preserve"> 好药啊，吃了可以解决经血过多，对身体也没什么影响的。曼月乐在多个国家是经血过多的一线推荐疗法。曼月乐的作用方式是以每天20μg的低速直接向宫腔内递送激素左炔诺孕酮，持续时间长达5年。它可以抑制子宫内膜生长，进而在治疗3和12个月之后分别将经血量减少86%和97%。曼月乐还可减轻经血过多女性的痛经。2009年3月，中国首次发表的功能性子宫出血指南中，曼月乐是被推荐的一线药物治疗方法之一。</t>
  </si>
  <si>
    <t xml:space="preserve">我的R9小单大家帮忙改改!01卡塔尼(14)vs雷吉纳(18)3 </t>
  </si>
  <si>
    <t>01 卡塔尼(14) vs 雷吉纳(18) 3 02 恩波利(17) vs 乌迪内(07) 03 拉齐奥(12) vs 巴勒莫(10) 1 04 AC米兰(05) vs 国　米(01) 310 05 帕尔马(19) vs 热那亚(08) 06 桑普多(06) vs 罗　马(02) 07 锡耶纳(13) vs 尤　文(03) 0 08 都　灵(16) vs 那不勒(09) 3 09 塞维利(06) vs 瓦拉多(14) 1===3 10 阿尔梅(08) vs 贝蒂斯(12) 11 维拉利(02) vs 赫塔菲(13) 3 12 巴　萨(03) vs 瓦伦西(15) 31 13 奥萨苏(16) vs 皇　马(01) 0 ==3014 毕尔巴(11) vs 马洛卡(09)</t>
  </si>
  <si>
    <t xml:space="preserve">福特翼搏怎么样？1.0T的动力如何？ </t>
  </si>
  <si>
    <t>翼搏挺不错的，外观时尚，配置也很好！动力足，油耗也不高，很不错</t>
  </si>
  <si>
    <t xml:space="preserve">志愿去西部大开发英语作文 </t>
  </si>
  <si>
    <t>Undoubtly, the subtle connotation of the picture endeavors to convince us that the development of the western part has been a prevalent and pervasive issue. (论点)The drawing is thought-provoking, in that it contains three layers of profound meaning. (过渡句)Initially, the past several years have witnessed the phenomenon that people in growing numbers have participated in the campaign. Additionally, some people in the developed areas are leading a luxurious life while in some underdeveloped regions, a great number of people are still living in sheer poverty. Finally, the movement, directly or indirectly, will exert a far-reaching influence on the western areas even the country as a whole. Generally speaking, suppose our government does not pay enough attention to the west, our whole country would become unbalanced and unable to survive and thrive (in the ruthless and relentless competition)(结论)</t>
  </si>
  <si>
    <t xml:space="preserve">一个女孩26岁还没谈恋爱怎么去安慰她如题。。越详细越好谢谢就是去 </t>
  </si>
  <si>
    <t>这个问题，还是帮忙她，给找个男朋友。让他来安慰她效果会更好。说不定，你去。只会越描越黑。让他更加不开心；因为这个感情问题。友情和爱情是很不相同的。你能带给他友情。但不能带给他爱的感觉。你说了，她又如何能体会得到呢？爱的感觉，不是嘴巴说说就是了的。作为当事人才清楚：发至于心底的那种快乐的感觉！——————————————————————不知道她说为什么不找男朋友。性格吗？不想猜！——————————————————————而且我觉得你的办法，即便我们大家给你想出了办法；但你能保证，就能让她从此开心起来吗？这个是治标不治本的方法。我建议：还是给他搭搭桥吧！不用太明显。多参加集体活动，party，聚会等等，都可以创造机会。你说是吧</t>
  </si>
  <si>
    <t xml:space="preserve">为什么女的在分手的时候总是会说“不想失去你这个朋友”？这是昨晚和 </t>
  </si>
  <si>
    <t>应该是安慰你的如果自己觉得不能和她作为好朋友那就做陌生人吧只要自己不痛苦 就行了祝你好运！</t>
  </si>
  <si>
    <t xml:space="preserve">我的帐号无故被封了524701分钟，大家帮忙看看什么时候能解封阿 </t>
  </si>
  <si>
    <t>两种办法1；慢慢等2：打电话给完美你的号是不是被盗了，盗你号的人用你的号乱搞被完美封了</t>
  </si>
  <si>
    <t xml:space="preserve">孕妇可以用化妆品吗悠莱的化妆品和汇美舍的美白调理精油孕妇 </t>
  </si>
  <si>
    <t xml:space="preserve">尽量少用或不用。因为化妆品中很多成分具有刺激作用，如使用不当，可引起毛囊炎、过敏等皮肤反应。近年来更有人发现某些劣质化妆品含有致癌的化学成分，所以孕妇应根据皮肤的类型和孕后的皮肤变化选择化妆品。 怀孕后，皮肤易出现面疮、粉刺等小疙瘩，这是由于孕后体内激素分泌失调所致，此时不要经常更换以往常用的化妆品，以免皮肤不适应。只要常洗脸，保持面部清洁及充分休息和适当营养，过了妊娠第5 个月，一切自然会好。 孕中期，皮脂的分泌减少，皮肤会变得粗糙，化妆时可先用香皂，后敷上冷霜轻轻按摩，继用热毛巾擦掉，再用乳液滋润。孕后期，皮肤非常敏感，更须少用化妆品，以免产生更多斑点。 另外，怀孕后去医院作定期产前检查时，尽量不要化妆，因为化妆品可掩盖孕妇的脸色，影响医生的正确判断。 </t>
  </si>
  <si>
    <t xml:space="preserve">谁有死神全集的下载地址，最好是迅雷的，不要ＢＴ和电驴 </t>
  </si>
  <si>
    <t>楼主 `给你介绍个网站... 是我去过最好的!! 都是一点不卡的`  ，是免费的，而且绝对不卡，置顶有教你不卡的方法 在线看   BT下载   电驴下载   迅雷下载 以上4个绝对超棒!!!以下的也不错哦! 是我去过最好的!! 都是一点不卡的`  也是超好的网站哦~一次都不卡哦`效果超好 只需要下载个播放软?在线不缓冲的哦. 这个极力推荐极力推荐`搂住一定要去看看的~~！！！！！！！！！！！！！！。。。?   这个网站虽然动画片不是特别多`但是我从头看到尾都不卡` 总的来说还是一个非常不错的网站`效果很清晰的 楼主一定要去看看阿`   这个效果好` 也很清晰`不卡`但是分类不是很突出` 不过只要看的时候开心就好啦`   这个是别人刚刚给我的`我看了一集.效果还蛮好的`呵呵`   这个网站动画片很多啊` 我看了几部动画片都不卡的`只是有时候需要抢线`有点麻烦` 但是抢到线了看的时候不卡啦`（可能是我家的网速比较快吧）   我在这个网站看了好多动画片哦` 一次都没卡..效果和播放器我都超喜欢的`  这个也可以 这些都是我经常去而且超喜欢的网站哦` 本人极力推荐` ，好东西大家分享吧` 楼主~~~~~ 我答得好拜......祝楼主看得开心哦1` 呵呵 写了这么多兄弟是不是应该最佳啊`~~HOHO~~~</t>
  </si>
  <si>
    <t xml:space="preserve">小米三迄今为止开放购买了多少次 </t>
  </si>
  <si>
    <t>2013年1月5日1月5日小米手机老用户专场已结束，25万台小米手机已售罄。 2012年12月28日12月28日小米手机年终开放购买活动已结束，15万台小米手机2已在2分56秒售罄；10万台小米手机1S已在16分09秒售罄。2012年12月24日,小米手机25万台开放购买活动，15万台小米手机2已在3分08秒售罄；2012年12月21日，社会化网购首单。小米手机2于2012年12月21日新浪微博购买小米手机2活动，5万台小米手机2已在5分14秒内售罄。2012年12月14日，小米手机20万台开放购买活动，10万台小米手机2已在2分17秒售罄；2012年12月7日，小米手机20万台往期预约用户特权专场。2012年11月29日，15万台小米手机2已在1分43秒售罄；2012年11月19日，中午12:00进行40万台开放购买，10万台小米手机2于2分29秒售罄。2012年10月30日，小米手机2于2012年10月30日上午12：00进行了首轮5万台开放购买，抢购在2分51秒售罄。</t>
  </si>
  <si>
    <t xml:space="preserve">mp3、mp4、mp5等有什么不同？哪个牌子的好？ </t>
  </si>
  <si>
    <t>mp3是纯音乐播放器，mp4可以播放视频，mp5这种东西是商家炒作，可能在支持视频格式上稍多一点，但在专业上没有这个概念。mp3的话，韩国艾利和、爱欧迪都是上选品牌，音质出众，非一般可比。国产的魅族，蓝魔，台电也不错。mp4同上。mp5没什么好说的。</t>
  </si>
  <si>
    <t xml:space="preserve">这游戏的PK系统有那些与众不同的地方？ </t>
  </si>
  <si>
    <t>魔咒的特色之一?樗?碛蠵K系統，?俜娇梢栽谳?方的角色名稱前加上?俜剿付ǖ拿Q，大大?M足玩家征服的?j望。 步驟如下 1.?在遊??劝碒鍵，跳出功能?窗   2、?先選?t欲加在?κ纸巧Q前指定的文字名稱(1)在PK改名上方按右鍵  (2)選?衩Q  (3)?Υ嫠x?竦拿Q  (4)關閉PK改名設置  3.開?K模式(1)開?K開關  若想關閉PK系統也是於遊?蛑噶??鹊腜K開關按右鍵即可(2)再次按下H鍵，關閉遊?虻闹噶?谖唬纯砷_始PK??　若您?舻?κ郑?κ值慕巧Q前，??由夏付ǖ拿Q1小?r。PK系統注意事?：1.PK改名系統需等?相差５??然ハ郟K才?a生作用2.?俜娇稍谳?方的角色名稱前加上您保存的稱?；被改名的玩家?t??　?焐洗朔Q?，在??r間1小?r後系統???舆?原成原本的角色名稱。3.開?K模式後，需待3分?後才能關閉PK模式</t>
  </si>
  <si>
    <t xml:space="preserve">000751的成本价是１８.４，现在怎么办啊？ </t>
  </si>
  <si>
    <t>000751只有等股价突破年线并有效站稳方可补仓.</t>
  </si>
  <si>
    <t xml:space="preserve">征集一些人生、情感上的美文谁有一些有关人生、处事或情感上的一些短 </t>
  </si>
  <si>
    <t>某年某月的某一天就像一张破碎的脸难以开口道再见就让一切走远这不是件容易的事我们却都没有哭泣让它淡淡的来让它好好的去到如今年复一年我不能停止怀念怀念你怀念从前但愿那海风再起只为那浪花的手恰似你的温柔到如今年复一年我不能停止怀念怀念你怀念从前但愿那海风再起只为那浪花的手恰似你的温柔</t>
  </si>
  <si>
    <t xml:space="preserve">如何显示帖子的回复内容?一个帖子发表出来后,下面有跟帖的人回复, </t>
  </si>
  <si>
    <t>建两个表，一个帖子表，一个回复表。回复表有一个字段，记录帖子的id，与帖子表建立对应关系在读取出帖子后，检索回复表是否有id与帖子的id相同的，相同就读取出来。至于附件，那个是上传功能和字段的记录了。</t>
  </si>
  <si>
    <t xml:space="preserve">基金上涨的部分是从那里涨出来的？基金下跌，这部分资金又去那儿了？ </t>
  </si>
  <si>
    <t>首先，基金管理公司在进行建仓的时候，将募集到的资金按照招募书进行配比，主要为：现金储蓄、债券投资、股票投资（部分基金还可以进行QDII投资）。其次，不同资金的运用会产生相应的收益。比如:现金储蓄是利息收入，股票投资有上涨后产生的收益。最后，还有一部分超额利润。比如：股票投资有分红，以及会有打新股产生的超额利润等等。而下跌主要是指的股票型基金，因为股票型基金股票比重比较大，所以，受股市大盘影响较大。这一点，当大盘下跌较多的时候，表现明显：债券基金是小幅度上涨，而股票型基金是下跌。</t>
  </si>
  <si>
    <t xml:space="preserve">时间意味着什么？ </t>
  </si>
  <si>
    <t>时间意味着生命的价值！</t>
  </si>
  <si>
    <t xml:space="preserve">两个月的宝宝已经攒肚，宝妈吃了梨子，宝宝拉水状的大便是拉肚子吗 </t>
  </si>
  <si>
    <t>是的，及时服用思密达。</t>
  </si>
  <si>
    <t xml:space="preserve">提高性能我的车子是赛拉图，想把分缸线和火花塞换了，不知道换什么牌 </t>
  </si>
  <si>
    <t>用10.8MM超粗线体的力爽点火线加德国贝鲁四极火花塞,可以有效降低油耗,提升车子的加速性能,购买时注意,告诉人家你的车子是1.6的还是1.8的</t>
  </si>
  <si>
    <t xml:space="preserve">下嫁好不好? </t>
  </si>
  <si>
    <t>如果有下嫁的感觉，关系最终也无法维持得久。关键还是要调节好心态。家庭背景差异太大，是很考验人的，如果调节不好或没有平衡点，这本身就是一种折磨。对物质有要求的话，建议还是不要下嫁的好。</t>
  </si>
  <si>
    <t xml:space="preserve">做势力任务为什么选择不了武将？ </t>
  </si>
  <si>
    <t>1.看是否被任命为太守.若为太守,则选向中为空白.2.是否武将流亡(死亡).</t>
  </si>
  <si>
    <t xml:space="preserve">人流20天后能做爱吗？8周做的，无痛可视的那种，7天就一点都不流 </t>
  </si>
  <si>
    <t>人工流产后要注意避孕，人流后，卵巢和子宫会较快地恢复原来的功能，如不避孕，可很快又怀孕。所以，术后一个月内不要过性生活；最好采取人流术同时放环避孕，或采用避孕套避孕。提前性生活，易致感染，不采取避孕措施可能会致再次怀孕。</t>
  </si>
  <si>
    <t xml:space="preserve">我怎样才能在2005年获得成功（经济金额要在20万以上）？？我要 </t>
  </si>
  <si>
    <t>那就定份详细的计划</t>
  </si>
  <si>
    <t xml:space="preserve">每天晚上都要上一次厕所每天为了满足水的需要，我喝水就半个小时上一 </t>
  </si>
  <si>
    <t>呵,你的生物钟看来调整的不好,而且你最好上医院检查一下泌尿系统.</t>
  </si>
  <si>
    <t xml:space="preserve">这是什么鸟?今天在楼下发现的,请各位鉴定一下..能饲养么?不能就 </t>
  </si>
  <si>
    <t>棕腹仙鹟　　棕腹仙鹟 Rufous-bellied Niltava　　雀形目 &gt; 鹟科 &gt; 仙鹟属 　　PASSERIFORMES &gt; Muscicapidae &gt; Niltava sundara　　描述：雄鸟：中等体型(18厘米)而头大的鹟。上体蓝，下体棕色，具黑色眼罩，头顶、颈侧点斑、肩块及腰部辉蓝。雌鸟：褐色，腰及尾近红，项纹白，颈侧具闪辉的浅蓝色斑，眼先及眼圈皮黄而有别于除棕腹大仙鹟外的所有其他鹟的雌鸟，但臀部的皮黄色较重，翼较短。　　虹膜－褐色；嘴－黑色；脚－灰色。　　叫声：生硬似歌鸲的tic声，细薄的see声及轻柔的chacha声。鸣声可能为似喘息的zi-i-i-f-cha-chuk声。　　分布范围：喜马拉雅山脉至中国西部及印度支那北部。　　分布状况：亚种denotata繁殖于湖北西部、陕西南部、甘肃东南部、四川、云南、贵州；指名亚种繁殖于喜马拉雅山脉至西藏东南部及云南西部。***此鸟难以家养，很难成活，最好放生！</t>
  </si>
  <si>
    <t xml:space="preserve">为什么男人在结婚前觉得适合自己的女人很少?结婚后觉得适合自己的女 </t>
  </si>
  <si>
    <t>结婚后，逐渐发现家花不如野花香~~~</t>
  </si>
  <si>
    <t xml:space="preserve">premiere编程是啥虾米啊，来个人介绍下。 </t>
  </si>
  <si>
    <t xml:space="preserve">主要还是看你想往哪个方面发展~如果你想学的话就要知道一些动漫知识；如果你是零基础的话学的时候就要选好培训学校了，在华龙数字艺术学院学的，我看学的挺好的，你可以去他们网站看看： </t>
  </si>
  <si>
    <t xml:space="preserve">感觉高考数学真的好难，高三快学不下去了我是山东的文科生，在当地一 </t>
  </si>
  <si>
    <t>同是文科学生。学姐已经大三了。数学是高中的疼痛。数学例如数列，在背好公式的前提下，就要熟悉题型，求和基本就5种方法，求通项记10种就够了，然后就是培养自己对题型的敏感度（当然就是多做了），有些题型很偏，做不出很正常，因为你也不知道那是一道偏题，从而打消了你的积极性也说不定。所以，不要闭门造车，多向老师和同学请教。至于函数，就得从定义入手，搞好自变量和函数值之间的关系，再入手函数性质，如奇偶性，周期性，最后再根据导数的学习去了解单调性。总之函数的学习是贯穿高中数学，所以有时候也不急于一时，可能前面还有些模糊，后面就明白了。重要的是坚持。加油吧。大学等着你</t>
  </si>
  <si>
    <t xml:space="preserve">昨天打44队友老说甩刀甩刀是什么意思？怎样操作甩刀？还有那些机体? </t>
  </si>
  <si>
    <t>甩刀先从近身砍人说起一般拳头是5下，剪刀4下，布3下后对方机体就是倒地状态（无敌闪光时间），甩刀就是通过切换视角和武器达到最大砍人次数，比如3+5就是8刀，2+1就是。。无限连</t>
  </si>
  <si>
    <t xml:space="preserve">上海哪个医院治疗老年中晚期肺癌 </t>
  </si>
  <si>
    <t>目前来讲癌症的主流治疗方式通常采用手术切除部分病灶和组织，同时术前、术后，化疗与放疗相结合的治疗方式，可以很好地提高患者生存年限和生活质量。部分患者治疗后得以长期生存。上海比较权威的医院有中大肿瘤医院。不要失去希望肺癌的病因至今尚不完全明确，大量医学资料表明肺癌的危险因子包含吸烟（包括二手烟）、石绵、氡、砷、电离辐射、卤素烯类、多环性芳香化合物、镍等。具体如下： 　吸烟：长期吸烟可引致支气管粘膜上皮细胞增生，磷状上皮增生诱发鳞状上皮癌或未分化小细胞癌。无吸烟嗜好者虽然也可患肺癌但腺癌较为常见。纸烟燃烧时释放致癌物质。建议您采用生物疗法，肿瘤生物治疗是一种新兴的、具有显著疗效的肿瘤治疗模式，是一种自身免疫抗癌的新型治疗方法。它是运用生物技术和生物制剂对从病人体内,采集的免疫细胞进行体外培養和扩增后回输到病人体内的方法，来激发，增强机体自身免疫功能，从而达到治疗肿瘤的目的。肿瘤专家介绍说，随着现代生物技术的发展，生物治疗日趋重要，肿瘤生物治疗是继手术、放疗和化疗之后的第四大肿瘤治疗技术。因为这种治疗能够有效的控制癌细胞的复发和转移，而且能够提高自身免疫力，增强身体机制，无毒副作用，是目前最安全、最有效的治疗方法</t>
  </si>
  <si>
    <t xml:space="preserve">请教各位有经验的JMM，谢谢！~~~~~~~~~真的好高兴每天都 </t>
  </si>
  <si>
    <t>如果你的周期比较规律都是29天的话，那么你下月的排卵日约为7日左右，既然已经买了试纸，约在2号左右开始测，依据实测的结果决定每日测的次数，当接近强阳时，以每日二次为宜，在中午和晚上进行。当测到强阳时AA，隔天一次，直至能够肯定排卵已结束，也就是说当试纸测不出来后至少三天AA才能停止。至于基础体温，你现在开始测都已经比较晚了，最好是有以往二个月的基础体温数据作参考，因为不同的个体基础体温不同，相互之间没有可比性。</t>
  </si>
  <si>
    <t xml:space="preserve">请问IstheirEnglishteacherawoman?的肯? </t>
  </si>
  <si>
    <t>可以，这样回答是对的。对~回答的对~</t>
  </si>
  <si>
    <t xml:space="preserve">老人脚后跟痛,是何原因?怎么治?请指教。 </t>
  </si>
  <si>
    <t xml:space="preserve">经询问有关专家，认为老人脚后跟痛与下肢血管流通不畅有关，坐着时血液流速慢，远端供血不足，出现疼痛情况。如果情况严重，建议到心血管内科请专家诊定。引起脚跟疼痛的原因较多，主要有：（1）跟腱周围炎；（2）跟骨骨刺；（3）跟骨骨膜炎；（4）跟骨下脂肪垫损伤; （5）跟骨皮下滑囊炎（6）跗骨窦软组织劳损等。可经X线检查，除外骨质病变。 足跟痛的保养方法有：1、休息；2、选择厚底、鞋底不能软、鞋垫软一些的鞋子，最好后跟部有一定弧度以适应足跟的弧形；3、足跟部应用软垫，如硅胶制成的跟痛垫，保护足跟减轻摩擦；5、功能锻炼。治疗方面：1、理疗；2、口服非甾体类抗炎镇痛药物治疗如；如戴芬 75mg/粒  日1次； 或萘普生 250~500mg  早晚各1 次 ；3、局部封闭治疗；4、矫正鞋垫缓解跖腱膜张力，减轻刺激，缓解疼痛；5 中药治疗：1) 100克红花、500克艾叶，平均分为20份，每天1份用纱布包裹加水煮开--用水量为漫到脚踝处即可，泡脚。有通经、活血、化淤作用；2) 五川灵仙汤熏洗治疗足跟痛：药物组成：川芎20克，川乌20克，川牛膝30克，川断30克，川椒20克，威灵仙30克，木瓜20克，透骨草30克，鸡血藤30克，玄胡20克，乳香20克，没药20克，芒硝(另包)50克，食醋250毫升。用法：将前12味药物放锅内，加冷水3000毫升左右，浸泡1—2小时，煎沸30—40分钟，倒入盆内，加入芒硝、食醋搅匀。先用热气熏蒸患处，待水温不烫时浸洗患足。水温下降时可再加热，每次熏洗时间不应少于1小时，早晚各1次。1剂药可用2天。以上所说仅供参考. </t>
  </si>
  <si>
    <t xml:space="preserve">爱女我的女儿8个月了不知道能学点什么好 </t>
  </si>
  <si>
    <t xml:space="preserve">多叫她听音乐和英语 这样就有语感了 让她看着大人门做的动作  小孩子模仿性好高 看着看着就学会了 其他的我觉得还是没什么了  因为太小了  智商有限  </t>
  </si>
  <si>
    <t xml:space="preserve">我的韧带拉伤快2年了，不痛，但是会肿起来，求解决方法。 </t>
  </si>
  <si>
    <t>你好：就你所说的这种情况我认为采取患部针灸、烤微波的方法应该有不错的效果，建议去当地中医医院针灸科试试。</t>
  </si>
  <si>
    <t xml:space="preserve">这些高级武器真的能打的到吗？碧海天王，赤明天帝，紫月圣君和耀阳圣 </t>
  </si>
  <si>
    <t>应该能．看你有没有耐心了．我见过1把紫月圣君．1把耀阳圣尊其他的没见过．．．．不过就是样子有点难看．紫月圣君看起来跟马鞭差不多．呵呵　　但是属性超强哟～据说还有真正的隐含属性!赤明天帝等级52,就算出来了.没人能拿起来,估计就是盛大骗人的!算算经验到52不吃不喝不睡觉需要14年吧!好象,估计传奇世界关门了!</t>
  </si>
  <si>
    <t xml:space="preserve">端午节为什么要用竹叶包粽子为什么粽子要用竹叶包呢？还有用什么叶子 </t>
  </si>
  <si>
    <t>因为古时候的人要把粽子投到河里纪念屈原 为了不让鱼吃到 所以用竹叶包住粽叶的材料则因地而异。 南方因为盛产竹子，就地取材以竹叶来缚粽。 一般人都喜欢采用新鲜竹叶，因为干竹叶绑出来的粽子，熟了以没有竹叶的清香。 北方人则习惯用苇叶来绑粽子。 苇叶叶片细长而窄，所以要用两三片重叠起来使用。 江米就是糯米 北方就叫江米 农村普骗用大篮竹笋壳(从小城里长大的可能不知道什么是笋壳)包的粽子很香,只不过笋壳有很多毛,包之前清洗有点麻烦.农村一般大张的没有弄破的都要留到第二年再用一次. 至于竹叶与芦苇叶也是用得很普骗,但没笋壳包出来的香.但这两种叶软,可以用多张组合利用你的思维包出很多好看的形状. 还有少数民族用芭蕉叶包出方形的粽子。</t>
  </si>
  <si>
    <t xml:space="preserve">父亲赠于儿子房产要交多少钱我是成都的，具说现在办手续要少交很多钱 </t>
  </si>
  <si>
    <t xml:space="preserve"> 对于个人因继承、赠与、而转让房屋不动产的行为，被继承人、赠与人和离婚当事人在转让环节，暂不交纳营业税和个人所得税；对于继承人和被赠与人再次有偿转让的行为，按现行规定交纳营业税和个人所得税、对于单位无偿赠与发生的转让房屋不动产行为，需缴纳营业税。如何办理赠与手续?需缴纳哪些费用?     　　当事人需提交证件有：房地产转移登记申请表；《房屋所有证》、《土地使用权证》或《房地产权证》；经公证的赠与合同；房屋评估报告；房地测绘证明；权利申请人身份证件(个人：身份证复印件；单位：加盖公章的营业执照复印件)。　　需缴纳税费标准是：类别 受赠人 赠与人 手续费 契税 印花税 登记费 印花税 营业税 手续费 个人赠与 3元／平方米或5元/平方米 6％或3％ 5元 80元／套 或80--800元／宗 5元 免征 3元／平方米 或5元/平方米 单位赠与 3元／平方米或5元/平方米 6％或3％ 5元 80元／套 或80--800元／宗 5元 5.5％ 3元／平方米或5元/平方米 　　说明：　　　　(1)税、费以评估价格为计征基数。　　　　(2)1997年10月1日(以赠与公证材料确定的日期为准)前受赠房屋的，按6％计征契税；自1 997年1 O月1日起受赠房屋的，按3％计征契税。　　　　(3)赠与房屋为住宅的，按6元／平方米计征交易手续费，由双方各承担50％；赠与房屋为非住宅的，按10元／平方米收取交易手续费，由双方各承担50％。　　　　(4)赠与房屋为住宅的，由受赠人按80元／套交纳产权登汜费；赠与房屋为非住宅的，100(含100)平方米以下的80元／宗，100-500(含500)平方米的120元／宗，500--1500(含1500)平方米的200元／宗，1500-3000(含3000）平方米的300元／宗，3000--10000(含10000)平方米的500元／宗，10000平方米以上的800元／宗，由受赠方交纳。　　　　（5)该类房屋赠与不包括已购公房赠与。、 国家三部委联合明确:三种无偿受赠房免征个税据新华社北京6月15日电 记者15日从财政部获悉，财政部、国家税务总局5月25日下发《关于个人无偿受赠房屋有关个人所得税问题的通知》，明确规定了免征个人所得税的三种房屋产权无偿赠与情况，并强调除此以外受赠人因无偿受赠房屋取得的受赠所得，要按20%的税率缴纳个人所得税。三种情况可以免税根据两部门通知，房屋产权无 偿赠与的当事双方免征个人所得税的三种情况主要包括：房屋产权所有人将房屋产权无偿赠与配偶、父母、子女、祖父母、外祖父母、孙子女、外孙子女、兄弟姐妹；房屋产权所有人将房屋产权无偿赠与对其承担直接抚养或者赡养义务的抚养人或者赡养人；房屋产权所有人死亡，依法取得房屋产权的法定继承人、遗嘱继承人或者受遗赠人。　　其余需按20%缴税 通知指出，除规定的上述三种情形外，房屋产权所有人将房屋产权无偿赠与他人的，受赠人因无偿受赠房屋取得的受赠所得，按照“经国务院财政部门确定征税的其他所得”项目缴纳个人所得税，税率为20%。 对受赠人无偿受赠房屋计征个人所得税时，其应纳税所得额为房地产赠与合同上标明的赠与房屋价值减除赠与过程中受赠人支付的相关税费后的余额。赠与合同标明的房屋价值明显低于市场价格或房地产赠与合同未标明赠与房屋价值的，税务机关可依据受赠房屋的市场评估价格或采取其他合理方式确定受赠人的应纳税所得额。 此外，受赠人转让受赠房屋的，以其转让受赠房屋的收入减除原捐赠人取得该房屋的实际购置成本以及赠与和转让过程中受赠人支付的相关税费后的余额，为受赠人的应纳税所得额，依法计征个人所得税。受赠人转让受赠房屋价格明显偏低且无正当理由的，税务机关可以依据该房屋的市场评估价格或其他合理方式确定的价格核定其转让收入。</t>
  </si>
  <si>
    <t xml:space="preserve">女孩子是不是都被老公打过屁股？做错事打不打？还有做爱前打不打？ </t>
  </si>
  <si>
    <t>大部分疼女人的男人都这样做,做错事被打是老公原谅你的做法,呵呵,接受这最幸福的爱吧.</t>
  </si>
  <si>
    <t xml:space="preserve">什么话可以世界通用 </t>
  </si>
  <si>
    <t>什么话可以世界通用------电话</t>
  </si>
  <si>
    <t xml:space="preserve">大学课程重修严重吗？如果买学分还要参加这个重修考试吗？重修的时候? </t>
  </si>
  <si>
    <t>1.考试不通过还有补考，补考不过才重修。2.重修扣学分 按学分收重修费。不存在给钱就不扣学分的道理。3.重修科目的学分累计到规定值，就有留级和退学2个结局，这2个结局发生了，都没有学位证，退学的话只有肄业证。4.大学期间的科目必须全部通过，否则，不许毕业。大四有最后清考的机会，考试题目相对简单，易于通过。5.放心！良好的心态才是社会有用之人，能力≠学历。</t>
  </si>
  <si>
    <t xml:space="preserve">胃??的症狀 </t>
  </si>
  <si>
    <t>胃溃疡主要症状是反酸  嗳气  左下腹不适感  恶心  呕吐  食欲不佳其中一般所说的胃溃疡 又叫消化性溃疡  包括十二指肠溃疡和胃溃疡   十二指肠溃疡多发于青年人好发部位在十二指肠球部  疼痛特点为饥饿痛 进食后能缓解   胃溃疡多发于中老年人  好发部位在胃窦部   疼痛特点为饱餐痛   如患有胃溃疡请及时就诊，另外饮食及心理方面也应做一定的调整:1.调整心态，注意休息，避免过度焦虑与劳累；2.戒烟戒酒，饮食规律，不宜过量；3.避免食用刺激性食物，如咖啡、浓茶、辣椒等；4.少食过甜及过酸的食物及水果，如巧克力、冰淇凌、苹果及桔子；5.少食易胀气的食物，如淀粉含量较高的红薯，藕，土豆等。</t>
  </si>
  <si>
    <t xml:space="preserve">这架战斗机翅膀下挂的是什么啊！如图。这是印度空军装备的法制“幻影 </t>
  </si>
  <si>
    <t>机翼下挂载的是多种远程灵巧弹药和多功能任务模拟器</t>
  </si>
  <si>
    <t xml:space="preserve">判断正误“任何生物都有原生质体。”这是我做的选择题中的一个选项， </t>
  </si>
  <si>
    <t>确实错了，因为原生质体的定义是“细胞内有生命的物质”，须强调的是必须在细胞内。病毒无细胞结构，也就谈不上有原生质体。所以病毒虽是生物，却没有原生质体。</t>
  </si>
  <si>
    <t xml:space="preserve">紧急求救ＧＭ到底西北这个服务器是怎么回事哦？我刚刚还进去玩过了， </t>
  </si>
  <si>
    <t>人多呗，都挤在上面，好多人都是开小号挂在上面，故意不下来</t>
  </si>
  <si>
    <t xml:space="preserve">句子翻译，谢谢！Akindpersonthinksofother </t>
  </si>
  <si>
    <t>好人就是为他人考虑并乐于助人的人给病中的人送花,真是太善良了温就是用唇触碰他人.因为你乐于见到某人/你才会去吻他们</t>
  </si>
  <si>
    <t>08036期R9，请大家批批01]沃尔夫(07)05</t>
  </si>
  <si>
    <t>[08] 比勒菲(15) 05-10 21:30 多　特(13) 30 感觉单3或31 不败。个人观点好运！！！里昂的1很好！！！！好运！高中！！</t>
  </si>
  <si>
    <t xml:space="preserve">数学设集合A=｛x│x=2k,k∈Z｝,B=｛x│x=2k+1, </t>
  </si>
  <si>
    <t>a+b与A、B、C的关系是：a+b属于B：a+b是奇数，B集合是奇数集合a+b不完全属于C：C集合的元素是除以4余1的奇数，a+b是奇数还包括除以2余1的奇数，所以a+b有一些不是C中的元素。a+b不属于A：a+b是奇数，A集合是偶数集合.</t>
  </si>
  <si>
    <t xml:space="preserve">唉...临场把不莱梅的1给了狼堡！！！ </t>
  </si>
  <si>
    <t>呵呵，虽然我错在别的场次，但这场你可以去参见同赔下不莱梅和汉堡的比赛，结果全是平局，而且近几年这个赔率只有两场，也全是平局所以，洗洗睡吧，洗白白的，呵呵</t>
  </si>
  <si>
    <t xml:space="preserve">昨晚和老婆爱爱，套套破了，今天老婆月经来了，请问会怀孕吗？ </t>
  </si>
  <si>
    <t>放心，肯定不会。</t>
  </si>
  <si>
    <t xml:space="preserve">请问移动神洲行用户能在网上看自己的资费情况吗？？？还是话费详细清 </t>
  </si>
  <si>
    <t xml:space="preserve">可以  </t>
  </si>
  <si>
    <t xml:space="preserve">谁能帮个忙，找这个图片啊？我想找跟这个男生符号一样的女生符号，哪 </t>
  </si>
  <si>
    <t>谁能帮个忙，找这个图片啊？</t>
  </si>
  <si>
    <t xml:space="preserve">请教～玩白妖的高手～～我是新手｀～我是韩Ｆ的我想练个白妖我不知道 </t>
  </si>
  <si>
    <t>晕～～你要是带宝宝打钱练法师好了！妖精不用加魅力就可以带３个宝宝！你要练妖精最好练个敏１８的妖精剩下的一点加在体上面！大混体应该在１８０Ｗ－２８０Ｗ之间吧！</t>
  </si>
  <si>
    <t xml:space="preserve">请问下周一大盘走势？ </t>
  </si>
  <si>
    <t>低开高走，收中阳。</t>
  </si>
  <si>
    <t xml:space="preserve">40多的女人夏天穿凉鞋不穿袜子可以吗？我40多岁了，喜欢在夏天穿 </t>
  </si>
  <si>
    <t>您完全可以不穿丝袜,但您不可以不做护理,夏天的脚至少应该是受到和手一样的待遇才对.很多护理产品不贵,在家花点时间就可以了.一周泡一到两次脚,两三天去一下死皮,每天洗完脚别忘了涂上润肤油,一周换一次脚指甲油的颜色,别说您现在是40岁,我想,只要您愿意,到50岁,到60岁,到......您都可以享受到您想要的这份乐趣,一双又细腻又滑爽的脚穿着自己喜欢的凉鞋是件很让自己和观众都开心的事呀,管它什么肤色呢,只要健康就好,您说呢?</t>
  </si>
  <si>
    <t xml:space="preserve">关于宝宝体重问题我家宝宝出生时是3.5公斤,满月时是4.25公斤 </t>
  </si>
  <si>
    <t>我也觉得我儿子的体重有点偏低,他也是吃得很少.他现在5个月了才15斤,我看有一个小孩体检时三个月就有17斤了,但医生说宝宝不一定胖是好事,只要发育正常就可以了,我朋友也说长脑比长体重重要.</t>
  </si>
  <si>
    <t xml:space="preserve">单句改错5.theteacherisconcerningabou </t>
  </si>
  <si>
    <t>the teacher is concerned about his students' health. be concerned about 是关心的意思concerning about 是关于的意思</t>
  </si>
  <si>
    <t xml:space="preserve">是逗我玩？还是脚踏两条船？男友去外地出差，却不告诉我他的手机，也 </t>
  </si>
  <si>
    <t>他是不是真的爱你啊！怎么能这样啊！就算是开玩笑着也有点太过火了吧！我表示怀疑，他是不是趁着出差做点其他的什么事情啊！打着开玩笑的旗号，不告诉你电话让你没有办法知道他的行踪 无法知道他和什么人在一起两个相爱的人 就算是老夫老妻也不能一个月就通两次话啊！说出来你们是情侣谁信啊！朋友一个月也得打五六个电话联络感情呢！ 你呀还是来个出其不意吧！从他的同事那不声不响的打听出他在哪出差住哪去给他个惊喜，看看究竟是怎么回事吧！不要坐以待毙！女人不是弱者哦！希望我们的猜测都是不对的，希望他真的只是和你开玩笑！等你的好消息 如果我们不幸猜中的话 我希望你果断的作出决定 不要再给这种男人机会了 因为事实证明男人只要犯了这种错误绝对会有下一次千万不要相信他的眼泪和忏悔，如果你心软了 你会再次受到伤害！</t>
  </si>
  <si>
    <t xml:space="preserve">48期致远心血推荐[高清晰图]有关理由详见博客：关于生活的三条忠 </t>
  </si>
  <si>
    <t xml:space="preserve">注意： 洛里昂 尼斯 日尔曼 </t>
  </si>
  <si>
    <t xml:space="preserve">为什么戴上避孕套就觉得勃起困难，不戴就挺好。我感觉性交时如果使用 </t>
  </si>
  <si>
    <t>心理??題﹐不去想就是了</t>
  </si>
  <si>
    <t xml:space="preserve">前列腺稍大3.2*4.2CM严重吗？这次体检前列腺大小是3.2* </t>
  </si>
  <si>
    <t>这是我治疗前列腺炎的亲身经历，希望能帮到你不知是年纪变大了（56岁），还是工作的原因（司机），还是以前早泄的原因，这四年来不知道怎么的发生了严重的前列腺炎，每次做爱时候勃起有困难，就算勃起了也很快就结束了，而且射的时候很痛，平时还尿急，尿频，一直没法根治，也看过医生吃过药是好是坏苦不堪言啊，后来一位我的网友告诉我网上有个叫“双奇还源丹”的中药成分的保健品的产品很好用，我上网时了解了下这个产品，在服用患者中的口碑感觉不错再说也是我的一个中医网友介绍的。经过详细了解，我觉得这个产品应该试一下，因为别的产品只注重治标，而“双奇还源丹”是内服的纯中药产品，标本兼治。于是我就在网购买了4个疗程吃，效果让我感到惊喜，几天就有明显转变，使用半个月的时候，前列腺炎就不明显了。使用1个月的时候，发现了很大的变化，精力充沛，身体好多了。如今没有服用双奇还源丹也很有感觉，尿频，尿急现象差不多永别了 这就是我对这个产品的感受，你可以试试双奇还源丹</t>
  </si>
  <si>
    <t xml:space="preserve">请教高手们大家觉得600171怎么样？？ </t>
  </si>
  <si>
    <t>破位下跌,不参与</t>
  </si>
  <si>
    <t xml:space="preserve">家里还应该备几件铜餐具,偶尔用一用吗?现代很少人用铜餐具,而改用 </t>
  </si>
  <si>
    <t>偶尔用一下还可以！不过长时间不用再次用的时候一定要清洗干净。铜在潮湿的环境下容易生锈，产生铜绿，铜绿是有毒的。至于你说问的缺少铜元素的认识否多了，完全不用担心，在日常的正常饮食中可以摄入足够的人体正常需求的铜元素。</t>
  </si>
  <si>
    <t xml:space="preserve">酒喝多了怎么办?在家里最好喝点醋,切勿喝茶,饮料,不解酒! </t>
  </si>
  <si>
    <t>目前解酒最好的药就是纳洛酮.</t>
  </si>
  <si>
    <t xml:space="preserve">未满18岁可以在5173卖东西吗客服进未满18岁.有银行户口和帐 </t>
  </si>
  <si>
    <t xml:space="preserve">尊敬的客户:    您好！5173客户服务002很高兴为您服务！    5173网站出售信息，只要填写了银行资料和联系方式即可发布出售信息。    如需帮助或投诉，请与我们客服中心联系，客服中心服务热线：0579-83225173 。真诚感谢您一如既往地对我们工作的大力支持与帮助!                                                 </t>
  </si>
  <si>
    <t xml:space="preserve">孕妇大便多我的爱人现在怀孕26周了现在发现大便次数多。以前的每天 </t>
  </si>
  <si>
    <t>——可能是肠道消化的问题，大多数孕妇便秘，你老婆到好，相反。——每天三次是拉稀的还是干的？拉稀的是拉肚子，得赶快止。每天三次拉干的就有问题了，建议多吃些香蕉看看能不能改善。</t>
  </si>
  <si>
    <t xml:space="preserve">汽车机油多换几次对发动机积碳有好处吗 </t>
  </si>
  <si>
    <t>机油按说明书规定的里程正常保养即可，多换也不能减轻发动机积碳的，积碳主要是低速行驶造成的，可以定期拉高速清除，有用给好评 谢谢。</t>
  </si>
  <si>
    <t xml:space="preserve">物理5如图，物体A,B叠放在水平桌面上，方向相反的水平拉力Fa, </t>
  </si>
  <si>
    <t>选D对A，要平衡，摩擦力与Fa等大反向，即fA＝Fa对A+B整体，Fa与Fb的合力为Fa，水平向右，要平衡fB＝Fa水平向左</t>
  </si>
  <si>
    <t xml:space="preserve">请问有谁知道联合证券电话交易的费率啊？沪市的和深市的？谢谢！ </t>
  </si>
  <si>
    <t>联合证券电话交易的费率:现场客户一般是2%银怔通等非现场客户一般是1.5%</t>
  </si>
  <si>
    <t xml:space="preserve">那些生活习惯更容易胖起来？我想胖啊，我吃的也不少可就是胖不起来 </t>
  </si>
  <si>
    <t xml:space="preserve">   高蛋白高热量事物,不要做太多的运动,睡眠要早睡晚起,</t>
  </si>
  <si>
    <t xml:space="preserve">固定电话充值两次(已输入充值卡号),并已确定,却充值不了? </t>
  </si>
  <si>
    <t>请拨打客服电话95105670咨询</t>
  </si>
  <si>
    <t xml:space="preserve">决定led灯寿命的因素是什么？ </t>
  </si>
  <si>
    <t>与功率，恒流电压，散热 有关。一般LED灯在功率合适，电压温度，散热良好的情况下，可以使用几万小时以上。深圳市祥光达光电科技有限公司 （高品质LED灯专家）</t>
  </si>
  <si>
    <t xml:space="preserve">柳木怎么得到啊？是不是做什么新手任务啊具体说说 </t>
  </si>
  <si>
    <t>去做新手村的六道轮回任务，有一定几率获得柳木。比获得绿色装备的几率大一些。愿上帝保佑你。</t>
  </si>
  <si>
    <t xml:space="preserve">第一次提问，就提个简单的吧。什么狗最温顺啊？ </t>
  </si>
  <si>
    <t>金毛 比熊 拉布拉多</t>
  </si>
  <si>
    <t xml:space="preserve">为什么公共交通车可以超载？为什么公共交通车可以超载，甚至有时候人 </t>
  </si>
  <si>
    <t>从法律上讲，公交车目前基本不存在超载问题。 按建设部1992年行业标准，公交车每平方米允许站立8人，即0.125平方/人。而实际上一个人站立时所占用的面积基本上在0.06平方以上，再算上座位占用的面积，平均算下来，每平方一般都达不到8人，所以一般都不会超载。 从公交公司来说，其实也不希望让市民受挤。但“限载”在实际操作中并不容易。因为按照城市公交客运行业的要求，客运服务中要逢站必停，不得甩站、甩客，若限制载客量，势必出现拒载、甩站问题，这与方便群众乘车宗旨相悖。而且由于每站上下车人数不同，即使“限载”，也很难算清下一站该上多少人。</t>
  </si>
  <si>
    <t xml:space="preserve">请问怎么样坐着可以改变方向? </t>
  </si>
  <si>
    <t>不管是站着 还是坐的` 都可以按住SHIFT(上档)键   记住是键盘左边的SHIFT(上档)键    然后点鼠标 左键 来确定你要的方向就可以了</t>
  </si>
  <si>
    <t xml:space="preserve">葡萄酒为什么会酸？ </t>
  </si>
  <si>
    <t>其实是又酸又甜的，因为甜味可以掩盖酸味，所以我们吃葡萄感觉到的酸不强烈；而葡萄酿成酒后，里面的糖分都转化成为酒精，剩下的酸就明显了。 　　葡萄酒之于酸，就如身体之于骨头，没有酸的葡萄酒就没有架构。白葡萄酒尤其，酸度赋予葡萄酒清新爽口的感觉，我们把它形容成为爽脆。同时也会让我们增加分泌唾液从而解渴，同时也提高人体循环，促进新陈代谢。　　法国波尔多的葡萄酒比南部的葡萄酒要酸一些：因为南部气候比较湿热，葡萄成熟的快而饱满，这样葡萄中含有的糖分较高。尽管经过发酵后，糖分大都转化为酒精，但葡萄酒中的残糖依旧是比较高的。所以南部的葡萄酒相对甜一些。波尔多气候较温和，葡萄成熟时间长，成熟的更为透彻，葡萄中的含糖量较低，酿制成葡萄酒后残糖低，因此波尔多的葡萄酒要酸一些。　　另外，经过橡木桶陈酿的葡萄酒酸度会比未经过橡木桶陈酿的葡萄酒好一些。因为葡萄酒在橡木桶陈酿的过程中，让葡萄酒的各种香味达到了一种平衡。酸味就没有那么的明显了。如果觉得波尔多葡萄酒偏酸，那么建议品尝波尔多中高档葡萄酒，这些经过橡木桶陈酿后达到了和谐，酸味较不突出。　　其实酸也分为好几种，我们来看看葡萄酒常见的酸味有哪些：　　第一苹果酸，这是一种最常见的酸，并不只是苹果里面才有，而是几乎所有水果都有的酸。给人感觉酸味强烈，具有香味，常常是苹果的味道。葡萄酒天然附带的酸就是苹果酸，对人体是很好的。　　第二是乳酸，除了糖可以发酵，其实酸也是可以发酵的，比如葡萄酒里面天然的苹果酸就可以发酵成为乳酸。乳酸要比苹果酸的味道来得温柔细腻，同时具备防止葡萄酒变质的特点。特别是红葡萄酒，如果里面太多苹果酸的话会和单宁一起给人觉得尖酸难饮，而乳酸就不会，反而会有奶油的味道。　　第三柠檬酸，果酸的一种，也是葡萄本身带有的一种酸，只是含量相对比较少。　　第四酒石酸，常常在喝酒时发现瓶塞或者瓶身会有沉淀的晶体状的东西，白葡萄酒会呈现透明的颜色而红葡萄酒的晶体是红黑色。这就是酒石酸，在年轻的葡萄酒里面酒石酸含量会高一点，而如果温度太低则会使这些酸结晶。这种酸口感不是很强烈，所幸这种酸的酸度并不明显。　　第五醋酸，如果葡萄酒存放太久或者氧化严重就会挥发一种酸味，这就是醋酸。其实酸并不等于醋，醋是挥发性很强的东西，很多的酸并不挥发。所以有些人喜欢吃酸可并不喜欢醋。醋酸不只是影响葡萄酒的口感，而且会改变葡萄酒的性质，本来含有很多甘油，醇类物质的葡萄酒会被醋酸慢慢吞噬掉而只剩下酸味。所以，醋酸并不是一种好的酸。去葡仕汇okilike.com去看看吧。那里的酒性价比较好且营养价值高。去看看吧呵呵</t>
  </si>
  <si>
    <t xml:space="preserve">哪里有“英语八哥”的完全破解版的下载网址啊？ </t>
  </si>
  <si>
    <t xml:space="preserve">英语八哥注册机 </t>
  </si>
  <si>
    <t xml:space="preserve">求M,N的值！！！要过程！！！～～～若质数M,N满足5M+7N＝ </t>
  </si>
  <si>
    <t>5M+7N＝129当M和N都是奇数时，5M+7N是偶数≠129∴M和N必有一个是偶指数2若M=2----&gt;N=17若N=2----&gt;M=23∴M+N=19或25</t>
  </si>
  <si>
    <t xml:space="preserve">请问有谁能告诉我这幅自陈图的意思吗？ </t>
  </si>
  <si>
    <t>我猜可能这表应该有点像心理测量的EPQ人格测试量表。你的测量结果有两个数，分别对应图形的横坐标和纵坐标。所在坐标的位置就代表你的主要性格（一共8种）。这只是个人猜想的。</t>
  </si>
  <si>
    <t xml:space="preserve">求助战网老鸟与蜗牛大哥有没有不卡的网通战网我上百灵卡的我都要哭了 </t>
  </si>
  <si>
    <t>你去试试这个战网吧。</t>
  </si>
  <si>
    <t xml:space="preserve">怎样象枪手之王一样也当当管理员? </t>
  </si>
  <si>
    <t>先了解他怎么后来又没做了?</t>
  </si>
  <si>
    <t xml:space="preserve">在淘宝上怎么申请开网店，要详细步骤…给好评！谢谢！ </t>
  </si>
  <si>
    <t>1.申请邮箱，准备身份证，拍四张电子照片做准备，2.到银行办卡后大堂经理告诉您操作流程的3.打开掏宝首页用邮箱申请新号，密码用笔记下，两次要一样4.申请成功后点击卖家中心，当然也可以开始你的购物之旅， 5.左侧单击免费开店进行考试，题目蛮多答案我都有，6.进行支付宝实名认证，按流程提示如实填写个人信息，提交等待通过。7.重新回到卖家中心单击宝贝发布，上架十个以上互不相同的宝贝，8.通过图片空间上传，详情描述等等完善宝贝信息9.开店完成，经营打理要继续不断积累，有坚持，有自信。</t>
  </si>
  <si>
    <t xml:space="preserve">七夕和鬼节是农历还是阳历？见过一句话：夹杂在七夕和七月半之间一只 </t>
  </si>
  <si>
    <t xml:space="preserve">    在我国，农历七月初七的夜晚，天气温暖，草木飘香，这就是人们俗称的七夕节，也有人称之为“乞巧节”或“女儿节”，这是中国传统节日中最具浪漫色彩的一个节日，也是过去姑娘们最为重视的日子。　在晴朗的夏秋之夜，天上繁星闪耀，一道白茫茫的银河横贯南北，争河的东西两岸，各有一颗闪亮的星星，隔河相望，遥遥相对，那就是牵牛星和织女星。　七夕坐看牵牛织女星，是民间的习俗，相传，在每年的这个夜晚，是天上织女与牛郎在鹊桥相会之时。织女是一个美丽聪明、心灵手巧的仙女，凡间的妇女便在这一天晚上向她乞求智慧和巧艺，也少不了向她求赐美满姻缘，所以七月初七也被称为乞巧节。 　人们传说在七夕的夜晚，抬头可以看到牛郎织女的银河相会，或在瓜果架下可偷听到两人在天上相会时的脉脉情话。 　女孩们在这个充满浪漫气息的晚上，对着天空的朗朗明月，摆上时令瓜果，朝天祭拜，乞求天上的女神能赋予她们聪慧的心灵和灵巧的双手，让自己的针织女红技法娴熟，更乞求爱情婚姻的姻缘巧配。过去婚姻对于女性来说是决定一生幸福与否的终身大事，所以，世间无数的有情男女都会在这个晚上，夜静人深时刻，对着星空祈祷自己的姻缘美满。 鬼节　　①在中国，鬼节的日期是农历7月15 。　　农历7月15日是阴间最大的节日-----鬼节，又称中元节或盂兰盆节，是我国三大冥界重要节日之一。民间有阳间过元宵节阴间过鬼节的传说。据说，当日阎王也会披着盛装和鬼众们共度佳节，并且让我们活着的人一起为他们祝福，祝愿另外一个世界的人们心想事成，快乐享受人间没来得及享受的幸福。因此，我国许多地方界时将举办祭祀、参佛、净墓、回顾、赏花、垂钓等活动以示庆祝。 　　鬼节源于目莲救母的故事：“有目莲僧者，法力宏大。其母堕落饿鬼道中，食物入口，即化为烈焰，饥苦太甚。目莲无法解救母厄，于是求教于佛，为说盂兰盆经，教于七月十五日作盂兰盆以救其母。”据说当时目莲在阴间地府经历千辛万苦后，见到他死去的母亲刘氏，发现她受一群饿鬼折磨，目莲想用钵盆装菜饭给她吃，菜饭却被饿鬼夺走。目莲只好向佛祖求救，佛祖被目莲的孝心感动，授予其盂兰盆经。按照指示，目莲于农历七月十五用盂兰盆盛珍果素斋供奉母亲。挨饿的母亲终于得到了食物。为了纪念目莲的孝心，佛教徒每年都有盛大的“盂兰盆会”，即我们现在所说的“鬼节”。 　　书上说古时候的这一天，人们会事先在街口村前搭起法师座和施孤台。法师座跟前供着超度"地狱"鬼魂的地藏王菩萨，下面供着一盘盘面制桃子、大米。施孤台上立着三块灵牌和招魂幡。过了中午,各家各户纷纷把全猪、全羊、鸡、鸭、鹅及各式发糕、果品、瓜果等摆到施孤台上。主事者分别在每件祭品上插上一把蓝、红、绿等颜色的三角纸旗，上书"盂兰盛会"、"甘露门开"等字样。仪式是在一阵庄严肃穆的庙堂中开始的。紧接着，法师敲响引钟，带领座下众僧诵念各种咒语和真言。然后施食，将一盘盘面桃子和大米撒向四方，反复三次。这种仪式叫"放焰口"。清代文人王凯泰曾有诗曰：“道场普渡妥幽魂，原有盂兰古意存。却怪红笺贴门首，肉山酒海庆中元。”描写的便是我国东南沿海一带过鬼节的习俗。 　　由此可见，“鬼节”是因传统美德的孝心而起的。如今我国北方的人们仍然在这一天用烧纸钱的方式祭奠早去的先人，表达对亲人的思念之情。虽然祭祀方式简单，但基本上保存了鬼节淳朴的意义。因为血脉的召唤，感情的延伸，以及对自己未来的提醒，都赋予了鬼节丰富的人文内涵。即使年代不同了，烧去的礼物也不同了，但永远捎不完活着的人对远去亲人无尽的绵绵哀思和深深的怀念。但“不同年龄段的人对这个特殊的节日有着不同的感受，因为，未来的节日正毫不留情地向自己走来，从朦胧到清晰，从思念到恐惧，从恐惧到坦然，想念过去人的时候，其实也在思考着自己今天活的经历、内容、方式和活的追求。” 　　七月十五，鬼门关大开之日。不管是烧纸钱送祝福，还是捧雏菊寄哀思，或者互联网上祭先人，或者是放河灯，今天活着的人一起思念过去的人，共同送去对先人的祝福，是人灵性的自发，是感情的延伸，是最基本的信仰。而且同时“活着的人要好好珍惜活着的每一天，不要愧对社会和朋友，不要愧对了已经永远离去的亲人。因为，总有一天我们要和他们相见，到时候，你可以自豪地说，在人间是好汉，在阴间也要做鬼雄！”　　②在西方国家，万圣节也被称为西方的鬼节。  </t>
  </si>
  <si>
    <t xml:space="preserve">紫色任务怎么领啊？我怎么总是领不到紫色人物呢？怎么领紫色任务啊？ </t>
  </si>
  <si>
    <t>紫色任务是传说中的任务！有一定几率令到！没事多去任务管理员那里看看！！！</t>
  </si>
  <si>
    <t xml:space="preserve">单场晚餐印度甲18:00ONGC足球俱乐部受让平/半莫亨巴根ON </t>
  </si>
  <si>
    <t>印度甲 18:00 ONGC足球俱乐部 受让平/半 莫亨巴根 ONGC足球俱乐部这场0：2了估计黑了要加油呀，兄弟。。。</t>
  </si>
  <si>
    <t xml:space="preserve">真是命苦啊，德国也真的太假了吧害我16的小单挂了。 </t>
  </si>
  <si>
    <t>楼主实力+水平都在了，中奖是迟早的事。</t>
  </si>
  <si>
    <t xml:space="preserve">了解电信移机过户的进！昨天我从一网友那买来了他余下半年的ADSL </t>
  </si>
  <si>
    <t>他可以报停。有这种可能：他又去营业厅重新报移机，在办个ADSL密码初始化，再卖给别的人。不过，这人会这么坏吗？。。。。</t>
  </si>
  <si>
    <t xml:space="preserve">360安全卫士可以作为杀毒软件单独使用吗？好像总是和卡巴一起用的 </t>
  </si>
  <si>
    <t>1.“360安全卫士可以作为杀毒单独使用吗？”不能因为360安全卫士根本不杀毒2.“好像总是和卡巴一起用的”非也他不过是帮助推销卡巴而已3.“和别的杀毒软件可以一起用吗？”可以计算机安全需要五个方面的综合措施：修复系统漏洞、防病毒、防木马、防恶意软件、紧急故障恢复你到这里看看杀毒软件评价、排名和比较： 就知道世界上还有这么多好东西看中了哪个也可以在这里下载都是免费的、正版的、自动升级的建议：NOD32查毒、AVG Anti-Spyware查木马、360查恶意软件（修复系统漏洞）、GHOST备份注意平时只开NOD32360和AVG Anti-Spyware偶尔一用其中杀毒软件你也可以选用小红伞、卡巴、BitDefender、BullGuard、Ashampoo、eScan、AVAST、AVG Anti-Virus、……计算机配置高的可选用F-Secure、TrustPort、G DATA AntiVirusKit(AVK)、……</t>
  </si>
  <si>
    <t xml:space="preserve">请教高手们一个问题。这个是什么程序？关机时老是提示无法结束！这是 </t>
  </si>
  <si>
    <t xml:space="preserve">global_ourfriend好像是一些交友之类的程序，既然无法结束，就证明可能是流氓。目前病毒难杀、难以彻底清除是很令人痛疼的事。不要指望现在的杀毒软件可以全自动化解决一切问题，还是自己动手吧，很简单。假设，已经发现了病毒 iexpl0re.exe，注意文件名中 o 其实是数字 0！但就是反复杀不掉。 0、下载最新杀毒软件，或最新升级包。 1、关闭网络连接：断线，或者禁止网卡，不要企图用防火墙进行软断线。 2、任务管理器中关闭可疑进程，服务管理中也要禁止且关闭可疑服务。 3、检查启动项的配置，清除可疑的启动项，包括注册表里的几个位置，自动处理、等等（参考——自动启动.doc，本人不是作者）。 4、重新启动到保护模式，找到 iexpl0re.exe，然后观察这个文件的文件属性，然后在整个系统盘搜索和 iexpl0re.exe 产生时间一样的文件（可以按时间排序，然后观察和 iexpl0re.exe 在一起的文件），统统删除，文件大小完全一样的也删除（有危险，要自己有点判断能力）。还要注意最新生成的一些文件，是否可疑。如果也可疑也删除（所谓可疑：a 为已知病毒文件，b 为绝对可疑文件，b 和 a 完全一样，只是位置不同，或名称不同。C 的时间却和 b 完全一致，那么 c 就为可疑文件，可疑具有传递性！自反性）5、重新启动，检查系统进程、服务列表、启动配置。如果有出现可疑，返回 1（要更加仔细的检查 iexplore.exe 相关文件，或许还有其他的病毒），如果没有可疑的东西了，升级杀毒软件、然后全面杀毒。 病毒也可能有引导区病毒的特征，现在这种病毒不多见了。如果担心，在 3 之后，先启动到dos 找一个预先最备好的重写引导扇区的工具运行一下（有点危险，不推荐）或者 执行 fdisk/mbr 重写主引导扇区（也有点危险）这之后进入 4。 一般来说，如果只中了那一个病毒，并且没有扩散。通过 1 到 4 就可以手工清除病毒，没有新的杀毒软件也没问题。 </t>
  </si>
  <si>
    <t xml:space="preserve">谁教我一下素饺子馅儿怎么调好吃？？？ </t>
  </si>
  <si>
    <t>素馅的做法：食材    主料    大白菜    1000g    韭菜    150g    鸡蛋    3个    饺子粉    1000g    辅料    油    适量    盐    适量    香菇    50g    黑木耳    50g    海米    适量    大葱    适量    姜    适量    香油    适量    白胡椒粉    适量步骤    1.打3个鸡蛋在碗里。    2.锅里放油，至温热。    3.将鸡蛋打散，倒入热油中，同时，不断搅拌。目的是把鸡蛋打碎。    4.打好的鸡蛋，在锅里晾凉。    5.葱姜切末，待用。    6.泡好的黑木耳、香菇还有海米也切末，待用。    7.分别倒入已经晾凉的鸡蛋锅里。    8.白菜切末后放入少量的盐，目的是排出多余的水分。把白菜放在纱布里，把水分挤出。    9.韭菜切末，待用。    10.将所有的菜料都拌在一起。放适量的盐、香油、白胡椒粉。</t>
  </si>
  <si>
    <t xml:space="preserve">大家警惕,1000号是骗子.恭喜您：您提出的问题已被系统采纳!为 </t>
  </si>
  <si>
    <t>你不会上去看了吧.都知道是骗人的啊</t>
  </si>
  <si>
    <t xml:space="preserve">仓库密码忘记了怎么办？高手来有12个月没玩问道了。仓库密码忘记了 </t>
  </si>
  <si>
    <t xml:space="preserve">找  游方  术士     解除  7天后就可以了  </t>
  </si>
  <si>
    <t xml:space="preserve">80相4项链值多少？本区的会员卡1750W一张 </t>
  </si>
  <si>
    <t>要说相4值多少钱，要看是新区还是老区，老区不怎么值钱，新区那就大大的JP了，理由：第一现在女娲石N贵，有些区都卖到700W/个，第二：自1.37版合80首饰失败率很高，给的垃圾属性也高了，所以就现在相4的本人看来要卖RMB500-1000块，请大家从多角度去看待问题。谢谢！</t>
  </si>
  <si>
    <t xml:space="preserve">天啊！怎么办？宝宝刚出生时很白，可后来脸色很黄。满月后去看儿科医 </t>
  </si>
  <si>
    <t>新生儿黄疸，一般持续1-2周，现已达6周，还未消退，应警惕病理性黄疸，建议你去三级医院儿科就诊，明确诊断针对性治疗。乙肝疫苗注射了，没有影响。</t>
  </si>
  <si>
    <t xml:space="preserve">大家说说可惜不?错一场,第一场要是出3该多好呀! </t>
  </si>
  <si>
    <t>兄弟，以后发贴不要用附件的形式（可以直接上传相关附件），因为现在病毒、木马太多，少有人敢点你的附件，看的人就会少而降低交流的价值，此建议供参考……</t>
  </si>
  <si>
    <t>心脏的问题我自从怀孕35周起,就有心跳加速心慌(心跳在100</t>
  </si>
  <si>
    <t xml:space="preserve">怀孕后由于激素水平变化和子宫增大的压迫以及孕期血容量增加，可有心率增快，但不应有明显的心慌、气短，如稍有活动就觉心慌，伴有呼吸困难，建议尽快去医院妇产科检查清楚，看是什么原因引起！ </t>
  </si>
  <si>
    <t xml:space="preserve">怎样转国籍？？ </t>
  </si>
  <si>
    <t>到监狱，找到敌对国的间谍，交上她要求的物品</t>
  </si>
  <si>
    <t xml:space="preserve">家居旺财旺运风水植物有哪些？ </t>
  </si>
  <si>
    <t xml:space="preserve"> 你好，家居布置离不开绿植，在家居中摆设绿植既能美化点缀家居，改善清新家居空气，还能有很好的风水作用，下面我们来看看家居中旺财旺运风水植物有哪些：1、客厅旺财旺运风水植物推荐客厅宜选用的品种有富贵竹、鸿运当头、蓬莱松、七叶莲、发财树、金钱树、招财树、君子兰、兰花、仙客来、桔等。这些花卉蕴涵吉祥如意、聚财发福之意。2、餐厅旺财旺运风水植物推荐餐厅为一家人相聚就餐的位置。可用黄玫瑰、黄康乃馨、黄素馨等黄色、橘黄色的花卉为主，以增加食欲、和谐、温馨，以促进家人身体健康。3、书房旺财旺运风水植物推荐书房要充满书香之气，最好能够将花卉摆放在自己的文昌位。可用文竹、富贵竹、山竹花、常青藤等。这些花可以活跃人的思维，利学习、工作。4、卧室旺财旺运风水植物推荐卧室一般要清净、安详、温馨。可用吊兰、**、晚香玉、马蹄莲等。可令夫妻关系和睦，身心都可在温馨、安静中得到休息。</t>
  </si>
  <si>
    <t xml:space="preserve">急急急！！！！！请帮助请问大家谁知道沈阳哪几所学校理工好一些！我 </t>
  </si>
  <si>
    <t>建议你不要病急乱投医,一利用网络资源上网查询;二查阅报考指南;三确要报考沈阳理工类大学,可与沈阳教育局咨询;四是讨教资深老师;五是根据自己的实力,充满自信的选择最理想的学校和专业呵!祝你好运!!!</t>
  </si>
  <si>
    <t xml:space="preserve">邮箱改名新浪邮箱管理员：你好！我想把邮箱名改为，可以吗？ </t>
  </si>
  <si>
    <t>好像是不可以的吧，你重新申请一个不就行了？</t>
  </si>
  <si>
    <t xml:space="preserve">石头合成是怎么样的啊?合成一次多少钱啊?合成的成功率是多少啊?合 </t>
  </si>
  <si>
    <t>合成的费用按你原极数决定的,后面的就帮不了你了</t>
  </si>
  <si>
    <t xml:space="preserve">天津房价怎么才能降下来！大家说说自己的看法 </t>
  </si>
  <si>
    <t>想办法让人们的注意力不要总放在买房子上。北京的房价降下来，呵呵……</t>
  </si>
  <si>
    <t xml:space="preserve">怎样给我没有工作的妈妈买养老保险我妈妈一直没有工作，想买养老保险 </t>
  </si>
  <si>
    <t>一种是在社保中心上社会保险;另一种是储蓄商业保险.在北京需要帮助可联系</t>
  </si>
  <si>
    <t xml:space="preserve">有没有人喜欢女孩扭伤脚啊？这是不是有心理疾病啊 </t>
  </si>
  <si>
    <t>每个人都有一些奇怪的癖好,只是有的人多，有的人少,有的严重，有的不严重,有的人明显，有的不明显. 不要把这些奇怪的癖好都归为疾病，这些多数是由于过去尤其是小时候的条件强化造成的,是很简单的问题.举个例子,如果小时候不断被教导，蛇是非常可怕的动物，那么长大了就对蛇非常恐惧.如果小时候你非常喜欢自己的父亲，而他每天从工厂回来，都有一股从工厂里带来的酱油气味,你可能长大后，非常爱闻酱油的味道.如果这种爱好对生活影响不大,就不需要太在意,如果很严重,可以找专家进行脱敏治疗</t>
  </si>
  <si>
    <t xml:space="preserve">下了地图还是看不了录象下了几个录象,但看不了.找不到地图我已经下 </t>
  </si>
  <si>
    <t>他说找不到的时候有个路径的~把你下的WCG2004地图复制到他说的路径下面就好了地图不能乱放的~~</t>
  </si>
  <si>
    <t xml:space="preserve">这个诗是谁写的?莫生气人生就像一场戏相扶到老不容易因为有缘才相聚 </t>
  </si>
  <si>
    <t>《莫生气》歌是佛教中传出来的白话诗，看词句应该不会超过一百年，作者找不出来，所有的地方都写的“佚名”。 在别的地方看到的。。呵呵</t>
  </si>
  <si>
    <t xml:space="preserve">登陆后显示无法执行安装魔法师我的名字是别克djq566，我无法进 </t>
  </si>
  <si>
    <t>因为你C盘中的文件少了一个，才会出现这个的，去下载中心——游戏周边下载里的一个叫页面插件的文件，安装就OK了</t>
  </si>
  <si>
    <t xml:space="preserve">宏?S1210对光线要求严格吗？关闭了灯学生没法记笔记了，要是开 </t>
  </si>
  <si>
    <t>宏?S1210具有4000:1的高对比度，即使在光线明亮的教室里，依然能够清晰细腻地还原出层次感丰富、色彩艳丽的画质。除此之外，宏?独有的色彩还原技术也具有其他厂商不可比拟的优势：其第三代跃彩技术ColorBoostII+有效减少了运动图象和边缘的彩虹效应，使视频的动态播放效果更佳、图象的色彩更丰富艳丽；而第二代色彩保真技术ColorSafeII则能够保证长时间使用后，依旧保持高清画质的显示效果。，效果非常不错，至少没有失真、变形等等这些恶心人的情况。</t>
  </si>
  <si>
    <t xml:space="preserve">生活人生的路选错了一次，还有机会纠正吗？时间的流逝是错误选择的代 </t>
  </si>
  <si>
    <t>换个角度想，人生有什么必然正确的路吗？不必纠结于一个错字，任何体验都值得珍视。时间的流逝无所谓是对什么的惩罚，就算你一动不动时间还是在走。能意识到曾经走过的路不适合自己，这本身就很可贵了。所以换个方向，重拾心情继续上路呗，怎么会没有机会。任何时候都不迟！</t>
  </si>
  <si>
    <t xml:space="preserve">请问，我参与评论过的话题怎样才可以删掉? </t>
  </si>
  <si>
    <t>找到相应的话题删除你的评论就行了。</t>
  </si>
  <si>
    <t xml:space="preserve">什么是QQ里的远程协助?他的作用是什么呢? </t>
  </si>
  <si>
    <t>该功能可以让别人在同意的基础上,远程控制你的电脑!只要起到远程指导的作用</t>
  </si>
  <si>
    <t xml:space="preserve">qq的问题有的名字上面可以附有qq表情，怎么弄得？ </t>
  </si>
  <si>
    <t xml:space="preserve">这个简单的。你把你的鼠标放在打开选择表情的每一个表情上，你会发现每一个表情会出现这样的字符  /sun /heart 等等，把这个杠和字母加到你名字的前面或是任何位置就会出现表情了。祝 你好运！！ </t>
  </si>
  <si>
    <t xml:space="preserve">什么是六星级产业聚集区 </t>
  </si>
  <si>
    <t>那个是按产业区的繁荣度来评比的。产业集聚区的星级评审极其严格,我省每年根据增加值、税收、从业人员等一系列考核指标进行评定,最高为六星级。</t>
  </si>
  <si>
    <t xml:space="preserve">为什么我喜欢听妻子讲述她和前男友做爱的细节 </t>
  </si>
  <si>
    <t>说明你的心胸太宽广了还有就是太服了你们两口子了~~嘿嘿  我是不能接受我的女人在我面前说她的那些事情的</t>
  </si>
  <si>
    <t xml:space="preserve">肛裂会不会死？肛裂四五年了，大便一直有血，不敢去看医生。想问一下 </t>
  </si>
  <si>
    <t>肛裂不会死！该活100，不会活99。肛裂主要表现为大便的时候肛门疼痛、出血，大便干燥时尤为明显，久之肛门缘可出现前哨痔(又称哨兵痔，出现于肛门疼痛、出血之后，刚开始时只有米粒、绿豆大，以后慢慢长大)。痔疮也可出血，但一般无痛(除非合并有炎症、血栓)。患了肛裂，首先要禁酒，忌食辛辣刺激之物，多食瓜果蔬菜，注意保持大便通畅，适当休息，每日温水坐浴，多作提肛锻炼。若病情轻，症状不重，如果你不想去，可到药店买药治疗(价格低廉、疗效可靠，对痔疮、肛裂都有效)：坐浴：朴硝25克、月石15克、明矾10克、冰片4克，用开水1斤半冲化后，先熏洗、后坐浴，每次20分钟，每日2次，药液可重复使用2—4次。月经期间不用。外用药：马应龙痔疮膏、京万红痔疮膏、鲸轮痔疮膏等均可选用。肛门栓：痔疮宁栓(又名：美辛唑酮痔疮栓，有消炎止痛作用)、九华痔疮栓(有止血通便作用)、洗必泰痔疮栓(有止血消炎作用)等均可选用，按说明书使用。若大便干结，需加服清热通便药，如黄连上清丸、三黄片等。重者，需手术治疗。(若怀孕，用药前请咨询医生！本人是肛肠科医生，愿为你排忧解难)</t>
  </si>
  <si>
    <t xml:space="preserve">请问哪里打得到４孔的弓箭啊小弟现在在第一难度第４幕　最多见过３孔 </t>
  </si>
  <si>
    <t>和难度有关，因为普通级的弓只能有三孔的，只有精华级的弓才能出4孔，精华级的弓要到地狱去打了。</t>
  </si>
  <si>
    <t xml:space="preserve">大有可为（打一字） </t>
  </si>
  <si>
    <t>奇。。。。。。。。。。。。。</t>
  </si>
  <si>
    <t xml:space="preserve">手机的电量没有用完可以充电吗？ </t>
  </si>
  <si>
    <t>楼主的问题不太详细,如果你的手机或者电池板新买的,必须用完(自动关机)为止再充电,充满(勿充12个小时)再用,如果是直充最好关机充!!这样重复三次就可以了,目的是为了延长电池寿命!三次以后就不管了，什么时候想充就充.</t>
  </si>
  <si>
    <t xml:space="preserve">BOSS困惑~~~~~~~请问下打各种BOSS都要多少WF，多少 </t>
  </si>
  <si>
    <t xml:space="preserve">狼王500物防 兽王600物防 山大王800物防 僵尸王1000物防 骷髅王1400物防 异族头目1600物防 大块头1800物防 叛军大将1800物防 蚌精3800+魔防 赤鳞蛟龙3800物防 火魔蛟龙4200魔防 灵蛇4400魔防 巨猿4400物防 血猿王5000物防 混石力士5400魔防 滨海岛主6500物防 刚化巨灵8000物防 石化魔人8000魔防 山寨霸王3500物防 至尊蚌魔10000魔防 魔徒 11000魔防 铁爪鬼王12000魔防 </t>
  </si>
  <si>
    <t xml:space="preserve">白色真皮板鞋怎么洗? </t>
  </si>
  <si>
    <t>涂上白鞋油，油干后分别用鞋刷子和软布擦拭，白皮鞋便洁白如新了。   答案补充也可以的最好还是涂上白鞋油答案补充可以</t>
  </si>
  <si>
    <t xml:space="preserve">怎样找回UT频道？我想找回我以前的所有UT频道应该怎么找回？我的 </t>
  </si>
  <si>
    <t>您好，目前UT 4.5 版本增加了自己查询服务器的功能，您可以在UT 软件中选择-查找-官方-查找属于我的服务器。您可以进入服务器后，在语音服务器上右键选择删除即可 。</t>
  </si>
  <si>
    <t xml:space="preserve">103级3TJ雨估价！看图 </t>
  </si>
  <si>
    <t>乖乖,不是一般的猛啊,400RMB可以卖掉</t>
  </si>
  <si>
    <t xml:space="preserve">烟牙怎么办？怎么治疗烟牙？烟牙能变白吗？我的牙齿由于抽烟都变黑了 </t>
  </si>
  <si>
    <t>烟牙的形成是由于人的口腔环境是酸性，长期与口腔内的食物残渣等碱性残留物发生化学反应后，附着在牙表面上的非完全反应衍生物，实际上也是一种盐化合物，尤其是烟里含有一种“咖啡碱”，在酸性口腔中反应很容易形成牙渍，每天都抽烟的人，积累下来，烟牙就很严重了。要治疗的你烟牙，首先，先把烟戒掉；第二，不要做冷光美白和烤瓷牙等手术，这只会令你的烟牙越来越严重；第三，烟牙属于外源性着色，建议你使用一些无副作用的牙齿美白产品，如：现在国外流行使用一种名叫ONUGE(欧诺洁牙齿美白组合)的产品，可以清除牙齿着色，使烟牙、黑牙、黄牙变白。</t>
  </si>
  <si>
    <t xml:space="preserve">淡菜(属于海鲜一类)有那些做法呀? </t>
  </si>
  <si>
    <t>名称  淡菜紫菜瘦肉汤 所属菜系  粤菜 所属类型  特色靓汤 基本特点  滋阴降火，清化热痰。阴虚内热，症见头晕，目眩，耳鸣；或肺虚有热之咳嗽日久，咽喉干痛，或痰热结聚成瘿瘤之疾。亦有可用于高血压、淋巴结炎、甲状腺肿、慢性支气管火等阴虚有热、痰火郁结者。 基本材料  瘦猪肉１８０克，淡菜９０克，紫菜６０克 做法（１）淡菜用水浸软，洗净；瘦猪肉洗净，切丝，用鼓油、生抽、盐、生粉腌１０分钟，紫菜撕成小块，放锅内炒片刻，去腥味和砂，用清水浸开，洗净。（２）把淡菜放入锅内，加清水适量，文火煲沸１５分钟后，放入紫菜再煲沸，再放入瘦肉丝煲至肉熟，调味供用。说明本汤是家庭常用的清除、益阴之汤品。汤中淡菜性味甘咸寒，功能降火滋阴、清胃生津，含有蛋白质、脂肪、糖类、烟酸和维生素（Ａ、Ｂ）等，《本草拾遗》说它“主虚羸劳损”及“血气结积”，《随息居饮食谱》说它能“补肾，益血填精”，“治肾虚有热”。紫菜性味甘咸寒，含有蛋白质、脂肪、胡萝卜素、多种维生素、烟酸、氨基酸、碘、钙、磷、铁等，是一种营养系丰富的海菜，功能降火去痰、软坚散结，《本草纲目》说“病瘿瘤脚气者，宜食之”，《现代实用中药》说它能“治水肿、淋病、湿性脚气、甲状腺肿、慢性支气管炎咳嗽。”瘦猪肉性味甘平，有滋阴养血的作用。合而为汤，则能养不足之阴液，清郁结之热痰，降上浮之虚火，是阴虚之旺或肝阳上亢的理想辅助治疗汤品，也是热病后极佳的调养品。注意脾胃虚寒者不宜多用本汤。</t>
  </si>
  <si>
    <t xml:space="preserve">歇后语瞎猫碰下死耗子—— </t>
  </si>
  <si>
    <t>瞎猫碰上死耗子_____赶巧</t>
  </si>
  <si>
    <t xml:space="preserve">铁甲英豪怎么是乱码哦!铁甲英豪我用南极星都翻译不过来啊?怎么搞的 </t>
  </si>
  <si>
    <t xml:space="preserve">试试： </t>
  </si>
  <si>
    <t xml:space="preserve">therearetwospanish.这句话正确吗 </t>
  </si>
  <si>
    <t>Why do you think there are only two Real Madrid players on the Spanish national team?</t>
  </si>
  <si>
    <t xml:space="preserve">网络经常断网不知道是路由器问题还是MOREDE问题...每次用3 </t>
  </si>
  <si>
    <t>360有漏洞的，建议你删除360，或者重装系统</t>
  </si>
  <si>
    <t xml:space="preserve">Nokia的手机N70和N72现在哪一款更好一些？ </t>
  </si>
  <si>
    <t xml:space="preserve">行货的话，建议选择购买诺基亚的N72手机，外型好，手感佳。水货的话，建议购买诺基亚的N70手机，因为水货的N70具有3G功能和前置的30万的用于视频通话的副摄像头！两者的硬件配置基本上是一样的，区别只是键盘的设计和外观的设计又少许的差别！关于诺基亚N70好的N72的更详细的区别可以去看看我的博客文章诺基亚N70 N72的区别 </t>
  </si>
  <si>
    <t xml:space="preserve">冰箱冷冻室里的食物，时间长了，会变干，是什么物态变化 </t>
  </si>
  <si>
    <t>食品表面变干是升华现象，冰箱冷冻室内存放的食品的表面的水份在冰冻的情况下先是变成冰，变干是因为固态的冰变成气态的水蒸气，这是升华现象。是因为空气抽走了水份而已，这个也不太属于物态变化帮到你就给个好评吧食物没有物态变化。。是原本里面的水分蒸发汽化或者水分结成冰固话了水分蒸发，脱水状态，低温除湿原理食物放在冰箱里通过较慢呼吸作用以长期保存，但它还是会进行呼吸作用的，呼吸作用将食物中的水消耗，时间长了就变干了变干是因为食物中的水蒸发,物态变化是汽化。【帮到你的话麻烦点击“好评”谢谢！】脱水的状态液态变固态再变气态</t>
  </si>
  <si>
    <t xml:space="preserve">很急啊~~管理员请进。。。我搞了一个下午了，为什么还卖不了号老是 </t>
  </si>
  <si>
    <t xml:space="preserve">尊敬的客户：    您好！5173回复客服01很高兴为您服务！    说明您注册时填写的邮箱地址与发布出售信息时填写的不一致，请先确认后在重新提交出售申请。                                              </t>
  </si>
  <si>
    <t xml:space="preserve">电风扇通电电机发热，但不能转动 </t>
  </si>
  <si>
    <t>有以下原因会造成上述现象的发生：1、启动电容不佳！可更换一个参数相近的电容一试。2.支承轴承过渡磨损！正常的电机定子和转子间有零点几毫米的磁隙，其作用是可以让转子灵活转动，当轴承磨损过度时，通电时定子线圈所产生的电磁力会将转子牢牢地吸住而不能转动，此时会使电机发热并发出低沉的哼声。对于这种故障更换轴承即可修复。3、定子绕组线圈短路！这种故障是由于线圈长时间过度发热使导线的绝缘层破坏所致。或是电机制作质量不佳，这种问题往往会发生在刚刚使用不久的电扇上。</t>
  </si>
  <si>
    <t xml:space="preserve">新课标中三五x策略，三五x各指的是什么 </t>
  </si>
  <si>
    <t>（1）落实“三维目标”落实基础知识与基本技能的目标；落实过程与方法的教育目标；落实情感、态度、价值观的教育目标。（2）坚持“五个贯穿始终”   情感教育贯穿始终。教育的精髓是爱的教育，爱的教育始于建设和谐课堂，和谐课堂的突出特征是体现着平等和相互尊重，洋溢着爱和智慧。    文化育人贯穿始终。建设优秀的学校文化、班级文化、课堂文化、学科文化，充分发挥优秀文化的育人功能，培养学生树立正确的人生观、价值观、世界观，激励学生积极向上、拼搏进取。    探究体验贯穿始终。精心研究“探究与体验”的内容、时机、方式、方法，转变教师的教学方式和学生的学习方式，培养学生优秀的思维品质、实事求是的科学态度、锲而不舍的学习精神和良好的意志品质。    展示交流贯穿始终。提供学生进行展示与交流的时间和舞台，让学生充分展现自己的观点、方法、“成果”，充分地与同学、老师进行交流，在交流的过程中进行思维碰撞，迸发创新火花，发展创新思维，增强合作意识，提高合作能力，实现自身价值，获得自我激励。    习惯养成贯穿始终。培养学生良好的学习习惯和行为习惯，重点是养成文明守纪，专心致志、多读勤写、规范书写、善于思考的良好习惯，克服抄袭作业、考试作弊、悠闲学习、袖手学习、低头听课、机械记忆等不良习惯。这是每一节课、每一名教师都必须高度重视并认真解决的问题。（3）精心研究课堂教学“X”环节   研究确定课堂教学的基本环节，选取教学内容和教学方法，应首先明确课堂教学的核心价值所在。课堂教学的核心价值应该是唤醒和激励，促进学生和谐、主动、可持续地发展。①课堂教学首先是爱的教育，尊重和热爱生命的教育，是生命体之间情感交流与和谐发展的主要场所。②课堂教学应该是学生形成正确人生观、价值观、世界观的主要场所。③课堂教学应该是学生习惯养成的主要场所。④课堂教学应该是学生学业发展的主要场所。⑤课堂教学应该是学生进行思维碰撞、点燃创新火花、放飞心灵与理想的主要场所。⑥课堂教学应该是学生自主学习、自主发展的主要场所。⑦课堂教学应该是学生学会合作与共享的主要场所。⑧课堂教学应该是学生展示自我、感悟自身价值、体验成功的主要场所。⑨课堂教学应该是学生发展个性特长的主要场所。⑩课堂教学应该是体现教育公平、关注学生差异、促进每一个学生发展的教育。课堂教学还应有利于激活教师的职业生命，促进教师完善自我和超越自我，激励教师实现自身价值。</t>
  </si>
  <si>
    <t xml:space="preserve">肠胃不好消化不良我肠胃不好，消化不良，应该多吃点什么，忌吃什么？ </t>
  </si>
  <si>
    <t>你的问题太笼统，肠胃在西医上是两组器官，消化不良也分很多情况。建议你还是到医院消化内科详细接受检查、查清病因后再做处理。要真嫌去医院太麻烦，就把你的年龄、性别、具体的病情详细说明（肠胃不好是胃疼？拉肚子？还是其他？消化不良是对全部食物、脂肪类、蛋白质类还是谷物类？另外是不是有不良的生活习惯如不规律进食、经常酗酒、吸烟或吃辛辣食物呀）都说清楚。在此想对你说“规律进餐、少食多餐、营养合理、戒除不良生活习惯”是肠胃保健的最好方法。如果你是慢性胃炎，你应该按医生处方治疗4至6周(慢性胃炎分：浅表性胃炎、萎缩性胃炎及肥大性胃炎，治疗方法各不相同，时间、精力有限不能详细解答)；如果你是肝炎、肝硬化，建议你住院治疗。如果你是胆石症或慢性胆囊炎，建议你手术或按医生处方治疗。如果你是慢性胰腺炎，建议你合理饮食并加服胰酶片等。如果你是胃肠功能紊乱、肠炎建议你按医生处方治疗。</t>
  </si>
  <si>
    <t xml:space="preserve">面试培训中心的英语老师，有什么需要准备的？ </t>
  </si>
  <si>
    <t>1.穿着得体！2.谈吐自然，大方，不扭捏！3.礼貌！最基本的规则！其他的不多说，说得再多也无用，也得靠你自己去亲身做！</t>
  </si>
  <si>
    <t xml:space="preserve">如何制作出简单明了的实物出入帐表格希望高手们帮帮我。 </t>
  </si>
  <si>
    <t>转－个,？中意否</t>
  </si>
  <si>
    <t xml:space="preserve">是不是社会已经认同婚前性行为了呢？婚前性行为，是不是被大多数人所 </t>
  </si>
  <si>
    <t xml:space="preserve">你是不是想问，当今社会，男人的处女情结或者大家对处女情节的已经看的淡了。主要原因或许有： （以前说过）1、男人是否是处男------无法鉴定！ 2、男女比例严重失调。 3、在这个物欲横流的社会，女人的轻浮以及男人们被影响的心态所以必然经不起风吹草动，而蠢蠢欲动。 4、这最终还要看男人自己是不是也很珍惜自己的第一次了！ 5、男人与女人本来就是不同的， 但有时候男人所期待的就是女人想要的。 6、男女都懂得珍惜第一次才好。曾记起一段文字，说现在社会普遍现象就是：恋爱不如做爱! 男人：恋爱不如做爱 要恋爱，男人必须体贴，要温柔；做爱就不一定了，男人只是需要发泄，不用顾及那么多。 要恋爱，男人必须要慎重的找一个爱自己，人品又好的姑娘；做爱就不需要那么麻烦，只要长的不丑，身材不是很差就行。 要恋爱，男人必须花费大量的金钱和心思，要让女友开心，要让女友幸福；做爱虽然也要用钱，但却不需耗费大量心思。 要恋爱，男人会有很大的压力；做爱却是让男人完全的放松。 总之，一个男人要真想谈恋爱，他必须清楚的记得女友的生日，他必须经常陪着女友，他必须在女友心情不好的时候哄女友开心，他必须在女友想发怒的时候做出气筒，他还必须在吃着女友烧焦的菜时不停的说好吃…… 相对而言，做爱就显得简单多了，要么一夜情，要么找性伴侣，要么找小姐，最多只是花点钱而已。 所以，对于男人而言，恋爱确实不如做爱！ 生就是为了找寻爱的过程，每个人的人生都要找到四个人。 第一个是自己, 第二个是你最爱的人， 第三个是最爱你的人， 第四个是共度一生的人. 首先会遇到你最爱的人，然后体会到爱的感觉； 因为了解被爱的感觉，所以才能发现最爱你的人； 当你经历过爱人与被爱，学会了爱，才会知道什么是你需要的， 也才会找到最适合你，能够相处一辈子的人。 但很悲哀的，在现实生活中，这三个人通常不是同一个人； 你最爱的，往往没有选择你； 最爱你的，往往不是你最爱的； 而最长久的，偏偏不是你最爱也不是最爱你的， 只是在最适合的时间出现的那个人。 我，会是别人生命中的第几个人呢？ 好好珍惜爱你的人.... 顺便送给你几句话：喝酒不要超过六分醉，吃饭不要超过七分饱，爱一个人不要超过八分。爱一个人，要了解也要开解；要道歉也要道谢；要认错也要改错；要体贴也要体谅；是接受而不是忍受；是宽容而不是纵容；是支持而不是支配；是慰问而不是质问；是倾诉而不是控诉；是难忘而不是遗忘；是彼此交流而不是凡事交代；是为对方默默祈求而不是向对方诸多要求，可以浪漫，但不要浪费。自我感觉大多数的人在爱与不爱之间徘徊！ 遇到不爱的人也敢和对方有点什么， 遇到爱的人， 又总是没有勇气。 不懂的珍惜！ 这个社会越来越疯狂了， 越是浮躁的社会， 越要保持一颗冷静的心！！！ </t>
  </si>
  <si>
    <t xml:space="preserve">小孩一般会对哪些东西过敏？平时应该注意些什么呢？ </t>
  </si>
  <si>
    <t>小孩的皮肤比较娇嫩，对空气污染、花粉等比较敏感，平常要多注意对孩子的保护，尽量不要去一些拥挤或空气不好的地方，如果孩子已经出现过敏症状就尽量去医院看看，问问医生孩子具体是对什么过敏，如果自己买药的话要注意别买成人的抗过敏药，孩子脾胃娇嫩会受不了，我家孩子以前过敏用的是百为哈，基本没什么副作用，你可以去试试，如果严重的话还是去医院吧。</t>
  </si>
  <si>
    <t xml:space="preserve">注射隆鼻术后注意事项有哪些 </t>
  </si>
  <si>
    <t>1、注射后6小时内，请避免接触注射区域。此段时间可轻柔使用水及肥皂清洁是可以的。 2、注射后，不要曝晒注射隆鼻区域于极热状态，如日光浴或日晒或处于极冷处。3、如有用阿斯匹林或其他类似抗凝血药物，注射前最好能停用数日，术后更不能服用此类药，以免淤血。 4、不要吃激发性食物，以免有感染或发炎。 内容来自5、注射隆鼻后，可做湿敷或冰面膜，以减轻不适感。 6、 避免剧烈的阳光直射注射部位，在七天之内不可桑拿，也不要在治疗部位按摩。鼻整形手术是一门比较复杂的外科手术,因此不应当随意的选择整形医院,而是需要从医院的资质、医生的技术、整形后的实际效果等多方面进行综合考虑。如有问题可以咨询。做鼻整形最好楼主去找有经验的医生去问问，选择一家正规的医院才可以为手术的成功加上多一层的保障！　　选整形医院需要从医院的资质、医生的技术、整形后的实际效果等多方面进行综合考虑。除此之外，隆鼻不能单纯的考虑鼻子的造型，而是需要综合面部其它器官、脸型，甚至个人的气质等因素综合在一起设计鼻部造型，这样才能得到满意的隆鼻效果，单纯隆鼻是无法达到满意效果的，在选择的时候应当特别注意。任何手术都是有风险的，为了避免手术出现风险，最好的方法就是在手术前选择一家正规的整形美容医院和一位有责任感的专业整形医师，同时做好术前术后准备，这样才能保证手术安全手术效果万无一失!</t>
  </si>
  <si>
    <t xml:space="preserve">此案我该如何办我叫崔付庆，男，53岁，汉族，文盲，南阳市人，住本? </t>
  </si>
  <si>
    <t>首先,值得肯定的是法院做出这样的调解是一种极不负责任的做法.该调解是无效的理由是;该调解是违背你的真实意思表示的.是你在当时及须钱要对其治疗的情形下做出的妥协结果.当时你作出这一民事行为不是你内心的真实意思表示.然而,根据我国最高院的关于民事证据的司法解释的相关规定.其举证责任是倒置的.在这种情形下,如果被告没有相应的证据证明其医疗行为与你的损害后果无因果关系的前提下,其必须承担对其不利的后果,即承担败诉的风险.然而法院对其应该是非常清楚的.其二.对于该案的申诉你也可以向原审人民法院的上一级人民法院提起.对于你的第二项提法,法院可以驳回你的诉讼.因为根据民法理论,即一事不再理的原则,你是不可以对于同一事实再次提起诉讼的.其三.对于申诉的提起是要根据相关法律的规定提起,对于检察院的两点理由只是你在申诉后所要阐述的理由,不是法院作出必须立案的根据.其四,你申诉的基本理由,就是原审法院的调解是违反程序的.该调解的达成是违背你的真实意思表示的.是一份无效的调解.</t>
  </si>
  <si>
    <t xml:space="preserve">请问用网罩套衣服洗的网罩是用什么做的？ </t>
  </si>
  <si>
    <t>有用网眼尼龙（有点像是蚊帐的材料）做成的，也有涤纶网布材质做的网罩。希望我的回答对亲有帮助，如果满意还请亲给我个好评（好评对我非常重要），非常感谢～一般是尼龙一类，多是涤纶也有腈纶</t>
  </si>
  <si>
    <t xml:space="preserve">为什么完善了证件信息一个多月了还是防沉迷我这个号填了自己的身份证 </t>
  </si>
  <si>
    <t>你的资料应该没被系统承认，或者说是GM的直接责任，建议你应该联系一个管理员，这种情况我曾经碰到过，后来我从发了次资料就好了，你可以试试看。再不行的话就换个吧   火了就去告它！！</t>
  </si>
  <si>
    <t xml:space="preserve">小孩有20天的样了不喝牛奶和水了,请问该怎么办我家小孩3个月21 </t>
  </si>
  <si>
    <t>20天厌奶证,太长时间了吧,我宝宝以前是一周,也是3个月就不肯吃牛奶,但一周后又吃了,我的方法是,人奶不够,煲粥水或瘦肉水用勺子喂.一次一两勺,然后慢慢加量,我宝宝以前闻到奶瓶就扭头,然后我用薄边瓷杯给他喝,效果非常好,所以我宝宝不到4个月就用杯子喝水喝牛奶了,你试试,希望您家宝宝跟我家小哥哥一样健康成长!尽快会用杯子喝水喝牛奶,那声音可好听了.</t>
  </si>
  <si>
    <t xml:space="preserve">“二人台”是什么？流行于哪里？ </t>
  </si>
  <si>
    <t>二人台流传于内蒙古西部及山西、河北和陕西部分地区，相传已有一百多年的历史。各地的二人台在发展过程中，逐渐形成各自的艺术风格。人们通常以呼和浩特为界，分为东路和西路。西路二人台最初叫“蒙古曲”；东路二人台初名“蹦蹦”或二人台。东路和西路二人台，经常演出的剧目共有100多个。《回关南》、《拉毛驴》、《摘花椒》、《卖麻糖》、《兰州城》等，是东路独有的剧目。西路二人台有《打金钱》、《打樱桃》、《打后套》、《转山头》、《阿拉奔花》等剧目。</t>
  </si>
  <si>
    <t xml:space="preserve">广州哪里有卖迷你熨斗? </t>
  </si>
  <si>
    <t>广州市奥宇电子科技有限公司地址：中国广东广州市广州市一德西路390-426号国际文具玩具精品广场E座9楼907室　邮编：510120 电话：086-020-88546773　传真：086-020-81061657 网站： http://www.ayxqt.c.. 　E-MAIL： aoyuaa@   迷你熨斗 批发价：6.80元/个</t>
  </si>
  <si>
    <t xml:space="preserve">怎么下载网页中的FLASH要求说明详细步骤才能给你10分哦 </t>
  </si>
  <si>
    <t>推荐你一款flash下载软件SaveFlash-v3.0h，目前已经出了3.3版本，但是我一直使用3.0因为性能很好。只要是有flash的网页就会变颜色，用鼠标放在flash文件上，旁边就会出现一个下载提示，点击即可下载保存。你到我的资料里下载把，里面有详细的说明和汉化操作，很容易的。</t>
  </si>
  <si>
    <t xml:space="preserve">衣带渐宽终不悔的下一句是？ </t>
  </si>
  <si>
    <t>为尹消得人憔悴</t>
  </si>
  <si>
    <t xml:space="preserve">问字：左右结构，左边是一个甚，右边是戈。请问是什么字啊？ </t>
  </si>
  <si>
    <t>读kan，第一调</t>
  </si>
  <si>
    <t xml:space="preserve">我银行存有美元，想换一部分欧元，请问什么时候换合适，上哪里换好？? </t>
  </si>
  <si>
    <t>1.一月底或2月初用美圆换成欧元或英镑，现在美圆有走强迹象。2.你现在把美圆存到银行里，中行稳一般点差30点，招行5000美金以上20点差（天津），挣1个月利息，还保值。3.在银行开个炒外汇的帐户，外汇宝什么的，你问银行他就会告诉你。你就随时可以兑换你的外汇帐户里的外汇了。带身份证。添个表，不麻烦。</t>
  </si>
  <si>
    <t xml:space="preserve">微博达人积分有何用？ </t>
  </si>
  <si>
    <t>理论上来说，没有多大用</t>
  </si>
  <si>
    <t xml:space="preserve">(那一刻,我真的流泪了)是哪一首歌中的歌词? </t>
  </si>
  <si>
    <t xml:space="preserve">曲名：走了     歌手：马伊莉     专辑：七日片尾曲 我要走了 因为爱情不在了 朋友远去了 人群模糊了 世界真的变了 心情真的淡了 只有一路走了 我长大了 因为不再疯狂了 理想成往事了 它们不再美好了 很多人变了 很多事变了 渴望热血如昨天般飞扬 我在路上 想着我飞起来的样子 我在路上 离开走着的人们 我在路上 翅膀已经生长 那一刻 我真的流泪了 </t>
  </si>
  <si>
    <t xml:space="preserve">为什么要痛打落水狗？什么是落水狗，我的理解是恶狗本性没有改变的狗 </t>
  </si>
  <si>
    <t>确实应该如此 ，落水狗在落水前，又会有哪个会摇尾乞怜，求人原谅呢？现在落了水了，想起来了，不是他们脑子变好了，是因为这本身就是他们的一种手法，骗人们能放过他们，哪怕是暂时放过他们 ，从而获得喘息的时间，让他们去想办法，拉关系，找朋友，忍得一时之痛，以求东山再起之日。到那时候，就象《闪闪的红星》中地主胡汉山所说的“我胡汉山又回来了。” 那样的话，双方的关系易位，想让他放过你们可就难了。落水狗必须要痛打，否则，对他也是不公平的。沉病须下猛药，无关痛痒地给他以打击，他也不会记住的。这样只能使他越滑越深，陷入泥潭而无法自拔，小错误会变成大问题。小偷小摸得不到制止，会使人越偷越大，得到的惩罚也会越变越历害。现在的国人，精神普遍缺失，落水狗不打，他也不会变成为好人。这种人，只知报怨，不会报德，你不打他，他只会认为是他的手段高明，迷惹了众人，不认为是人们给他以机会，他只觉得自己的聪明，别人的傻，只能使他从中又得到了学习的机会。增加了对别人的怨恨。他会从失败中奋发，变得越来越坏，越来越极端，对人，对社会的危害更大。要是道德能起大作用，还要法律作什么？？？对待落水狗，就只能是打！打！！打！！！否则，你就等着作“东郭先生”吧，等着那中山狼来反噬吧。</t>
  </si>
  <si>
    <t xml:space="preserve">如何让一千元增值 </t>
  </si>
  <si>
    <t>那要看周期是多久了!投资有长线 有短线,另要看天时 地利 人和! 但有一条.风险和利润是成正比的哦.</t>
  </si>
  <si>
    <t xml:space="preserve">号啊???我注册了个号,说给我油箱发过去点机就可以机活了,可是都 </t>
  </si>
  <si>
    <t>我也是用邮箱激活的。进入邮箱点击相关链接就可以激活了。很简单的。不像你说的那么难啊！！再试试吧！！</t>
  </si>
  <si>
    <t xml:space="preserve">怎么样做才可以让自己的男朋友忘记自己的初恋?虽然他说他在努力,可? </t>
  </si>
  <si>
    <t>爱他就要顺其自然，不要过分计较他的过去，一切都过去了，只要他待你好就万事OK了！</t>
  </si>
  <si>
    <t xml:space="preserve">三国杰出人物排名,诸葛亮,司马懿,周瑜,陆逊,庞统,姜维,大家怎? </t>
  </si>
  <si>
    <t xml:space="preserve">   “先生尔时年三九，收拾琴书离陇亩；先取荆州后取川，大展经纶补天手；纵横舌上鼓风雷，谈笑胸中换星斗；龙骧虎视安乾坤，万古千秋名不朽！”毫无疑问，这“第一把金交椅”理应由诸葛亮来坐；    其二，陆逊。之所以把陆逊排在第二位，是因为他运筹帷幄百发百中，无一次失机。吕蒙偷袭荆州成功，全赖陆逊妙计；特别是当刘备倾举国之兵长驱直入，东吴处岌岌可危之时，陆逊以一介书生，总揽全局统筹兼顾，挽狂澜于既倒，不仅“前门驱狼”火烧连营七百里终使刘备白帝托孤，还”后门拒虎”，挫败曹魏趁火打劫坐收渔人之利的企图。“虎帐谈兵按《六韬》，安排香饵钓鲸鳌。三分自是多英俊，更显江南陆逊高。”所以，我排陆逊为第二；    第三，我选姜维。为什麽？姜维原是武将，赵云都夸奖他的枪法。后得诸葛亮倾心传授，终成文武全才。关键是，诸葛亮死后，刘蜀已十分虚弱，再加上刘禅昏庸，使“三足”中的这一“足”已是摇摇欲折，天时、地利、人和尽丧。即使如此，姜维仍能率兵主动出击“九伐中原”，独力与强大的曹魏抗衡了如此长的时间，实在非常人所能。“天水夸英俊，凉州产异才。系从尚父出，术奉武侯来。大胆应无惧，雄心誓不回。成都身死日，汉将有余哀。”我选他排第三；    第四，总算轮到司马懿了。为什麽把司马懿排在陆、姜之后呢？主要是前二人都是以弱敌强且能创造奇迹，而司马懿所处的曹魏魏主曹丕雄才大略知人善任，更兼国力强大兵精粮足。然而即便如此，司马懿在与诸葛亮的对抗中也每每处于下风，只有招架之功而无还手之力。甚至被诸葛亮吓成了惊弓之鸟，先是中计于“空城计”，后又被“死诸葛能走生仲达”，留下千古笑柄。尽管如此，能与诸葛亮抗衡个势均力敌，也足已使他排在第四位了；    第五，应是周瑜。与陆逊比，周瑜天时、地利、人和全占，又赶上对手曹操骄傲已极，应了“骄兵必败”这句话，更兼有卧龙凤雏相助，条件要好得多；与司马懿相比，人家虽然不能战胜诸葛亮，但诸葛亮的大部分计谋也瞒不过人家，而周瑜对诸葛亮的计策则是一中一个准儿，这就比出优劣了。不过，之战毕竟是以少胜多的典型范例，周瑜作为主角功不可没，理当排第五；    庞统未出世之前与诸葛亮相提并论，给人以深不可测之感，当亮相之后，却使人感到“不过如此”，比徐庶、周瑜、荀?⒊剃乓睬坎涣四亩ァ２还茉跹啾谙琢芳啤⒅醣甘杖∥鞔ǎ蚕允玖艘欢ǖ牟拍堋２还荒芴蚓幽┪涣恕?需要说明的是，以上排名是我根据《三国演义》的情节安排的，与正史中的人物无关。这种事原本就是仁者见仁智者见智的，不过，我觉得把曹操和上面这几位相提并论是不妥当的，这对别人是不合理的，对曹操也是不恭敬不公平的。要比，就该是“主公和主公比”、武将和武将比、谋臣和谋臣比，这才合理。</t>
  </si>
  <si>
    <t xml:space="preserve">沈阳有没有古玩街，或旧物市场？在哪？ </t>
  </si>
  <si>
    <t>有两个地方：一、在沈阳路（故宫前面的那条街）西段，从怀远门进来，100米路北，一看就知道，周六、周日还有地摊。二、鲁美学院对过“花卉市场”二楼，是原来南湖公园的业户整体搬迁过来的。</t>
  </si>
  <si>
    <t xml:space="preserve">侏儒矮人地区那里学做6格8格包包？侏儒矮人地区在铁炉堡学了裁缝。 </t>
  </si>
  <si>
    <t>去你们矮人的首都去找裁缝师傅学,经验到50以后要做高级东西才能继续长经验</t>
  </si>
  <si>
    <t xml:space="preserve">荐谜：若得广厦千万间－－宋词人一 </t>
  </si>
  <si>
    <t>易安居士。。。。。。。易祓？？</t>
  </si>
  <si>
    <t xml:space="preserve">债券销售主要招标方式的具体区别是怎样的？计划发行债券5亿元，共5 </t>
  </si>
  <si>
    <t>荷兰式(单一价格招标):　　标的为利率时,最高中标利率为当期国债的票面利率；标的为利差时,最高中标利差为当期国债的基本利差；标的为价格时,最低中标价格为当期国债的承销价格。　　美国式招标(多种价格招标):　　标的为利率时,全场加权平均中标利率为当期国债的票面利率,各中标机构依各自及全场加权平均中标利率折算承销价格；标的为价格时,各中标机构按各自加权平均中标价格承销当期国债混合式国债招标方式  来源: 河北财政信息网 日期: 2004-04-12    国债一级市场又有创新。财政部国库支付局日前发出通知，拟推出多种价格(混合式)国债招标方式，以促进国债的合理定价，充分发挥国债招投标的价格发现作用。    财政部的设计方案显示，当国债招标的标的为利率时，全场加权平均中标利率为当期国债票面利率。中标利率低于或等于票面利率的标位，按票面利率承销当期国债；中标利率高于票面利率10%(含)以内的标位，按各自中标利率承销当期国债，中标利率高于票面利率10%(不含)以上的标位，全部落标。标的为价格时，以中标数量为权重计算全场加权平均中标价格，中标价格高于或等于全场加权平均中标价格的标位，按全场加权平均中标价格承销当期国债；中标价格低于全场加权平均中标价格10%(含)以内的标位，按各中标价格承销当期国债，中标价格低于全场加权平均中标价格10%(不含)以下的标位，全部落标。基本承销额按全场加权平均中标利率或价格承销。     关于投标标位的限定，方案设计为：允许各标位不连续投标；各投标人最高、最低投标标位差，应控制在规定的标位数量之内。例如，规定最大投标标位差为20个标位，标位变动幅度为0.01%，而某机构最低投标标位为3.01%时，则该机构最高投标标位为3. 20%，并可以在3.01%至3. 20%之间不连续多次投标。     目前，财政部的方案正在征求记账式国债承销团成员的意见。</t>
  </si>
  <si>
    <t xml:space="preserve">有那位高手能指教小妹，蓬莱的迷宫怎样走？还有引路蜂怎样使用？谢谢? </t>
  </si>
  <si>
    <t xml:space="preserve">  你要先去东部打开一个机关,把水都放掉,这样你用引路蜂跟着它走就行了 这个是下载地图的地址,你点本攻略全部图片打包下载,就可以下载到仙剑的全部地图了,以后也不用担心了</t>
  </si>
  <si>
    <t xml:space="preserve">糊里糊涂都说难得糊涂,是不是糊涂点好.....呵呵 </t>
  </si>
  <si>
    <t>小是小非的问题上难得糊涂最好.可保持良好安静的心情.有利于人的身心健康!在大是大非的问题,糊涂之中应该保持几分清醒,要有稳定立场.明确态度.才能坚持原则不迷失方向!</t>
  </si>
  <si>
    <t xml:space="preserve">男人们你们会心疼吗？如果你的女朋友是处女，第一次做爱的时候她痛， </t>
  </si>
  <si>
    <t>我和我女朋友也的第一次也是这样的，但我并没有停止下来，而是在她耳边说一些甜言蜜语的话，例如：你是我最爱的人我不能没有你；你知道你让我有多么兴奋吗；你知道我第一次看见你就对你一见钟情了等等。在这同时你要去亲她敏感的地方还要慢慢去抽动</t>
  </si>
  <si>
    <t xml:space="preserve">停电停气怎么做饭？嘿嘿，照样做饭！省钱，环保，而且应了中国一句老 </t>
  </si>
  <si>
    <t>弄个烧烤箱，弄点木炭，烤羊肉串！</t>
  </si>
  <si>
    <t xml:space="preserve">有谁知道6岁小孩一天喝多少酸奶合适?我妹家的小孩一天要喝好多奶饮 </t>
  </si>
  <si>
    <t xml:space="preserve">适量喝点酸奶，建议每天不超过100-200毫升                          </t>
  </si>
  <si>
    <t xml:space="preserve">请问24小时组什么意识？请详细解释一下？电脑网络谁提供游戏中的物? </t>
  </si>
  <si>
    <t>24小时组就是 你24小时和那个队长开始固定组了你可以把号 给别人 如果你家有电脑还是自己挂的好8然 出了什么东西都不知道 别人都不分给死人的 你到头来 挂的就是个级 米有装备和钱滴~如果是你自己挂 出了成品 可以拍卖 价高者得 如果都不拍卖那就摆市场买 然后组里分钱就这样哒~~</t>
  </si>
  <si>
    <t xml:space="preserve">这样的合同怎么写好些!因为准备要宝宝,想把狗狗送人领养一段时间, </t>
  </si>
  <si>
    <t>哈，这也要写合同啊！好，替你写一个——代养合同甲方：XXX（你的名）乙方：XXX（对方名）因甲方准备要生宝宝, 为此把狗狗交给乙方领养一段时间。为此双方达成以下协约定：一、领养时间：从签订合同之日起至甲生完宝宝为止。（你生完就能养狗狗了么？考虑）二、在此期间，狗狗的一切事情匀由乙方负责。三、在此期间，如果狗狗产子，送归甲一条小狗，其余的归乙。四、在此期间，如果狗狗咬伤他人，由乙承担责任。五、在此期间，如果狗狗死亡，乙不承担责任。（或承担责任，你们自己商量吧）六，本合同一式二份，自双方签字起生效。甲方：XXX（你 签 字）乙方：XXX（对方签字）XXXX年XX月XX日</t>
  </si>
  <si>
    <t xml:space="preserve">梦幻里我要用几张点卡才能换到一个70多级的号 </t>
  </si>
  <si>
    <t>3张左右，70多的不怎么值钱</t>
  </si>
  <si>
    <t>若m、n都是整数，求证：方程x^2+10mx</t>
  </si>
  <si>
    <t>△=100m^2-4(-5n+3)=100m^2+20n-12,末位数是8没有一个整数的平方,其末位数为8,所以△不是完全平方数,这个方程没有有理根,即没有整数根.</t>
  </si>
  <si>
    <t xml:space="preserve">你是一名村干部，市里领导下来考察，有村民来闹事，该怎么办 </t>
  </si>
  <si>
    <t>村民来闹事肯定有他们需要解决的问题，你将那些问题解决了不就行了吗？如果暂时无法解决，也要向那些村民解释清楚才行呀。总之，要做到问心无愧就行了。非常欣赏你能在这儿提出这种问题，而不是就简单而武断地解决问题。</t>
  </si>
  <si>
    <t xml:space="preserve">完美国服什么时候也象国际版那样免费啊 </t>
  </si>
  <si>
    <t>我是国际版玩家：可我充的钱比国服要多得多。为什么？   国际版的怪血多。防高。不带护身副打起来很吃力！一张副十块钱，能用五天左右！国际版钱难赚。除了妖精和大号刷副本出钱，像我们这种小号跟本赚不到钱，有时不买副连药钱都没有。而学技能花钱更猛！升一级要几十万，钱从哪来？还不是充钱买道具然后卖出去。</t>
  </si>
  <si>
    <t xml:space="preserve">华南师范大学南海学院是什么性质；属于那录取批次；本科毕业证书是华? </t>
  </si>
  <si>
    <t xml:space="preserve">如果你是南海华师大的学生，你可以问可以信任的老师，可者是拿了本科证的师兄姐。如果你不是华师大的学生，你打南海华师大的电话： </t>
  </si>
  <si>
    <t xml:space="preserve">取痣痛吗？我家有人迷信．说有些痣不能取，取了对身体和事业不好．有? </t>
  </si>
  <si>
    <t xml:space="preserve">痛是当然的，我是激光取的痣，取完后脸有一点麻麻的感觉，休息一会就好了。至于你说的那些迷信，我个人认为是信则灵，不信则不灵。建议你最好是去大医院做，比较有保证。千万不要去那些美容院或江湖郎中之类的取。最好是在春秋天做比较好，这样出汗少，伤口不易出汗，减少被感染的机率，相对来说恢复也会快一些。切记一周之内伤口处不能碰凉水（这个时间是因人而异的，每个人肤质不一样）以免伤口感染。值得提醒你的是做完去痣后一定要忌口：不能吃带色素的东西（如酱油、巧克力、咖啡、茶等等） </t>
  </si>
  <si>
    <t xml:space="preserve">哪个星座男最能被吸引射手女？ </t>
  </si>
  <si>
    <t>射手座 最来电的星座：狮子座 配对指数－100分[射手居上风] 两个火象星座的人，很容易互相吸引。 爱玩又爱热闹，初次谋面的陌生，很快就能抛到九霄云外， 两个人一下子就可以打的火热。 不过，相投时可以爱的死去活来，相背时， 也很容易吵的天翻地覆，一拍两散。</t>
  </si>
  <si>
    <t xml:space="preserve">初中一年级语文作文家长如何辅导？初中一年级学生的语文作文与小学生 </t>
  </si>
  <si>
    <t>本质上与小学作文没区别.只是字数\内容范围有所增加而已.........家长应多弄些课外读物特别是"杂书"来涵养孩子的文学素养...教科书中的课文只能借鉴其写作形式的东西,且易受其束缚.............</t>
  </si>
  <si>
    <t xml:space="preserve">准备入手新款锐志，各位给点意见？ </t>
  </si>
  <si>
    <t>锐志？楼主喜欢运动车型吧。先从价格上讲，不到30W能入手这种配置的，已经很值了，V6发动机，前置后驱的，而且那车的后期保养也不是很贵。缺点就是，锐志的油耗要比其他丰田车高些，毕竟人家运动车型，稍微比别的车耗点油也正常。如果楼主属于家用范畴，还是建议考虑入手锐志。</t>
  </si>
  <si>
    <t xml:space="preserve">马车边上的NPC可以去幽灵山谷的NPC到底在哪儿？那个NPC叫什 </t>
  </si>
  <si>
    <t>幽灵山谷这个活动已经结束了吧。现在没有了哦。</t>
  </si>
  <si>
    <t xml:space="preserve">新浪邮箱一次最大可以上存多大的邮件 </t>
  </si>
  <si>
    <t xml:space="preserve">    你说的是发送邮件的附件大小吧:新浪网有规定:    新浪免费邮箱空间已达1G，用户登录即可畅通无阻的获1G(1000兆)免费空间！同时，新浪免费邮箱可以收发的附件大小从原来的3M扩大到15M   任你邮收费邮箱为50M   另外你也可以咨询新浪客服中心。全国统一客服热线：  咨询邮箱：webcn@ 希望对你有所帮助</t>
  </si>
  <si>
    <t xml:space="preserve">贵州卫视6频道2013年12月4日播的什么 </t>
  </si>
  <si>
    <t>贵州电视台六频道 贵州电视台六频道节目预告(给个好评吧,亲)12-04 星期三 中午 晚间07:40 探索午间节目12:40 与健康同行17:07 玩转地球晚间节目18:00 旅游探路者18:20 大教育18:30 健康节目19:09 与健康同行(106)20:00 天天故事会20:27 第六调查室21:01 沙场21:37 寰宇地理22:35 探索23:36 玩转地球</t>
  </si>
  <si>
    <t>志在千里面依稀</t>
  </si>
  <si>
    <t>司马相如</t>
  </si>
  <si>
    <t xml:space="preserve">＜加急＞如何能早期发现婴儿甲状腺功能低下与甲状腺功能亢进？？？我 </t>
  </si>
  <si>
    <t xml:space="preserve">  依现在的化验看，FT3、FT4（表示游离甲状腺素）正常，TSH（促甲状腺激素）稍高一点。脐血化验不完全代表婴儿血液的情况，如果想明确孩子甲状腺功能，还得去抽血检查。抽静脉血，1-2毫升。另外孕妇得甲亢对胎儿影响不大，您不必太着急。我不是儿科内分泌专家，有关婴儿的情况不太清楚，什么时候应该复查，还要看具体情况。因为TSH偏高，还是及早做检查好，防止呆小病发生。</t>
  </si>
  <si>
    <t xml:space="preserve">关公约三事，是哪三事 </t>
  </si>
  <si>
    <t xml:space="preserve">三事是：降汉不降曹;礼待二嫂;一旦得知刘备下落,便当辞去 当时情况是，曹操进攻徐州，刘备军战败，刘备也不管老婆了，落荒而逃。关羽被困在土山，曹操手下大将张辽与关羽交情不错，就去劝他投降，关羽就跟曹操约定了这三件事。曹操答应，关羽就投降；不然，宁死不降。目的是约定好条件吧：1 投降的是汉朝，不是投降曹操，言下之意是如果你曹操要当皇帝，我可不跟着你干；2 保住刘备两个老婆，避免他们因为刘备的缘故受罪；3 讲明了刘备要在，他的投降就不算，他还是刘备手下将领，表明了自己忠臣不仕二主的决心。赞同53| 评论(1) </t>
  </si>
  <si>
    <t xml:space="preserve">申请了微号如何设置个性域名？如何操作？ </t>
  </si>
  <si>
    <t>可以切换。点击右上角帐号-我的微号-切换域名”选择要显示的方式并填写原因。即可选择微博图片水印与微博地址栏中优先显示个性字母域名。请确保在做切换操作前已经设置了个性域名。</t>
  </si>
  <si>
    <t xml:space="preserve">问题：???我???矣心男┮呙缡强梢悦赓M接種的?我現在想去注? </t>
  </si>
  <si>
    <t>现实卫生防疫工作中，基本上均为有偿接种疫苗服务。但各地情况不同。本来新生儿及至8月龄内，卡介苗，脊髓脊质疫苗，百日咳疫苗，破伤风疫苗，白喉疫苗，麻疹疫苗，以及乙脑疫苗，“流脑”疫苗，等均为免费接种。可现在,存在收费较普遍。接种：乙肝疫苗、甲肝疫苗，须自费。接种前，应去医院检验血：乙肝三系抗原抗体及/或甲肝IgM 抗体，  阴性报告结果，才有接种必要，否则，无意义了。阳性报告，提示巳经感染了乙肝病毒或甲肝病毒。因此，不必再接种。乙肝病在稳定期，若贸然接种乙肝疫苗，可诱发乙肝病活动复发的危险可能。切切注意。此答。</t>
  </si>
  <si>
    <t xml:space="preserve">为什么这么多人得白血病我天天玩电脑会不会被辐射得病 </t>
  </si>
  <si>
    <t>电脑的辐射是在安全的范围内的,正常人是不会的辐射病的</t>
  </si>
  <si>
    <t xml:space="preserve">许绍洋会来内地开个唱吗？介绍一下他的近况谢谢！！！ </t>
  </si>
  <si>
    <t>希望你不要介意啊.他现在名气不怎么样把,估计不会来把,考虑到资金问题和人气的话.</t>
  </si>
  <si>
    <t xml:space="preserve">小孩的头能不能摸？小孩的头能不能随便用手去摸？尤其是刚磕到头后， </t>
  </si>
  <si>
    <t xml:space="preserve">    在一般的情况下,小孩的头是能用手轻轻触摸的,但是在刚磕到头(特别是有血肿后)，就不应该去触摸,以避免加重出血.</t>
  </si>
  <si>
    <t xml:space="preserve">手淫射精后睾丸有点涨疼是怎么回事？ </t>
  </si>
  <si>
    <t>手淫毕竟不如真正的做爱要尽兴和痛快。当然会感觉不是很舒服。</t>
  </si>
  <si>
    <t xml:space="preserve">盗贼被FS冰霜新星冻住用什么解的????????? </t>
  </si>
  <si>
    <t>消失阿，有这个技能，不过要看你多少级了。</t>
  </si>
  <si>
    <t xml:space="preserve">有哪些适合11月11日唱的歌？集思广益来 </t>
  </si>
  <si>
    <t>不要在我寂寞的时候说爱我,除非你真的能给予我快乐...</t>
  </si>
  <si>
    <t xml:space="preserve">恨死尤文了怎么像德假的汉堡一样啊，太没出息了。我单3作胆的啊 </t>
  </si>
  <si>
    <t>大哥哥 。。。还有时间啊</t>
  </si>
  <si>
    <t xml:space="preserve">节拍和节奏的关系在音乐中节拍和节奏是同一回事吗？ </t>
  </si>
  <si>
    <t>在网上找到的一段解释：   乐曲或歌曲中，音的强弱有规律地循环出现，就形成节拍。 节拍和节奏的关系，就像列队行进中整齐的步伐（节拍）和变化着的鼓点（节奏）之间的关系。</t>
  </si>
  <si>
    <t xml:space="preserve">乌龙装备怎么来的在英雄里面，乌龙装备是多见的，比一般的装备好，我 </t>
  </si>
  <si>
    <t>开箱子,我是开水质赤盒开出来的.碰运气啊,不要强开,否则你会破产的</t>
  </si>
  <si>
    <t xml:space="preserve">高分悬赏.童年你玩我?为什么出了新F.我却更新不了.我从3点就开 </t>
  </si>
  <si>
    <t>你更新的版本过大,你去 去下载补丁.补丁是205MB下载后请直接解压在childhood或童年目录下覆盖即可；请不要将压缩包解压到其他位置，然后再进行复制覆盖.下了以后还有部分文件要更新,但是小一会就可以进游戏了</t>
  </si>
  <si>
    <t xml:space="preserve">暗之祖玛教主都能暴点什么好东西 </t>
  </si>
  <si>
    <t>今天早上 有人去地下打丝 暗之组玛教主送了个麻痹戒指108区的</t>
  </si>
  <si>
    <t xml:space="preserve">如何爱妩男人的DD???如何妩摸??有经验的人多多指教...男人 </t>
  </si>
  <si>
    <t>女性对男性性器的爱抚不要太单调，首先，来看用手的方法，一般来讲，用手握住阴茎，进行伸结合实际，尤其在龟头附近更有效果。但是，相同的动作带来的相同的刺激，缺乏趣味性。接触阴茎身体部分的皮肤，或者在伸缩运动时加上转圆圈运动，下点功夫，会比只单纯的结阴茎部分刺激的效果好上几倍。再者，一边爱抚阴茎时，一边可用另一支手或口唇轻轻压迫阴部。 　　 　　女性当中， 有人无意中发现男性的乳头，也会因刺激而勃起。因此，男性的乳头是很好的性感带。但是，尚未被开发，可说是隐藏的性感带。刺激阴茎的同时也进行乳头的爱抚，能让男性体验到复合快感，对女性来讲，也是另一种欢乐。对阴茎刺激，除了用手之外，女性身体其他部分也可以加以利用。例如：腋窝。腋下本身一搔动就会痒，还有腋毛和体臭，无论是视觉上或触觉上都能造成充分快乐的地方。把阴茎挟在腋窝里，摩擦、压迫的运动将给予阴茎异样的感觉刺激。 　　乳房对阴茎的刺激法：把阴茎放在乳房之间，也是刺激阴茎的方法之一。这样的爱抚从男性立场来看的话，是刺激乳房的动作，而站在女性立场而言，应该是对阴茎的爱抚，拥有互相做为性游戏的特色。做这样的爱抚时，女性必须面朝上躺着。男性跨坐在女性胸部下方，把阴茎放在双乳之间，腰部前后运动。男性用手捏住两边乳房外侧，乳房的温暖会传到整个阴茎上。当然，女性自己用手抓紧乳房也可。脸稍微往前抬的话，女性用舌头舐阴茎，使阴茎酥痒。阴茎与乳房相对的爱抚，又称为半身性交。稍微做点变化，也可以考虑男性面朝上横躺，女性匍匐在男性的两腿间，用乳房挟勃起的阴茎。在半身性交里，男性藉着用精液污秽女性酥胸的动作，体会到征服感</t>
  </si>
  <si>
    <t xml:space="preserve">??藏如何紋身與裝?湓觞N搭配最好?小弟56???藏.最近看了很 </t>
  </si>
  <si>
    <t>战士系只可以文:力量系;敏捷系;体质系;智慧系(只可以文加智慧减智力的一种,精神不可变动)!有了上面的说明你还想文什么呢?呵呵!其实宝藏之所以厉害,还是由于他的血多,技能和其他俩种族都是差不多,最后是穿了末日的宝藏胜,所以哈,还是加体质吧,敏捷是不要减的(影响物理打击命中率,不是技能命中率),减力量吧!最好的选择就是:体质加四,力量减四,体质加一,力量减一,智慧加四,智力减四!希望能帮到你!</t>
  </si>
  <si>
    <t xml:space="preserve">.....猜谜语出门去求名求了个贼名亲生父子不相认恩爱夫妻不留名 </t>
  </si>
  <si>
    <t>1.偷情生子2.理发师挖耳洞3.蜜蜂4.要---耍</t>
  </si>
  <si>
    <t xml:space="preserve">如何生育健康的宝宝？想要生一个健康的宝宝 </t>
  </si>
  <si>
    <t>不要乱吃药，吃方面注意点，还有要上医院做孕前检查就行了。</t>
  </si>
  <si>
    <t xml:space="preserve">分享图片，这个是淘宝的还是浏览器的还是网站弹出的？ </t>
  </si>
  <si>
    <t>我到淘宝上没看到这个弹出广告。可能是浏览器里的植入广告。</t>
  </si>
  <si>
    <t xml:space="preserve">多项数据调查这个任务怎么做？就是沙城接的破碎日常任务，我带了那个 </t>
  </si>
  <si>
    <t>首先把你的头部装备换下  然后把他给你的那个东西带上 去NGL的任务地点会发现很多红的的球球 然后把你现在带的那个帽子使用一下  记得在球球附近用袄 然后就收集到了1次 一共收集6下就OK了  很简单的 呵呵 希望对你有帮助</t>
  </si>
  <si>
    <t xml:space="preserve">新买的手机电池用完电后冲不进电怎么办刚买的电池用完电，再充电充不 </t>
  </si>
  <si>
    <t>最先考虑到的就应该是这个原装电池有问题，大概是伪劣产品，建议更换国产手机电池，目前咱们国产的手机电池都比原电耐用，质量有保障，可以试试弘毅电池这类知名国产品牌。</t>
  </si>
  <si>
    <t xml:space="preserve">侠四中的飞机怎末得到?????????????????? </t>
  </si>
  <si>
    <t>100%通关后去军营有阿帕奇飞机，收集90个绿色包囊有小型麻雀战斗直升机，我不知道在哪。</t>
  </si>
  <si>
    <t xml:space="preserve">皮卡堂羊毛假发有什么用···· </t>
  </si>
  <si>
    <t>羊毛假发是帅锅羊的产物，帅锅羊是普通羊的变异产物，用天使药水让羊怀孕就有一定几率得到帅锅羊，希望对你有帮助</t>
  </si>
  <si>
    <t xml:space="preserve">服装辅料,拉链,钮扣,花边,在你们当地哪里有大点的批发市场?本人 </t>
  </si>
  <si>
    <t>义乌小商品市场，各种服装辅料品种齐全，价格低廉你可以上网查询一下，很多商家在网上都有相关报价介绍的</t>
  </si>
  <si>
    <t xml:space="preserve">我该不该继续爱他，让他对我回心转意？我和前男友刚分手一个月，但是 </t>
  </si>
  <si>
    <t>为什么还要爱他呢？为了钱，他选择同另外一个女人一起生活也许是为了爱情，他又回头找你但我觉得他这是在享受爱情，却不付出这样的人，真的值得你再去爱吗？有些时候不是爱只是一种习惯你对他，也许只是习惯也许只是不甘心但是想一想这对你也许倒是一件好事让你看清楚他的真面目让你去找到一份真正属于自己的幸福不给你全部就不如全部放弃了爱是非常自私的假如你不自私就要问你自己这是不是爱？是什么样的爱？</t>
  </si>
  <si>
    <t xml:space="preserve">F4的歌下面几首是部分歌词,分别属于什么歌啊1.为何会是他?你说 </t>
  </si>
  <si>
    <t xml:space="preserve">2.寻找茱丽叶 吴建豪3.想像十个你 吴建豪  friend  吴建豪5.身体会唱歌 吴建豪 </t>
  </si>
  <si>
    <t xml:space="preserve">到盈佳国际这个平台玩MG老虎机,如何开户 </t>
  </si>
  <si>
    <t>不管玩啥样的老虎机都可在盈佳国际【 w865.net 】找到的，这里的老虎机平台最全了，而且开 户还有钱送。是理 想的博 彩平台</t>
  </si>
  <si>
    <t xml:space="preserve">为什么管网的补丁下不了客服电话是空号郁闷死了补丁下不了自动更新不 </t>
  </si>
  <si>
    <t>等些日子就好了，现在官方正和电信续签1年的合同，王座还会运营很长一段时间。客服的电话变了，你可以去网上查一下</t>
  </si>
  <si>
    <t xml:space="preserve">养成终身学习的习惯 </t>
  </si>
  <si>
    <t>是的~</t>
  </si>
  <si>
    <t xml:space="preserve">是不是右眼跳动的时间越长灾难就会越大?最近我有一件十分重要的事, </t>
  </si>
  <si>
    <t>迷信说发不要害怕该来总是要来的不该来的强求也不会有的</t>
  </si>
  <si>
    <t xml:space="preserve">1984年10月零9到2014年1月1日是多少年 </t>
  </si>
  <si>
    <t>29年零2个多月</t>
  </si>
  <si>
    <t xml:space="preserve">大学为什么还有那么大的压力以前在中学时候有压力是为了升学，现在到 </t>
  </si>
  <si>
    <t>随着年龄的增长，我们要承担越来越多的责任，面临越来越多的问题；而且，在这样一个社会快速发展的年代，各方面的竞争都让人感到很累。我们无法决定环境，却可以调节自己的心境。既然躲不掉，就勇敢面对吧。想想自己的压力究竟来自哪些方面？再一一应对。还有，一定要拥有自己的强大支持系统，亲人、朋友、师长……当你感觉压力大得无法承受的时候，向他们求助，寻求支持。</t>
  </si>
  <si>
    <t>为什么我一点开始游戏就出现找不到所需的.DLL文件</t>
  </si>
  <si>
    <t>不知道你下载的时候有没有丢弃错误数据,如果是光盘安装是不是光盘的问题?</t>
  </si>
  <si>
    <t xml:space="preserve">晚上睡觉总做梦怎么办啊？ </t>
  </si>
  <si>
    <t>您可以去医院做个X光，看看是不是颈椎病，如果是颈椎病引起的脑部供血不足就会产生多梦</t>
  </si>
  <si>
    <t xml:space="preserve">今天我想新注册个号，就去进街头篮球官网，结果等半天它说找不到服务? </t>
  </si>
  <si>
    <t>是的，今天服务器官网都进不去！！估计是天联的服务器除了问题！不是你一个的问题！大家都是！楼主别担心！</t>
  </si>
  <si>
    <t xml:space="preserve">移情别恋的下场是什么？要是你的男朋友（女朋友）移情别恋了，你会怎 </t>
  </si>
  <si>
    <t>那是他的选择,但我不会认同他的行为.我会离开,干干脆脆,而且永不会再给他反悔的机会.</t>
  </si>
  <si>
    <t xml:space="preserve">&amp;amp;#x0d是什么意思？ </t>
  </si>
  <si>
    <t>乱码</t>
  </si>
  <si>
    <t xml:space="preserve">胃不好能喝豆浆吗？我现在是浅表性胃淡，还时不时的有反胃、反酸水， </t>
  </si>
  <si>
    <t>豆浆是属寒性的，所以有胃寒，比如吃了饭以后消化不好、爱打嗝、碍气的人，还有脾虚的，比如有腹泻、胀肚的人不要喝。</t>
  </si>
  <si>
    <t xml:space="preserve">博彩身份证过期，彩票不能领奖，补办周期过长，能否使用临时身份证领 </t>
  </si>
  <si>
    <t>能够用临时身份证领奖，但要开相关证明。</t>
  </si>
  <si>
    <t xml:space="preserve">电脑不能正常启动开机2，3秒后就自动断电，在按开关没反应，就好像 </t>
  </si>
  <si>
    <t>一般是电源故障，电源的元件老化造成的。也有可能是主板故障，主板电源输入出问题了。建议借一个电源测试，确定是什么出问题了</t>
  </si>
  <si>
    <t xml:space="preserve">能不能从空飞中的发动机声音判断空中的飞机是民用机还是军用机？ </t>
  </si>
  <si>
    <t>完全可以。一般战斗机的声音比较尖细，是因为它们是超音速飞行的.大型民航机的声音还比较低沉,是因为它们不能进行超音速飞行.</t>
  </si>
  <si>
    <t xml:space="preserve">1981年农历7月24出生的星座是什么? </t>
  </si>
  <si>
    <t>属处女座.星座是要看公历的</t>
  </si>
  <si>
    <t xml:space="preserve">有没有关于万圣节的流行歌曲？ </t>
  </si>
  <si>
    <t xml:space="preserve">威廉古堡 歌词   威廉古堡 - 周杰伦 - fantasy 词：方文山曲：周杰伦 藤蔓植物爬满了伯爵的坟墓 古堡里一片荒芜长满杂草的泥土 不会骑扫把的胖女巫用拉丁文念咒语啦啦呜 她养的黑猫笑起来像哭啦啦啦呜用水晶球替人占卜 她说下午三点阳光射进教堂的角度 能知道你前世是狼人还是蝙蝠 古堡主人威廉二世满脸的落腮胡 习惯在吸完血后开始打呼 管家是一只会说法语举止优雅的猪 吸血前会念约翰福音做为弥补 拥有一双蓝色眼睛的凯萨琳公主 专吃有ab血型的公老鼠 恍恍惚惚是谁的脚步 银制茶壶装蟑螂蜘蛛 辛辛苦苦全家怕日出 白色蜡烛温暖了空屋 恍恍惚惚是谁的脚步 客厅壁炉零下的温度 辛辛苦苦从不开窗户 小小恐怖吸血鬼家族    </t>
  </si>
  <si>
    <t xml:space="preserve">简单说!谁跟我简单说一下期货怎么玩?怎么投资.怎么赚钱?看资料看 </t>
  </si>
  <si>
    <t>你去期货公司开户就可以玩了!期货公司的业务员会给你讲清楚的.</t>
  </si>
  <si>
    <t xml:space="preserve">请问这是什么病?我也不知道是不是感冒,全身酸软,然后头脑短路,肚 </t>
  </si>
  <si>
    <t>肠胃炎,或者是阑尾炎!感紧去医院检查吧!</t>
  </si>
  <si>
    <t xml:space="preserve">高手进一下啊号码被盗了，一件装备也没有了。但是什么也装不了，会的 </t>
  </si>
  <si>
    <t xml:space="preserve">分别标有号码1~9的9个球装在一个口袋中，从中任取3个，1)求取 </t>
  </si>
  <si>
    <t>解：从9个球中取三个，共有C(9,3)=9*8*7/6=84种取法（1）有5号球，而其他两个球随意，共有C(8,2)=8*7/2=28种所以概率为28/84=1/3(2)有5号球，一个球小于5，共有4种，另一个大于5，也有四种，所以共16种所以概率为16/84=4/21</t>
  </si>
  <si>
    <t xml:space="preserve">外地人经商该如何保护自己我朋友因买卖商品与人发生口角，对方到朋友 </t>
  </si>
  <si>
    <t>您好：    几次去医院的诊断证明是否保留着，这些都是证据，可以向公安机关出示，并且不承认在事发后10天的诊断结果的真实性，如果公安机关要对您朋友实施拘留，您朋友可以要求复议，或者进行行政诉讼。    建议请律师介入</t>
  </si>
  <si>
    <t xml:space="preserve">我现在４０级要跑墒了，有一些问题高手进４０最好跑什么路线．那个路 </t>
  </si>
  <si>
    <t>北具地府  但是。。。人好多的长安的东西在北具或者长寿卖傲来的东西在爱长寿卖地府的东西在北具卖北具的东西在地府卖长寿的东西在长安卖价格~~。。。我说不清~~</t>
  </si>
  <si>
    <t xml:space="preserve">北京庆丰包子铺月坛店从五棵松乘地铁怎么去？ </t>
  </si>
  <si>
    <t>乘坐 地铁1号线(四惠东方向),6站 在 复兴门站 下车(B东北口出)   步行100米至 复兴门内站 乘坐 15路,3站 在 月坛公园站 下车   步行100米至 北京庆丰包子铺月坛店    如果对你有帮助，请点击好评，你的评价可以激励答题者帮助更多的人你这个挨着不近。五棵松坐地铁倒2号线到阜成门下车，从万通商场口出，往南走走南礼士路。第一个红绿灯就到右手边就到。记得好评哦。我住这边这应该是最方便的了</t>
  </si>
  <si>
    <t xml:space="preserve">仙三中当铺应如何经营?怎样才能赚钱?收购什么东西好? </t>
  </si>
  <si>
    <t>1.将当铺升到“甲级”这样每次得到的会多一些（投入的多才能赚的多）2.一般可以收购一些灵药（永久增加属性的），不推荐你收购古董</t>
  </si>
  <si>
    <t xml:space="preserve">如果给你一次选择的机会，你会希望出生在哪个国家？？最近看了一本书 </t>
  </si>
  <si>
    <t>说实话， 我对自己是一个中国人尤为自豪。 我们的国家拥有世界第三大的领土面积， 世界最大的人口总量， 是一个特殊的民族。5000年， 5000年来我们的民族成长下来， 有过辉煌， 也有过耻辱。 但是， 5000年来， 我们“活”了下来， 不像美素不达米亚那样消失与茫茫， 不像埃及那样只能回望曾经的辉煌， 而是直到现在始终屹立于世界之林中， 更是“世界第一大国”的未来接班人。^_^从建国初期到现在，仅仅半个世纪， 中国已经超过比其开始经济发展早N久的同为四大文明古国的印度， 说明了中国人无穷的智慧， 创造了独一无二的非字母组成文字也是智慧的见证。 （其他使用此种语系的国家都是从汉字为起点创造的）身在国外， 才发现中国人做事的效率之高， 也许你也在很多地方看到过， 西方世界， 身为发达国家的人效率有很大的问题， 那叫一个慢，一个低， 不时的度假， 根本就没有什么工作热情， 台数至少， 内容之烂， 只有你体会了才会知道（而且西方媒体总是那中国说事，一下人权有问题，一下共产主义思想有错，这段时间就在那拿西藏问题说中国人权问题严重， 看了就气愤 我**********。。省略N个脏字）。 而且中国的特殊也因为在中国， 中国人的比例绝对到达99% 以上， 但是在其他国家（以西方世界为例），人种混杂， 各国都可以见到， 这也增加了种族之间的分歧，社会治安不够稳定。 当然， 正如你所说的， 中国的教育制度与西方社会有大大的不同。 西方的孩子有一个真真正正的“黄金童年” 教育也很松，一培养自学为主， 而且属于个性发展， 不像中国要求学生全方面发展， 有扎实的基本功。 但是说实话， 这种“黄金童年”式教育不适合中国以及很多亚洲发达国家， 因为这些国家人口众多， 就业竞争之强， 如果没有扎实的基本功， 你根本就没有机会上大学或者找到工作。 为什么活着， 这就要看你了， 是繁衍后代， 照顾父母， 拥有一个美满的家庭， 事业，还是活着做自己想做的事， 还是就为了等死。 每个人都有自己的想法， 这是一场戏， 每个人都是自己的主角和导演， 要演成什么样， 就在于你。 梦想， 也是从你对生命的见解中得来的。这一生你必须为你想做的事有所付出， 当然很多时候也会事与愿违， 心里不是滋味也是难免的。但这就是人生， 未来 是未知的， 你能做得， 只有在历史中学到未来。 但要抓住机遇， 抓准机遇， 短短数十载中你要能找到这样一个机会， 你的前途就是无量的。多和过去的好哥们聚聚， 千万不要拥有距离， 这个在国外的我深有体会， 不要以为聊天工具就能含糊过去，丢了这个就很难捡回来了。看起来你现在很迷茫， 那么晚了上来发帖， 也许你遇到了什么低谷，虽然我的回答不能解答你心中的疑问， 而且我也没学过什么心理学， 所以我不应该给你什么建议， 但是我还是推荐你好好的睡一觉， 然后醒来后想一想过去所有的快乐的事，忘掉一切烦恼和疑问。 找上朋友， 一同去疯几天， 然后再好好斟酌一下， 也许会到达什么更高的境界也不一定哦。</t>
  </si>
  <si>
    <t xml:space="preserve">急跌状态下要卖股票，用五档即成剩撤时挂单要往卖1上挂吗？例如买1 </t>
  </si>
  <si>
    <t>在市价卖出那栏中,选择"最优五档即成成交剩撤"该选项既可</t>
  </si>
  <si>
    <t xml:space="preserve">我20级想带个魔宠什么魔宠好呢?谢谢!问一下大家,我到20级想带 </t>
  </si>
  <si>
    <t>最好的魔宠只能是老鼠和乌龟了。其他绿影子、骨龙、魔法罐、树精、蘑菇、花妖等等同属2流。要换等金卡的吧。</t>
  </si>
  <si>
    <t xml:space="preserve">煮带壳的花生需要多长时间？用普通的锅煮 </t>
  </si>
  <si>
    <t>煮带壳的花生一般是水开后再煮5-10分钟，水变成了黄色，火候是能闻到花生的清香就好。如果有糊味就是煮过头了，水变成了黑色。</t>
  </si>
  <si>
    <t xml:space="preserve">06年和07年的NBA状元分别是谁？ </t>
  </si>
  <si>
    <t xml:space="preserve">06年状元是安德里亚-巴尼亚尼 / Andrea Bargnani / 位置: 大前锋 / 小前锋 身高: 2.11米 / 6尺11 体重: 109公斤 /240 磅 生日: 1985-10-26 球队: 多伦多猛龙 选秀: 2006年第1轮第1位 学校: 意大利联赛 国籍: 意大利 07年是姓名：Greg Oden &lt;奥登&gt;出生年月：1988年1月22日 NBA位置：C 大学去向：俄亥俄州立 ohio state 身高：7-0 体重：245磅 </t>
  </si>
  <si>
    <t xml:space="preserve">南阳周边哪儿有户外烧烤的地方？我的意思是可以租到烧烤架～ </t>
  </si>
  <si>
    <t xml:space="preserve">多了 ，比如白河边，北郊，四坝附近...架子呢  ，花个几十块钱买两副就是咯  </t>
  </si>
  <si>
    <t xml:space="preserve">今天的排列三。。。就干了两注~~~636.。。。。181.。。。 </t>
  </si>
  <si>
    <t>距离上次排列三中直选有2月多了吧老大怎么还不发挥下，加油今晚跟你的我看好一注634...</t>
  </si>
  <si>
    <t xml:space="preserve">请教一个数学翻译问题“x在区间（a,b）上变动”的英语怎么说？先 </t>
  </si>
  <si>
    <t>x varies(changes) in the interval (a,b),x is defined in the interval (a,b), ----- x 定义在区间(a,b)</t>
  </si>
  <si>
    <t xml:space="preserve">文化宫现在搬到哪去了？以前不是说搬了吗？搬到哪去了？ </t>
  </si>
  <si>
    <t>迁至成都城西金沙辖区之原＂青羊区苏坡职业中学＂址，乃去年市政府为重振＂劳动人民文化宫＂风貌将原文化宫地皮置换变卖而作出的决定．</t>
  </si>
  <si>
    <t xml:space="preserve">配件问题我公司是卖电子产品的，之前开业的时候买了一台机器设备，后 </t>
  </si>
  <si>
    <t>记入到机器设备成本当中，如果是机器设备日常维修用的配件，那应该记入“制造费用－维修费”科目，具体账务处理如下：1、若是构成机器设备必不可少的配件的：借：固定资产   贷：银行存款或应付账款2、若是机器设备日常维修用的配件：借：制造费用－维修费   贷：银行存款或应付账款</t>
  </si>
  <si>
    <t>关于蓝龙肌腱问题不是高手别发言啊哎萨拉那的51</t>
  </si>
  <si>
    <t>50级以上的精英蓝龙都掉艾萨拉也掉.冬泉谷的龙洞里也掉.只不过是冬泉掉的几率比较大一些而已.</t>
  </si>
  <si>
    <t xml:space="preserve">两个月狮子(月亮星座落在狮子上的人)在一起相处困难吗?ps:我们? </t>
  </si>
  <si>
    <t>问的 不是地方拉~~只要是真心相对，什么都米问题拉。如果你真那么相信星座的话，换个地方！去娱乐那问。</t>
  </si>
  <si>
    <t xml:space="preserve">肺炎有哪几种啊？女儿咳嗽很多天了，昨天开始发烧，到医院去经过一番 </t>
  </si>
  <si>
    <t xml:space="preserve">一病因分类: （一）细菌性肺炎 1.需氧革兰染色阳性球菌，如肺炎链球菌（即肺炎球菌）、金黄色葡萄球菌、甲型溶血性链球菌等。 2．需氧革兰染色阴性菌，如肺炎克雷白杆菌、流感嗜血杆菌、埃希大肠杆菌、绿脓杆菌等。 3．厌氧杆菌如棒状杆菌、梭形杆菌等。 （二）病毒性肺炎 如腺病毒、呼吸道合胞病毒、流感病毒、 麻疹病毒、巨细胞病毒、单纯疱疹病毒等。 （三）支原体肺炎 由肺炎支气体引起。 （四）真菌性肺炎 如白色念珠菌、曲菌、放线菌等。 （五）其他病原体所致肺炎 如立克次体（如Q热立克次体）、衣原体（如鹦鹉热衣原体）、弓形体（如鼠弓形体）、原虫（如卡氐肺孢子虫）、寄生虫（如肺包虫、肺吸虫、肺血吸虫）等。机体免疫力低下者（如艾滋病患者）容易伴发肺部卡氏肺包子虫、军团菌、鸟形分支杆菌、结核菌、弓形体等感染。 二、解剖分类 1．大叶性（肺泡性）肺炎 病原菌先在肺泡引起炎变，然后通过肺泡间孔（Cohn氏孔）向其他肺泡蔓延，以致肺段的一部分或整个肺段、肺叶发生炎变。典型病例表现为肺实变，而支气管一般未被累及。致病菌多为肺炎球菌，但葡萄球菌、结核菌，以及一些革兰阴性杆菌亦能引起肺段或肺叶的整片炎症。由金黄色葡萄球菌和克雷白杆菌所致肺炎常呈坏死性改变，容易形成空洞。 2、小叶性（支气管性）肺炎 病原体通过支气管侵入，引起细支气管、终末细支气管和肺泡的炎症，常继发于其他疾病，如支气管炎、支气管扩张、上呼吸道病毒感染，以及长期卧床的重危病人。病原体有肺炎球菌、葡萄球菌、腺病毒、流感病毒以及肺炎支原体等。支气管腔内有分泌物，故常闻及湿?簦奘当涞奶逭骱蚗线征象。由于下叶常受累，X线显示为沿着肺纹理分布的不规则斑片状阴影，边缘密度浅而模糊。 3．间质性肺炎 以肺间质为主的炎症，可由细菌或病毒引起，多并发于小儿麻疹和成人慢性支气管炎。支气管壁和支气管周围受累，有肺泡壁增生和间质水肿。由于病变在肺的间质，故呼吸道症状轻，异常体征也不多。X线表现为一侧或双侧肺下部的不规则条索状阴影，从肺门向外伸展，可呈网状，其间有许多小片肺不张阴影。 </t>
  </si>
  <si>
    <t xml:space="preserve">诛仙中能做任务得坐骑吗？？？？？？？？？？？？？？？？？？？我听 </t>
  </si>
  <si>
    <t>个人感觉是没有的！！！但有一个是40级能骑的马~用100金去河阳练器师对面马房的NPC说话就能看到的了~</t>
  </si>
  <si>
    <t xml:space="preserve">我这算胆小吗我发现虽然自己长这么大了，可胆子却很小，不知道为什么 </t>
  </si>
  <si>
    <t xml:space="preserve">不是胆小的问题,.是你自信的问题的,人一但失去自信跟勇气就不是自己了,要相信自己,看看自己有哪先优点~~~对自己说I CAN </t>
  </si>
  <si>
    <t xml:space="preserve">朝鲜战争真实情况,到底是谁先打谁的?朝鲜战争的来历.以及谁先动手 </t>
  </si>
  <si>
    <t>限于回答对字数的限制（1万字），我分四段给你回答吧。回答二：二、斯大林参与策划战争然而，仅仅两个月以后，斯大林便给金日成发放了走向战争的通行证。1950年1月19日莫斯科收到什特科夫发来的报告，在一次小范围的宴会后，金日成借着酒意激动地对苏联使馆人员说，在中国完成其解放事业后，现在的问题就是如何解放祖国南方的人民。“朝鲜南方的人民信任我，并指望我们的武装力量。游击队不能解决问题。南方人民知道我们有一支优秀的部队。最近我夜不能寐，考虑着如何解决统一全国的问题。如果解放朝鲜南方人民和统一祖国的事情拖延下来，那么我就会失去朝鲜人民的信任。”金日成希望“同斯大林会面，讨论南方的形势和向李承晚军队发动进攻的问题”。如果不能同斯大林会面，那么他想去见毛泽东。金日成还指责苏联不允许他进攻瓮津半岛，否则人民军在三天之内就能成功，“如果发动一场全面进攻，几天之内就可以进入汉城”。与苏联使馆人员采取的回避态度不同，这一次斯大林却出人意料地改变了主意。经过一番考虑，1月30日斯大林亲自回电说：我理解金日成同志的不满，但他应当明白，他想对南朝鲜采取如此重大的举措，是需要有充分准备的。这件事必须组织得不冒太大风险。如果他想同我谈此事，那么，我随时准备接见他并同他会谈。请把此事转告金日成并且告诉他，在这件事上我准备帮助他。在迄今看到的档案文献中，这是斯大林第一次同意在战争问题上帮助金日成。对此，金日成十分满意，并立即表示随时准备着斯大林的接见。那么，究竟发生了甚么事情，使得斯大林在如此短暂的时间里改变了对朝鲜问题的看法？研究者注意到，此间发生了一件苏联外交史上的重大事件，即毛泽东访苏和中苏同盟新条约的签订，而这次中苏最高领导人之间谈判的结果是迫使斯大林同意重新签订中苏条约，从而使苏联被迫放弃其在远东以中国东北为基础的政治和经济权益，即中国立即收回大连港，并在2-3年内收回中长铁路和旅顺港。把蒙古从中国的版图中独立出去，在俄罗斯南部形成广阔的安全地带；恢复沙皇俄国在中国东北的势力范围，保证苏联拥有通向太平洋的出海口和不冻港，这是斯大林确定的苏联战后在远东的两个战略目标，而控制中国长春铁路和旅顺、大连港，正是苏联实现其远东战略的基本途径。除了既成事实的蒙古问题，莫斯科最担心的事情终于发生了：1945年中苏条约所保证的苏联在满洲的权益眼看就要被毛泽东提出的新条约断送掉，斯大林必须采取补救措施。而处于朝鲜半岛中部和南部的元山、仁川、釜山和济州岛的几个港口，早在1945年就是苏联外交部注意的目标了。于是，为了保证苏联在远东地区的战略利益，把整个朝鲜半岛纳入莫斯科的势力范围就势在必然了。恰在此时，美国总统杜鲁门（HarryTruman）和国务卿艾奇逊（DeanAcheson）发表的关于南朝鲜不在美国防御范围的演说，又为斯大林实现对朝鲜政策的改变创造了条件。毛泽东还没有离开莫斯科，斯大林便集中精力去解决朝鲜问题了。为了加强北朝鲜的力量以及人民军的组织和指挥能力，莫斯科同意金日成再组建三个步兵师，并把苏联政府将于1951年提供的贷款用于1950年，以便为新组建的部队购买苏联装备。斯大林还任命瓦西里耶夫中将为朝鲜人民军军事总顾问，替代自苏联从朝鲜撤军后兼任这一职务的苏联大使什特科夫。此后，苏联便开始大规模向朝鲜提供武器装备。3月9日，朝鲜照会苏联，“为了给人民军补充装备、弹药和技术器材并加强人民军，请苏联政府于1950年按照以前提交苏联政府的申请单向朝鲜提供1.2-1.3亿卢布的军事技术装备”，朝鲜则相应地保证向苏联提供价值1.33亿卢布的黄金、白银和钼精矿。随后，金日成提供了所需武器装备的详细清单。莫斯科立即答复，同意朝鲜提前使用1951年的贷款购置武器装备。斯大林还亲自致电告诉金日成，对于“朝鲜人民军所需装备、弹药和技术器材”，苏联政府决定“完全满足您的这一请求”。在进行物质准备的同时，3月20日，金日成要求于4月初秘密访问莫斯科，并提出将与斯大林讨论“国家南北统一的途径和方法”及“经济发展远景”等问题。在一份“金日成提请斯大林同志帮助解决的问题”的清单中，明确写道：“关于统一国家（南方和北方）的途径和方法，拟采用武装方式统一。”此外，还提到与毛泽东会晤和同中国签订条约的问题。得到同意后，金日成和朴宪永于3月30日起程前往莫斯科。关于斯大林与金日成秘密会谈的具体内容，目前在俄国档案中尚未发现任何文字纪录，研究者引用的都是当事人的回忆。据说，金日成在会谈中报告，朝鲜北方和南方都正在为统一做准备，但形势对北方更有利。朴宪永则以热烈的言语描述了反李承晚政权的抵抗运动形势，他说：“人数达20万的南朝鲜共产党支部已经准备好在北方发出第一个信号时起义，南方人民一直在等待着土地改革和其它在北方已经实行的民主改革。”朝鲜领导人所不放心的只是不知道在统一问题上采取战争形式，朝鲜人民会怎样反应。对此，斯大林讲了拉伯雷（Fran？oisRabelais）《巨人传》（GargantuaetPantagruel）中羊群的故事。他说，人民和羊群一样，他们跟着头羊，而不论头羊走到哪里。莫斯科担心的问题是一旦爆发战争，美国会否出兵干涉。据金日成的译员文日回忆，金日成立即向斯大林保证，美国不会参与这场战争，理由是，这是一次果断的突袭，因为将会有20万南朝鲜共产党员进行起义，加上南方游击队对朝鲜人民军的支持，进攻将在三天之内取得胜利。这样，即使美国有心干预，也没有时间进行军事准备和部署。此外，1966年苏联外交部曾向勃列日涅夫等领导人提交了一份《关于朝鲜战争的背景报告》，其中提到金日成在这次会谈时向斯大林提出了发动战争的战略部署，即朝鲜政府准备分三步实现他们的目标：（1）在三八线附近集结部队；（2）向南朝鲜发出和平统一的呼吁；（3）在南朝鲜拒绝和平统一的建议后开始军事行动。该报告确认，斯大林“对朝鲜人所拟方案的最终认可，是在1950年3月至4月金日成访问莫斯科期间”。总之，完全可以断定，斯大林是在1950年1月至4月间决定支持并帮助金日成发动统一朝鲜半岛的战争的。显然，与美国在朝鲜半岛采取防御和退守政策的同时，苏联直接参与了战争的策划和准备。</t>
  </si>
  <si>
    <t xml:space="preserve">空中花园在巴比伦什么地方? </t>
  </si>
  <si>
    <t xml:space="preserve"> 巴比伦(Babylon)是世界著名古城遗址和人类文明的发祥地之一。它位于伊拉克首都巴格达以南９０公里处，幼发拉底河右岸，建于公元前２３５０多年，是与古代中国、印度、埃及齐名的人类文明发祥地。巴比伦意即“神之门”，由于地处交通要冲，“神之门”不断扩展，成为幼发拉底河和格里底斯河两河流域的重镇。公元前２０００年至公元前１０００年曾是西亚最繁华的政治、经济以及和文化中心，这里还曾是古巴比伦王国和新巴比伦王国的首都。    古巴比伦城垣雄伟、宫殿壮丽，充分显示了古代两河流域的建筑水平。幼发拉底河自北向南纵贯全城，城内的主要建筑埃萨吉纳大庙及所属的埃特梅兰基塔庙，高达９１米，基座每边长９１．４米，上有７层，每层都以不同色彩的釉砖砌成，塔顶有一座用釉砖建成、供奉玛克笃克神金像的神庙。据说，这就是《圣经》中耶和华变乱人们的语言，致使人们未能造成通天的巴别塔。城内古建筑精华之一的“女神门”，高１２米、宽近２０米，门墙镶嵌着形象生动的釉彩动物图案，还有被称为世界七大奇迹的“空中花园”，引人注目的人与狮子搏斗的石刻雕像。    被列为古代世界七大奇迹之一的巴比伦“空中花园”，亦称“悬苑”，它依偎在幼发拉底河畔，新巴比伦王国国王尼布甲尼撒二世（公元前６０４－前５６２年）曾以兴建宏伟的城市和宫殿建筑闻名于世，他在位时主持建造了这座名园。相传，他娶波斯国公主赛米拉米斯为妃。公主日夜思念花木繁茂的故土，郁郁寡欢。国王为取悦爱妃，即下令在都城巴比伦兴建了高达２５米的花园。此园采用立体叠园手法，在高高的平台上，分层重叠，层层遍植奇花异草，并埋设了灌溉用的水源和水管，花园由镶嵌着许多彩色狮子的高墙环绕。王妃见后大悦。因从远处望去，此园如悬空中，故又称“空中花园”。    然而从公元前５３９年起，巴比伦城曾先后被波斯人、马其顿国王亚历山大和帕提亚人占领。自公元前４世纪末逐渐衰落，到公元２世纪则沦为一片废墟；当年“女神门”内庆典大道两旁的１２０尊石狮早已荡然无存。 　 为了发展旅游业，１９７８年，伊拉克政府制定与实施了一项修建巴比伦遗址的计划，在遗址上仿建了部分城墙和建筑，在城内修建了博物馆，陈列出土的巴比伦文物，其中，犹以一块高逾２米的黑色闪绿岩石碑的复制品最为珍贵，石碑的上半部是镌刻太阳神将权标授予汉穆拉比情景的精致浮雕，下半部则为用楔形文字记载的《汉莫拉比法典》全文。这部由古巴比伦国王汉莫拉比（约公元前１７９２─前１７５０年）领导制定的世界第一部法典的石碑原件现保存在法国的卢浮宫博物馆。此外，伊拉克政府还在巴比伦遗址和巴格达市内仿古重建了宁马克神庙和空中花园，修葺一新古城的淡蓝色城墙高数丈，重现了这座古城昔日的风韵。</t>
  </si>
  <si>
    <t xml:space="preserve">急,上海谁会新娘化妆!急寻化妆人员一名！本人要求不高，只要有这方 </t>
  </si>
  <si>
    <t>你去一般的美容店都有为你化新娘装的服务的，价格在50到200不等</t>
  </si>
  <si>
    <t xml:space="preserve">学完马晓宏编的《法语》第二册后适合去报法盟的什么班型啊？ </t>
  </si>
  <si>
    <t>是我就报法盟的初级班，就是500学时的那个，不要以为看完两册书好像自己就不是初级了，我当初也跟你一样，我是自学的，但最后还是直接进了0到500学时的那个班，不过我在南京，一点也没后悔，法盟的课进度很快根本没时间给你一点点过语法，最舒服就是你自己先学，然后在老师的指导下相当于自己再从头复习一遍，因为是法国人，所以他说的每句话都至少是你学完四册书才能听得很熟的，差不多500学时跟着法国人学以后，你的基础框架就能起来了，等你到法国在补充词汇和联系听力，这样是很不错的选择，一定要在国内学好语言，你要知道，你说的越想中国人说中文，你在法国就会的越好。我自己在国内学了小一年，跟你一样，就每天自己看北外，然后报了法盟的500学时，就是每天跟着老师上了呗，其他人是在学新课，我是在复习，虽然开始法语说的很烂，但是出来的时候我是最好的，就是说出国前我大概学了两年法语。不在乎你读什么班，这些外在条件都不是最主要的因素，重要的是你要学，你喜欢学，愿意学，我的切身体会，我目前还没进专业，在读预科，但是并没有特别大的压力，所以要提前准备，你想学法语，我觉得哪儿的法盟都一样，没有什么好比的，重要的是你自己。</t>
  </si>
  <si>
    <t xml:space="preserve">除了皇马今晚目前全部强队降盘不好阿，大盘强队凶多吉少阿 </t>
  </si>
  <si>
    <t>看来都是正路了！</t>
  </si>
  <si>
    <t xml:space="preserve">无铅水龙头有哪些好处？ </t>
  </si>
  <si>
    <t>铅是重金属对身体有伤害，无铅就是不会对身体造成铅危害喽，象苏泊尔无铅水龙比较好</t>
  </si>
  <si>
    <t xml:space="preserve">男人使用女性角色会遭到歧视么? </t>
  </si>
  <si>
    <t>我也有个女号,是大地行者,一般PK都开这号去...没人鄙视我,到是有很多人争着加好友,别人问我就说我是男人,别人不问我也不和别人多说话,只是.....当我PK杀死对方时...那人躺地上喊"你个死人妖,你给我记着!",听到这个到是很不舒服...我一般都回答,不好意思,我只记杀过我的人,死人名我从不记.换成用男号我会回答,大爷我记着了,来来来,杀你100遍,让你回新人村再体验一遍成长的烦恼</t>
  </si>
  <si>
    <t xml:space="preserve">儿子下意识地一颤用手挡头以为我要打他我儿子5周岁了，我打过孩子。 </t>
  </si>
  <si>
    <t>我儿子现在一岁不到一个月，还远远不到你儿子那样有主意，不过你说的情景我好像亲眼所见一样，你说下意识的用手挡了一下，很心酸，我看在心里，都有一点难过的感觉。我自己的感觉是，每个人的耐心都是有限的，当孩子一再违背我们的意愿行事的时候，难免会令我们失去耐心而采取过激的行为，事后觉的后悔，那就证明你也意识到自己采取的方法是错的，是不可取。做个严历的父母，应该有一个度的掌握，如若一点小事，你就历声制止，那么他犯的错误再大一些、或者孩子再拗一些，你就只能更严历，再不奏效，那么只能拳脚相加了。所以看看可不可以，把小错误的处理方法，变的温柔一些，或者家长就应该有办法将孩子的不听话制止在你严历的管教这下，而不一定非得等拳头出手。另外，大多数家长，可能都会有气急败坏出手打孩子的经历，但是出手一定要注意不要重，不要打头、脸，我想你儿子下意识的挡头，是因为你曾经打过这个地方，所以他才有防范这里的意识。都说打人不打脸，虽然孩子很小，但是我总感觉，你打他的头或脸，哪怕力气很小，或者推他一个趔趄，与打一下手掌和屁股对孩子的心灵伤害是不同的。哪怕真气急了，打下屁股以示惩罚，这样对心灵的伤害应该还会小一些。最后，我想说的一点是，如若想自己的孩子在别人眼里也很重要，也很珍贵，那么父母就要做好的榜样珍爱孩子，这个感觉我是从保姆身上感觉到的，我儿子小时很爱哭闹，当我失去耐心的时候就想对他喊（喊也没有用，他又不懂，只是发泄一下心里的火），每当我不耐烦时，我就想，不行，我若是都对孩子这样没有耐心，动不动就生气对喊，那么保姆也就不拿我儿子当回事了，所以我的火气基本转瞬间就过去了。说了这么多，可能都没有什么用处，总之事情都可以用很多法解决的，根据自己的孩子的特性应该会找到比“打”更有效果的处理办法。</t>
  </si>
  <si>
    <t xml:space="preserve">孕妇肚子太大怎么办？我怀孕四个半月，比人家一般六个多月的都大，怎 </t>
  </si>
  <si>
    <t>有的妈妈肚子大并不是孩子长得快哦。有可能 是羊水呀。介意去医际做一下B超看看。</t>
  </si>
  <si>
    <t xml:space="preserve">33期进球彩1、阿斯科vs锡耶纳2、卡塔尼vs都灵3、佛罗伦vs </t>
  </si>
  <si>
    <t>阿斯科利 VS 锡耶纳 10/01卡塔尼亚 VS 都--灵 12/01佛罗伦萨 VS 巴勒莫 3+2/3+12梅-西-纳 VS 切--沃 12/1</t>
  </si>
  <si>
    <t xml:space="preserve">翻译中文在校学习期间，每日有大量的课外时间可自行安排，但受地理位 </t>
  </si>
  <si>
    <t>Students will have lots of free time after school for themselves during the semester. But affect by the location, this is only within the campus. This is a situation with highly condensed target customers.C. There will be a Candy &amp; Beverage Conference hold in Chengdu this year, a large number of candy manufacturers will attend this conference, which shall provide a good opportunity for us to find suppliers.D. There will be a serious of derived products from the 2008 Beijing Olympic, including special candies.E. During the recent years, colorful candies have become more and more porpular, which is bond to lead a candy sales peak.</t>
  </si>
  <si>
    <t xml:space="preserve">生产技能问题16级药师怎么学？28级生产要求多少级要想46那样交 </t>
  </si>
  <si>
    <t>4\6级要交东西,之后就不用了,到了8级就要100级才能升,那时升不升都不重要了,要成仙成魔了.</t>
  </si>
  <si>
    <t xml:space="preserve">各种FM图纸都是100%掉落吗?今天2个号去地穴结果2次队伍里分 </t>
  </si>
  <si>
    <t>是必出的，但是BOSS出的图纸一次只有一张</t>
  </si>
  <si>
    <t xml:space="preserve">如果你们站在我的角度，是否也能接受一个打过胎的女孩？她和我说，我 </t>
  </si>
  <si>
    <t>楼主好宽容你女真的很幸福。能做到楼主这样，真的很难也很少人能做到。不过，你一定要想好不可以是一时的包容，就要容她一辈子绝不可以将来的某一天又忽然在意起来更不能做为吵架或闹矛盾时的“武器”你女友的心情你要理解一方面，她受过伤，她怕再一次受伤所以她做事会微微缩缩；另一方面，她爱你，她越爱你就越会觉得对不起你你越是不在意她越会觉得对你不公平，越内疚让一个人忘记过去是很难的尤其是痛苦的过去不是么？那么多痛苦和矛盾在她心里堆积着岂是你一句话她就能忘记的？她越是这样 越说明她是个好女孩，不是吗？所以你要理解她，呵护她别给她压力 给她时间时间是最好的医生 能治愈所有的伤口而你，要做她的止痛药女孩子很敏感的尤其是她这种受过伤的好女孩她对你可能会有负罪感所以你更要注意对她的态度你不经意的一句话或一个举动就可能让她产生误会你千万也不要每天想方设法向她保证：我不在乎你的过去这样反而提醒了她自己的过去而且她会觉得你没忘记这件事郑重地声明一次自己的立场后给她所有的安全感祝你们幸福:)</t>
  </si>
  <si>
    <t xml:space="preserve">天堂的帐号怎样申请? </t>
  </si>
  <si>
    <t>用手机申请撒!</t>
  </si>
  <si>
    <t xml:space="preserve">在CM03/04中如何如何如何在正式比赛中只看结果,不看过程呀在 </t>
  </si>
  <si>
    <t>有你选择度假，然后回来的日期定在比赛后一天，即可。</t>
  </si>
  <si>
    <t xml:space="preserve">呼和浩特哪里教的跆拳道最好?学费是多少?我想学跆拳道,请问呼市哪 </t>
  </si>
  <si>
    <t>内大文体馆,比较不错,我朋友在那学,晚上可以学,好几个班呢!你可以选一个时间上适合你的!</t>
  </si>
  <si>
    <t xml:space="preserve">手机资费问题我有几个关于手机自费方面的问题不太清楚，希望大家能帮 </t>
  </si>
  <si>
    <t>根据你的介绍，你应该使用的是移动品牌的卡：第一个问题：如果不先拨17951，长途计算方式为本地通话费+长途费，长途话费为0.07元/6秒，本地通话费会随你的卡号品牌不通而不同；第二个问题：基本月租费20元，严格意义上讲应该是套餐费，月租费和套餐费在通信行业里是两个意义，月租费是不能使用的；如果当月你的短消息未发满20元（移动和联通），仍扣满20元，月底不全，超出部分按条实收（网内0.1元，网外0.15元），注意：不管是移动还是联通卡，对于发送给小灵通的短信费用是不计算在套餐中的，同时不包括短信条数的还有国际短信和梦网短信；第三个问题：这个问题我已经在第二个问题回答了，N1600是彩屏手机，不是彩信手机。第四个问题：是的，不过现在运营商对存量客户上也有优惠的；</t>
  </si>
  <si>
    <t xml:space="preserve">请问有没有帮助聊QQ的软件，好词妙句，幽默笑话等。请留一下软件地? </t>
  </si>
  <si>
    <t>有啊QQ 聊天专家 V1.2.02《QQ聊天专家》是您使 天时的好帮手，适用于最新版本的QQ及各类聊天室。自带爱情、思念、幽默、诗词等类聊天语句和文本图形，可以添加和管理您自己的词语。它可以使您出口成章，旁征博引；诙谐幽默，嘴甜似蜜。如果您是一位聊天新手，她可以使您即刻成为聊天专家。使用《QQ聊天专家》，可以轻松应对各方聊家。对您心仪的MM &amp; GG，再也不用担心打字速度跟不上而掉面子；对那些油嘴滑舌、贫嘴调侃之人，您也可以巧言以对，打发自如；对那些胡拉八侃、恶意胡聊的人，来个自动发送，让他“吃不了兜着走”。下载地址 祝你好运 ^_^</t>
  </si>
  <si>
    <t xml:space="preserve">攻7的金手能换到？？？？我想搞了攻7的金手琢，我想换龙牙加幻魔套 </t>
  </si>
  <si>
    <t>能换到</t>
  </si>
  <si>
    <t xml:space="preserve">小宝屁股发红起皮，用什么好小宝宝用的尿不湿，最近天气回暖了，发现 </t>
  </si>
  <si>
    <t>红屁股的话尽量不要用纸尿裤了，给宝宝清洗过小屁股涂上护臀膏让他光着屁股玩一会，你可以试试杏璞宝贝护臀膏，用起来很好用</t>
  </si>
  <si>
    <t xml:space="preserve">我的建行龙卡在柜台已经开通了网上银行业务,那我在易方达网站买易基? </t>
  </si>
  <si>
    <t xml:space="preserve">建行龙卡、储蓄卡如何开通网上直销交易按以下的步骤进行办理：1）办理建行龙卡、储蓄卡，存入要买基金的一定金额；2）开通建行网上银行，并到建行柜台办理身份确认手续，成为建行网银的签约客户；有两种方法，一种是你先在家里下载证书，把证书号记住，然后带上你的身份证，证书号码，银行卡去柜台签约，回家后你要再激活一下，就好用了，第二种是你先去柜台签约，回来后激活，然后下载证书，也可以。3）然后到基金公司网站，登录要买基金的基金公司网站4）按页面提示的操作程序进行开户和身份验证；5）选择合适的客户类型，输入资料；6）开户成功；就可以网上买基金了，费率是0。6% </t>
  </si>
  <si>
    <t xml:space="preserve">十二生肖的起源？$(question_content) </t>
  </si>
  <si>
    <t>十二生肖的起源　　十二生肖，又称十二属相，是我国民间特有的计算年龄的方法。它在人们的日常中占有重要的地位，对我国的民俗产生了很大影响，甚至关系到人们的婚姻、生育等大事。例如，旧时男婚女嫁就很注重男女生肖，有所谓“鸡狗断头婚，龙虎不相容”的说法，生肖相克经常破坏了人们的美满婚姻，造成一出出人间悲剧。又如，龙年新生儿的出生率特别高，因为许多人都希望得到龙子龙孙。　　十二生肖是与十二地支相联系的。我国古代有一种特殊的纪年方法，即以十个天干和十二个地支搭配来纪年，共有六十个排列组合，称为六十甲子。周而复始，连绵不绝。每一地支又有一种动物相对应，即子鼠，丑牛，寅虎，卯兔，辰龙，已蛇，午马，未羊，申猴，酉鸡，戌狗，亥猪。每个人诞生那年地支所对应的动物，便是所谓的生肖。　　十二地支的出现最早，在商代人们就把黄道（即古人想象中的太阳周年运行的轨道）附近的天空分成十二等分（即十二宫），用子丑寅卯等十二个汉字来命名，这就是后来的十二地支。太阳经过每一宫的时间为一个月，于是十二地支最初是被用来纪月的。　　西周春秋时期，开始有了十二种动物与地支的对应关系。如《诗经·小雅·吉日》中有“吉日庚午，既差我马”，以午对马；《左传·僖公五年》有“龙尾伏辰”，以辰对龙。这都是与现在通行的对应关系完全相同的。人们以动物来对应十二地支是因为受了上古动物图腾崇拜的影响，所以总是习惯于把各种自然现象与动物联系起来。在古代天文学上，就有孔雀、巨蛇、狐狸、狮子、天猫、蝎虎、飞马等星座名称。在同样的心理支配下，人们也就自然会用一些动物的名称来标识那些抽象的子丑寅卯等十二地支，从而形成了十二地支与动物的对应关系。　　根据前些年出土的马王堆帛书可以推知，在战国时期，人们不但用干支纪月、纪日，而且已经开始直接用来纪年。到了东汉元和二年（85年），政府正式颁布法令通行干支纪年。　　出现了干支纪年，将与之对应的十二样动物作为年的代号就是很自然的事了。慢慢地，人们认为生在某年就肖（象）某动物，子年生的肖鼠，丑年生的肖牛，十二生肖就这样形成了。至迟到了南北朝时期，文献里就已经有了明确记载。当时叙事述人每每称人的属相，如“东昏侯属猪”、“崔慧景属马”等等（《南齐书·五行志》）。《周书·宇文护传》里也有一段记载：北周皇帝宇文护的母亲留在北齐。在她给宇文护的信里说，“昔日在武川镇，生汝兄弟，大者属鼠，次者属兔，汝身属蛇。”到了唐代，十二生肖更为流行，出现了将它作为纹饰的铜镜，有的墓葬中还出土了成套的十二生肖俑。　　关于某一样动物和一个特定的地支互相对应的理由，历来有不同的说法。宋人洪 认为是以十二支的奇偶数和动物足爪的奇偶数相对应。如子寅辰午申戌都是奇数，鼠虎龙猴狗的脚掌都是五指，马则是单蹄。因此，子寅辰午申戌分别与鼠、虎、龙、猴、狗、马对应。明人郎瑛在《七修类稿》一书中则认为是按照动物的性情来配合的。如“子为阴极，幽潜隐晦，以鼠配之，鼠藏迹也”。当然，这些说法都有些穿凿附会。　　十二样动物与年相对应，不仅我国有，其它文明古国中也存在过。如古巴比伦以猫，狗、蛇、蜣螂、驴、狮、公羊、公牛、隼、猴、红鹤、鳄为十二兽日；元代的真腊国（即今柬埔寨）亦用十二兽纪年，“与中国同，但所呼之名异耳”；印度的十二兽以狮代虎，以金翅鸟代鸡，其它也同于中国。于是有人认为生肖始于印度，由印度传入我国。这种说法最初见于唐代和尚释道世写的《法苑珠林》，近代日本学者又重新提起，但他们都没有足够的证据。如果仅仅因为是许多兽名相同的话，那么可以说以印度为本，也可以说以中国为源，更不能排除各不相谋，独立发展起来的可能性。　　关于十二生肖的起源，还有许多民间传说。有的说，轩辕皇帝要选十二个动物担任宫廷侍卫，动物纷纷报名，猫托老鼠代为报名，但老鼠忘了，所以十二生肖中没有猫，猫从此成了老鼠的天敌。也有的说，某次动物比赛本身，最后剩下武艺高强的象、鼠、牛等十三位。老鼠钻进了象鼻，弄得大象狼狈而逃，于是十二生肖中没有大象，老鼠占了第一。</t>
  </si>
  <si>
    <t xml:space="preserve">使用91手机助手连接不上三星I9000我的三星I9000连接不上 </t>
  </si>
  <si>
    <t>安装了91手机助手等等这类似的软件以后，在电脑上和手机上都会安装这种类似的软件，这样手机会不稳定，以后有可能会经常重启或者死机等等，我以前也是安装了，现在刷机以后就不安装了，毕竟自己通过在手机上操作也是可以搞定的。我的是里程碑二代2.2系统。</t>
  </si>
  <si>
    <t xml:space="preserve">地球从上到下，存在康拉德面，（），（），（），（），（）等界面？ </t>
  </si>
  <si>
    <t>地球从上到下，存在康拉德面，（莫霍面 ），（ 古登堡低速层）（拜尔勒面 ），（雷波蒂面 ），（ 古登堡面）等界面。</t>
  </si>
  <si>
    <t xml:space="preserve">求生男孩的秘方我怎样可以生个男孩？ </t>
  </si>
  <si>
    <t>这个一般是取决于男人,如果你老公爱吃酸东西,一般是生男孩,如果爱吃甜,生女孩的多.所以,你从现在开始,让你老公多吃酸味的东西,帮助你能生个大胖小子.</t>
  </si>
  <si>
    <t xml:space="preserve">大家好，我想请教一下：1。我大姑的儿子的儿子应该怎样称呼我及我老? </t>
  </si>
  <si>
    <t>你跟你大姑的儿子是表兄妹关系，你大姑的儿子应称呼你为“表姐（表妹）”，你称呼他为“表弟（表兄）”。那么，你表弟（表兄）的孩子应称呼你为“表姑”。你的孩子应称呼你表弟（表兄）为“表舅”。我们这里在实际生活中，把“表”就省去了，直接称呼为“姑姑”或“舅舅”。就是说，你表兄弟家的孩子对你的称呼跟你亲兄弟家的孩子对你的称呼是一样的。你家的孩子对他们的称呼也是一样的。同样，你阿姨家的女儿和你也是姐妹相称，所以下一代对你们的称呼，就跟你的亲姐妹家的孩子对你们的称呼一样，都称呼为“姨”。</t>
  </si>
  <si>
    <t xml:space="preserve">2D神盾掉2防高手估???r格！34?神盾611/1179/10 </t>
  </si>
  <si>
    <t>呵呵，本人也有二只神盾，一只掉二防，另一个掉一血4攻，个人估价2档掉二防不少于50W，，必今不掉魔而且是二档的</t>
  </si>
  <si>
    <t xml:space="preserve">肺结核会传染给小孩子吗我男朋友有肺结核，但是我现在有小孩子可以要 </t>
  </si>
  <si>
    <t>活动期会传染，可去医院做个OT试验！拍个CR，做个痰培养排除一下！如果真有传染性的话，国家是免费治疗的！如果是时间比较久的话，应该是处于平稳期，是不会传播的。</t>
  </si>
  <si>
    <t xml:space="preserve">我该怎么办？今年8月我辞去了现有的工作，决定自己去创业，转眼间半 </t>
  </si>
  <si>
    <t>建议你还是和你老公多多商量一下....不过你亏了半年了你有没有想想到底是什么原因导致你们的失败呢？他不想给你钱也是怕你把这个钱也亏掉了我请问下你们那是什么类型的城市？  小型 中型 大型？你们城市的什么类型的？   工业 旅游 还有其他你们那是哪方面的事情？  事先有做过调查吗？你们的定位？</t>
  </si>
  <si>
    <t xml:space="preserve">电线怎样排线安装我家新建的三房二厅，请问房间内的电线该怎样安装？ </t>
  </si>
  <si>
    <t>1.厨房放一组4mm2电线；整个房间照明放一组1.5mm2（也可2.5mm2,但有点浪费)电线，整个房间插座放一组2.5mm2电线，浴霸（浴室加热灯）放一组2.5mm2专线、电热水器放一组6mm2线比较保险（未知功率）。 客厅放一组4mm2空调电线，其他各房间空调电线可放2.5mm2电线。安装一个配电箱装一个63A漏电开关，几组线就装几个空气开关。15A（2.5mm2线）或20A（4mm2)的空气开关，2.从弱电（电视，电话，电脑）进线处安装一个弱电箱。哪个地方需要安装电视电话电脑需要就放几条线过去。现在一般房间都要网络线，让一个房间作为放路由器的地方，从进线处放一条线过去，再从那房间分到其他房间。3.火线买红色的，零线买蓝色，地线买双色的，控制线买绿色的。插座需要地线，灯可要可不要地线。</t>
  </si>
  <si>
    <t xml:space="preserve">面部皮肤敏感，闭合型粉刺面颊及颧骨处经常泛红，时不时长一些痘痘。 </t>
  </si>
  <si>
    <t>根据你的描述，照片，考虑【激素依赖性皮炎】和【痤疮】。应该和蛋白类食物没有关系，不建议过度忌口。面部一定要尽量避免外用含有激素的面膜、护肤品和药膏。另外需要补充，你的目前面部症状月经前后是否加重? 月经是否正常? 间隔时间多长? 月经量少吗？</t>
  </si>
  <si>
    <t xml:space="preserve">请教一下今天在市场看到一个叫心灵项链的东西问下出处加比杀和闪避的 </t>
  </si>
  <si>
    <t xml:space="preserve">"辛希亚搜索"  </t>
  </si>
  <si>
    <t xml:space="preserve">近视眼昨天新配了一副近视镜，带不挺舒服的，看平面东西有些凸起，在 </t>
  </si>
  <si>
    <t>如果头不晕的话都不是度数问题，侧面有棱镜效果，你肯定看不清，测瞳距就是为了把光心对准眼睛瞳孔嘛，你以前戴着球面的已经适应了变了形的物象，现在还需要一段时间来调整</t>
  </si>
  <si>
    <t xml:space="preserve">请问大家我该选择什么样的面膜？我25岁，混合型皮肤偏干，脸色黯淡 </t>
  </si>
  <si>
    <t>VOV.DHC.LANCOM.AVON都不错呀</t>
  </si>
  <si>
    <t xml:space="preserve">毒药是什么颜色的最毒？ </t>
  </si>
  <si>
    <t>从制剂的包装上看 一般红色表示警戒?这是怎么回事，难道利君制药厂的大红色红霉素肠溶片不是非常安全无毒的药品？红色胞衣的安络血片、多酶片、维生素K4片不是非常安全无毒的药品？所以“从制剂的包装上看 一般红色表示警戒”在西药内服药中根本就没有这么回事。而氰化钾毒性很大，却是白色近乎无色透明的。外包装也不是红色。当然其标签上有剧毒的醒目标志！</t>
  </si>
  <si>
    <t xml:space="preserve">苏州哪家店铺能购买到普洱茶我看到网上介绍普洱茶有许多功效,所以想 </t>
  </si>
  <si>
    <t>百润发里有啊，还有各大茶叶店，南环路大龙港附近还有茶叶市场，你也可以到那里去看一看</t>
  </si>
  <si>
    <t xml:space="preserve">好朋友要去云南工作了，我该送个什么礼物能最好表达我美好的祝福呢？ </t>
  </si>
  <si>
    <t>手机、手电筒（最实用）、指南针（最有用）、雨衣一套。防虫（蛇）、防毒蘑菇、防野菜、食物中毒等医学常识书。防火、防水等常识。云南四周地图集。钱最好。电饭煲等生活必须品。</t>
  </si>
  <si>
    <t xml:space="preserve">睡觉磨牙,对身边有什么不好吗?成年人 </t>
  </si>
  <si>
    <t>对身边的人肯定不要，影响睡眠！对自己身体没不好，只是磨牙是你身体缺乏营养或过度疲劳或某些疾病的警钟，如果经常磨牙那就要尽快咨询医生了</t>
  </si>
  <si>
    <t xml:space="preserve">电脑的电源在什么情况下会烧坏呢？刚买不久的电脑为何会出现电源烧坏 </t>
  </si>
  <si>
    <t>总的来说不外呼这么几种情况1 电压高2 电源的本身设计有问题（不知道您的3个电源是不是都是一模一样的？）3 负载太大了，这个问题比较容易出现在兼容机上的，里面的配件耗电大，电源跟不上！</t>
  </si>
  <si>
    <t xml:space="preserve">怎么给平板电脑下载游戏 </t>
  </si>
  <si>
    <t>；可以用U盘或者TF卡用读卡器插在电脑USB上 ，然后电脑上网收索你平板所支持的游戏软件，下载到U盘或者TF卡上 。 然后U盘或者TF卡连接你的平板，点击下载的文件进行安装，2；也可以把平板连接电脑直接下载到平板 ，3；平板自己上网下载，这是最简单最直接的方法。</t>
  </si>
  <si>
    <t xml:space="preserve">关于日本VS叙利亚这场友谊赛最终比分猜对的给20分！现在中场2： </t>
  </si>
  <si>
    <t>我说个比分吧1.92球半1.92最后比分是：3：1~~~~~~~~~~~~~~~~~~~~~~~~~~~~~~~~··</t>
  </si>
  <si>
    <t xml:space="preserve">两个菱形怎么样拼成一个菱形八根火柴拼成两个菱形，如图∧∧∨∨怎么 </t>
  </si>
  <si>
    <t>这样 ,移左下的两根</t>
  </si>
  <si>
    <t xml:space="preserve">宁静致远是什么意思?通俗点的解释 </t>
  </si>
  <si>
    <t xml:space="preserve">宁静致远此句出自诸葛亮的《戒子篇》： 夫君子之行,静以修身,俭以养德.非澹泊无以明志, 非宁静无以致远.夫学须静也,才须学也,非学无以广才,非 志无以成学,淫漫则不能励精,险躁则不能治性,年与时驰, 意与日去,遂成枯落,多不接世,悲守穷庐,将复何及! 译文: 君子的操守，（应该）恬静以修善自身，俭朴以淳养品德。不澹泊就不能明晰志向，不宁静就不能高瞻远瞩。学习必须静心，才识需要学习， 不学习无从拓广才识，不立志不能学习成功。沉迷滞迟就不能励精求进，偏狭躁进就不能冶炼性情。年年岁岁时日飞驰，意志也随光阴一日日逝去，于是渐渐枯零凋落，大多不能经时济世，可悲地困守着贫寒的居舍，那时（后悔）却哪里来得及！ [按] 澹（音dan4）泊：恬淡，淡泊。 yin慢：放纵、懒散。  </t>
  </si>
  <si>
    <t xml:space="preserve">拉肚子是什么原因?我想知道,心脏病的症状有拉肚子这一项吗? </t>
  </si>
  <si>
    <t>没有必要的问问医生，做检查。 归脾丸。 脾胃不好，健脾、化湿。 大蒜是抗癌之王！注意！吃法有讲究，必须先把它切成片，一片一片的薄片放在空气里15分钟，它跟氧气结合以后产生大蒜素。大蒜本身不抗癌，大蒜素才抗癌，而且是抗癌之王。只要每天两辫就够。特别是感冒前，立刻行动。吃点茶叶解臭气。 食疗歌： 只要对症用得着，各类食品都是药：梨汁饮后化痰瘀，苹果消食营养高。木耳抗癌素中荤，黄瓜美容俏。紫茄祛风通脉络，莲藕除烦解酒妙。海带含碘消瘀结，香菇存酶肿瘤消。胡椒驱寒又除湿，大葱姜汤防感冒。大蒜抑制肠胃炎，菜花常吃癌症少。鱼虾猪蹄补乳汁，牛羊猪肝明目好。啤酒（少饮）能降胆固醇，绿豆防暑解毒高。蜂蜜润肺又益寿，葡萄味美人不老。食醋防毒能消炎，韭菜补肾暖膝腰，花生降醇素中肉，冬瓜消肿又利尿。柑桔消食化痰液，抑制癌症猕猴桃。香蕉含钾通大便，禽蛋益智营养高。芹菜能降高血压，萝卜化痰肿气消。生津止渴数乌梅，润肺乌发数核桃。番茄补血驻容颜，健脾补胃食红枣。 保健粥谣 要使皮肤好，粥里加红枣；若要治失眠，煮粥加白莲；贫血气不足，粥加桂圆肉；润肺止咳嗽，百合粥能克，防暑清热毒，多喝绿豆粥；乌发且补肾，粥加核桃仁；若要降血压，粥里荷叶加；滋阴润肺好，粥放银耳巧；健脾助消化，楂粥顶呱呱；多梦又健忘，煮粥加蛋黄。 利尿消肿治脚气，赤豆稀粥胜药剂；伤风感冒闹肚疼，红糖姜粥效验灵；止泻健脾补五脏，粥中宜把扁豆放。要想身体常康乐，科学喝粥乐呵呵。</t>
  </si>
  <si>
    <t xml:space="preserve">惠普彩色激光打印机一个硒鼓可以可以打印多少张？ </t>
  </si>
  <si>
    <t>一个硒鼓可以打印多少张，大概多少钱这些都得要看硒鼓的型号了，硒鼓里的碳粉用完了可以再装，一般能装2-4次，然后再换新的，一个原装硒鼓大约400百以上-几千不等，国产代用的就便宜多了，只有原装的一半。质量也很不错。大体180g可以打印机7500张左右。</t>
  </si>
  <si>
    <t xml:space="preserve">急求足球的比赛规则和基本知识！！！！ </t>
  </si>
  <si>
    <t>比赛规则   第一章 比赛场地 1.场地面积：比赛场地应为长方形，其长度不得多于120米或少于90米，宽度不得多于9O米或少于45米（国际比赛的场地长度不得多于110米或少于100米，宽度不得多于75米或少于64米）。在任何情况下，长度必须超过宽度。 2.画线：比赛场地应按照平面图画出清晰的线条，线宽不得超过12厘米，不得做成“V”形凹槽。较长的两条线叫边线，较短的叫球门线。场地中间画一条横穿球场的线，叫中线。场地中央应当做一个明显的标记，并以此点为圆心，以9.15米为半径，画一个圆圈叫中圈。场地每个角上应各竖一面不低于1.50米高的平顶旗杆，上系小旗一面；相似的旗和旗杆可以各竖一面在场地两侧正对中线的边线外至少：米处。 3.球门区：在比赛场地两端距球门柱内侧5.50米处的球门线上，向场内各画一条长5.50米与球门线垂直的线，一端与球门线相接，另一端画一条连接线与球门线平行，这三条线与球门线范围内的地区叫球门区。 4.罚球区：在比赛场地两端距球门柱内侧16.50米处的球门线上，向场内各画一条长16.50米与球门线垂直的线，一端与球门线相接，另一端画一条连接线与球门线平行，这三条线与球门线范围内的地区叫罚球区，在两球门线中点垂直向场内量11米处各做一个清晰的标记，叫罚球点。以罚球点为圆心，以9.15米为半径，在罚球区外画一段弧线，叫罚球弧。 5.角球区：以边线和球门线交叉点为圆心，以1米为半径，向场内各画一段四分之一的圆弧，这个弧内地区叫角球区。 6.球门：球门应设在每条球门线的中央，由两根相距7.32米、与西面角旗点相等距离、直立门柱与一根下沿离地面2.44米的水平横木连接组成，为确保安全，无论是固定球门或可移动球门都必须稳定地固定在场地上。门柱及横木的宽度与厚度，均应对称相等，不得超过12厘米。 　　球网附加在球门后面的门柱及横木和地上。球网应适当撑起，使守门员有充分活动的空间。 　　注：球网允许用大麻、黄麻或尼龙制成。尼龙绳可以用，但不得比大麻或黄麻绳细。 第二章 球 比赛用球应为圆形，它的外壳应用皮革或其它许可的材料制成，在它的结构中不得使用可能伤害运动员的材料。　　球的圆周不得多于71厘米或少于68厘米。球的重量，在比赛开始时不得多于453克或少于396克。充气后其压力应相等于0．6一1．1 个大气压力（海平面上），即相等于600-1100克／厘米’。在比赛进行中，未经裁判员许可，不得更换比赛用球。 国际理事会决议一1.比赛所用的球，是比赛场地所属协会或俱乐部的财物，在比赛结束时，应将球交给裁判民2.国际理事会随时决定制球的质料。任何经许可的质料，均应由国际理事会核准。3.国际理事会已批准的规则对球所定的相等重量：14至16英两等于396至453克。4.如球在比赛进行中破裂或漏气时，应立即停&lt;止比赛，用新球在原球破漏时所在地，点以坠球恢复比赛。除非当时球在球门区内，如遇这种情况，则应在停止比赛时球所在地点最近的、与球门线平行的球门区线上坠球恢复比赛。5.如球破漏发生在死球时，应用新球按照相应裁判员，并应在比赛成死球时互换。6.不按此执行则按无替补队员处理。 国际理事会决议二1.每队上场队员的最少人数，由各国足球协会酌定。2.理事会认为，任何一队少于7名队员时，该场比赛应为无效。3.队员在比赛开始前被罚令出场，可从已登记的替补队员中选一人替补，不应因进行替补而延迟开球。 队员在比赛开始后被罚令出场者，不得替换。 凡替补名单中的替补队员，不论是在比赛开始前，或在比赛开始后被罚令出场，均不得更换0匕项决议仅指违反规则第十二章而被罚令出场的队员，而不适用违反规则第四章的队员）。 第三章 队员人数 上场比赛的两个队每队队员人数不得超过１１人。 每队必须有一名守门名。 ·每队在比赛时可有１－２名替补队员，如果是“友谊比赛”，可以有５名以下的替补队员。 ·在经裁判员同意后，在比赛暂停时，替补队员可替换队员。 ·只有在被替补队员下场后，替补队员才能上场。 ·未经裁判员同意，任何队员不得上场或下场。  第四章 队员装备 1.·a.上场队员必需的装备是：运动上衣、短裤、护袜、护腿板和足球鞋。· b.上场队员不得穿戴能危及其他运动员的任何物件。2.护腿板必须由护袜全部包住，而且应是由适当的材料制成（橡胶、塑料、聚氨脂或其它类似的材料）。3.守门员的服装颜色必须有别于其他上场队员和裁判替补守门员或其他任何队员时，均应遵守下列规定：·a.替补前应先通知裁判员。·b.替补队员在被替补队员离场，并得到裁判员许可后，方可进入比赛场地。·c.替补队员应在比赛成死球时从中线处进场。·d.被替补下场的队员不得再次参加该场比赛。·e.替补队员无论上场与否，裁判员均有权对其行使职权。4.替补队员进入比赛场地，即成为场上队员，同时被替换出场的队员不再是场上队员，至此替补结束。罚则：· a.对于违反本章第（4）条规定者，比赛不应暂停，应在比赛成死球时立即警告各有关队员。· b.如替补队员未经裁判员许可擅自进场，则应停止比赛，并视情节对该替补队员予以警告，令其离场或罚令出场，然后由裁判员在比赛暂停时球所在地点执行坠球恢复比赛。除非当时球在球门区内，如遇这种情况，则应在停止比赛时球所在地点最近的、与球门线平行的球门区线上坠球。· c.对违反本章任何其它规则的有关队员，均应警告。如果裁判员暂停比赛执行警告，则应由对方队员在比赛暂停时球所在地点，踢间接任意球恢复比赛。如果在其本方的球门区内罚任意球，则可在其球门区内的任何地点执行；如果在对方的球门区内罚任意球，则应在比赛暂停时球所在地点最近的。与球门线平行的球门区线上执行。· d.如竞赛规程要求在比赛前将替补队员名单交给裁判罚则：场上队员违反本章规定时，除非在成死球前，该队员已经调整好装备，否则在成死球后，该队员应离场调整或换取装备。离场调整和换取装备的队员在回场前，必须先报告裁判员，经裁判员检查符合规定后，只有在比赛成死球时方可进场比赛。场上队员违反了本章规定时，不要立即停止比赛。 第五章 裁判员  每场比赛应委派一名裁判员执行裁判任务。在他进入比赛场地时，即开始行使规则赋予他的职权。　　在比赛暂停或比赛成死球时出现的犯规，裁判员均有判罚权。裁判员在比赛进行中，根据比赛实际情况，诸如比赛结果等所作的判决，应为最后判决。他应当： a.执行规则b.避免作出对犯规队有利的判罚。c.记录比赛成绩和比赛时间，使比赛赛足规定的时间或双方同意的时间，并补足由于偶然事故或其它原因所损耗的时间。d.因违反规则、遇风雨、观众或外界人员干扰及其它原因妨碍比赛进行时，裁判员有权暂停、推迟或终止比赛。事后须在规定的时间内按照有关要求将具体情况书面报告主办机构。书面报告在规定的时间内一经投邮即为合乎手续。e.裁判员从进入比赛场地起，对犯有不端和不正当行为的队员应给予警告并出示黄牌。事后须在规定的时间内，按照有关要求将该队员的姓名和具体情况书面报告主办机构。f.除参加比赛的队员及巡边员外，未经裁判员允许，任何人不得进入比赛场地。g.如裁判员认为队员受伤严重时，应立即停止比赛，须将受伤队员尽可能迅速地移至场外，并立即恢复比赛。如队员受轻伤，则比赛不应在成死球前停止。凡队员能自己走到边线或球门线接受任何护理者，不得在场内护理。h.裁判员对于场上队员的暴力行为、严重犯规、使用污言秽语或辱骂性语言，以及经警告后仍犯有不正当行为者，应罚令出场并出示红牌。i.在每次比赛暂停后，以信号指示恢复比赛。j.审定比赛用球是否符合规则第二章的要求。第六章 巡边员 每场比赛应委派两名巡边员，他们的职责（由裁判员决定）应为示意： 1.何时球出界成死球；2.应由哪一队踢角球、球门球或掷界外球；3.当要求替补时。 他们还应协助裁判员按照规则控制比赛。巡边员如有不正当行为或不适当地干扰比赛，裁判员则应免除其职务并指派他人代替（裁判员应将此情况上报主办机构）。巡边员使用的手旗，应由比赛场地所属的俱乐部提供。第七章 比赛时间 比赛时间应分为两个相等的半场，每半场45分钟。特殊情况双方同意另定除外，并按下列规定执行： ·a.在每半场中由于替补、处理伤员、延误时间及其它原因损失的时间均应补足，这段时间的多少由裁判员决定。·b.在每半场时间终了时或全场比赛结束后，如执行罚球点球，则应延长时间至罚完为止。 除经裁判员同意外，上下半场之间的休息时间不得超过5分钟。第八章 比赛开始 •a.比赛开始前，应用投市方式选定开球或场地，先挑的一方应有开球或场地的选择权。比赛应在裁判员发出信号后，由开球队的一名 队员将球踢入（即踢动放走在比赛场地中央的球）对方半场开始。在球被踢出前，每个队员都应在本方半场内，开球队的对方队员还应当保持距球不少于9．15米；球被踢出后，须滚动到它自己的圆周距离时，才应认为比赛开始，开球队员在球经其他队员触或踢及前不得再次触球。 •b.在进一球后，应由负方一名队员以同样方式，重新开球继续比赛。•c.下半场开始时，两队应互换场地，并由上半场开球队的对方开球。§罚则：•a.任何违反本章规则的开球都应重开。如开球队员在球经其他队员触或踢及前再次触球，则应由对方队员在犯规地点。•b.踢间接任意球。如队员在对方球门区内犯规，则这个任意球可以在球门区内的任何地点执行。•c.开球不得直接射门得分。•d.比赛如因本规则未规定的原因暂停时，球并未越出边线或球门线，则恢复比赛时，裁判员应在暂停时球所在的位置坠球，球着地即恢复比赛，如果比赛暂停时球在球门区内，则应在比赛暂停时球所在位置最近的、与球门线平行的球门区线上坠球，坠球时在球落地之前，队员不得触球，否则应由裁判员重新坠球。第九章 比赛进行及死球 §下列情况成死球： ·1.当球不论在地面或空中全部越过球门线或边线时.·2.当比赛已被裁判员停止时。自比赛开始至比赛终了时，比赛均应在进行中，包括:·a.球从球门柱、横木或角旗杆弹回场内。·b.球从场上的裁判员或巡边员身上弹落于场内。·c.场上队员犯规而裁判员并未判罚。 第十章 计胜方法 ·除规则另有规定外，凡球的整体从门柱间及横木下越过球门线，而并非攻方队员用手掷入、带入，故意用手或臂推入球门（守门员在本方罚球区内除外），均为攻方胜一球。在比赛中，胜球较多的一队为得胜队，如双方均未胜球或胜球数目相等，则这场比赛应为“平局”。 第十一章 越位 Ö1.凡进攻队员较球更接近于对方球门线者，即为处于越位位置。下列情况除外：•a.该队员在本方半场内。•b.至少有对方队员两人比该队员更接近于对方的球门线。Ö2.当队员踢或触及球的一瞬间，同队队员处于越位位置时，裁判员认为该队员有下列行为，则应判为越位：•a.在干扰比赛或干扰对方；•b.企图从越位位置获得利益。Ö3.下列情况，队员不应被判为越位：•a.队员仅仅处在越位位置；•b.队员直接接得球门球、角球或界外掷球。Ö4.队员被判罚越位，裁判员应判由对方队员在越位地点踢间接任意球。如果该队员在对方球门区内越位，那么这个任意球可以在越位时所在球门区内任何地点执行。第十二章 犯规与不当行为 队员故意违反下列九项中的任何一项者，即：a.踢或企图踢对方队员。b.绊摔对方队员，即在对方身后或身前，伸腿或屈体绊摔或企图绊摔对方。c.跳向对方队员。d.猛烈地或带有危险性地冲撞对方队员。e.除对方正在阻挡外，从背后冲撞对方队员。f.打准企图打对方队员准向对方吐唾沫。g.拉扯对方队员。h.推对方队员。i.用手触球，例如：用手或臂部携带、推击球（守门员在本方罚球区内除外）。 　　 以上情况都应判由对方在犯规地点踢直接任意球。如犯规地点在对方球门区内，该任意球可以在球门区内任何地点执行。如果守方队员在本方罚球区内故意违反上述九项中的任何一项者，应判罚球点球。 在比赛进行中，如守方队员在本方罚球区内故意违反上述九项中任何一项时，则不论当时球在什么位置，都应判罚球点球。队员犯有下列五项犯规中的任何一项者，即：1.裁判员认为其动作带有危险性，例如:企图去踢守门员已接住的球。　 5.比赛中守门员在本方罚球区内时：a.以手控制球后向任何方向持球、拍球或向空中抛球再接住，行走4步以上而未使球进入比赛状态。b.持球后在行走4步过程中及其前后，虽已使球进入比赛状态，但未经罚球区外的同队队员或罚球区内外的对方队员触球前，根据第5（c）条的情况自己再次用手触球。c.同队队员故意将球踢给守门员后，守门员用手触球。d.裁判员认为由于战术上的目的，有意停顿比赛，延误）比赛时间而使本队获得不正当的利益。 　　以上情况都应根据第十三章的具体情况判由对方在犯规地点踢间接任意球。e.队员出现下列情况时，应被警告并出示黄牌：f.比赛开始后，队员进场或重新进场加入比赛或在比赛进行中离场：意外事故除外），不论哪一种情况，事先未经裁判员示意允许者。g.如果裁判员暂停比赛执行警告，则由对方在暂停比赛时球的所在地点根据第十三章的具体情况，踢间接任意球恢复比赛。h.如犯规队员另有更严重的犯规情节时，则应按规则的有关规定判罚。i.队员连续违反规则。j.用言语或行动对裁判员的判决表示不满者。k.有不正当行为者。 　　　除发生更严重的犯规外，队员的行为属上述最后三项中的任何一项者，应给予黄牌警告，并判由对方在犯规地点根据第十三章的具体情况踢间接任意球。6.裁判员认为队员出现下列情况时，应罚令其出场并出示红牌：a.犯有暴力行为。 b.严重犯规。 c.用污言秽语或进行辱骂。 d.经黄牌警告后，因犯规又被给予第二次黄牌警告。 因罚令队员出场使比赛暂停，如该队员并未违反其它规则时，则应判由对方在犯规地点根据第十三章的具体情况踢间接任意球。 第十三章 任意球 任意球分两种：直接任意球（这个球可以直接射入犯规队球门得分）及间接任意球（踢球队员不得直接射门得分，除非球在进入球门以前曾被其他队员踢或触及）。 　　 　　队员在本方罚球区内踢直接或间接任意球时，在球被踢出罚球区前，所有对方队员都应站在该罚球区外，并须至少距球9；　15米。当球滚至球的圆周距离，并出罚球区后比赛即为恢复。守门员不得将球接入手中后再踢出进入比赛，如球未 被直接踢出罚球区，则应令重踢。　　队员在本方罚球区外踢直接或间接任意球时，所有对方队员在球被踢出前应至少距球9．　15米，除非他们已站在自己的球门线上，当球滚动至球的圆周距离时，比赛即为恢复。 　　　如果对方队员在任意球踢出前，进入罚球区或距球少于9．　15米，裁判员应令其退到规定的位置后，方可执行罚球。 　　　踢任意球时，须将球放定。踢任意球的队员将球踢出后，在球经其他队员踢或触及前，不得再次触球。尽管本规则的其它条款对踢任意球的地点已作出规定： 　　1.守方在本方球门区内踢任意球时，可以在球门区内的任何地点执行。 　　2.凡攻方在对方球门区内踢间接任意球时，应在距犯规地点最近的、与球门线平行的球门区线上执行。 　罚则：如踢任意球的队员在球被踢出后，经其他队员踢或触及前再次触球，则应判由对方队员在犯规地点踢间接任意球。如队员在对方球门区内犯规，则这个任意球可以在球门区内的任何地点执行。 　 第十四章 罚球点球 罚球点球应从罚球点上踢出，必须明确主罚队员。踢球时除主罚队员和对方守门员外，其他队员均应在该罚球区外及比赛场内，并至少距罚球点9．15米处。对方守门员在球被踢出前，必须站在两门柱间的球门线上（两脚不得移动）。主罚队员必须将球向前踢出；在其他队员踢或触及前不得再次触球。当球滚动至球的圆周距离时，比赛即为恢复。罚球点球可直接射门得分。当比赛进行中执行罚球点球，以及在上半场准全场比赛终了而延长时间执行或重踢罚球点球时，如踢出的球触及任何一个门柱或两个门柱；或触及横木；或触及守门员；或连续触及门柱、横木或守门员而进入球门，只要没有犯规现象发生，均应判为胜一球。 　 罚则： 　对违反本章任何规定者，应作如下处理：a.如守方队员犯规，则球未罚中应重罚。b.如踢罚球点球队员以外的攻方队员犯规，则球罚中无效，应重罚。c.如踢罚球点球队员在比赛恢复后犯规，则应由对方队员在犯规地点根据第十三章的具体情况踢间接任意球。 　 第十五章 掷界外球 当球的整体不论在地面或空中越出边线时，应由出界前最后触球队员的对方队员，在球出界处掷向场内任何方向。 　 掷球时，掷球队员必须面向球场，两脚均应有一部分站立在边线上或边线外，不得全部离地，用双手将球从头后经头顶掷入场内。球一进场内比赛立即恢复。掷球队员在球被其他队员踢或触及前，不得再次触球。掷界外球不得直接掷入球门得分。 　罚则： 　　a.如球不按规定的方法掷入场内，应由对方队员在原处掷界外球。b.如掷球队员掷球入场后在球被其他队员踢或触及前再次触球时，应由对方队员在犯规发生地点踢间接任意球。如 队员在对方球门区内犯规或在本方球门区内犯规，则应根据第十三章的具体情况踢间接任意球。 　　　　　　　　　 第十六章 球门球 当球的整体不论在空中或地面从球门外越出球门线，而最后踢或触球者为攻方队员时，由守方队员在球门区内任何 地点直接踢出罚球区恢复比赛。守门员不得将球接入手中后再踢出进入比赛。如球未被直接踢出罚球区，即未进入比赛， 应令重踢。踢球门球的队员在球被其他队员踢或触及前，不得再次触球。踢球门球不得直接射门得分，踢球门球时，对方队 员在球被踢出罚球区前都应站在罚球区外。 　　　 罚则： 　　　　 踢球门球的队员将球踢出罚球区后，在球被其他队员踢或触及前再次触球，应判由对方队员在犯规发生地点踢间接 任意球。如队员在球门区内犯规，则根据第十三章的具体情况执行。 　　　第十七章 角球 当球的整体不论在空中或地面从球门外越出球门线，而最后踢或触球者为守方队员时，由攻方队员将球的整体放走。在离球出界处较近的角球区内踢角球。 　 踢角球时，不得移动角旗杆。角球可直接胜一球。踢角球队员的对方队员在球未进 入比赛时，即球未滚动至球的圆周距离时，不得进入距球9．15米以内。踢角球队员在球被其他队员踢或触及前，不得再次触球。 　　　罚则： 　　　　 a.踢角球的队员，在球被其他队员踢或触及前再次触球时，裁判员应判由对方队员在犯规发生地点踢间接任意球。如队员在球门区内犯规，则根据规则第十三章的具体情况执行。 　　　 b.如有任何其它犯规，角球均应重踢</t>
  </si>
  <si>
    <t xml:space="preserve">谁能告诉我黑龙怎么去啊，就是120+练级的地方，最好能有图，谢谢 </t>
  </si>
  <si>
    <t xml:space="preserve">必须要先拿才能去那1.到“谒见之间”与国王身旁的“大祭祀布鲁梅尔”说话取得[信笺]，接受邀请. 2.到“曙光骑士团营地”与“圣骑士法尔缇娅”对话，选择继续前进，获得[团长的证明]. 3.到“辛希亚探索指挥部”地下与“教团骑士克罗米”对话，交出[团长的证明]被传送至“废墟地下1层”. 4.由“废墟”最后一层的黄色传送石进入“遗迹”.调查“遗迹”中的“奇异的装置”进入战斗. ※注: ①“废墟”是15~18层的随机迷宫,怪是29~39级的尸体类和骷髅类,一次1~10只； ②BOSS战: 守护怪(红色QML):等级:45,估计血量3000~3500. 使用技能:乾坤一掷,连击,超强陨石魔法,反击. 5个改造怪(骷髅海盗):等级:40,估计血量过2000. 使用技能:连击,超强冰冻魔法,反击,乾坤一掷. 5.获胜后被传送到“研究室”，与里面的“神秘人”对话获得[怪物碎片]. 6.持有[怪物碎片]到“曙光骑士团营地”与“圣骑士法尔缇娅”对话，交出[怪物碎片]换得[信]； 7.与“大祭祀布鲁梅尔”对话交出[信]获得[承认之戒],开启传送神域的棋标. 8.与“辛希亚探索指挥部”地下的“时光石碑”对话进入全新地图——“圣骑士营地”,由“圣骑士营地”西门出去即到达“肯吉罗岛”. </t>
  </si>
  <si>
    <t xml:space="preserve">如何排肠道里的宿便？听过一位营养师的报告，其讲到排出人体宿便的重 </t>
  </si>
  <si>
    <t>使用药物不利于肠道的健康，市场上有很多的减肥药，可以清除但时间长久后会导致肠道功能的损害。建议：1、蜂蜜茶      2、早起后一杯盐开水，对有些人有效      3、牛蒡泡茶，有减腹作用      4、早晨起来后和餐后是肠道蠕动加强的时候，养成习惯有利于排便。      5、多食用含纤维素多的食物（素菜）</t>
  </si>
  <si>
    <t xml:space="preserve">世间万物中都有两种人一种是男人有种是女人那么试问除了这两种人外还? </t>
  </si>
  <si>
    <t>呵呵  同意一楼的，半男不女的干嘛要问这个问题，难不成你想说还有外星人？</t>
  </si>
  <si>
    <t xml:space="preserve">魔力安装问题很久没玩魔力,回家发现魔力不能玩了重新安装了一下,结 </t>
  </si>
  <si>
    <t>是不是你没更新全啊~在登陆人物那里的下面有更新的什么,要点到不能更新为止~要是还不行,就去下个6.0的补丁~</t>
  </si>
  <si>
    <t xml:space="preserve">小腿靠近关节的地方粉碎性骨折需要多少钱？做手术合适吗，对以后的行 </t>
  </si>
  <si>
    <t>你好,建议你最好有传上片子看看,如果粉骨不多,没有明显的移位的话,那么可以不开刀手术固定.因为手术的治疗主要主是固定骨头,如果能体外固定,那不是更好吗,而且你是近关节的骨折,手术会造成其它软组织的损伤.如果骨头粉碎很严重,手法和夹板无法更好的固定时,那么这时考虑手术固定是理所当然的.骨折后,固定是第一步,固定后,第二步是让断骨面尽快愈合.第一步可以考虑用夹板或开刀上钢板固定,这不是最重要的一步,只是固定好些,愈合就好些,如果固定不好,那么用药后,长出的骨痂就多,断骨处就感觉比较大(如伤口结巴一样).骨头固定后,因为你是粉碎性骨折,断骨多,间距大,所以自身恢复是比较慢的,如果愈合不好,也很影响以后的行走,因为踝关节负重是比较大的.让断骨愈合尽快的愈合,建议最好能选用快速接骨治疗.只要用能促进长骨痂的药,就可以让断骨愈合很快很好.这点是可以确定的,在南方都是比较了解的(特别是广西广东,贵州等地),如果能选用野生药材接骨治疗,效果会更好,对于粉碎性骨折,用药在5天左右断骨局部的骨痂就基本长满,所以这时疼痛基本可以消除,再用药保养和钙化骨头20到25天左右就可以痊愈.恢复正常的活动和负重.提醒一点,因为是近关节处的骨折,软组织(韧带肌腱和软骨)多有损伤,治愈骨头后,如果关节弯曲受限,僵硬,有微痛等现象,都是软组织损伤造成,这时再用药修复软组织就可以痊愈了.饮食忌吃公鸡,鲤鱼,酸笋,牛肉和姜,这是经验所得,西药慎为,特别是含激素药忌用,多平躺休息,未愈合前,忌下地活动.骨折的早期,不能多吃高钙高蛋白食物,那样会容易造成骨不连,对于有经验的医生,都会告诉你.</t>
  </si>
  <si>
    <t xml:space="preserve">用photoshop修改照片我的一张照片景色很好，可天空是阴天， </t>
  </si>
  <si>
    <t xml:space="preserve">要什么样的到这找 </t>
  </si>
  <si>
    <t xml:space="preserve">医院对待患者蛮横，她最害怕谁？医院肯定应当有害怕的部门吧？ </t>
  </si>
  <si>
    <t>去消费者协会投诉，或者把情况反映到电视台，报社等新闻媒体给医院暴光。</t>
  </si>
  <si>
    <t xml:space="preserve">一道数学题在一个梯形中，如果同一条底边上的２个内角不相等，那么这 </t>
  </si>
  <si>
    <t>在一个梯形中，如果同一条底边上的２个内角不相等，那么这个梯形不是等腰梯形梯形ABCD,AB∥CD,(AB&gt;CD),∠C≠∠D，求证AD≠BC证明：∠C≠∠D,又∠A=180度-∠C≠180度-∠D=∠B过D作DE∥BC交AB于E----&gt;BCDE是平行四边形---&gt;BC=DE---&gt;∠B=∠DEA≠∠A----&gt;AD≠DE=BC</t>
  </si>
  <si>
    <t xml:space="preserve">游戏试玩里怎么会出现1转的号 </t>
  </si>
  <si>
    <t xml:space="preserve">    您的位置: 首页 / 2 / 大话攻略 / 杂类和其他 / [蓝][红]教你玩三转：在游戏试玩服务器选择转生人形象     [蓝][红]教你玩三转：在游戏试玩服务器选择转生人形象 作者：upsky 文章来源：本站 日期：2004-05-16 责任编辑：upsky 浏览：            此方法由论坛上的445提供，仅限于“游戏试玩”和“校园试玩”2个服务器，若你发现此方法不行的时候，说明官方已经修改了服务器设置。    首先大家去叶子猪下载中心下载一个金山游侠2002（     然后打开游侠。进入试玩的游戏人物选择画面。点击一下舞天的头像。然后切换到游侠2002中，在数值中输入48然后再按回车搜索，然后在要搜索的程序列表中选择“大话西游II”，过一会搜索结果出来了，这时候会有2W多个选择，别着急。再切换到游戏中，点击精灵仙的头像。在切换到游侠2002中输入49，再按回车。如果你步骤对的话，这时候就只有6个左右的内存地址了。最后点一下玄剑的头象，再切换到金山游侠2002，输入50，按回车。就会只有一到俩个地址。然后双击最后剩下的地址，随便从67 68 69 70 71 72 73 74 75 79这几个数值中选择一个输入（下面介绍这些数字代表的形象），点确定。然后用仙号进入就OK了。注意，你的动作要快，否则选择形象的时间过长的话会出现网络错误。    代号：67GM 68转男人 69转男魔 70转男仙 71宝宝，73为三转人，74为三转魔，75三转仙。（注意使用三转人形象进去后需要到长安杂货铺购买一个还原丹吃下去才能变成对应的三转形象。这里有个录像  很简单撒。    这样大家就会得到一个最后的恒定的值。双击这个值。输入68 69 79 71 72 这几个数值。OK 任意输入以上一个数值。你在进入服务器就是所谓的转人了。     这是攻略地址！带图的！</t>
  </si>
  <si>
    <t xml:space="preserve">移动硬盘上的文件无法删除了移动硬盘上的所有文件及文件夹都无法移动 </t>
  </si>
  <si>
    <t xml:space="preserve">这里有详解：~~（电脑报论坛） </t>
  </si>
  <si>
    <t xml:space="preserve">我说说德甲拜仁没问题.04也输不了.狼堡基本就是单3.法兰无胜勒 </t>
  </si>
  <si>
    <t>我　草　居然不让晒单　日死你们管理员！草</t>
  </si>
  <si>
    <t xml:space="preserve">机师等级问题和冲值问题我的机师等级已经到了一级准校但是在舰队里显 </t>
  </si>
  <si>
    <t>刚升的军衔等级需要重新登陆游戏进行查看，目前并未推出实体卡</t>
  </si>
  <si>
    <t xml:space="preserve">夫妻问题当妻子或丈夫与别的丈夫或妻子一起外出私奔之后，作为私奔妻 </t>
  </si>
  <si>
    <t>最有效最简单的方法就是：离婚。只有离婚才能一了百了，如果这种结果与你的能接受的事实相差甚远的话。再者，如果自己能够接受得了的话，可以用自己的感情去试图挽回这个结局，当然，也要他（她）肯回头，否则追回他（她）的人追回不了他（她）的心一切也是枉然。她怀上了别人的孩子，丈夫能受得了？受得了的话，再继续共同生活，还可以和她共同抚养那个孩子，前提：那女的愿意怀着别人的孩子和他共同生活。</t>
  </si>
  <si>
    <t xml:space="preserve">我想找一个比较好的项目创业，请问什么样的项目比较合适呢？这个项目 </t>
  </si>
  <si>
    <t>我在代理一家网络超市，来自多个国家的千种日用品，物美价廉。市场先机，属于电子商务趋势性行业。投资小、风险小，有人教</t>
  </si>
  <si>
    <t xml:space="preserve">求一款免费好用的库存管理系统。有推荐可以告诉我！ </t>
  </si>
  <si>
    <t>推荐一款：美萍库存管理系统~~一款专业的库存管理软件，其中包含货品进出货管理系统 ，仓库管理系统，报表系统等子模块~~~~~亲~麻烦点下“好评”呀~~谢谢了呀~~</t>
  </si>
  <si>
    <t xml:space="preserve">找一本名字叫天使的书书名里有天使，很感人的，我实在忘记了名字，请 </t>
  </si>
  <si>
    <t xml:space="preserve">是不是网络小说，最近有一部《会有天使替我爱你》很红哦，我也看过了，开头很好笑，后来很感人的，不知道是不是你要的，我给你地址你去看看吧 </t>
  </si>
  <si>
    <t xml:space="preserve">对深圳劳资关系处理或劳动保障方面熟悉的朋友请帮忙在下是一名毕业1 </t>
  </si>
  <si>
    <t>你提出的问题较多，叙述的也不是太清楚，尝试着做出回答，希望能对你有所帮助：一、你在总公司上班是签了一年的劳动合同，期间，由于主管的原因，申请调到另外一个部门工作，但最终出于种种原因和考虑，你同意并调到了子公司工作，同时公司与你解除了劳动合同。尽管合同还没有到期，离开也并非你愿意，也没有写离职申请，但公司为你出具了离职证明等。公司与你解除劳动合同的时间，发生在2007 年11月，属于《劳动法》第二十四条规定的“经劳动合同当事人协商一致，劳动合同可以解除”的情况，应该按照第二十八条“用人单位依据本法第二十四条、第二十六条、第二十七条的规定解除劳动合同的，应当依照国家有关规定给予经济补偿”的规定，给予你每工作一年一个月工资，不满一年按一年计算的经济补偿金。公司未向你支付经济补偿金的做法是违法的，侵害了你的合法权益，与你形成劳动争议，你可以通过劳动仲裁的方式予以解决。但按照《劳动法》第八十二条“提出仲裁要求的一方应当自劳动争议发生之日起六十日内向劳动争议仲裁委员会提出书面申请”的规定，你并没有在法定的60天时效内提出仲裁申请，因此，你已经失去了通过手段主张权利的机会，无法再要求原公司向你支付经济补偿金。二、总公司那边为你办理了离职，子公司却并没有给你办入职，也未与你签订劳动合同，但你实际已经在子公司工作，形成事实劳动关系。而按照2008年1月1日起实施的《劳动合同法》第十条“建立劳动关系，应当订立书面劳动合同。已建立劳动关系，未同时订立书面劳动合同的，应当自用工之日起一个月内订立书面劳动合同。用人单位与劳动者在用工前订立劳动合同的，劳动关系自用工之日起建立”的规定，子公司没有及时与你签订劳动合同的做法是违法的，应该承担第八十二条规定的“用人单位自用工之日起超过一个月不满一年未与劳动者订立书面劳动合同的，应当向劳动者每月支付二倍的工资”的法律责任，但并不影响你与子公司的劳动关系始于进入子公司工作之日起。你有权要求子公司按照上述规定，向你支付未按规定与你签订劳动合同期间的二倍工资。经济补偿以打到你账户上的钱为准，法律依据为《关于工资总额组成的规定》第四条“工资总额由下列六个部分组成： （一）计时工资； （二）计件工资； （三）奖金； （四）津贴和补贴； （五）加班加点工资； （六）特殊情况下支付的工资”的规定。（如每月发放数额不同，则以在子公司工作期间发放的全部工资除以工作月数的平均值为准）三、按照《关于确立劳动关系有关事项的通知》“二、用人单位未与劳动者签订劳动合同，认定双方存在劳动关系时可参照下列凭证：(一)工资支付凭证或记录(职工工资发放花名册)、缴纳各项社会保险费的记录；(二)用人单位向劳动者发放的“工作证”、“服务证”等能够证明身份的证件；(三)劳动者填写的用人单位招工招聘“登记表”、“报名表”等招用记录(四)考勤记录；(五)其他劳动者的证言等。其中，(一)、(三)、(四)项的有关凭证由用人单位负举证责任”的规定，你提到的“工卡，刚进子公司时的一些工作交接单，有很多同事签名过的，以及最近几天的签到复印件作为我在子公司的工作时间的起止证明，还有一些公司平常联系的邮件也保存到本地邮箱了”等，足以证明你与子公司存在着事实劳动关系。四、如果你想申请劳动仲裁，大可不必去劳心伤神的去搜寻公司的营业执照复印件（工商注册资料），只需在向仲裁委提交的劳动仲裁申诉书上写明子公司的全称，公司所在地即可，法定代表人是谁？是何职务等可写可不写，甚至只需写明子公司全称也未尝不可。关键是要写清楚你的申诉请求是什么，以及事实和理由。五、由于子公司已经和你签订了劳动合同，但是签合同的日期是4月16日，合同的有效日期也是从2008年4月1日到2009年3月30日的一年时间。也就是说子公司与你签订劳动合同的时间，比《劳动合同法》第十条规定的时间滞后了五个多月（从07年11月算起），应按照第八十二条的规定，向你支付三个月每月二倍工资的经济补偿（从2008年1月1日起计算）。六、关于劳动争议仲裁时效，自2008年5月1日起施行的《中华人民共和国劳动争议调解仲裁法》第二十七条明确规定“劳动争议申请仲裁的时效期间为一年。仲裁时效期间从当事人知道或者应当知道其权利被侵害之日起计算。”因此，你不必担心原来规定的60天仲裁时效，会对你主张权利造成威胁。但有两点是需要提醒你的,即1、上面提到的原公司应支付而未支付的一个月经济补偿金，已经超过仲裁时效，不可以再行追讨；2、由于子公司现在已经与你签订了劳动合同，你要求子公司支付未签订劳动合同期间的二倍工资的做法，极有可能造成与子公司的对立，使得本来就不甚融洽的关系变得越发紧张，最终导致你与子公司关系的破裂。对此，你必须有充分的思想准备。七、基于你已经意识到了跟子公司的关系不会久远，准备先离职，以避免过早的暴露你的想法，会招致子公司对你莫须有的加害，然后再提出劳动争议仲裁申请的做法是可行的，你只需按照《劳动合同法》第三十七条“劳动者提前三十日以书面形式通知用人单位，可以解除劳动合同”的规定，向子公司履行提前书面告知义务即可，待子公司按照第五十条“用人单位应当在解除或者终止劳动合同时出具解除或者终止劳动合同的证明，并在十五日内为劳动者办理档案和社会保险关系转移手续”的规定，为你办理好相关手续后，立即向子公司所在地劳动争议仲裁委员会提出仲裁申请，请求裁决子公司按照《劳动合同法》第八十二条的规定，向你支付2008年1-3月份二倍的工资。祝你好运！</t>
  </si>
  <si>
    <t xml:space="preserve">我儿子一周了,不肯吃饭怎么办?我儿子现在一周了,一个月前他吃饭很 </t>
  </si>
  <si>
    <t>不要太担心,小孩就是有几天吃的好,有几天就不怎么吃,我家宝宝也是这样的,试着给他换换口味,蒸鸡蛋羔或是别的,尽量不要给他多加奶,如果还要就给他多喝点水,适当的饿一饿也没有坏处.还可以给他的奶里加一些参苓白术散或是胖德生试试</t>
  </si>
  <si>
    <t xml:space="preserve">唐肃宗李亨在做皇帝之前曾被封什么王? </t>
  </si>
  <si>
    <t xml:space="preserve"> 唐肃宗李亨，原名李与，曾被封为忠王。公元738年被立为太子，李亨。唐肃宗 李亨--唐肃宗 肃宗，名李亨（公元711－762年），唐玄宗第三子，马嵬驿兵变后玄宗西逃，他继位，在位6年，在宫廷政变中惊 忧而死，终年51岁，葬于建陵（今陕西省醴泉县东北18里的武将山）。 唐肃宗李亨，原名李与，曾被封为忠王。公元738年被立为太子，改名李亨。马嵬驿兵变后，被玄宗任为天下兵马大元帅，领朔方、河东，平卢节度都使，负责平叛。玄宗继续西逃，他为百姓所留，与玄宗分道，北上至灵武。公元756年七月十二日，李亨在灵武即位，史称肃宗。遥尊玄宗为太上皇，改年号为“至德”。 肃宗继位后，便图谋收复两京（西京长安、东京洛阳），宰相房琯请求带兵去收复长安，肃宗平时很重用房琯，同意了他的请求。结果房琯在陈涛遭遇叛军，全军覆没。至德二年（757年）正月，安史叛军内讧，安禄山为其子安庆绪所杀。肃宗任用名将郭子仪、李光弼，借用回纥兵，乘机反攻。先后于至德二年（公元757年）6月、10月收复西京长安、东京洛阳。肃宗曾与回纥兵约定：“克城之日，土地、士庶归唐，金帛、子女皆归回纥。”致使洛阳遭受很大的破坏。 乾元元年（公元758年）九月，唐肃宗命郭子仪，与河东节度使李光弼等九节度使60万军队围攻相州，讨伐安庆绪。参加作战的九节度使中，郭子仪、李光弼战功最多，威信最高，肃宗不愿把军权交给他们，所以不设主帅，只命宦官鱼朝恩为“观军容宣慰使”，统帅大军、总揽全局。安禄山部将史思明率部13万赶来救援安庆绪。于乾元二年（公元759年）三月，与唐军展开激战，鱼朝恩根本不懂兵法，不知用兵，致使唐军大败，鱼朝恩将相州失利的责任推到郭子仪身上，肃宗不明是非，罢免了郭子仪兵权。 此时，安史叛军再次发生内乱，史思明杀安庆绪，自称大燕皇帝，并于同年五月，从李光弼手中，夺取了洛阳，史思明占据洛阳不久，就被自己的儿子史朝义所杀。 在朝中，自鱼朝恩之后，肃宗开始信用宦官李辅国、程元振等操纵军政大权，宦官势力日益嚣张。 肃宗同时又宠信皇后张良娣，纵容她干预政事。张皇后和李辅国起初连成一片，结为一党。后来，张皇后恨李辅国专权，欲谋立越王李系为嗣君，张皇后、李系与李辅国、程元振开始对立。 公元762年，肃宗患病，接连几个月不能上朝视事。四月，玄宗病死，他悲恸不止，病情加剧。张皇后召见太子，皇后说：“李辅助国久掌禁兵，权柄过大，他心中所怕的只有我和你。眼下陛下病危，他正在勾结程元振等人阴谋作乱，必须马上先诛杀他们。”太子流着泪说：“父亲皇病情正重，此事不宜去向他奏告，如果我们自行诛杀李辅国，父亲皇一定震惊，于他贵体不利，我看此事暂缓再说吧。”张皇后送走太子，马上召肃宗次子，越王李系入内宫商议。李系当即命令宦官段恒俊，从太监中挑选了200多名强健者，发给兵器，准备动手。太监狱中有人将此情报告了李辅国。李辅国、程元振带着党徒到凌宵门探听消息，正遇太子要进宫探望父皇。李辅国谎称宫中有变，阻止太子入宫，并命令党徒将太子动持进飞龙殿监视起来，李辅国假传太子的命令，鼓动禁兵入宫将李系、段恒俊等人抓住，投入狱中。张皇后闻变，慌忙逃入肃宗寝宫躲避。李辅国带兵追入寝宫逼张皇后出宫。张皇后不从，哀求肃宗救命。肃宗受此惊吓，一时说不过话来，李辅国乘机将张皇后拖出宫去。肃宗因受惊而病情陡然转重，又无人过问，当天就死于长生殿。 </t>
  </si>
  <si>
    <t xml:space="preserve">我的美国签证期至9月2日，我是否必须在此日期前从美回国？我有14 </t>
  </si>
  <si>
    <t>你的问题不太清楚。我假定你的情况是下面的情况：通常美国使馆发的签证是3或6个月有效（事实上很多探亲的老人立刻可以在入境时获得6－12个月的在美境内滞留许可）。你在签证有效期内任何时间入境美国都是可以的。在入境的时候美国边检会问你要在美国停留多长时间，然后给你另外一个在美滞留许可期限还会给你一张单字上面立刻加盖带有时间的一个专用章。你离境的时间超过入境的签证有效期是没有问题的－入境的时候美国边检官会问你要在美国待多长时间，你只要如实说需要2周就可以。在特别的情况下也许会要你出示有关材料说明为什么要那么长时间，你带好材料以及邀请方具体负责人的联系电话以便美国边检核实。所以如果你的情况如上所述，那就没有问题。</t>
  </si>
  <si>
    <t xml:space="preserve">某学校转来6名新生，校长要把他们安排到三个班，每两人，有多少种安? </t>
  </si>
  <si>
    <t>先分组,两人一组,为(C62*C42*C22)/A33,然后分班,以以上的结果乘以A33即可.结果为90</t>
  </si>
  <si>
    <t xml:space="preserve">怎么才能长高？ </t>
  </si>
  <si>
    <t>跳绳，打篮球，慢跑，健美操都是可以长高的运动，还有早晚需要喝一杯牛奶，若是坚持下去，应该可以长高。</t>
  </si>
  <si>
    <t xml:space="preserve">一身蓝装战斗贼17/34在TR打钱怎么好累啊打个怪基本上大半的血 </t>
  </si>
  <si>
    <t>。。。。。。只是装备问题，你蓝装的话就不要去TR了，去希利苏斯打普通怪，效率会高很多打钱最好就是战斗天赋，不用控制技能，控制技能是把攻击力转换成对手的昏迷，影响打死怪的速度的，既然是打钱就不要控制，如果总要休息只是说明装备差我以前蓝装都不全的时候，去TR打钱就是打一个都费劲，后来拿了8血牙＋英雄卡片，基本都不用休息了</t>
  </si>
  <si>
    <t xml:space="preserve">招降纳叛指成语意思 </t>
  </si>
  <si>
    <t xml:space="preserve">词 目 招降纳叛 使用频率 常用 发 音 zhāo xiánɡ nà pàn 释 义 原指收容接纳敌方投降叛变过来的人，以扩大自己的势力。现指收罗坏人，结党作恶。 示 例 无论谁搞～、结党营私的罪恶活动，都没有好下场。 近义词 招兵买马、结党营私 英 文 recruit deserters and traitors 用 法 联合式；作谓语、定语；含贬义 </t>
  </si>
  <si>
    <t xml:space="preserve">我很怕辣,但是我们这里的人喜欢吃辣的,请问我有什么办法可以让自己? </t>
  </si>
  <si>
    <t>辣味就是你舌头的味蕾对味道的敏感度，不要过份的刻意追求辣味，很可能会破坏你的味蕾的，经常吃辣的吃别的就没有味道了，到时老感觉没有味道。要确实想吃辣，建议你经常吃辣味的食物就行了，久而久之也就习惯了。</t>
  </si>
  <si>
    <t xml:space="preserve">法师变羊问题我有一次把一兔子变成了羊！可能是我一击就把它打死的缘 </t>
  </si>
  <si>
    <t>有一次我和一个４０多级的盗贼去哀号，在我把一个尖牙德鲁伊变羊了以后，他一下就秒了，结果我们看到了一只倒在地上的硕大的肥绵羊，当时我们都看楞了，沉默１秒后狂笑不止，吼吼～～～</t>
  </si>
  <si>
    <t xml:space="preserve">语文下面的人名分别取自什么成语？杜鹏程（）陈残云（）王任重（）刘 </t>
  </si>
  <si>
    <t>鹏程万里，风卷残云，任重道远，沧海一粟，秀外慧中，大智若愚。以讹传讹</t>
  </si>
  <si>
    <t xml:space="preserve">额头下巴不断出红痘痘，我年龄29，去年结婚，未育，从去年9月起额 </t>
  </si>
  <si>
    <t>检查没问题不见得没有病，只是没有症，所以找中医是对的。两个月的中药还没有明显改善的话个人建议换个中医。额头的疱与心有关，下巴的与内分泌有关。浑身乏力可能是阳气不足。</t>
  </si>
  <si>
    <t xml:space="preserve">oppo平面磁驱动耳机什么时候上市 </t>
  </si>
  <si>
    <t>只是13年推出的概念，需要等到今年十月才能知道</t>
  </si>
  <si>
    <t xml:space="preserve">袁希福医生怎么样 </t>
  </si>
  <si>
    <t>　　《袁氏医方》第八代传人袁希福采用中医中药三联平衡疗法治病，取得了较为显著的效果，几十年来，袁希福独特的抗癌疗法已为很多癌症患者减轻了痛苦，延长了寿命，有不少被“判死刑”的晚期癌症患者获得了康复或痊愈。　　吴素兰，新乡市长垣县人，今年55岁，2000年6月确诊为食管癌，因有心脏病无法手术，当时滴水难进，骨瘦如柴，经人介绍来求药治疗，因喝水困难仅开了7天的药试用，没想到用药3天后症状明显改善，不仅能喝水并可慢慢吞进流食、半流食，随后继续用药一年多痊愈。今年4月回访，吴素兰一切正常。又如山东菏泽脑瘤患者马先蕊、河南油田肺癌患者姚丙午、濮阳县肺癌患者高清莲、山西稷山县肺癌脑转移患者杨会锁、巩义市肝癌患者白淑彩等，均已治愈十年之久。　　这样的例子举不胜举。你说袁希福医生怎么样?</t>
  </si>
  <si>
    <t xml:space="preserve">美国从伊拉克撤军的利与弊从各个角度考虑 </t>
  </si>
  <si>
    <t>对谁的利与弊？对美国那我就以美国的角度谈吧利：一、美国可以抽身了。而且是比较冠冕堂皇的抽身。不象朝鲜或越南是战败而撤退。至少美军今天可以堂而皇之地将政权和治安管理权交给伊政府。二、可以投入更多精力关注中东以外的地区，比如东亚地区的局势弊：一、美国在中东的势力受到削弱二、撤军后伊将陷入无休止的内战和分裂中，现有政府不可能控制局面三、因伊战而与美国结盟的国家关系将出现一定的裂痕，对美国产生不信任</t>
  </si>
  <si>
    <t xml:space="preserve">z战斗蜗牛或猛男来看下,下了你们的补丁的问题单机板,想要用包括精 </t>
  </si>
  <si>
    <t>你的游戏版本问题，那个补丁需要正式的1.10版本，绝对可用，如果你是1.10S版本则无法使用。</t>
  </si>
  <si>
    <t xml:space="preserve">大盘见底之后的选股0166还是600362钱老师,大盘已经跌破2 </t>
  </si>
  <si>
    <t>俺的操作没有申请创业板交易。因此俺也没有300309这只股票。推荐它只是因为相当看好它。就长期投资的角度看，不但你说的三只股票不可能与吉艾科技比，就是整个A股，比吉艾科技更值得投资的股票也是寥寥无几，至少俺没有看到（酒类里面可能有）。跌破2132以后，大盘不会企稳反弹，继续向下的可能性会很大。自下跌以来，中阴线已经有十几个，但大阴线始终没有出来。估计会在接近2000点时出来。因此稳健的做法就是尽可能空仓。600031：目前主力资金有所活跃，但活跃的是它们在卖出筹码。这只股票的下跌通道完好，而且看不到一点点的企稳迹象。远离该股。这只股票在香港遭遇空头公司做空，揭发了它在财务作假账，其影响至今。其实中国股市在证监会为了坑害股民的默许之下，哪一个上市公司不做假？三一重工只不过倒霉被人选中了而已。俺看空该股远不止是因为它做假账。回避600166：主力资金的活跃度降低，但依然有资金流出。现在小盘股都在下跌，该股盘子也不小。在证监会没完没了地IPO之下，该股想拉升也是心有余而力不足。回避600362：中国经济被政府弄得一塌糊涂，硬着陆已经是事实。这将大大抑制经济发展，对铜的需求继续下降；而欧洲债务危机同样打压了国际大宗商品的价格。因此该股继续看空。抄底是对的，但是大盘现在根本不是底，这些股票同样不是底。</t>
  </si>
  <si>
    <t xml:space="preserve">求助,我朋友要结婚了！我朋友要结婚了，我该送点什么呢？ </t>
  </si>
  <si>
    <t>送啥？送祝福啊，现在呢我介绍一个最新的祝福工具，视频祝福，不知道楼主朋友的手机是不是支持3GP呢，如果支持就太好了，在KWAWA.COM上搜索“新婚”就能搜索到新婚类的祝福视频，发送给你的朋友，让你的朋友在视频中感受你浓浓的情意，怎么样，不落时吧。</t>
  </si>
  <si>
    <t xml:space="preserve">什么是扁平式结构管理 </t>
  </si>
  <si>
    <t>管理层少.例如:计算工资,公司一个部门把所有人员的工资进行管理和控制，而不是一层一层的，下级向上一级负责。公司级管理直接管到生产一线的职工。</t>
  </si>
  <si>
    <t xml:space="preserve">关于武器修理失败的问题我看到不少武器修理失败后就不值钱了请问各位 </t>
  </si>
  <si>
    <t>没影响,失败后3次不能修理了,100以上2次失败的能分解出比他降一等级的铁,3次失败,没耐就没用了</t>
  </si>
  <si>
    <t>冰海沉船！01佛罗伦(06)09</t>
  </si>
  <si>
    <t>能说说巴里这场球为什么买1啊？</t>
  </si>
  <si>
    <t xml:space="preserve">Howcanwebehappy?Everyonehavetrou </t>
  </si>
  <si>
    <t>傻一点，再傻一点，在在傻一点，无限地接近愚蠢，但是，永远也不要达到你会快乐的</t>
  </si>
  <si>
    <t xml:space="preserve">快来看看这些配置怎么样？单位：元CPU奔四515(2.93GHz </t>
  </si>
  <si>
    <t>典型的菜鸟级配置，如果识别人建议的话，他就是蒙你呢。如果是你自己组合的话，你需要多加强一下对计算机有关知识的了解了。CPU Intel 有没有发布Intel Pentium 4 515(775PIN)我不太清除，反正我没听说过这款CPU。但是我们来看看Intel Pentium 4 520(775PIN)这款CPU的规格吧。Intel LGA775 P4 520(盒) 2.8GHz/FSB 800MHz/1024KB/LGA 775 报价1330元 520主频才2.8GHz，那么515怎么会比520的主频还高呢？顺便告诉我，前端总线800MHz的CPU，如何×？倍频＝2.93GHz 倍频会出现14.665这个数字嘛？如果你要选择775pin的P4的话，最低端型号为520。价格也没有你报的那么低。但是说实话，775封装的CPU＋I9X5主板性能并不比478封装P4＋i865/i875的主板的性能好！但是价格要高很多。建议放弃这种不符合实际的搭配。主板 915芯片组主板是一款过渡产品，其性能根本和i865以及i875没有什么区别，只不过支持PCI-E接口罢了。【顺便说一声，你这个主板上只有PCI－E接口，根本没有AGP接口，你买一块AGP显卡干吗用啊？送人嘛？！上面那些菜鸟还装做DX给人评机，竟然还有人见你换一款更高档的显卡送人。。。晕。。。】。内存 只买一条内存，为什么不选择848芯片组啊，反正也不用内存嘎双通道，花那么多钱干吗啊。这是你整个机器的最大瓶颈。硬盘 打算买775pinCPU＋915主板的你，竟然选择了一款PATA接口，并且缓存只有2M的日立硬盘，你。。。你。。。我实在是不懂你在想什么。最少也要买个SATA接口的硬盘，小小的发挥一下915主板的性能啊，要不然你要915主板干吗啊？～显卡 700多元可以买FX5700标准版了，买FX5700LE的只能说是大头了，盈通G5700标准版，质量非常好，性能强大，价格670元。机箱电源 兄弟，多彩机箱的电源是有名的差，这个价位你应该选择金和田或是富士康的机箱。你选择的这些东西都说吃电源大户，那个破电源更本不够用如果你真打算买775pinP4＋915主板的话，建议单独购买嘉航冷静王钻石版电源＋空箱300元打住。最让我想不通的是，你都已经这么大把大把的烧钱了，其目的不就是不求最好，只求最贵嘛？为什么鼠标键盘就花55元啊。你到底是穷还是富啊！我给你推荐一套机器，结合你的实际用途。【不要再写这样的配置了，多看看评测和相关文章啊！！】CPU 478pin P4 2.4C（散）  1045 性能够强大了，完全满足你的需要，超频也不错散热系统 AVC龙骑士或九州风神－阿波罗  120元 散热效果好，价格也不算很贵主板 双敏 UP6PEN  580元 865PE芯片组，青云代工，质量和性能都非常好内存 易胜南亚 DDR400 256M×2 570元 喜欢烧钱的话，就选择宇瞻黑豹或是金士顿显卡 盈通G5700标准版         670元 性能强大，做工好，公版设计硬盘 迈拓金钻九代(SATA)80GB  625元 发挥主板的长处－磁盘性能超强。 光驱 先锋121SA （吸入式DVD） 245元 一样的价格，当然是买口碑最好的显示器 小影霸液晶           1930元 这款液晶其实不错，我给父母买的就是这款                                   成交价1930机箱 富士康风云132或是风云139 245元 自带电源够强，机箱做工好，出自大厂键鼠 微软灵动鲨套装          160元 就算你不在乎键鼠的性能和手感，也要对得                                   起你买的这套机器不是总价格你自己合吧。肯定比你预算的那台便宜。整体性能比你那台好，别看你的CPU合主板选择的贵，但是不一定性能好。</t>
  </si>
  <si>
    <t xml:space="preserve">学生会一般会有哪些职位设置？哪些是比较有实际意义的？我是大一新生 </t>
  </si>
  <si>
    <t xml:space="preserve">  　一般来说，竞选学生会的大学生都是很老练的，可能有些经验不够丰富，但人情绝对世故。或许你的内向会使其他人不怎么喜欢，可能也会结盟来“对抗”你，不过你不用紧张，会熬过去的，但你自己必须要与其他竞选的人打好关系，自己学些人事、活动策划、管理等知识，毕竟这对你有用。　　我们学校学生会权力比较集中：　　主席团［主席、外务副主席（分管宣传部、公关部、文体部）、内务副主席（分管秘书处、校风部、社团部）］　　秘书处［秘书长、副秘书长（分管财政、庶务）、副秘书长（分管文书、人事）］　　宣传部［部长、副部长（分管海报、黑板报工作）、副部长（兼广播站站长）、副部长（兼学生会网网主）、副部长（兼学生会报刊社长）］　　校风部［部长、副部长（分管学生纪律、权益）、副部长（分管学生、住宿、勤工俭学）、副部长（分管学术交流）］　　公关部［部长、副部长（分管内联）、副部长（分管外联）、副部长（兼礼仪队队长）］　　社团部（又称社团联合会）［部长、副部长（分管文体、学术类社团工作）、副部长（分管实践、理论类社团工作］　　文体部［部长、副部长（分管文艺工作）、副部长（分管体育类工作）］　　另外每个部门有２０名左右的干事，负责协助工作。　　当你进入学生会后，你会发现学生会干部（也就是所谓的前辈）资格和年龄都比你大。对待他们要尊敬，有不懂的问题可以问他们，切记千万不要跟他们闹矛盾，不然会减少了你的印象分的。有的前辈是从普通的干事升到了副部长、部长或这是副主席、主席。　　导员有些像办主任，但没有高中时的那么关心你们，他就像名字一样起个引导的作用。帮你们回答一些你们不懂的问题，在生活上对你们有些照顾。一般来说，有什么疑难问题找他们就可以。　　要想竞选，首先要关注有关竞选的通知，而且要找机会接近校、系做有关学生工作的老师，经常和他们打招呼打交道，让他们认识你，这很重要。在竞选的时候要有演讲，这个很重要，你要准备充分，最重要的是你要演出魄力，给老师和其他人一种有自信的感觉，让人一看就知道你有能力，是个可信赖的人，而且演说要有新意，别人都说的就可以不用太说。　　对于实际意义，在我们学校副部长有很大意义，有对那件工作的全权指挥实施工作，部长只是监督，指导，协调其下个副部长的工作而已。而副主席、主席的工作也是差不多，干事是很辛苦的。不过每件工作都能锻炼人</t>
  </si>
  <si>
    <t xml:space="preserve">计算下面图形的面积写清楚式子。用算式解答。 </t>
  </si>
  <si>
    <t>1.   3×4＋3×5＝27cm22.   15×6－6×6×π÷2≈33.48cm2</t>
  </si>
  <si>
    <t xml:space="preserve">急求冯班的诗集《落花诗》和《山居杂兴》 </t>
  </si>
  <si>
    <t>只找到冯班的一本《钝吟杂录》，还有他的三首诗。 【有赠】 　　隔岸吹唇日沸天，羽书惟道欲投鞭。 　　八公山色还苍翠，虚对围棋忆谢玄。 　　【朝歌旅舍】 　　乞索生涯寄食身，舟前波浪马前尘。 　　无成头白休频叹，似我白头能几人？ 　　【题友人听雨舟】 　　篷窗偏称挂鱼蓑，荻叶声中爱雨过。 　　莫道陆居原是屋，如今平地有风波。</t>
  </si>
  <si>
    <t xml:space="preserve">鬼道练级加点我90少侠想转个鬼道玩，要群怪练级型的，最好PK升级 </t>
  </si>
  <si>
    <t xml:space="preserve">一重：24点 　　百鬼夜行：速度在PK中至关重要，加满。 　　魔元邪咒：长效真气上限，加到3过度引出下面技能，此技能增加的真气值不是很可观，除了4重的真气盾，鬼道对真气的依赖性不是很强，况且可以靠装备弥补。 　　护法鬼语：短时间免疫晕、睡两种负面状态，加到3。 　　遁影漫尘：闪避和睡抗满级后作用有限，只加到4引出魔魂。 　　魔魂姿态：职业标志技能，加满。该姿态下，生存能力最强，可血牛一样搏杀在战斗一线。 　　一重总结：魔魂姿态技能跨度大。幽魂利爪和噬魂血牙的攻击和状态效果满级必将淘汰。为整体24点考虑，魔元邪咒和护法鬼语不够点加满，魔元邪咒技能基本等于放弃，护法鬼语3点虽然持续时间不长，但PK时能在合适的时机使用，抵住天音的一次无量和鬼王鬼道的一次组合晕技还是没问题的。 　　二重：24点 　　御空术：各职业PK高手必满技能，冷却技能效果虽然目前似乎不存在，但相信将来会修复。 　　蛊王姿态：职业标志技能，加满。该状态下抗性能力最强，可鬼魅一般游走于敌阵之中。 　　幽泉鬼步：五抗折算为定抗，过度3点,凑点点到4点。对于靠能力定身的青云，提高抗性足可弥补；对于靠爆发性定身的鬼王，此技能配合天书后可直接解除定身状态。而且状态期间其它抗性损失惨重，谨慎使用。 　　怨念羁縻：加满，长效激励类技能，并具备免疫魅惑和短时提升暴率特效，无法使用普通攻击的限制对PK环境不会产生影响。 　　二重总结：蛊王姿态下2个流血技能伤害和特效太差，放弃。魔魂姿态下单攻缴械技能由于伤害低，释放时间长，缴械几率低，放弃。五鬼厉魂，6点技能点换来48点攻击和120点气血，代价太大，放弃。总体保持24点。 　　三重：47点 　　鬼契铸魂：加满，配合天书强化，6个技能点值得。 　　归灵秘印：8点，此技能是我150级加点里面最后确定下来的一个，因为我觉得此技能的取舍性很强。2倍技能级别最大真气量的真气盾个人认为在PK中已经足够。就算1万真气上限*2*8=18万伤害足够你在群P中存活一段时间了。如果不是天地宝库选手，那么你或许某些情况下希望这个“有利”状态尽早消失，因为用等量的蓝来抵消红会让你吃药吃到心疼。即使只加1点也够挡一次青云自暴，所以此技能灵活性较强，依个人喜好。至于吸蓝效果，难道谁还指望PK靠吸回来的那点蓝吃饭么？ 　　怨鬼心魔：加满，远程释放。此技能也是后期决定的，效果是降低对方技能伤害，降防,配合天书能降对手将近500点F。兼具保命和秒人两手准备。 　　狱火炼魂：加满，群降血上限，配合天书效果还不错。把对方+9鞋打成白鞋相信会对你打倒他有帮助。 　　碎魂天袭：2连，眩晕能力207。配合天书护符或者法宝+1之类情况大家可以自己计算能力。如果你觉得能力不够，后面我会解释，鬼道也有“火焰刀”之前的“失魂斩”。 　　三重总结：凝血神咒，眩晕抗性转化，由于点数考虑和有幽泉鬼步的存在我放弃了它。缚足蛇蛊，开始非常看好的一个技能，48秒内5抗各降180点的出众效果，配合任意状态技能一出必中，但同样由于需要投入大量点数的原因放弃了，还有一个要原因是有天书技能“开蛊”的存在，后面解释。 　　四重：30点 　　暗影魔心：加满，提升致命上限。 　　狱火炼志：+3过度。此增益技能的“减益”效果太过明显，况且5重有同类的纯增益技能，即使二者能叠 也选择放弃这个。 　　百蛊啖魂：加满。从此技能的耗蓝量你会隐隐感到完美对它的重视，可谓鬼道标志技能之一。百鬼夜行20+秒的放风筝时间内，如果出了禁食状态，那么你就可以立即采取合理的行动来击倒对方了。 　　巫毒斗瘴：法阵，伤害诅咒，虽然PK的实用性不是很强,不开黄可能无效，但其它场合还是比较有用的，加满。 　　四重总结： 　　本重魔魂系技能放弃，戾魂血印除了提升暴击特效外纯粹为一挂机技能，君可曾见PK时对方鬼王向你使出过嗜血斩？燃魂劫火，群体一次性抽蓝，冷却过长，相比其它职业抽蓝技能威力小巫见大巫。森罗三笑，让人垂涎的攻击力，我也曾心为所动，但3秒施放的伤害速度仍然是致命缺陷，根据我的经验，3秒3段的技能至少某两次伤害间有明显的时间差。试问广大鬼王，天魔舞3次就算全出暴杀人的可能性大么？(第2天我把此技能点到6点，以为可以给刷战场带来帮助，结果效果很差，攻击频率缓慢，超级费蓝，而且用此技能有BUG,结束后会停止攻击当前目标，必须手动再次确认攻击) 　　五重：17点 　　五重说明：每个技能都没有不加满的理由。 　　8+24+24+47+30+17=150 　　第二部分：心得篇 　　鬼道出来第一天，就把所有的技能全部写到Excel表格里，首先熟悉了拗口的各技能都是干什么的，然后做成简单加点模拟器，结合天书，用Sum公式限制住总点数和每重点数进行反复研究和加点尝试。90级小号转了鬼道进行了一些实际性的加点和PK实践，然后从各位高级鬼道处学习到了很多有用的东西，目前大号鬼道137级，加点和天书处于升级状态，150后按自己设计洗点。 　　其实说心里话，本篇心得理论还是大于实践的，因为毕竟一些东西现在的条件下实践不了，而且我的理论也是来自于1年多的经验，来自各满级职业间的PK心得，所以说我的理论是来自于实践的，并非纸上谈兵。 　　1.三姿态关系 　　鬼道职业三种姿态各有特色，完美的理念是，没有绝对的暴力职业和辅助职业，没有绝对的秒杀流和控制流，同理，鬼道职业三姿态缺一不可，如果你专修一种姿态，将来将会承受完美反复加强你放弃的另外一系姿态而让你反复洗点的痛苦。 　　2.攻击技能 　　鬼道目前为止和天音一样没有理论上的一击秒杀技能，必须结合各种自己的增益状态和对方的减益状态在最短时间内输出最大伤害让对方加血不及来造成“次秒杀效果”。能配的上“次秒杀效果”资格的技能目前我认为有2个，135灭魂狂飙和145神鬼乱舞。本人暂时不能给出此两种技能的满级数据，大家可以根据其它玩友的推荐大致分析其成长和满级效果。此2技能经过极限强化后的本体伤害、暴击率和暴击伤害都十分可观。 　　135灭魂狂飙，除虚弱，抽蓝等实用效果，真正价值在最后一击的不稳定因素，固定附加级别倍数攻击力，7%几率附加3倍本体攻击力，暴伤随等级增长，天书强化可再次增加暴率及暴伤。极至强化后，如果能在打出7%特效的基础上出暴，见神秒神，见佛秒佛。 　　145神鬼乱舞，附加多种效果都很实用，附加暴率配合上强力装备2秒钟内打出的伤害总量是超过一般人的反应和加血速度的。目前除了杀父夺妻之恨，还没见过哪个人满血没等挨打就按住大红不抬手的。 　　3.状态技能 　　相信大家可以看出，鬼道职业的状态技能是5大职业中最多的。包括蛊王姿态下的所有技能都可以看作是状态技能。如何在众多状态技能中做出取舍，我说一些自己的观点。 　　首先我把状态技能分为增益和减益两类：增益，提升自身属性，即正面状态；减益，降低对方属性，即负面状态。 　　由于后时代诛仙清状态技能的大肆兴起，增益技能某些情况下变得有些鸡肋，你挂上满身的状态可能被人家1秒钟洗光光，而减益技能则存留的时间更长久。虽然各职业也有一些解除负面状态的技能，但想洗掉一身所有的减益技能目前来看唯一的方法就是下线或者死亡。所以我从这里明确了鬼道的状态类技能加点方针---倾向减益技能，即西方神话中圣者向巫师的转变。 　　（1）增益技能: 　　有关提升抗性的状态技能，我的宗旨是：首先考虑提高抗性尽量免疫（五鬼厉魂被动加抗），其次考虑用免疫状态抵抗（护法鬼语，怨念羁縻），最后考虑短时间提高此状态的抵抗能力（幽泉鬼步仅过度，凝血神咒放弃） 　　有关提升属性的状态技能，我的宗旨是：你有点加，但不一定有时间开；有时间开，但不一定有命用。一个敌人，你直接自暴也许能暴死他，但是你先天尊再自暴，就不一定能暴死他，不知大家能不能明白我的意思。（所以，我选择了魔魂姿态下更实用的邪神傲世，放弃了蛊王姿态下有些花瓶又容易走火入魔的狱火炼志） 　　（2）减益技能： 　　这些技能基本是用来保全自己（降攻降伤害）和打击敌人的（降防降血上限），根据我前面的方针，侧重打击敌人的（怨鬼心魔满，狱火炼魂满），这2个技能分别能让对方+9的衣服和鞋子变成白的，对你的“次秒杀”很有帮助。 　　此外鬼道有两把出色的协助杀人的袖里剑，鬼道生存能力不是很强，先控制住对方才更有机会出杀招： 　　百蛊啖魂 理论上24%-29%的禁食能力，4秒-7秒的禁食时间。 　　碎魂天袭 理论上2秒-8秒的眩晕时间，眩晕能力先不说，说下天书技能开蛊：12/24秒内所有抗性分散，变为抗性总量的20%/16%，效果是怎样的呢？我举个例子解释下： 　　1级开蛊的效果：某人5抗为：晕300，虚100，定200，魅250，睡150，中了1级开蛊，5抗变为40 40 40 40 40，不要怀疑，实践所得，公式是 每抗=5抗之和*5/20%.这也是我前面放弃缚足蛇蛊的原因之所在。 　　第三部分 升级加点篇 　　只简单说明一些方向性的东西。以满级洗点为前提，可以放开来加。 　　蛊王姿态技能全部放弃。虚弱，眩晕技能和对应天书满，所有被动技能满。天书对所有被动技能强化满。 　　此外，建议主修鬼道姿态天书路线被动加F和群攻冷却时间减少两条路线，血雾也会为网速稍卡或长期疲劳驾车的同志增加一些安全系数。 　　玩过满级号的朋友应该有体会，135之前还是比较快的，修罗之后才是漫长的开始，占整个升级之路的将近一半。星宿鸡肋，会武无缘，还可能要面对敌对的清理。 　　到135，推荐换把战场真仙武器，砸到8即可，全身强化闪避，+大F配合魔魂姿态引怪（不变身也可，看自己喜欢），只用一招灭魂狂飙，两次就可以放倒一拨怪，两次冷却间隔7秒左右，此期间内拖着怪跑。虚弱能力随着级别的升高，对群怪帮助更大。 </t>
  </si>
  <si>
    <t xml:space="preserve">机关单位中的工勤人员是不是公务员符合‘第二条本法所称公务员，是指 </t>
  </si>
  <si>
    <t>新《公务员法》将公务员分为三类：综合管理类、专业技术类和行政执法类。机关单位中的工勤人员不是公务员</t>
  </si>
  <si>
    <t xml:space="preserve">我说意甲不要脸国米不要脸　你们还不信巴勒莫ＶＳ切塞纳　的例子比过 </t>
  </si>
  <si>
    <t>还有AC米兰加裁判，更是一坨便便</t>
  </si>
  <si>
    <t xml:space="preserve">北京的服装批发市场在哪 </t>
  </si>
  <si>
    <t>动物园,木犀园,官园,三里屯,秀水也算,大红门...等等，这些是比较大的,还有北三环中路的金五星</t>
  </si>
  <si>
    <t xml:space="preserve">数码相机的镜头不会伸出来怎么办？三星蓝调L100数码相机，开机时 </t>
  </si>
  <si>
    <t>这种情况因为在包里触动开关，开机过程镜头受到压制不能全开到位，齿轮错位，一般拆开调整一下，但因为塑料齿轮损坏，镜头变焦不稳定，有噪音，因此最好不要买触动开关相机</t>
  </si>
  <si>
    <t xml:space="preserve">这个婴幼儿腹泻要吃点什么啊？这几天拉肚子，要吃点什么给孩子，大家 </t>
  </si>
  <si>
    <t>您好，婴儿消化系统发育不成熟，胃酸和消化酶的分泌少，消化酶的活性低，承受不了饮食物质和量的较大变化。如果饮食不当或喂养方式不妥都可引起腹泻。所以可以经常给宝宝食用益生菌，如 妈 咪 爱益生菌，是可抑制肠道细菌，促进肠道健康。</t>
  </si>
  <si>
    <t xml:space="preserve">芝诺悖论的正解是什么芝诺的那个飞毛腿菲利亚斯追上不乌龟：每次当他 </t>
  </si>
  <si>
    <t>根据量子理论,时间和距离都是不可无限分割的,因此,在临界值时,菲利亚斯必定能超过乌龟.</t>
  </si>
  <si>
    <t>淘宝电话是什么:(06)</t>
  </si>
  <si>
    <t xml:space="preserve">淘宝公司电话是什么:(06)-68381-8308支付宝电话是多少:(06)-68381-8308支付宝电话是多少:(06)-68381-8308支付宝的客户满意中心（客服中心）电话为：(06)-68381-8308可咨询支付相关问题，(24小时服务） 支付宝客服中心电话为：(06)-68381-8308可咨询交易相关问题，（处理退款投诉、店铺管理、商品发布、信用评价等）淘宝公司全国人工咨询热线:(06)-68381-8308 疑难处理.故障咨询.活动咨询（24小时服务） 受理淘宝网活动、退款投诉、店铺管理、 商品发布、信用评价、推荐物流等问题. 地址:杭州市文二路391号西湖国际科技大厦裙楼2层. </t>
  </si>
  <si>
    <t xml:space="preserve">不是律师，可以做她的代理人上法院打劳动官司吗？不是律师，可以做她 </t>
  </si>
  <si>
    <t xml:space="preserve">不是律师经过人民法院许可的公民也可以被委托为诉讼代理人。这是《民事诉讼法》第五十八条的规定内容之一。参见：《中华人民共和国民事诉讼法》　第五十八条　当事人、法定代理人可以委托一至二人作为诉讼代理人。　　律师、当事人的近亲属、有关的社会团体或者所在单位推荐的人、经人民法院许可的其他公民，都可以被委托为诉讼代理人。 </t>
  </si>
  <si>
    <t xml:space="preserve">暗黑怎么变级别啊我的金山游侠我不会用 </t>
  </si>
  <si>
    <t>是难度级别吗？如果是难度级别，你只有玩通上一难度的游戏才能玩下一个难度．也就是你只有玩通了普通级才能玩恶梦级，然后才能玩地狱级．如果是人物级别，你用修改器修改就行了．</t>
  </si>
  <si>
    <t xml:space="preserve">求教请问大家,嘴角裂了,是缺什么维生素啊?应该吃些什么? </t>
  </si>
  <si>
    <t xml:space="preserve">    这是得了口角炎，俗称烂嘴角，常发生在口角黏膜的一侧或两侧。因病因不同而分为营养不良性口角炎、球菌性口角炎、真菌性口角炎。营养不良性口角炎在营养缺乏和维生素B族缺乏者中常有发生，以维生素B族缺乏引起的口角炎最常见。最初表现为口角上发红、发痒，接着上皮脱落，形成糜烂、浸渍或裂痕，张嘴时拉裂而易出血，吃饭说话等都受到影响。此病并非是人们所说“上火”。特别是孩子饮食搭配不好或有偏食习惯，或在慢性腹泻痢疾时易发生。冬天易得此病，是因为冬季气候比较干燥，蔬菜、水果相对吃得少些，常有维生素C和B2的缺乏，引起口角发干而皲裂。嘴唇干燥后，人们就喜欢用舌头去舐它，目的是想使嘴唇和口角区潮润些，可以得到一时的舒服。然而唾液碰到干燥空气很快地被蒸发，这样不但不能解决干燥的问题，相反会唾液中的微生物带至裂口中，引起细菌感染，加重口角的炎症。    得了口角炎，可用些油脂或防裂油涂在上面，可服用维生素B2，每日3次，每次1－2片，局部可涂用冰硼散或云南白药。如已经糜烂发炎，可用1％的龙胆紫药水在口角上每日涂布两次。经过这些简单的治疗，绝大多数口角炎能很快治愈。为预防小儿口角炎的发生，应让孩子吃米粉绿色新鲜蔬菜、豆类、小米、肉、牛奶等。做到进食品种多、粗细搭配，孩子不偏食。患有胃肠道疾病的孩子应积极治疗。此外，口角不适时切忌用舌头去舔，以免口角更加干燥，更易破裂出血。球菌性口角炎是由于链球菌、葡萄球菌感染引起的口角炎，多见于老年无牙的患者。表现为双侧口角湿白色，糜烂或溃疡，还可化脓、出血、结痂。治疗应局部清洗后，用抗菌素（如红霉素软膏）涂擦，同时可口服广谱抗生素。真菌性口角炎是由于真菌（主要是白色念珠菌）感染引起的口角炎。表现为双侧口角湿白且白色更加明显，有糜烂或溃疡，常伴发唇炎及唇部糜烂。PAS染色可见念珠菌菌丝。治疗应局部用制霉菌素液清洗、擦干，然后局部涂制霉菌素、克霉唑、咪康唑等，注意此病不宜使用广谱抗生素</t>
  </si>
  <si>
    <t xml:space="preserve">足彩不容易中，谁推荐2注双色球？ </t>
  </si>
  <si>
    <t>这个比足彩更不容易中啊 呵呵</t>
  </si>
  <si>
    <t xml:space="preserve">2008年漯河职业技术学院中国物流职业经理资格证书成绩查询&amp;nb? </t>
  </si>
  <si>
    <t>去劳动局查询</t>
  </si>
  <si>
    <t xml:space="preserve">女孩子裸睡好吗？我今年16岁！我从10岁开始到现在，晚上睡觉一直 </t>
  </si>
  <si>
    <t>如果你是正常提问的话，我想我该对你说几句。一、裸睡对身体很有好处，可以使你放松，又可以使你的生殖器官很健康。二、你哥的行为是在猥亵你，千万不可再继续，更不能有进一步的行为。</t>
  </si>
  <si>
    <t xml:space="preserve">谁能告诉我,和面团要和到什么程度才算好了???????我第一次和 </t>
  </si>
  <si>
    <t>你和生面的时候，和不纯滑，有两种原因，第一是和的太软了，水放多了。第二是的精力太大（例如饺子粉就不太好和光）。馒头蜂窝大，口感不好，是因为醒发的过了头了，或是面和软了发出来的也是这样。我和面的方法是：一手放水，一手在盆里顺时针拌面，注意是拌，不是捏，（如果捏的话，最后和的面就太硬了，不好发也不好揉。）放一点水，拌一拌面，拌好的面就不要再加水了。直到盆里的干面全部拌好为止。然后就把盆里的面一起揉，这时就很好揉了，哪个地方的面还有点干就稍加一点水，这样就很容易揉光了，而且盆、手、面三光。这时，你把面拿起来，在盆底倒一点水，转一圈盆，把多余的水倒掉，再把面放在盆里，把面用手在盆里压平，在面上再抹一层水，盖上盖就行了。抹盆底的水是为了面发起倒出时盆底沾的面很少，抹面上的水是为了不用盖笼布面发好了也不干皮。面也不能发过了，发过了也不好吃，我一般中午发面，到下午4点30左右就发好了，（这是夏天的时间）有时面软也发过了，一般是发到死面的一倍就行了。冬天要把面座在30度左右的温水里，才能发起来。揉馒头时，不要放太多的死面，放多了醒的时间就长。而且馒头越揉的时间长就越好吃，揉好的馒头坯放在冷水锅内醒，冬天15分钟，夏天5分钟。然后点中火慢蒸，注意，一开始的火是多大，到最后出锅的火还是要多大，不能中途改变火力的大小，否则出的馒头容易有烫斑。我是冷水点火开始算，蒸40分钟就出锅。这是个经验活儿，你多做几次就知道了，希望你成功！！！</t>
  </si>
  <si>
    <t xml:space="preserve">HOMME和femme各是什么意思香水上的这两个词是什么意思？ </t>
  </si>
  <si>
    <t>HOMME的是男士的FEMME是女士的</t>
  </si>
  <si>
    <t xml:space="preserve">请问大家火力发电厂用的燃煤蒸汽锅炉的原理及控制方式? </t>
  </si>
  <si>
    <t xml:space="preserve">火力发电厂是利用化石燃料燃烧释放的热能发电的动力设施，包括燃料燃烧释热和热能电能转换以及电能输出的所有设备、装置、仪表器件，以及为此目的设置在特定场所的建筑物、构筑物和所有有关生产和生活的附属设施。 主要有蒸汽动力发电厂、燃气轮机发电厂、内燃机发电厂几种类型.       火电厂主要设备：  </t>
  </si>
  <si>
    <t xml:space="preserve">世上熙熙，皆为利来。世上攘攘，皆为利往。若是一个人形同草木，生无? </t>
  </si>
  <si>
    <t>楼主，你说的是：出自 司马迁 史记《货殖列传》 原文： 故曰：“仓廪实而知礼节，衣食足而知荣辱。”礼生於有而废於无。故君子富，好行其德；小人富，以适其力。渊深而鱼生之，山深而兽往之，人富而仁义附焉。富者得?艘嬲茫?嗽蚩臀匏远焕帧Ｒ牡乙嫔酢Ｑ柙唬骸扒Ы鹬樱凰漓妒小！贝朔强昭砸病９试唬骸疤煜挛跷酰晕矗惶煜氯廊溃晕！狈蚯С酥酰蚣抑睿偈抑杏袒计叮銎シ虮嗷е窈酰?你说的“生无人知，死无人觉” 的这种人毕竟少数，对社会影响不大，但对家庭及局部地区亦有细微的波动。</t>
  </si>
  <si>
    <t xml:space="preserve">“幸福不是必然的”是什么意思？ </t>
  </si>
  <si>
    <t>幸福不会从天而降，幸福不会永远存在，幸福要靠努力奋斗。</t>
  </si>
  <si>
    <t xml:space="preserve">小孩睡眠不好我家宝宝已经16个月了。可是每天晚上还是老醒，基本上 </t>
  </si>
  <si>
    <t>晚上食物不要吃太多，白天玩的太厉害。</t>
  </si>
  <si>
    <t xml:space="preserve">一般单位体检,是否会检测是不是艾滋病携带者一般单位体检没有说检A </t>
  </si>
  <si>
    <t>一般私营,小型国企都不会检查的.也不会暗中检查的</t>
  </si>
  <si>
    <t xml:space="preserve">求一个存档那个修改器我用不好，我想要一个小护身符，属性是50%额 </t>
  </si>
  <si>
    <t>给~~~~~~~~你~~~~</t>
  </si>
  <si>
    <t xml:space="preserve">路由器平板电脑我之前因家里要用路由器，已经买了一个并在台式电脑上 </t>
  </si>
  <si>
    <t>按照路由器的设置说明重新设置一下，平板电脑网上邻居也设置一下就好了。</t>
  </si>
  <si>
    <t xml:space="preserve">MBA要考哪几门?该买什么书 </t>
  </si>
  <si>
    <t>MBA联考笔试的科目是：英语，3小时，满分100分。                      综合，3小时，满分100分。其中数学23道题70分，逻辑30道题60分，写作两篇作文70分选用的资料最好选官方指定的机械工业出版社的教材。然后再跟据自己的基础补充辅导资料。更多的信息请看：  ,或 ：81329209 MSN：52mba@   电话：010-80355011/80355848</t>
  </si>
  <si>
    <t xml:space="preserve">外挂又更新了吗?服务器又拥挤了!新浪拿出点办法来!我们相信你 </t>
  </si>
  <si>
    <t>是啊是啊。我每天也登不上，在晚上7点多的时候。这还怎么玩啊。这游戏</t>
  </si>
  <si>
    <t xml:space="preserve">7岁儿童患扁桃体肿大发炎要切除吗我侄子一岁左右患了扁桃体炎，后来 </t>
  </si>
  <si>
    <t>儿童扁桃体肿大提问时间：2006-5-29 11:35:30 女儿今年四十个月. 因扁桃体肿大导致睡眠呼吸困难.已经影响到她的身体发育.相比其它同龄孩子身材明显瘦小.请问何时为最佳摘除年龄.该去哪家 ?反复发作，可以考虑摘除，如下的知识，请您仔细阅读：小小的扁桃体就在我们的喉咙里面，如果对着光照一照，可以看到小小的两片，安静地待在咽喉要道。平时它很可能不引起我们注意，但我们却经常可以听到“扁桃腺炎”这类词汇，特别是寒冷的冬季，稍有不慎，小扁桃体就带给我们大痛苦了。这个麻烦的小东西有时会引起严重的喉咙肿痛，打鼾，睡觉易醒，或其他的不良反应。 　　扁桃体有什么作用？　　扁桃体是人体免疫系统的一个重要组成部分，扁桃体的位置及其特殊的组织结构，使它在孩子身上起了帮助整个免疫系统成长和刺激产生抗体的作用。具体的作用有以下几个方面： 　　·保护呼吸道和消化道，防止细菌侵入；　　·产生抵抗病菌传染的免疫体；　　·产生淋巴球，并将其输送到血液中。　　扁桃体为什么会发炎呢？　　扁桃体是人体的一个“天然屏障”，抵抗呼吸道疾病的“第一道防线”。一旦这道防线被攻破，反过来便给人体带来许多危害。如当孩子感冒、发烧的时候，扁桃体常常发炎，如果经常反复发炎，就会妨碍毒素从扁桃体排出，易成“病灶”。这种扁桃体“病灶”还可以引起许多全身性疾病，如风湿热、肾小球肾炎、风湿性心脏病、风湿性关节炎等疾病。　　扁桃体和增殖体有什么区别么　　扁桃体是嗓子两边略带桃色的、圆形突出的小东西，作用是阻挡和杀灭细菌，以免细菌经过气管侵入到肺里。当你的孩子伸平舌头说“啊”，或者打哈欠的时候，你就能看见它了。与扁桃体密切相关的另外一种腺体是增殖腺，它的构造与功能和扁桃体相类似。从喉咙的深处到鼻腔，淋巴腺发达的腺体就叫做增殖体，它只能通过一些特殊的仪器才能看见。　　扁桃体是如何带来疾病的呢？　　扁桃体有点像海绵，它有很多细小的小孔和裂纹。当遭到细菌和其他微生物侵袭时，它就会发炎、红肿。结果呢，就会导致扁桃腺炎或其他痛苦的疾病，如中耳炎和鼻窦炎。　　扁桃体和与之相近的增殖体是人体的免疫器官，每当我们生病的时候，它们都会肿大，起到免疫的作用。增大后逐渐变小这个过程，大约需要3~9个月的时间。有一些极端的案例，就是增殖体肥大而且进入了鼻腔，致使孩子只能用嘴呼吸。增殖体过于肥大还会使孩子说话时鼻音很重，也容易引起中耳感染，或往外压迫听力神经，导致听力下降或耳聋。同样，扁桃体肥大也会带来一些麻烦，比如吞咽困难。当扁桃体和增殖体都肥大的时候，就会引起睡觉时打鼾，睡觉易醒这些问题。　　扁桃腺炎和一般性的喉咙疼痛有什么区别呢？　　扁桃腺炎是一种喉咙痛感更为剧烈的疾病，是由很多种不同的病毒和细菌引起的。扁桃腺一旦发炎，喉咙就会红肿，咽口水都会感觉到疼痛，致使你的孩子可能都不敢吃东西了。如果让孩子的喉咙迎着光，就会清楚地发现他的扁桃体被白色、灰白或者微黄的东西所覆盖。扁桃腺炎的另外一些症状就是：高烧，耳朵疼，声音嘶哑，呼吸困难，身体疲惫，呕吐，嗓子两边淋巴肿胀。　　与此不同的是，一般性的喉咙疼痛是因为那些导致感冒和流感的病毒所引起的。这些病毒引起的喉咙感染一般都不会持续很长时间，也不会引起高烧。就像其他类型的病毒感染，可以不使用抗生素。唯一要做的就是等待，过了一段时间自然就会好了。如果几天过后病情仍然没有好转，或者还伴有发热的情况，那么无论什么原因引起的喉咙疼痛都需要找医生看一看了。另外，如果你的孩子拒绝进食、喝水，或者他总是流口水，那么你也必须带孩子去医院，请医生来看看是否因为扁桃腺炎症面积过大而使孩子几乎不能吞咽了。　　治疗扁桃腺炎最好的方法是什么？　　这全部取决于病毒或者细菌是否越来越强大。首先，医生会给孩子做检查，确定喉咙肿痛是否由细菌引起。如果是链球菌引起的，那么就需要使用抗生素。如果不是因为细菌感染而引起的，那么就很可能是因为病毒引起的，这种情况疗下，唯一的治疗方法就是尽量使孩子感觉舒适些，因为没有特效药可用。　　扁桃体有问题会导致孩子睡觉打呼噜吗？　　确实是这样。打呼噜是扁桃体和增殖体肥大的一个主要症状，如果不进行治疗，就会使孩子睡觉时出现障碍性的呼吸暂停。这种暂时的呼吸停止会使孩子睡觉时身体缺氧。那么，孩子的身体反应则是睡觉时反复醒，醒来后才开始呼吸，有时候是喘息，有时候是使劲擤鼻子再呼吸。毋庸质疑，身体处于这样的低氧水平，并且持续地由于呼吸不畅而醒来，肯定会使孩子很疲劳和脾气暴躁。事实上，一些孩子还被误诊为注意力不集中的好动症，因为它们之间有很多症状都很相似，比如，异常烦躁，好攻击，爱发脾气，精神涣散等等。　　那么，治疗孩子睡觉时呼吸暂停的方法是什么呢？应该就是扁桃体和增殖体的切除手术。不过，父母应该清楚地认识到并不是所有打呼噜的起因都有必要非常的警觉。据统计，大约10%的打呼噜通常是因感冒、过敏症或者其他常见病引起的。无论怎样，只要你听见你的孩子晚上呼吸声音很大，就该到医院检查一下他的扁桃体和增殖体。如果医生没有确诊，那么你可以建议医生给孩子做一个睡眠测试，看看是不是睡觉时呼吸暂停了。　　怎么样才能断定我孩子的扁桃体必须切除？　　通常这是一个很难做出的决定。当孩子的扁桃体和增殖体肥大足以影响孩子的呼吸和吞咽的时候，医生就会建议切除孩子的扁桃体。另外，如果孩子患有慢性咽炎、扁桃腺炎、中耳炎或者白血球过高症等类似疾病，抗生素显然不起任何作用，那么医生通常也是建议进行扁桃体切除手术的。一般在如下情况下应该切掉扁桃体：　　·每年都有超过5次的扁桃体发炎者；　　·扁桃炎合并其它疾病，如合并有风湿热、风湿性心脏病、风湿性关节炎或肾炎等疾病者；　　·有扁桃体周围脓肿病史者；　　·打呼噜、呼吸不畅的孩子；　　·只要是扁桃体发炎，并长有肿瘤，不管是良性肿瘤、囊性肿瘤、还是恶性肿瘤的患者，都必须做扁桃体切除手术。　　是否有不切除扁桃体的理由呢？　　肯定有。虽然扁桃体切除的手术被认可是非常安全的，但是像所有外科手术一样，它也有一定的危险性存在。因为手术需要局部或全身麻醉，麻醉本身也可能有一定的危险。而且，虽然切除扁桃体和增殖体的手术相对其他外科手术很简单和轻松，但是切除扁桃体将引起14天左右的喉咙疼痛，有时候疼痛的程度很严重，将让孩子难以忍受。　　哪些人不能切掉扁桃体呢？　　·当孩子的扁桃体炎正处于急性发作时；　　·大一些的女孩子在月经期前后；　　·凝血机制有问题、血小板减少、白血病等有血液病的孩子，是不宜切掉扁桃体的。　　·有并发症，像肾小球肾炎急性期时，在长期服用激素类药物期间、肝炎恢复期等，也是不能切掉扁桃体的。必须等到身体恢复正常的时候才能手术。　　扁桃体切除手术什么年龄合适做呢？手术痛不痛？需要多长时间？　　扁桃体切除术一般是没有什么年龄限制的，超过了一岁半就可以做了。现在我们采用无痛止血手术法，只要手术前消炎、口服止血药4天就可以了，手术几分钟就可以完成，采用全麻的方法，一点痛感都没有。前几天刚刚为一个8岁的女孩做了手术，她因扁桃体肥大，导致听力下降，睡不好觉，手术不到两分钟就完成了，3天内就恢复出院了。　　切除了扁桃体影响孩子唱歌、发声，手术会影响声带吗？会留下后遗症吗？　　发音的声带在喉部，而扁桃体在咽部，所以切掉扁桃体是完全不会损伤到声带的。而且，这只是个小型的手术，所以术后不会有任何后遗症。　　最后提醒父母们，扁桃体手术虽是一个小手术，由于扁桃体的特殊位置和功能，决定是否手术切除时应听取专科医生的建议，持慎重的态度。回答者：让一切ok - 学生 - 2006-6-2 10:41:09</t>
  </si>
  <si>
    <t>现在哪款手机的性价比比较高啊，只要求在700</t>
  </si>
  <si>
    <t>一千元左右的智能机是安卓的天下，而在这个价位性价比最高的又当属一些国产品牌，推荐如下机型：1、小米M1系列。其中最合适入手的是M1S青春版，1299元，享受到双核、4寸、1G RAM、双摄像头等完美配置，真可谓超值体验了。2、中兴U970。作为全球手机销量前五的厂商，经验不可谓不丰富。这款1400元的机型具有4.3寸、T2双核、1G RAM、双摄像头，势头丝毫不输小米。(还有比它便宜300元的U930可选，在屏幕材质方面略差了一些，其余配置都相同。)3、华为G330D，这款最近非常火的双卡双待手机，也拥有高通双核CPU、双摄像头，唯一美中不足的就是512的RAM。售价1100左右，性价比极高。4、诺基亚710，3.7英寸不大不小的屏幕，1.5GHz的CPU，这些都不算什么，最最吸引我们的当然是它的超流畅wp7.5的系统，在目前安卓横行的世界里，wp系统可谓独树一帜，值得一用。其余的千元较热门机型还有小辣椒双核（最便宜双核）、联想A750(双卡双模、价格低廉)等。</t>
  </si>
  <si>
    <t xml:space="preserve">急求：系统重启的问题系统xpsp2进入到桌面就重启，进入安全模式 </t>
  </si>
  <si>
    <t>从新装一遍系统盘</t>
  </si>
  <si>
    <t xml:space="preserve">今日进球彩的问题看似很简单，全包只要512元就肯定中了，但是大家 </t>
  </si>
  <si>
    <t>不知道 我知道进球 有三场延期了</t>
  </si>
  <si>
    <t xml:space="preserve">准妈妈都是长头发还是短头发再过两个月要生了要不要把头发剪短啊 </t>
  </si>
  <si>
    <t>还是短头发好，生孩子要流很多的汗，在医院洗头不方便，长发会很麻烦的。不知道是不是坐月子的时候老人照顾，死板的话，一个月不让洗头的。我一个同事就是这样的，一个月没洗头没洗澡，还是8月生的，难受得要命。</t>
  </si>
  <si>
    <t xml:space="preserve">45座车250元60座300元60座比45座多一辆花多少元 </t>
  </si>
  <si>
    <t>（1）解：设：租用45座 X 辆客车，则60座租用（x-1）辆。   45x=60（x-1）-15    x=5（2）5*250&gt;4*300 故：选60座车合适  设学生有X人  X/45=(X 15)/60  1           X/45=X/60 1/4 1           X/180=5/4             X=225租45座客车5辆，租金是1250元  单租60座的客车4是1200元 如果租3辆60座车是180人,用900元 剩下的租一个45座车 用250元 总计用1150元</t>
  </si>
  <si>
    <t xml:space="preserve">为什么夏天纹身容易感染啊？因为夏天去纹身，很多人说不合适，会感染 </t>
  </si>
  <si>
    <t>纹身时要刺破皮肤，夏天多汗，汗里有盐分，流入伤口后......伤口撒盐是什么情况你知道吧！而且刚纹身后有段时间不能洗澡，夏天的时候你受得了？再者夏天衣服穿得少，皮肤和外界接触得多，纹身处更容易接触到细菌，容易感染啦</t>
  </si>
  <si>
    <t xml:space="preserve">约翰不习惯这儿的新生活,所以打算搬走把它翻译成英文怎么说 </t>
  </si>
  <si>
    <t xml:space="preserve">John is not accustomed to the new life here so he plan to move. </t>
  </si>
  <si>
    <t xml:space="preserve">仙四中紫英怎么拿到五灵归宗这本书?我通了关也没拿到呀技能都没见过 </t>
  </si>
  <si>
    <t>那是个特技,效果是伤害反弹,并且用了这个技能后,才能使用后面两个特技.</t>
  </si>
  <si>
    <t xml:space="preserve">木地板可以不同色吗?如果通铺木地板,客卧可不可以选择两个颜色?我 </t>
  </si>
  <si>
    <t>这完全取决于个人爱好。多几个颜色好像还好点，用颜色区别不同的区域。使人不容易视觉疲劳。</t>
  </si>
  <si>
    <t xml:space="preserve">被放弃了怎么办?当我深深爱着一个女孩,她一直把我当作知心的朋友, </t>
  </si>
  <si>
    <t xml:space="preserve">    爱情这个东西是很难说明白的~！你在和她相处的开始阶段，你并不知道她有男朋友，那时你也是对她也并没有好感。可是中国有句古训：日久生情。不错的，当你和她渐渐的从陌路到熟识，你也发现自己的内心深处也已有了她的位置，怎么办？你可是觉得他很好，再后来发现自己真的爱上她了。可是，上天就是很会捉弄人，因为在这时你知道他有了男朋友。我相信，那时候你的心里一定很矛盾，因为你爱她，希望自己可以也拥有她的爱，可是你又想让她幸福，你会在抉择：是继续去爱她，还是去放弃。是的。每个人遇到这样的问题，都会迷茫。你说，在后来的相处中，你们都迷茫了，可是后来她找到了回去的路。不错，只要是一个有感情的女孩子，都会体会得到她身边人的爱，也许那时她真的很感动你的爱，可是她也早已有了爱的人，怎么办？那时，你把你想不明白的问题抛给了她，她会怎样，她的一定比你大。可是后来，她决定离开了你，这是她的选择，你得接受，也许她认为，这样她会幸福。就让你以前的爱化做对她幸福的祝福吧。你们还可能会是朋友，但永远也不会像以前的那样坦然了。但是要相信，有一种叫做时间的东西，会让你懂得，忘记的~希望你漫漫好起来。</t>
  </si>
  <si>
    <t xml:space="preserve">塔山并不是山，只是锦州与锦西之间一个有着百多户人家的村庄，称塔山? </t>
  </si>
  <si>
    <t>葫芦岛市连山区塔山乡塔山村</t>
  </si>
  <si>
    <t xml:space="preserve">有没有想要猫猫的啊？！急老公朋友家的母猫下了3只小猫，给出一只， </t>
  </si>
  <si>
    <t xml:space="preserve">    可与中国小动物保护协会联系，他们可收养小动物。他们的网址是： </t>
  </si>
  <si>
    <t xml:space="preserve">个人履历应该写些什么？个人简历中，有时候有个人履历，那是什么来的 </t>
  </si>
  <si>
    <t>履历是另外一种总结你工作经历的方式，它在欧洲得到广泛应用。在美国则用的很少，然而在美国的学术机构、部门、科学研究行业也采用履历这种方式。　　简历和履历的主要区别在于履历要比简历篇幅长，内容也要更详细。它还包括求学经历、教学研究经验、发表的文章、作过的演讲、获得的奖励和荣誉， 专业协会会员资格以及其他一些信息。　　简历则不同，它只有简短的两页设计，因此人们可以很快地读完它，从而有助于初次筛选应聘者。简历对于那些非国有产业的公司更为合适，它通常无需包括发表的文章和所从事的研究。　　和简历一样，在履历上也要填写你的名字，联系方式，学历，技能和工作经验。在这一基础上，履历还要包括所作过的研究和教学经验，发表的文章，获得的奖学金、参加的专业协会和获得的专业资格、奖励和其他一些与应聘职位相关的信息。　　制作履历的第一步就要列出一张关于你所有信息的单子，然后把它们分门别类。确保写出了所有发表过的文章的日期。　　一份履历起码要包括以下的部分和条目：　　姓名和联系方式 　　目标 　　教育背景 　　荣获的奖励、资格证书以及荣誉 　　工作经历，包括公司名字、日期、头衔以及职责 　　专业会员资格 　　发表的文章和作过的演讲 　　例如相关经验、曾被授予的认可、完成的项目和以上没有列出的近期或者正在从事的研究工作[编辑本段]填写中文履历要领：　　以下是履历表中须具备的项目，可作为社会新鲜人选用或设计履历表时的参考：　　1.基本资料：应包括姓名、年龄、性别、籍贯、通讯住址及联络电话，男性须注明兵役状况等。　　2.工作（社团）经验：一般刚踏出校园的社会新鲜人都没有正式的工作经验，因此可列举在学期间参与工读、班级活动或社团方面的经历，例如介绍工读性质、曾参与的社团、担任干部及举办活动等经验，以传达个人特质、志趣、合群性、领导能力、成熟度等，作为企业的参考指针。　　3.所学专长：包括所学相关或是个人兴趣的专长，尤其是要特别强调与应征工作相关的专长，以加深企业公司对你的观感与印象。　　4.语文能力：为顺应国际化的潮流，外语能力已成为一项必要的工作条件，尤其有意进入跨国或外商公司服务的人，具备良好的外语能力是不可或缺的。　　5.专业技能：除了学校所学的专业科目之外，对于曾参加校外的训练课程，特别是与应征工作相关者，都要加以登录，让企业了解个人相关工作技能，并予人上进的良好印象。　　6.希望待遇：若是对自己能力深具信心时，不妨写下希望待遇；一般皆以保留的态度，填写「依公司规定办理」或者企业与个人可接受的弹性额度。　　7.整体设计：如果个人懂得使用多媒体绘图设计程序（如Photoshop、Photoimpact），倒也可以自行设计履历表的版面，除可加深印象外，亦可展现在计算机绘图上的功力。只是在设计时，应避免让整体版面过于复杂、花俏。</t>
  </si>
  <si>
    <t xml:space="preserve">新浪还有人在吗？如果还有人在的话麻烦发个公告到底什么时候才能开如 </t>
  </si>
  <si>
    <t>估计没人了</t>
  </si>
  <si>
    <t xml:space="preserve">急急急哪,请教大师.我是3.17的YJ,周期一般32天以上,3. </t>
  </si>
  <si>
    <t>你安排的AA有些早，测得一条线时不用急着AA，测出强阳时再AA也不晚，你今天才测出强阳，但昨天的AA可以用上，今天不用AA了，让老公恢复一下，明晚安排AA，祝你好孕</t>
  </si>
  <si>
    <t xml:space="preserve">平遥古城是后来修建的吗还是就是古代的那种古城，怎么游玩呀，谁能推 </t>
  </si>
  <si>
    <t xml:space="preserve">不是。平遥古城位于山西北部，是一座具有2700多年历史的名城，与同为第二批国家历史文化名城的四川阆中、云南丽江、安徽歙县并称为“保存最为完好的四大古城”，也是目前我国唯一以整座古城申报世界文化遗产获得成功的古县城。  沧桑的古城平遥古城的交通脉络由纵横交错的四大街、八小街、七十二条蚰蜒巷构成。 南大街为平遥古城的中轴线，北起东、西大街衔接处，南到大东门（迎熏门），以古市楼贯穿南北，街道两旁，老字号与传统名店铺林立，是最为繁盛的传统商业街，清朝时期南大街控制着全国百分之五十以上的金融机构。被誉为中国的“华尔街”。 西大街，西起下西门（凤仪门）、东和南大街北端相交，与东大街呈一条笔直贯通的主街。著名的中国第一家票号——日升昌，就诞生于古城西大街，被誉为“大清金融第一街”。日升昌票号创建于道光四年(公元1824年)，遗址占地2324平方米，用地紧凑，功能分明。百年沧桑，业绩辉煌，执全国金融之牛耳，开中国民族银行业之先河，并一度操纵十九世纪整个清王朝的经济命脉。其分号遍布全国30余个城市、商埠重镇，远及欧美、东南亚等国，以“汇通天下”著称于世。日升昌票号创立后，先后有介休、太谷、祁县相竞效仿。东大街，东起下东门（亲翰门）、西和南大街北端相交，与西大街呈一条笔直贯通的主街。北大街，北起北门（拱极门）、南通西大街中部。 八小街和七十二条蚰蜒巷，名称各有由来，有的得名于附近的建筑或醒目标志，例如衙门街、书院街、校场巷、贺兰桥巷、旗杆街、三眼井街、照壁南街、小察院巷等；有的得名于祠庙，例如文庙街、城隍庙街、罗汉庙街、火神庙街、关帝庙街、真武庙街、五道庙街等；有的得名于当地的大户，例如赵举人街、雷家院街、宋梦槐巷、阎家巷、冀家巷、郭家巷、范家街、邵家巷、马家巷等；古城东北角有一座相对封闭的城中之城，类似于古代城市中的坊，附近的四条街道也就被命名为东壁景堡、中壁景堡、西壁景堡和堡外街；还有一些街巷则已经无法探究名称来历了，例如仁义街、甜水巷、豆芽街 、葫芦肚巷等。平遥古城民居，为砖墙瓦顶的木结构四合院为主，布局严谨，左右对称，尊卑有序。大家族则修建二进、三进院落甚至更大的院群，院落之间多用装饰华丽的垂花门分隔。民居院内大多装饰精美，进门通常建有砖雕照壁，檐下梁枋有木雕雀替，柱础、门柱、石鼓多用石雕装饰。 </t>
  </si>
  <si>
    <t xml:space="preserve">怎么恋爱我活了18年了，到现在还没谈过一次恋爱啊，别的朋友都谈过 </t>
  </si>
  <si>
    <t>顺其自然 就好了 等爱情来到的时候 想挡都挡不住  爱情不该来到时 强求 也不会有什么好结果  一切随遇而安</t>
  </si>
  <si>
    <t xml:space="preserve">追女孩的技巧我喜欢一个女孩怎么可以追到啊 </t>
  </si>
  <si>
    <t>就这女孩  我整整追了她5年   追女孩要有耐心~~！！</t>
  </si>
  <si>
    <t xml:space="preserve">很多人搞数学，都失败了，为什么？我是学数学的，想考研，可有同学跟 </t>
  </si>
  <si>
    <t>我从小对有浓厚的兴趣，在1960年读大学时，也有类似的困惑。后来才逐渐觉悟到，数学工作者不一定也不可能都成会数学大师的。并不是做大的数学课题、解决世界难题，或者接大项目、赚大钱才算是数学工作者的成功。社会对数学工作者的需求是多方面的，搞基础数学研究是其中一个极小的方面。即使搞基础数学研究，失败与成功也都是相对的。陈景润一辈子搞了哥德巴赫猜想研究，只跨出了【1+2】的一小步，距离最后的【1+1】还是遥远得很，而且他的方法对于解决【1+1】根本没有用，你能说陈景润是一个失败者吗？世界上能得诺贝尔奖，菲尔茨奖果然是很成功，但毕竟是少数。不是搞基础数学研究才算是数学工作者的对口正业。大量的数学教师岗位的需求，是数学工作者大有作为的广阔天地。作为一个数学教师的我，要说的是——当一个小学数学老师也是人类事业之“神舟火箭”上一个不可或缺的部件”。另一方面，也确实如你所言，搞基础数学研究除了努力与天赋外还需要有好的导师。好的导师不仅会授以知识，还会教你找到课题与解决方法，使你受益终生。你要考数学研究生，我坦率地跟你说两点：①根本没有必要去读那些“没有名师，甚至连博士点也没有”的数学系的硕士；②“基础数学”的突破口确实不多，最好读“应用数学”，甚至选一个“数学的应用”（本人杜撰）领域，例如经济、金融、工程……</t>
  </si>
  <si>
    <t xml:space="preserve">地藏经：若有众生，出佛身血，毁谤三宝，不敬尊经，亦当堕于无间地狱? </t>
  </si>
  <si>
    <t xml:space="preserve">  心怀惭愧，肯于发露忏悔，就容易得清净。勤恳念佛拜佛，读诵经典，净化烦恼，以后注意避免再犯，并随缘随力劝化他人恭敬三宝、远离邪淫，罪业就能很快清净。《增壹阿含经》说：“设有作重罪，悔过更不犯，此人应禁戒，拔其罪根原。”（卷第五）《佛说未曾有因缘经》说：“前心作恶，如云覆月。后心起善，如炬消暗。”</t>
  </si>
  <si>
    <t xml:space="preserve">关于男人不喝酒，我该怎么办？（请成熟人士回答）近日交一男友，本来 </t>
  </si>
  <si>
    <t>我是一个不抽烟也不喝酒的男人，虽然我喝酒过敏，但是女友要求或者丈母娘要求的情况下，我还是可以少喝的～你的男友的表现，应该属于让人失望型男人·冷静是他的天性～～</t>
  </si>
  <si>
    <t>一个语文语病问题“2005</t>
  </si>
  <si>
    <t>只能是第一个对。第二个中间少一个年，没法判断是和上面的“学”连成词，还是和后面的“度”连成词，是个错误。大会和会是形容会议的规模，这个只能根据具体情况决定应该选择哪个，不能说对错了。。</t>
  </si>
  <si>
    <t xml:space="preserve">听说西部荒野有一个任务我同学说西部荒野有个任务是去打鱼人,有3个 </t>
  </si>
  <si>
    <t>在大地图最左下角，匕首岭的左边，有个灯塔，接任务的人在灯塔下面，3个任务都是在那人接的</t>
  </si>
  <si>
    <t xml:space="preserve">谁可以借我一个账号！很想玩魔兽世界，可是自己的已经没点了，谁可以 </t>
  </si>
  <si>
    <t>楼上的大哥说话太幽默了~~~~~~~~~~</t>
  </si>
  <si>
    <t xml:space="preserve">国际五大信用卡品牌 </t>
  </si>
  <si>
    <t>1、 大来卡(Diners Club)　　大来卡于1950年由创业者Frank M C Mamaca创办，是第一张塑料付款卡，最终发展成为一个国际通用的信用卡。1981年美国最大的零售银行----花旗银行的控股公司----花旗公司接受了Diners Club Intenational卡。大来卡公司的主要优势在于它在尚未被开发的地区增加其销售额，并且巩固该公司在信用卡市场中所保持的强有力的位置。该公司通过大来现金兑换与ATM网络之间所形成互惠协议，从而集中加强了其在国际间市场上的地位。2、万事达卡（MasterCard）　　万事达国际组织于50年代末至60年代初期创立了一种国际通行的信用卡体系，旋即风行世界。1966年，组成了一个银行卡协会（Interbank　Cand Association）的组织，1969年银行卡协会购下了Master Charge的专利权，统一了各发卡行的信用卡名称和式样设计。随后十年，将Master Charge原名改名Master Card。万事达卡国际组织是一个包罗世界各地财经机构的非牟利协会组织，其会员包括商业银行、储蓄与贷款协会，以及信贷合作社。其基本目标始终不渝：沟通国内及国外会员之间的银行卡资料交流，并方便发行机构不论规模大小，也可进军银行卡及旅行支票市场，谋求发展。万事达卡已是全球家喻户晓的名字，不过，三十年前它仅是一张美国境内的国内卡，它的知名在于万事达卡国际组织一直本着服务持卡人的信念，提供持卡人最新、最完整的支付服务，因而受到全世界持卡人的认同。3、维萨卡（VISA）　　 Visa是全球最富盛名的支付品牌之一，Visa与世界各地的Visa特约商户、ATM以及会员金融机构携手合作，致力使这个梦想成真。　　Visa全球电子支付网络－VisaNet－是世界上覆盖面最广、功能最强和最先进的消费支付处理系统，不断履行使您的Visa卡通行全球的承诺。目前，全世界有超过2,000万个特约商户接受Visa卡，还有超过84万个ATM遍布世界各地。因此，Visa的全球网络让您不论身在何处，都能方便地使用Visa卡。 　　Visa国际组织本身并不直接发卡。在亚太区，Visa国际组织有超过 700个会员金融机构发行各种Visa支付工具，包括信用卡、借记卡、公司卡、商务卡及采购卡。这些产品都能让您在消费时倍感安全、便利和可靠。　　Visa分别于1993年和1996年在北京和上海成立代表处。Visa在国内拥有包括银联在内的17家中资会员金融机构和5家外资会员银行。截止至2003年6月底，Visa在中国大陆发行的Visa国际卡近86万张，自动柜员机达10,000台，Visa在中国大陆国际支付品牌中的市场份额为74%。4、JCB（Japan Credit Bureau）　　1961年，JCB作为日本第一个专门的信用卡公司宣告成立。此后，它一直以最大公司的姿态发展至今，它是代表日本的名副其实的信用卡公司。在亚洲地区，其商标是独一无二的。其业务范围遍及世界各地100多个国家和地区。JCB信用卡的种类成为世界之最，达5000多种。JCB的国际战略主要瞄准了工作、生活在国外的日本实业家和女性。为确立国际地位，JCB也对日本、美国和欧洲等商户实现优先服务计划，使其包括在JCB持卡人的特殊旅游指南中。空前的优质服务是JCB成功的奥秘。5、运通卡　　自1958年发行第一张运通卡以来，迄今为止运通已在68个国家和地区以49种货币发行了运通卡，构建了全球最大的自成体系的特约商户网络，并拥有超过6000万名的优质持卡人群体。成立于1850年的运通公司，最初的业务是提供快递服务。随着业务的不断发展，运通于1891年率先推出旅行支票，主要面向经常旅行的高端客户。可以说，运通服务于高端客户的历史长达百年，积累了丰富的服务经验和庞大的优质客户群体。    　1958年，美国运通推出第一张签账卡。凭借着百年老店的信誉和世界知名的品牌，当时红极一时的猫王成为第一批持卡人之一，很多经常旅行的生意人成为美国运通卡这一新兴产品的积极申请者。在美国运通卡开业时，签约入网的商户便超过了17 000多个，特别是美国旅馆联盟的15万卡户和4500个成员旅馆的加入，标志着银行卡终于被美国的主流商界所接受。    　1966年运通发行了第一张金卡，以满足逐渐成熟的消费者的更高需求。　　1984年，运通在全球率先发行第一张白金卡， 该卡只为获邀特选的会员而设，不接受外部申请。 除积分计划和无忧消费主义以外，持卡人可享受周全的旅游服务优惠和休闲生活优惠，专人24小时的白金卡服务为会员妥善安排各项生活大小事宜。　　1999年，运通精选白金卡持卡人中的顶级客户，为他们发行了百夫长卡（Centurion Card）。持有这种美国运通最高级的卡产品，可以自由进入全球主要城市的顶级会所，可以享有全球独一无二的顶级个人服务及品味超卓的尊享优惠，包括全能私人助理、专享非凡旅游优惠、休闲生活优惠、银行服务专员提供的银行及投资服务和24小时周全支持等。白金卡和百夫长卡使得运通成为尊贵卡的代言人。　　美国运通公司凭借百余年的服务品质和不断创新的经营理念，保持着自己"富人卡"的形象。   　 过去运通一直走独立发卡之路，从1996年才开始向其他金融和发卡机构开放网络，1997年成立环球网络服务部（GNS），允许合作伙伴发行美国运通卡，利用运通网络带动合作伙伴的业务增长，强化竞争优势，增加边际利润，提高业务整合管理能力。至今GNS已与全球90多个国家的80个合作伙伴建立了战略合作伙伴关系。在亚太区的17个国家拥有28个合作伙伴，包括中国工商银行、中国台湾的台新银行、中国香港的大新银行、新加坡发展银行、新西兰银行、国立澳大利亚银行等。</t>
  </si>
  <si>
    <t xml:space="preserve">身份证改名字我身份证名字改了以后，银行卡需要去银行改吗？ </t>
  </si>
  <si>
    <t>你的身份证名字改了,是什么原因?如果是从派出所改的,那派出所应该给你出具一个证明,如果是单位原来给你开工资写错了,那得由单位出具证明.你本人持身份证、证明和银行卡或者是存折到银行进行更正。如果帐户可以不保留，你也可以销户或销卡，重新办理。你一定要修改，否则将来挂失或者出现其他什么问题都很麻烦的。</t>
  </si>
  <si>
    <t xml:space="preserve">请问破坏之石在哪里修理的? </t>
  </si>
  <si>
    <t>这个不能修理啊。</t>
  </si>
  <si>
    <t xml:space="preserve">绿色物流是什么？包括哪些服务范围？ </t>
  </si>
  <si>
    <t>绿色物流是指在物流过程中抑制物流对环境造成危害的同时，实现对物流环境的净化，使物流资源得到最充分利用。它包括物流作业环节和物流管理全过程的绿色化。从物流作业环节来看，包括绿色运输、绿色包装、绿色流通加工等。从物流管理过程来看，主要是从环境保护和节约资源的目标出发，改进物流体系，既要考虑正向物流环节的绿色化，又要考虑供应链上的逆向物流体系的绿色化。绿色物流的最终目标是可持续性发展，实现该目标的准则是经济利益、社会利益和环境利益的统一。</t>
  </si>
  <si>
    <t xml:space="preserve">高难问题之法衣法帽？我是玩日服天堂的最近改完版之后不知道法衣法帽 </t>
  </si>
  <si>
    <t>自己作的的</t>
  </si>
  <si>
    <t xml:space="preserve">眼肌麻痹治疗方法有哪些都是什么？ </t>
  </si>
  <si>
    <t>眼肌麻痹包括眼内肌麻痹和眼外肌麻痹。眼内肌即睫状肌，具有调节作用，如果眼内肌麻痹，看东西就不清楚。眼外肌有使眼球无拘无束转动的作用，附于眼球壁上的6条肌肉受动眼(第Ⅱ)、滑车(第Ⅳ)以及外展(第Ⅵ)3对颅神经支配。引起眼外肌麻痹的原因是脑或眼球周围的疾病，如炎症、血管病变、外伤、中毒、肿瘤等，当这些病因损伤动眼、滑车、外展3对眼球肌肉的运动神经时，就会发生眼肌麻痹，而致眼球运动障碍及瞳孔散缩功能异常，出现斜视和复视。根据上述分析，确诊这个一般需要根据临床症状以及做一些神经的相关检查。最好的治疗是在得病的3个月之内用针灸治疗，辅助中药治疗，当然有一些恢复神经的西药也不错的。你现在已过了半年如果没有一点好转的话可以手术治疗的，有一些疗效的话可以依然试一试针灸和中药，也许有些帮助。眼肌麻痹最好的治疗是在得病的3个月之内用针灸治疗，辅助中药治疗，当然有一些恢复神经的西药也不错的。你现在已过了半年如果没有一点好转的话可以手术治疗的，有一些疗效的话可以依然试一试针灸和中药，也许有些帮助。这种情况目前没有什么特效疗法,主要是去除外伤因素,防止继续压迫眼外肌,解除眼外肌或者其支配神经的麻痹;其次运用神经和肌肉营养剂,眼部热敷理疗等,促经神经肌肉功能的逐渐恢复.</t>
  </si>
  <si>
    <t xml:space="preserve">关于无限箭桶无限箭桶是干什么用的,怎么用 </t>
  </si>
  <si>
    <t>我来回答,,因为我买了一个.在现实24小时后,点击一次.会随机获得箭..银箭4000根..也会随机获得米箭或是奥里哈鲁根之箭..但是.机率很小.我点了十次.都只得银箭</t>
  </si>
  <si>
    <t xml:space="preserve">为什么总是提示我的博客地址不存在？ </t>
  </si>
  <si>
    <t>你输错地址了吧？</t>
  </si>
  <si>
    <t xml:space="preserve">人教版高中英语单词mp3 </t>
  </si>
  <si>
    <t xml:space="preserve">在这个网站上可以下载到各种教材的单词，从小学到高中，当然包括新人教版的。都是zip的压缩文件。   </t>
  </si>
  <si>
    <t xml:space="preserve">算命中三刑是什么意思 </t>
  </si>
  <si>
    <t>　　“用”即用神，是指八字中所需要的?|西，通常是指某一???五行，但?分可能??治鑫逍械年??、位置等等，例如有些八字需要?水，不需要?水。“用神”的概念其??是很多?哟蔚模?r?垂τ??分，有?r?醇夹g????分。籠統?碚f，基本就是上述概念，“需要的?|西”。注意：“需要”和“缺”是有差?e的，缺什麼未必就需要什麼。　　三刑可能很多可能，?乎刑在什麼?m位、刑在什麼五行、是原局刑?是?q運刑。至於它代表什麼，就說不准，可能影?性格、可能影?感情、也可能影??運等等，具體情?r具體分析。但一般三刑通常都不?鞘颤N好事，這是基本可以明確的。　　大致如此。</t>
  </si>
  <si>
    <t xml:space="preserve">英超和意甲5场打完还有活着的么？？？ </t>
  </si>
  <si>
    <t>百分之90估计是挂了！</t>
  </si>
  <si>
    <t xml:space="preserve">月球是行星吗? </t>
  </si>
  <si>
    <t>美国著名地球爱拜塞尔在《地球》一书中提出：“近代太阳系形成学说确认月球是个正统的行星。实际上地球和月球是一个双星系统的关系，而绝不是从属于地球的母子关系。”他的证据是：（1）在形成年代上，月球略早于地球；（2）地、月的直径比和质量比相差不多，卫星与主体行星之间这样大的比值在太阳系中“只此一家”；（3）地球属于类地行星，而类地行星除地球和火星以外，其他的都无卫星；（4）月球并没有绕着地球旋转，而是伴着地球对转。在太阳系中，其他行星的公转轨道都是比较光滑的图形，唯有地球的公转轨道是波浪般的图形。月球行星论产生了一定的反响。一些天文学家对此持有异议，我国紫金山天文台刘炎认为，这个结论过于武断了。他认为，月球形成的年代是否早于地球至今尚无定论，而且即使我们承认月球的“年岁”高于地球，也不能就由此推论月球不是地球的卫星了。因为关于卫星和中心行星的“年岁”是一种历史上的月地关系，而月球是否是地球的卫星，却是一个卫星的概念和定义的问题，是一种现实的月地关系。月球的质量虽大，但还是在其作为地球卫星所应有质量的合理范围之内；而月球相伴地球“对转”、地球轨道“波浪形”起伏，也完全符合力学规律，月球在它漫长的演化史上很可能曾经是一颗行星，但它现在确确实实是一颗卫星。正像科学家所说的那样，宇宙间只有未被认识的事物，而绝没有不可认识的事物。随着人们在实践中认识的不断深化，月球是怎样产生的，月球是行星还是卫星这些问题，一定会弄清楚的。</t>
  </si>
  <si>
    <t xml:space="preserve">若定值电阻R与变阻器串联在电路中，电源电压恒定不变，R=2欧，当? </t>
  </si>
  <si>
    <t>四个选项全是错的，答案如图：</t>
  </si>
  <si>
    <t xml:space="preserve">高二物理：交变电流Q1老师说：平面线圈在匀强磁场中绕垂直于磁感线 </t>
  </si>
  <si>
    <t>　　不是匀速的转动，不是匀强磁场中，也能产生交变电流，但不是正弦交流电。这时就没有固定的频率和正弦波形。　　线圈平面与磁感应强度的夹角决定了交流电流的振幅(磁通量变化的最大值)。线圈转过的角度多小决定了交流电流的瞬时值的大小。</t>
  </si>
  <si>
    <t xml:space="preserve">购买七田真的书有谁知道那里买的有七田真写的《新版速读训练套装》、 </t>
  </si>
  <si>
    <t xml:space="preserve"> 你上去找找 </t>
  </si>
  <si>
    <t xml:space="preserve">剖腹产后多久可以练习瑜伽?我的宝宝有两个多月了,天天在家带孩子, </t>
  </si>
  <si>
    <t>可以练习瑜伽，慢慢增加量，不要过度疲劳。剖腹产分娩后两个月内:不要负重：现在宝宝是年轻母亲时候中的一切。这个时候，不要提举任何比自己的宝宝更重的东西，而随着宝宝在一天天地长高、增重，妈妈的力量也在逐渐增强。分娩两个月左右可以尝试走楼梯了，一天之中上、下一层楼足够了，刚开始的时候甚至要比这个运动量还要小。不要自己开车：在产后的头两、三个星期不要自己开车。踩离合器、刹车和油门此时对新妈妈来说还是一件费劲的事情，在遇到紧急情况的时候，很可能不能作出迅速的反应。锻炼：可以开始做一些运动骨盆的体操了，这是非常简单但效果很好的练习：妈妈们先尝试收缩阴道的肌肉，然后尝试着上提阴道，数到第十下的时候，再放松。剖腹产后的心理恢复剖腹产后身体的恢复因人而异，除了身体上的伤口之外，心灵上也有创伤。女性在剖腹产需要度过五个阶段，才会最终复原。1、很多原本想自己生的妈妈在接受了手术后，很难接受这个事实。手术后过了一个小时后，很多女性才开始接受剖腹产这个事实，是命运的安排。2、在生产后的第一个星期里，这种感觉渐渐地消失了，取而代之的是失望的情绪。很多女性没有亲身经历孩子被娩出的过程，感到很遗憾。通常，很多剖腹产的妈妈很难进入母亲的角色。3、第三个阶段从生产后的第八个星期开始。许多女性把与宝宝相处时，做得不够完美的原因都归结于是剖腹产惹的祸。在这个阶段，年轻的妈妈们经常梦到分娩的过程，这种情况并不少见，而这些梦境有助于使她们重新理解自己的生产过程。4、到了第四个阶段，与其他有类似分娩经历的女性相接触非常重要。有的时候，通过剖腹产分娩的女性需要几个月的时间才愿意与同样是剖腹产生孩子的母亲说话。当她们发现有很多类似的经历的时候，不再感到孤独，从而心情得到了极大的放松。5、第五个阶段，分娩的痛苦经历被渐渐淡忘，能够客观地对待剖腹产了</t>
  </si>
  <si>
    <t xml:space="preserve">东北三区到底什么时候能维护好？？都8点半了快。。今天能不能好了？ </t>
  </si>
  <si>
    <t>留意官方公告。。。</t>
  </si>
  <si>
    <t xml:space="preserve">为什么我装完光线飞车就出现死机呢??各位大哥帮帮小弟的忙!!为什 </t>
  </si>
  <si>
    <t>哥们,区驱动之家下载个最新的显卡驱动,我开始也是这样的问题,我换了驱动就可以了!~~~~</t>
  </si>
  <si>
    <t xml:space="preserve">怎样知道天文望远镜的好坏 </t>
  </si>
  <si>
    <t>天文望远镜的好坏和倍数没有关系，反射和折射各有各的好处，反射的口径可以做的比较大，但价格相对于折射价格比较便宜，不过反射的有相差，折射的成像锐利不过有色差。但也有消色差，不过价格很贵。天文望远镜的好坏最主要看口径的大小，镜片光学的好坏，以及附件配置如何。</t>
  </si>
  <si>
    <t xml:space="preserve">e科士威和安利有什么区别？ </t>
  </si>
  <si>
    <t>答：第一：制度上：E科士威是消费型的制度，可以永远做团队不担心削价、囤货，并且压力很小，部门无限代不脱离。（真正意义上的团队运作，真正是人帮人的事业）安利是太阳线，容易压货削价，目前已经很严重了。（现在随便在网上一搜索，就有大批大批3折安利在卖，这对从事安利的朋友来说也是非常大的打击，所以是进去一批就死掉一批，根本就做不到什么团队的倍增）这也是由于安利级别的客观存在的。第二：产品上：E科士威真正是产品多元化，并且价格上真正是物美价廉，跟超市比较都便宜，把直销高价现象拉开一大截、产品品质非常好，价格也非常便宜！谁都可以消费得起所以市场愁没销路。第三：营销模式上：E科士威是互惠营销，除了代理任何一个国家的名优产品外，还可以联会商家，银行合作，让消费的地方都有可能成为我们业绩的来源。安利几十年来一直坚持自产自销产品又很单一第四：运作方式       E科士威是真正的电子商务结合人性化的制度，但是不需要囤货销售，只需要推崇网站与店铺！</t>
  </si>
  <si>
    <t xml:space="preserve">在注塑模具成型里有一门专业的模塑叫反响注射模塑（反应注射成型工艺? </t>
  </si>
  <si>
    <t>反应注射成型工艺，简称 RIM。成型过程中有化学反应的一种注射成型方法，这种方法所用原料不是聚合物，而是将两种或两种以上液态单体或预聚物，以一定比例分别加到混合头中，在加压下混合均匀，立即注射到闭合模具中，在模具内聚合固化,定型成制品（图1[反应注射成型]）。由于所用原料是液体，用较小压力即能快速充满模腔，所以降低了合模力和模具造价，特别适用于生产大面积制件。 反响注射模塑就是这种工艺使用的模具。</t>
  </si>
  <si>
    <t xml:space="preserve">飚车世界阿瑞斯配置问题配置1:AEX2七件套+A34涡轮,SP1 </t>
  </si>
  <si>
    <t>跑城市用EX2绝对没有错的  但是不是AEX2车身 就是EX2车身 所有车辆通用车身  山路竞标-105的绝对没有错的 前期加速爆发力强 后期不行 但是 EX2车身现在1500万   -105的才200-350万 自己根据情况而定</t>
  </si>
  <si>
    <t xml:space="preserve">攻宠的选择改不太喜欢　因为不喜欢ＴＬ的小脑袋＋大屁股　我喜欢骷髅 </t>
  </si>
  <si>
    <t>想养不死系的攻宠,就现在来看只有改僵..PK也就这个能拿的出手斩首也因为敏太慢,没多少人拿来PKKL的话,不加魔,基本摸不到人,所以不建议练PK的宠如果只考虑不死系的话,那没有建议了如果是其他的话野兽系的改狗攻不错,但是价格基本在300W开外,才算好的可练,不适合PK人型系的红帽很不错..掉1魔的基本80W都有的买,打人满痛的如果说任务的话,改鲨不错,加攻的改鲨做任务会比TL好用..价格看区了.好的50W以上吧大扁蝠也是不错的选择,且便宜,满的80W都有看见卖的</t>
  </si>
  <si>
    <t xml:space="preserve">excel阿拉伯数字转换在execel中能否用一些方法（不用查找 </t>
  </si>
  <si>
    <t xml:space="preserve">看图，“待换”、“欲换字”手工输入，“自动换好”自动出结果。主要公式下面列出了，可以直接COPY--下拉出所有的。←  =LEFT(A2,FIND("1",A2)-1)&amp;B2&amp;MID(A2,FIND("1",A2)+1,2)          ←  =LEFT(A3,FIND("1",A3)-1)&amp;B3&amp;MID(A3,FIND("1",A3)+1,2)          ←  ......          ←  ......          ←  ......          ←  =LEFT(A7,FIND("1",A7)-1)&amp;B7&amp;MID(A7,FIND("1",A7)+1,2)          </t>
  </si>
  <si>
    <t xml:space="preserve">信息经济和网络经济有什么关联，区别？ </t>
  </si>
  <si>
    <t>都是先进的经济交易技术</t>
  </si>
  <si>
    <t xml:space="preserve">OCR软件,哪个最好用?请哪位推荐一个。 </t>
  </si>
  <si>
    <t>RosettaStone我用过还是还是不错的。</t>
  </si>
  <si>
    <t xml:space="preserve">性话题是否是越兴奋，达到思想跟身体都比较的满足和舒服的情况下，射 </t>
  </si>
  <si>
    <t>应该说是快感越强烈，精液量的多少与平时的蓄积有直接的关系，即性生活的频率，蓄积量大，快感就会强烈些，你的体验就不同，这和水位越高，冲击力越大有些类似。再有，就是心理上的感觉适应，新鲜的刺激有利于快感的激发，把性生活时间间隔延长，同时坚持每天运动，保持良好的体力，这些都有助于提高快感。</t>
  </si>
  <si>
    <t xml:space="preserve">我的宝宝怎么回事我的宝宝现在8个月了昨天吃了钙之源以后就不怎么吃 </t>
  </si>
  <si>
    <t>你说的钙之源是瓶装的液体之类的吗？如果是，先停停吧，多带孩子到户外活动活动，屋里要通风透气，多接触阳光，这样他活动了也能多吃东西，睡眠也会很好的。试试吧！</t>
  </si>
  <si>
    <t xml:space="preserve">有机质对土壤肥力有什么影响 </t>
  </si>
  <si>
    <t>有机质会发酵腐烂,对土壤肥力有增强并效果显著!</t>
  </si>
  <si>
    <t xml:space="preserve">请问合工大微电子学怎么样呵? </t>
  </si>
  <si>
    <t>我就是工大微电子在读生工大微电子以前是很不错的但是现在有点退步不过工大有自己的微电子研究所微电子公司而且还有从美国归来的高明伦教授坐镇相信这几年还会有较大的发展有关资料你可以去网络上查下工大的微电子研究所还是有点名气的</t>
  </si>
  <si>
    <t xml:space="preserve">吉祥天挂机问题？？？？今天上午开始就一直连不上服务器，怎么回事啊 </t>
  </si>
  <si>
    <t>你没有下载新版本吧？旧的用不了了~</t>
  </si>
  <si>
    <t xml:space="preserve">六个月宝宝一睡觉就哼哼我家宝宝六个月了，最近一段时间总是晚上睡不 </t>
  </si>
  <si>
    <t xml:space="preserve">我妹妹儿子已经8个多月了，可是到现在晚上还睡不了一个整觉，上半夜往往40分钟醒一次，下半夜也基本1～2个小时醒一次，醒来有时要吃奶，有时闹着要抱，然后才能再次入睡。 宝宝是吃母乳的，每晚吃奶2～3次，我想请问频繁醒来是不是与晚上吃奶有关?还是有其他原因?如何纠正这个坏习惯呢? 专家解答：这个阶段的婴儿反复哭闹是很常见的，除了特定时期的神经发育的表现外，某些家长没有在早期让宝宝养成良好的作息习惯也是个原因。 如果宝宝睡前没有喂哺充足的奶量，半夜饥饿的话肯定会哭吵。 同时，由于这个阶段的宝宝生长过快，微量元素未得到及时补充，会产生缺钙现象，宝宝缺钙除了哭闹外，夜间盗汗、枕秃等现象都会出现。如有这种情况，可以喝一些生命阳光牛初乳，或及时补充钙粉和鱼肝油，并且多晒太阳，睡前避免给宝宝不恰当的刺激。 </t>
  </si>
  <si>
    <t xml:space="preserve">上海有哪些地方好玩？刚考完试好无聊哦有什么有意思的地方吗最好具体 </t>
  </si>
  <si>
    <t>1.新天地2.上海科技馆3.钱柜KTV4.上海海洋公园5.网吧6.卢湾溜冰场.......</t>
  </si>
  <si>
    <t xml:space="preserve">键盘进水了怎么办？ </t>
  </si>
  <si>
    <t>用螺丝刀拆开来，零件都散开来凉，顺便清理一下。</t>
  </si>
  <si>
    <t xml:space="preserve">+什么换?我想用双14改装+?换双14阻击 </t>
  </si>
  <si>
    <t>双14改装才值：45J+？=狙击200J..自己去算.什么东东值155~160J</t>
  </si>
  <si>
    <t xml:space="preserve">苹果ibookg4ibookg4可以用的QQ有哪些版本。目前最好 </t>
  </si>
  <si>
    <t xml:space="preserve">就现在的情况看来，是不能使用非原版的qq了，目前qq没有出mac版本，也就是说不能用了。实在抱歉。腾讯封杀所有Linux/Mac版  下午 06:55昨日，腾讯公司在其网站发布了一篇《关于终止使用存在安全漏洞的版本的公告》，内容主要讲因其已经对QQ之前存在的一些安全漏洞进行了升级，因此决定停止存在漏洞的QQ版本的使用，希望用户去下载最新版本QQ。乍一看来，该公告就是普通的版本升级，淘汰旧版本而已，国内这种软件强制升级大家已经不是第一次见到了。但事情看来要严重的多，今天许多使用Linux或者苹果Mac操作系统的用户发现他们的QQ客户端无法登陆了。因为腾讯并没有开发这些版本操作系统的QQ，因此这些平台上都是由第三方开发的QQ协议兼容客户端软件，如LumaQQ，Gaim，iQQ等。使用这些软件的用户都被提示QQ版本已经停止使用，要求安装最新QQ版本。看来，腾讯将所有第三方QQ客户端都视为“不安全”版本做了禁用。这种做法的原因就腾讯公司来看，一种可能是不满第三方客户端去除了QQ的许多增值服务，使腾讯无法从中获利，另一种，莫非腾讯即将开发Linux和Mac平台的官方版QQ？我们不得而知，也将继续为您关注事态的发展。  </t>
  </si>
  <si>
    <t xml:space="preserve">听说ZI了萱官网有款去祛疤套装效果不错，是真的吗？有哪位用过这款 </t>
  </si>
  <si>
    <t xml:space="preserve">还可以、我的痘疤就是使用这款产品给修复好的，我是个大二的学生，这款产品我是看几个好姐妹用的不错才敢买的，她们都使用不到三盒就修复好了痘疤。  我使用这款产品较慢些，可能是我的痘疤时间太长了的原因，我使用了四盒才把五年的疤痕给修复好了，挺不错的一款产品，对于我们学生来说就是价格有点小贵。 </t>
  </si>
  <si>
    <t xml:space="preserve">请江心明月大师给我看一下女阴历：1980年9月初8晚上23点—— </t>
  </si>
  <si>
    <t>女　阴历：1980年9月初8 　　　公历：1980年10月16日八字　壬　　　壬　　　丙　　　庚　　　子　　　戌　　　戌　　　申　　    本命五行水太旺，八字缺木。    ◎你是自在的大河，喜欢过自己的，不喜欢被拘束。才华出众，喜欢有仁慈，守承诺的人。聪明灵敏，学习能力强，观察敏锐，但是缺乏执行力与行动力。◎    根据命理来分析您的个性，潜意识，以及行为模式，您是属于「大河命」，因此您天生具有大河水的特性，聪明有才华，学习能力强，观察敏锐，喜欢探究事物背后的道理，思路清晰，有独具一格的判断与分析能力，但是缺乏执行力与行动力。大河水波涛汹涌，一下流到这边，一下又弯到那边，因此您的思路十分活跃，一下想做这个，一下想做那个，想象力丰富，但是缺乏持续力，容易流于空谈。大河水由小支流汇集而成，流向大海，中途有些会形成云雾，或化成雨水，或流入湖泊，或进入地下水，因此您能够以不同的角色来适应周遭的环境，不论多恶劣，您也能渐渐适应，进而改变环境。您对于环境的变动有很强的适应力，所以容易给人表里不一的观感，但其实是一般人不容易想象您的思维模式。大河水川流不息，不容易停下脚步，因此您思考能力强，但执行能力弱，您对周遭生活有很多的不满与期待，也有能力改善，但就是不容易付诸行动。此外，您喜欢平易近人，亲切友善的人，不喜欢油嘴滑舌，虚情假意的人，而能让您佩服的人，多半是成熟稳重，诚恳踏实的人。您的一生，像大河水一样，无论流向何方，也能保有赤子之心，但是大河水也会经历考验，有时会结冰，有时会混浊，这些都是您一生中最大的磨练，只要您经得起外在的考验，不怨天尤人，进而学习成长，一旦通过考验，您的生活会更上一层楼，富贵绵长。    ◎简易爱情分析，您会有一个条件好的先生。您的爱情称得上是两情相悦，而且他不是大男人主义者，凡事都很尊重您。您们的交往，不仅有爱情美好的一面，也兼顾到爱情现实的问题。◎    您爱情的模式，根据命理分析，您对于心仪的异性，很容易心动，但对方常常没有行动，您也不好意思倒过来追求，所以常常无疾而终。一般来说，异性对您的第一印象都不会太深，您是需要经过交往的阶段，异性才会发现您的气质，优点与内在美。换句话说，您很容易第一眼就喜欢上一个人，如果您刚开始不喜欢这个人，经过长时间相处也不会喜欢上他。相反地，您的恋爱对象不容易第一眼就喜欢上您，却很可能经过长时间相处而喜欢上您。因此，如果您在等待美好的爱情，您可以试着把自己的内在美透过各种方式表现出来，多参加各种活动，多培养各种兴趣，多接触不同人群，如此您会在不知不觉中，让您的内在美随时展现，爱情才会更顺利。在人生的旅程中，您的恋爱或结婚对象很有可能是先经由亲友介绍或相亲而认识，因为您对于爱情比较不太有经验，也不善于包装自己、营销自己，有时更怯于表达自己的感情，碰到喜欢的人也多半停留在欣赏的阶段，不仅不容易给对方一点暗示，更不会表白或倒追，因此不仅错失许多机会，更在心中产生既期待又怕受伤害的感觉，反而更不容易擦出爱的火花。您若是对象还没有出现，不要心急，在您身边确定有人正喜欢着您，只要您真心诚意给对方一点暗示，幸福就在您身边。    ◎简易财运事业分析，您不容易守财，也不容易储蓄，每次累积到一定的财富就会发生一些事情让您花钱。◎    根据命理分析，您不容易守财，也不容易储蓄，每次累积到一定的财富就会发生一些事情让您花钱。您对于生命比较达观，因此不会对自己，也不会对家人或朋友太小气。在您手头比较紧的时候，该花的钱您还是会花，不会一毛不拔；在您手头比较宽裕的时候，您花钱会很大方，不会对自己、家人或朋友小气，正因为如此，您当然不容易存钱。此外，您很容易因为朋友的介绍而做了某些投资，而且常常亏本。这是因为您的个性交游广阔，也认识很多人，所以当朋友来找您投资时，您不容易分辨风险，也不容易拒绝，所以当然很容易亏本。如果以一生的时间来衡量，您今生大部份的财富会被您拿来做自己想做的事情，您会认为您使用过的金钱才是您真正拥有的财富。之后，这些财富大半会遗留给子孙。 男  阴历：1980年5月20 　 　　公历：1980年7月2日八字　己　　　丙　　　壬　　　庚　　　丑　　　子　　　午　　　申　    本命五行火太旺，八字缺木。    ◎您是权力的太阳，能够开创自己的未来，有领导众人的魅力，物质生活无虞。热情有礼，喜欢有智慧，守承诺的人。个性开朗，热心大方，不会斤斤计较，具有领导特质，不容易接受他人的指挥。◎    根据命理来分析您的个性，潜意识，以及行为模式，您是属于「太阳命」，因此您天生具有太阳的特质，开朗活泼，热心大方，不会斤斤计较，也不喜欢搞小团体，对于公理正义非常执着。太阳在天空发光发热，因此您天生具有老大命，也有领袖命，有表现欲望，但也有牺牲奉献的精神。太阳不会依自己的喜好来照耀大地，每一个地区都会受到普照，因此您喜欢一视同仁，公私分明，不喜欢有人假公济私，或搞小团体。太阳每天东升西降，规律运行，没有人能改变太阳的轨道，因此您也很有规律性以及耐心，极少半途而废，而且您也不能接受有人命令您要做什么，或不做什么。此外，您喜欢老实诚信的人，不喜欢自以为是的人，而能让您佩服的人，多半是有想法，才华与智慧的人，能够在心灵上让您提升的人。您的一生，像太阳一样，发光发热，受到众人瞩目。但是阳光有时候也会被乌云遮蔽，让您觉得力不从心，有时候阳光炎热，您善意付出，却造成别人的压力，也会让您很无奈，这些都是您的磨练，只要您经得起外在的考验，不怨天尤人，进而学习成长，一旦通过考验，您的成就将不可限量，是领袖级的人物。    ◎简易爱情分析，您是属于有帮夫运的爱情。您的爱情不是属于浓情密意的那一型，她比较强势也有主见，会对您的人生有许多善意的安排与建议，您们会遇到许多沟通上的问题，需要您们以智慧与包容来一一克服。◎    您爱情的模式，根据命理分析，您对于心仪的异性，很容易心动，但不容易成功，常常无疾而终，因为要两个人都一见钟情确实有点难。一般来说，异性对您的第一印象都不会太深，您是需要经过交往的阶段，异性才会发现您的优点与内在美。换句话说，您很容易第一眼就喜欢上一个人，却不容易经过长时间相处而喜欢上一个人。相反地，您的恋爱对象不容易第一眼就喜欢上您，却很可能经过长时间相处而喜欢上您。因此，如果您在等待美好的爱情，您可以试着把自己的内在美透过各种方式表现出来，多参加各种活动，多培养各种兴趣，多接触不同人群，如此您会在不知不觉中，让您的内在美随时展现，爱情才会更顺利。在人生的旅程中，您的恋爱或结婚对象很有可能是先经由亲友介绍或相亲而认识，因为您对于爱情比较不太有经验，也不善于包装自己、营销自己，有时更怯于表达自己的感情，碰到喜欢的人也多半停留在欣赏的阶段，不容易积极主动的展开追求，更不会死缠烂打，因此不仅错失许多机会，更在心中产生既期待又怕受伤害的感觉，反而更不容易擦出爱的火花。您若是对象还没有出现，不要心急，在您身边确定有人正喜欢着您，只要真心诚意去追求，幸福就在您身边。    ◎简易财运事业分析，您不容易守财，也不容易储蓄，每次累积到一定的财富就会发生一些事情让您花钱。◎    根据命理分析，您不容易守财，也不容易储蓄，每次累积到一定的财富就会发生一些事情让您花钱。您对于生命比较达观，因此不会对自己，也不会对家人或朋友太小气。在您手头比较紧的时候，该花的钱您还是会花，不会一毛不拔；在您手头比较宽裕的时候，您花钱会很大方，不会对自己、家人或朋友小气，正因为如此，您当然不容易存钱。此外，您很容易因为朋友的介绍而做了某些投资，而且常常亏本。这是因为您的个性交游广阔，也认识很多人，所以当朋友来找您投资时，您不容易分辨风险，也不容易拒绝，所以当然很容易亏本。如果以一生的时间来衡量，您今生大部份的财富会被您拿来做自己想做的事情，您会认为您使用过的金钱才是您真正拥有的财富。之后，您不会遗留太多的财富给后代子孙。</t>
  </si>
  <si>
    <t xml:space="preserve">我6区的星霜也被卡号了~~~登陆提示密码错误怎么不解决的呢？ </t>
  </si>
  <si>
    <t>你确定不是账号被盗了吗？</t>
  </si>
  <si>
    <t xml:space="preserve">世界竞技场怪物物理反弹是多少?有没高手晓得! </t>
  </si>
  <si>
    <t>世界竞技场里的饥饿虎王是没有反弹的。守护女妖精英按照用BB打它，而自己损血的速度来看，应该是100反左右。心魔虎王，也好像有200反。而心魔守护女妖也好像是200反。至于BOSS，那就更BT了，2500吸根本吸不回。照损血的速度，此BOSS的物理反弹应该在400甚至500以上。其实世界竞技场杀怪，就是技能系的天下。三个学了80书的暗弓，可以一直困死BOSS。而物理系职业进去打BOSS，就是死路一条。补充：世界竞技场唯独首领会爆东西外，其他四种怪物都不会爆东西的。饥饿虎王和守护女妖（精英）是用来交任务的。任务一、每杀30个饥饿虎王可以在竞技场管理员那里换取1个勇士勋章。任务二、每杀5个守护女妖（精英)可以在竞技场管理员那里换取2个勇士勋章。凑齐3000个勇士勋章可以换到1个神秘神圣材料的袋子。</t>
  </si>
  <si>
    <t xml:space="preserve">武林奇侠传游戏每日的活动有哪些？ </t>
  </si>
  <si>
    <t>你好~每日活动中开放的副本包括血战黑竹林巧取花石纲冷月仙子现身江湖激情跑商巅峰擂台祝好运~猛龙祝你天天好心情！</t>
  </si>
  <si>
    <t xml:space="preserve">起源现在可以玩吗?我想玩起源,现在可以下载到电脑里玩吗? </t>
  </si>
  <si>
    <t>当然可以玩啦，现在起源已经开放了注册系统！</t>
  </si>
  <si>
    <t xml:space="preserve">全国十运会什么时候开幕，哪个城市？ </t>
  </si>
  <si>
    <t xml:space="preserve">    中华人民共和国第十届会（以下简称十运会）将于2005年10月12日在江苏南京举行。第十届全国运动会的竞赛日期由2005年10月9日至21日调整为2005年10月12日至23日，12日开幕，23日闭幕；第十届全国运动会各代表团团部人员可于2005年10月9日报到，10月24日离会。　　　　一、第十届全国运动会各项目决赛时间、地点公布如下：　　项目　 决赛时间 决赛地点　　游泳 10月13日-20日 南京　　跳水 9月27日-10月5日 南京　　水球 男子 10月15日-22日 张家港　　女子（表演项目） 10月21日-22日 　　花样游泳 9月19日-22日 南京　　射箭 10月16日-22日 南京　　田径 10月17日-22日 南京　　马拉松 10月16日 北京　　羽毛球 10月5日-15日 昆山　　棒球 10月12日-22日 无锡　　篮球 男子 10月14日-22日 盐城、泰州、镇江、南京　　女子 9月18日-26日太仓、常熟、张家港、江阴　　拳击 9月3日-13日 南京　　皮划艇 10月18日-23日 南京　　皮划艇激流回旋 9月15日-18日 南京　　自行车 10月10日-21日 南京　　马术 10月13日-22日 南京　　速度赛马 10月21日 南京　　击剑 9月16日-27日 南通　　足球 男子 10月12日-22日 南京、扬州、无锡　　女子 10月11日-21日 南京、宜兴　　体操 10月8日-16日 南京　　艺术体操 9月15日-18日 扬州　　蹦床 10月18日-20日 江阴　　手球 男子 10月13日-22日 苏州　　女子 9月26日-10月5日 常州　　曲棍球 男子 9月26日-10月4日 常州　　女子 10月14日-22日 　　柔道 10月10日-13日 南京　　现代五项 10月18日-22日 苏州　　赛艇 10月10日-14日 南京　　OP帆船 6月22日-29日 连云港　　帆船 10月10日-18日 　　帆板 9月21日-28日 连云港　　射击 10月13日-19日 南京　　垒球 10月13日-20日 南京　　乒乓球 10月11日-18日 无锡　　跆拳道 10月13日-16日 吴江　　网球 10月6日-21日 南京　　铁人三项 9月4日 徐州　　排球 男子 10月11日-21日 淮安、宿迁、徐州　　女子 10月12日-22日 南京、金坛、镇江　　沙滩排球 9月23日-10月2日 连云港　　举重 男子 10月17日-20日 扬州　　女子 10月10日-13日 苏州　　摔跤　　女子自由式 8月30日-31日 南京　　男子古典式 8月25日-27日 　　男子自由式 9月3日-5日 　　速度滑冰 3月26日-29日 黑龙江哈尔滨　　短道速度滑冰 4月1日-3日 北京　　花样滑冰 9月22日-25日 南京　　武术套路 10月13日-15日 南京　　武术散打 10月19日-22日 连云港　　（二）竞赛项目。十运会共设游泳（跳水、水球、花样游泳）、射箭、田径、羽毛球、棒球、篮球、拳击、皮划艇（激流回旋）、自行车、马术（速度赛马）、击剑、足球、体操（艺术体操、蹦床）、手球、曲棍球、柔道、现代五项、赛艇、帆船（帆板）、射击、垒球、乒乓球、跆拳道、网球、铁人三项、排球（沙滩排球）、举重、摔跤、速度滑冰、短道速度滑冰、花样滑冰、武术（套路、散打）等32个大项、355个小项。　　（三）参加单位。中国人民解放军、北京市、天津市、河北省、山西省、内蒙古自治区、辽宁省、吉林省、黑龙江省、上海市、江苏省、浙江省、安徽省、福建省、江西省、山东省、河南省、湖北省、湖南省、广东省、广西壮族自治区、海南省、重庆市、四川省、贵州省、云南省、西藏自治区、陕西省、甘肃省、青海省、宁夏回族自治区、新疆维吾尔自治区、台湾省、新疆生产建设兵团、火车头体育协会、煤矿体育协会、前卫体育协会、林业体育协会、通信体育协会、石化体育协会、航天体育协会、冶金体育协会、水利体育协会、电力体育协会。邀请香港特别行政区、澳门特别行政区参加。　　（四）竞赛地点。十运会主赛场设在南京市。十运会比赛地点除少数项目因场馆条件限制、由筹委会指定承办单位外，其他项目均在全省范围内通过申办方式确定承办单位。筹委会根据各地的申办报告，经考察、评估并报国家体育总局同意，确定竞赛地点。南京地区安排26个项次的决赛，其中奥体中心6项次，省五台山体育中心3项次，省射击射箭管理中心2项次，省足球管理中心1项次，南京市10项次，南京体院、南京师范大学、南京工业大学、南京中医药大学各1项次。苏州市9项次，其中张家港2项次，昆山、常熟、吴江、太仓各1项次。无锡市6项次，其中江阴2项次、宜兴1项次。连云港市4项次，其中省海上训练基地2项次。常州市4项次，其中武进2项次、金坛1项次。扬州市3项次。徐州市3项次，其中徐州师范大学1项次。镇江市2项次。南通、淮安、盐城、泰州、宿迁市各1项次。十运会各项比赛地点场馆一览表　　地 区 承办单位 承办项目 场馆名称　　南京(26) 南京市(10) 柔道、拳击 南京市龙江体育馆　　男子排球 激流回旋 南京市白马公园　　赛艇、皮划艇 南京市水上运动学校　　马术 南京新建马场　　速度赛马 摔跤 江宁区体育中心体育馆　　女子足球 江宁区体育中心体育场　　省足管中心(1) 江宁足球训练基地　　省射击射箭管理中心(2) 射箭 省新建江宁基地　　射击 省五台山体育中心(3) 　　男子排球 南京五台山体育馆 　　男子足球 南京五台山体育场花样游泳 南京五台山游泳馆　　奥体中心(6) 跳水 南京奥体中心游泳馆　　游泳 　　田径 南京奥体中心田径场　　体操 南京奥体中心体育馆　　花样滑冰 　　网球 南京奥体中心网球馆、场　　南京体院(1) 自行车 南京体院分校赛车场等　　南京师范大学(1) 男子篮球 南京师范大学体育馆　　南京工业大学(1) 垒球 南京工业大学垒球场　　南京中医药大学(1) 武术套路 南京中医药大学体育馆　　苏州(9) 张家港市(2) 女子篮球 张家港体育馆　　水球 张家港游泳馆　　太仓市(1) 女子篮球 太仓体育馆　　昆山市(1) 羽毛球 昆山体育馆　　吴江市(1) 跆拳道 吴江体育馆　　常熟市(1) 女子篮球 常熟体育馆　　苏州市(3) 女子举重 苏州体育中心体育馆　　男子手球 　　现代五项 　　无锡(6) 江阴市(2) 蹦床 江阴市体育馆　　女子篮球 　　宜兴市(1) 女子足球 宜兴市体育中心足球场　　无锡市(3) 男子足球 无锡市体育公园体育场　　乒乓球 无锡市新体育馆　　棒球 无锡棒球运动训练中心　　常州(4) 常州市(1) 女子手球 常州市体育馆　　金坛市(1) 男子排球 金坛市体育馆　　武进区(2) 男女曲棍球 武进区曲棍球基地　　镇江(2) 镇江市(2) 男子排球 镇江市体育馆　　男子篮球 　　扬州(3) 扬州市(3) 艺术体操 新城西区体育公园体育馆　　男子足球 扬州市体育中心体育场　　男子举重 扬州市体育中心体育馆　　泰州(1) 泰州市(1) 男子篮球 泰州市体育馆　　南通(1) 南通市(1) 击剑 南通市体育馆　　盐城(1) 盐城市(1) 男子篮球 盐城市体育馆　　淮安(1) 淮安市(1) 女子排球 淮安市体育馆　　宿迁(1) 宿迁市(1) 女子排球 宿迁市体育馆　　徐州(3) 徐州市(2) 女子排球 徐州市体育中心体育馆　　铁人三项 徐州市云龙湖　　徐州师范大学(1) 女子排球 徐州师范大学体育馆　　连云港(4) 连云港(2) 武术散打 淮海工学院体育馆　　沙滩排球 连云港市体育场　　省连岛海上基地(2) 帆船、帆板 省连岛海上基地　　说明：括号里的数字表示项次。</t>
  </si>
  <si>
    <t xml:space="preserve">想保留京A牌照购新车，但旧车车况不错，报废给的钱太可怜！咋办？哪? </t>
  </si>
  <si>
    <t>旧车报废了，才可能用你的旧牌照购置新车。车管所就是这么规定的。车况不错就再坚持个一两年。不过话说回来京A牌子的车也都差不多了 ，一年两次的尾气就够麻烦的。</t>
  </si>
  <si>
    <t xml:space="preserve">急！！！男朋友头发怎么了？男朋友头发多且硬，发质挺好，可不知为什 </t>
  </si>
  <si>
    <t>有可能是生活压力啊 护理不得当造成的用采乐试试 药店卖的那个我朋友用过 说还成千万别用采乐的洗发水啊 没用的还有海飞丝 越洗越多</t>
  </si>
  <si>
    <t xml:space="preserve">各位皮卡亲，请问4399皮卡堂到了20级以上该如何快速升级？ </t>
  </si>
  <si>
    <t>1、去深海钓鱼，一条鱼50多经验吧还有银币2、种花，我都用8个豪华的花坛种，直接用营养蛋成长弹然后许愿，有给银币和经验果的，花卖给花店以后就是每个20经验和钱啦3、收点家具然后转手卖了狂挣钱然后去收经验果4、建议你学保镖技能，然后去森林打猪，一滴血20点经验</t>
  </si>
  <si>
    <t xml:space="preserve">称号问题请问《兵卒》称号任务在哪里接的 </t>
  </si>
  <si>
    <t xml:space="preserve">称号：兵卒 获得途径： 20级西凉【军阶晋升：兵卒】任务，消耗一定功勋获得 称号属性：生命上限＋30           攻击力＋1           防御力＋1称号授予NPC：西凉-马蒙 </t>
  </si>
  <si>
    <t xml:space="preserve">怎样去面对感情在无意中认识了她，我们可以说是一见钟情，不管在怎样 </t>
  </si>
  <si>
    <t>首先，对你这种行为，我很鄙视！作为一个男人，就应当为自己做过的事情承担责任！你做到一个丈夫的责任了吗？你爱你的老婆吗？如果爱，还找别人？如果不爱，当初为什么在一起了！现在你又有了孩子，如果你离开，你的孩子又怎么办呢？    我觉得孩子不应该成为大人感情的牺牲品！这一点也是对所有不负责任的男人所说的。你既然能和那个第三者在一起，背叛了你的老婆，将来也许也会背叛她的。你会保证将来遇到一个比她更好的你不动心吗？不能，那么就是说你也不能对她负责，尽管现在你们爱的死去活来，不过我倒是觉得你们的感情缺乏一定的基础，是经不起时间的考验的。那何必浪费彼此的时间，感情呢！你还是离开她回到你的妻子、孩子身边吧，不然，、、、不堪设想啊 ！</t>
  </si>
  <si>
    <t xml:space="preserve">别人欠我钱，房子协议给我，法院又判给别人，我有权看法院裁定书吗 </t>
  </si>
  <si>
    <t>你和债务人之间的协议如果没有实际履行，或者说没有完成过户手续的话不能对抗第三人，你可以另行起诉债务人。可以看判决书，请律师帮助查询。但是房子协商给你，如果没有过户或者办理抵押登记，则你很难索回。当然有权利看裁定书了。有。 你可以要求看。 也可以咨询下当地的律师。  （希望能帮到你，麻烦点击 “好评”，谢谢你^_^）</t>
  </si>
  <si>
    <t xml:space="preserve">舰炮火炮中的自动装填原理是?一般装填的速度能达到多快? </t>
  </si>
  <si>
    <t>主炮、副炮还是防空火炮？内能源供弹和外能源供弹的都有；有弹箱/弹仓供弹的，也有弹链供弹的。以俄罗斯AK630近防炮为例，其装填方式为内能源弹链供弹，射速约为5000发/分。</t>
  </si>
  <si>
    <t xml:space="preserve">什么是感光食物?还有,吃感光食物的弊端? </t>
  </si>
  <si>
    <t xml:space="preserve">请问什么叫感光食物？吃感光食物容易使皮肤黑吗？ 少吃吸光食物 当日光增强（从4月份开始），像菠菜、苋菜这一类光合作用较强的蔬菜不要吃。因为人们一旦食入这些蔬菜，就会增强身体对日光的吸收，使日光性皮炎的发病几率提高。 感光食物：柠檬，白萝卜，木瓜、，芹菜，莴苣、土豆，香菜，苋菜，油菜，西红柿，茄子，紫菜，田螺、荠菜、菠菜、无花果，九层塔、韭菜、红豆 （夏季避开白天食用，可晚餐食用） 对于经常在室外活动或者从事户外工作的人来说，多吃些西红柿、猕猴桃、橘子、卷心菜、草莓等，甚至橄榄油都可起到防晒、抗晒的作用。 </t>
  </si>
  <si>
    <t xml:space="preserve">文科生可以选择地理科学专业吗？？ </t>
  </si>
  <si>
    <t xml:space="preserve">   地理科学本身是理学专业，很多高校是不招收文科生的，但有的学校是可以招收文科生的，至于是那些学校，填报志愿的时候应该可以看到。</t>
  </si>
  <si>
    <t xml:space="preserve">世界上第二大沙漠是哪个? </t>
  </si>
  <si>
    <t>塔克拉玛干大沙漠位于塔里木盆地的中部，面积32．4万平方公里，为我国最大的沙漠（占中国沙漠面积的47％），也是世界上第二大沙漠。该地因为所处的海陆位置（远离海洋），及地形因素（四周俱被山地包围：天山、昆仑山、阿尔金山、祁连山等）；导致降水少，而成为世界上最大的流动沙漠。</t>
  </si>
  <si>
    <t xml:space="preserve">软件著作权申请有什么条件？ </t>
  </si>
  <si>
    <t>软件著作权即软件开发完成之日起就自动产生，登记并不是权利产生的必要条件。软件著作权登记申请是指著作权人向中国版权保护中心提出申请，由中国版权保护中心审核并发出软件著作权登记证书。软件著作权登记申请的条件有： 软件著作权人主体资格证明，主体资格具体有：自然人、法人或者其他组织。 软件著作权人自主开发软件证明即软件著作权的权利归属证明和软件产品的相关资料（具体有：软件的源程序及文档；软件的名称及版本号、开发完成时间、发表时间；软件运行环境（指软件运行的硬件和软件环境）；软件开发使用的编程语言的名称及版本号、源程序总行数；软件的主要功能、用途和技术特点作简要说明。）</t>
  </si>
  <si>
    <t xml:space="preserve">问一下电脑专业户概念：在工具栏中看到的“LAN、源、宏”指的是什 </t>
  </si>
  <si>
    <t>宏就是说你一个键出来多个页面. 这个宏是可以你自己设定的.比如说你想把新浪和百度同时打开 你只需要按一下宏 2个网站就会同时打开..宏的功能是不限定 不仅仅是开网站.还可以很多功能.总的来说就是方便的工具.同时进行多份工作的一个工具..!   谢谢</t>
  </si>
  <si>
    <t xml:space="preserve">在QQ幻想中如何使用念力造物？ </t>
  </si>
  <si>
    <t xml:space="preserve">学了念力造物技能后把它放到快捷栏里然后摁相应的快捷键就行了.5念力造一个秘灵药,瞬补300点生命. </t>
  </si>
  <si>
    <t xml:space="preserve">嵩云归来许嵩演唱了什么 </t>
  </si>
  <si>
    <t>断桥残雪 素颜素顏跟斷橋殘雪，親，我也是V迷呢，我愛他四年咯。</t>
  </si>
  <si>
    <t xml:space="preserve">杀毒软件谁有金山毒霸6的序列号 </t>
  </si>
  <si>
    <t>朋友，并不是有金山独霸6的序列号就可以用，每一个金山独霸的序列号都是不一样的。不过你可以到网上下载金山独霸的同时搜一下金山独霸6的序列号，问题应该可以解决。</t>
  </si>
  <si>
    <t xml:space="preserve">珠海的单身公寓我最近要去珠海。拱北的房子好不好租？单身公寓贵不贵 </t>
  </si>
  <si>
    <t>拱北的房子相对不难租，但相对与珠海其他区域，拱北的房子较贵。我曾经租过那边的一个叫方氏公寓，环境不错，房间里装修很可爱，家具一应俱全，价格在1300-1800/月不等。珠海与广州没有可比性啊，珠海环境好的多，但工业不怎么多，如果你是从事服务行业的，珠海应该还是有不少机会的。</t>
  </si>
  <si>
    <t xml:space="preserve">有不用飞行坐骑也能在外域飞行吗？今天在沙城看到一个人他不用骑飞行 </t>
  </si>
  <si>
    <t>卡掉了，没座骑不可能飞的，除非是XD68学的变鸟技能饿也有可能是类似火箭头盔这样的装备，不过那也只是让人弹起很高而已，还是会掉下来</t>
  </si>
  <si>
    <t xml:space="preserve">寿命最长的虫是什么? </t>
  </si>
  <si>
    <t xml:space="preserve">活得最长的昆虫是光亮甲虫(吉丁虫科)。1983年一个至少经历了51年幼虫期的光亮甲虫出现在英国埃塞克斯郡普律特韦尔的一户人家中。 选自《吉尼斯世界纪录大全》 </t>
  </si>
  <si>
    <t>数学若关于x的方程[2cos(派+x)]^2</t>
  </si>
  <si>
    <t>解：方程整理为4sin＾x+sinx-a-4=0∵关于x的方程[2cos(派+x)]^2-sinx+a=0有实根∴△=1+4a+16≥0     a≥-17/4</t>
  </si>
  <si>
    <t xml:space="preserve">到2014年1月25日减肥至72.5公斤。哪位朋友有健康有效的方? </t>
  </si>
  <si>
    <t>你好，我也一直在减肥的道理上，一直都是健康减肥，关于减肥我很有经验。每天坚持喝豆浆或柠檬水，可以改变体质。吃饭时细嚼慢咽，少吃多餐，吃完饭之后可以吃一颗纤体梅，促进消化的。每天坚持半个小时以上的运动，最后是在晚饭之后做运动，晚上吃饭时间最后提前。另外还可以精油刮痧，促进循环，疏通经络。这些都是我自己的经验希望你也可以受用。（希望可以帮助到您，如果您对答案满意，请点击“好评”，嘿嘿，有问题还可以追问我噢！赠人玫瑰，手有余香。好人一生平安）每天坚持运动一小时，跑步最好，不吃下午饭</t>
  </si>
  <si>
    <t xml:space="preserve">我刚玩(大话西游)才9级,请问以后我应该在哪里升级,请详细一点. </t>
  </si>
  <si>
    <t>招召唤兽需要过称谓的，一世吗？经典的召唤兽有龟丞相，8称的猴精，9称的神灵和舍生，交换装备要点交易，就是下面一栏里的铜钱的图象，更多的去看 的网叶！</t>
  </si>
  <si>
    <t xml:space="preserve">赔偿问题我妈被打伤,坚定是轻微伤.住院14天,花了6500医药钱 </t>
  </si>
  <si>
    <t>直接到律师事务所咨询律师比较好，这里的解答毕竟靠打字，肯定不够详细</t>
  </si>
  <si>
    <t>有没有知道这个G</t>
  </si>
  <si>
    <t xml:space="preserve">UPPAbaby的G-LUXE伞车主要通过一种特殊的材质，然后起到防紫外线的作用。我也买了这款伞车，之前用的另外一款，宝宝被晒的不行，后来才换的这款，我个人觉得效果还是很好的，而且这款的外观非常精致，安全性也比较高。其实最让我满意的是这款伞车能够折叠，特别方便带上。总的来说，是值得选择的一辆婴儿车。 </t>
  </si>
  <si>
    <t xml:space="preserve">添加剂是什么？对人体有什么危害？ </t>
  </si>
  <si>
    <t>食品添加剂是指食品健康当中，为了改变食物的现状，改变食物的做法，需要添加一些可以食用的，比如有的时候需要香味，有的时候需要颜色，有的时候需要形状，添加食品添加剂是世界通用的做法。只要符合标准，按照标准来添加，是没有任何危害的。</t>
  </si>
  <si>
    <t xml:space="preserve">pleasehelpme是这样的,我是一个快高三的学生,我们宿舍 </t>
  </si>
  <si>
    <t>那就让他说好了,要知道,嘴巴是长在别人身上的,除了他自己,任何人也做不了主的,你说是不是,你就当你们家养的猫猫狗狗在叫好了,或者就当没听见.什么事情动不动就想逃避是不对的,到了社会上,你上班了,你也会遇上诸如此类的问题,那你怎么办,辞职不干了???现在的社会找份工作还是不容易的,你说谁会为了一个三八放弃自己大好的前程现在的你们至少还是在同一区域张大的,多多少少还是有共同的习惯和思想的,等你到了大学里面,宿舍里的同学都是来自中国的其他城市的某一角落的,那生活习惯、思想那就更不一样了，到时候你怎么办？？尽量少接触，尽量学会暂时性失聪，只能尽量习惯在适当的时候告诉她你听到她说你的话了日久见人心的，即便今天她在背后把你说的一无是处，但你考试成绩出来就是比她考得好，就已经证明了一切，真相永远只有一个，别人迟早会知道，身正又何必去怕影子会是斜的，那是庸人自扰之的行为，你认为呢？不要因为别人的原因让自己不开心，这样他就达到她的目的了，就让她得逞了，不是吗？？反而我认为我要活得更开心些，这样才能让她因达不到她的目的而心里难过</t>
  </si>
  <si>
    <t xml:space="preserve">还要追她吗联系不上了 </t>
  </si>
  <si>
    <t>她去相亲那还用说嘛她不爱你了贝，放手吧一个不爱你的人在追足在久最后还不是要放手。像那位朋友说的她做样子给你看那可能嘛那改天你把她气急了她嫁给了别人，对你却说我是在做样子给你看你还相信吗？  爱是需要两个人有绝对的信心，就好像橡皮精一样一 头你抓住另一 头她抓住。如果有一个人放手那么就会有另一 个人受伤。她都想放手了你还等什么了再不放最后受伤的是你..........</t>
  </si>
  <si>
    <t xml:space="preserve">地牢围攻2怎么Save/Load玩这个游戏的时候读档都是在城里出 </t>
  </si>
  <si>
    <t>只能是从城里里出来的，跟暗黑一样．不过有个办法可以刷中上档次的装备，就是在城里完成一个任务前先不要交，存档，把存档备份，然后交任务，如果任务物品不好，就把现在的挡用备分的档覆盖，再交任务，直到拿到合适你的物品．</t>
  </si>
  <si>
    <t xml:space="preserve">请问一般商场柜台的蝶妆是不是就是曼丽菲，好像海皙蓝有专门的柜台吧? </t>
  </si>
  <si>
    <t>碟妆有很多系列，海皙蓝、蔓丽非丝、缇兰。在蝶妆的专柜上一般这三个系列产品都有。我觉得海皙蓝的粉饼和粉底液是三个系列中最好的，遮盖效果好，不油腻，而且很容易上妆。</t>
  </si>
  <si>
    <t xml:space="preserve">cs1.6新建服务器中的选择地图怎么只有一个可选？怎么能看到其它? </t>
  </si>
  <si>
    <t>你打开cstrike文件夹，找到一个cstrike_sh什么什么的文件夹，在那里找到maps文件夹，把里面的所有东西删了。如果你还向保留那个地图，就把.bsp文件放到cstrike/maps文件夹里，在删。</t>
  </si>
  <si>
    <t xml:space="preserve">夫妻关系在什么情况下算是强奸行为? </t>
  </si>
  <si>
    <t>在中国，婚内强奸一般得不到认可。</t>
  </si>
  <si>
    <t xml:space="preserve">离心力公式中的字母代表什么 </t>
  </si>
  <si>
    <t>F=mv^2/R  F是向心力,m是物体的质量,v是线速度,R是轨迹曲率半径.F=mω^2R  F是向心力,m是物体的质量,ω是角速度,R是轨迹曲率半径</t>
  </si>
  <si>
    <t xml:space="preserve">魔兽争霸3冰封王座的战役怎么选择种族？就是单人游戏，然后战役，该 </t>
  </si>
  <si>
    <t>一个族的战役玩后,就会出现另一个族,战役是按故事发展的.&lt;混乱之治&gt;战役(Arthas\Medivh\Archimonde)初级玩家练习(Thrall)   ?人族战役(Arthas)   ?不死战役(Arthas)   ?兽族战役(Thrall)   ?暗夜战役(Tyrande\Furion)&lt;冰封王座&gt;战役(Illidan\Arthas)暗夜战役(Maiev)   ?人族战役(Kael\Lady Vashj)   ?不死战役(Arthas\Sylvanas)兽族额外战役(Rexxar)</t>
  </si>
  <si>
    <t xml:space="preserve">QQ密码忘了怎么办啊 </t>
  </si>
  <si>
    <t>密码保护没申请吗？绑定手机了没？如果都没有的话，只能申诉，最好把初始密码和曾用密码都写上去，反正申请时历史密码越多越好。</t>
  </si>
  <si>
    <t xml:space="preserve">室内变电站有哪些防护措施？ </t>
  </si>
  <si>
    <t>变采取的防护措施有：（1）、采用气体绝缘封闭式组合电器（GIS）设备，采用SF6气体作为相间及带电部分与接地部分间的绝缘,三相成等边三角形布置,相间几何尺寸很小,带电设备密封在接地的合金筒内,筒外的电场及磁场几乎为零.（2）、优化变电站平面布局。优化变电站平面布局，尽量减少对环境的影响。（3）、城市变电站可建为室内式变电站。（4）、对变电站进行绿化美化工作，周边设置绿色屏障，建成后变电站的外观与周围环境相协调。（5）、变压器内部的变压器油用于绝缘及冷却,现在的变压器油的闪点较高,所以变电站发生着火的情况极少.而且国家对于民居变电站有严格的防火要求。如变电站内的消防设施需根据各电气设备间的布置及消防要求设有火灾自动报警系统、水喷雾灭火系统、七氟丙烷气体灭火系统、消火栓灭火系统，满足“预防为主，防消结合”的要求。（6）、室内变电站距离附近建筑普遍较近，在变电站的设计过程中，设计单位已经充分考虑了防爆方面的要求。如变压器室的墙体全部采用了钢筋混凝土机构，大门采用大型工字钢拼接而成，完全满足设备事故下安全防护的强度要求。另外，变压器非压力设备,油在常压下运行,变压器油不会发生飞溅或爆炸,变压器发生内部短路时产生的油气可由变压器的防爆口释压. 变压器室的通风道在设备事故状态下可迅速向上、下两个方向泄放压力，减轻对大门和墙壁的压力。</t>
  </si>
  <si>
    <t xml:space="preserve">三年五载打一生肖 </t>
  </si>
  <si>
    <t>三年五载的确切意思：一个有确定起点，不确定终点；期间是连续的.不间断的时间段——马不停蹄。 解马——马——马——马——马——马——马——马——马——马——马——马——马——马——马 主33——33——33———33（最后一次提前公开，以后在开奖日21：01公开。+Q1195189972）</t>
  </si>
  <si>
    <t xml:space="preserve">这样的冥界能卖多少可练么?练级怎么+点 </t>
  </si>
  <si>
    <t>6组上下，死神是个不错的宠。血攻敏都很平均，楼主的4冲3是值得练的，不过也要看你运气，运气不好掉点差，最好全掉魔上，它魔很多。今天我冲了两只宠，一只5冲4，一只4冲3，全部都失败拉，不过好在掉点还算不错。建议现在没什么宠用的话可以练，这东西还是很拉风的，就算是道具小号刷成这样，6D内的死神也不是很多，招牌的也要两组。卖的话当然现在卖能卖出个高价钱，到任务结束时，刷死神出来的肯定比现在多了，就像斩首，狮鸠一样，以前是有钱难买，现在是有货难卖.加点加攻楼下的冲都不冲就知道掉2攻？真是学姐了那，稳掉一攻，其它几率，我有过75％的几率的掉法，冲上后照样不掉，要看RP。重点是哪果血敏不掉最好，级高了一点攻是没什么影响的，要看楼主RP了。</t>
  </si>
  <si>
    <t xml:space="preserve">求推荐一款价位100左右性价比高的耳机这25的晨光我真的hold? </t>
  </si>
  <si>
    <t>索尼（SONY） MDR-EX15LP 小巧入耳式耳机,佩戴舒适铁三角（Audio-technica）ATH-CLR100 WH 入耳式耳机飞利浦（Philips） SHE3595WT/00 入耳式 漫步者（EDIFIER） H280 双调音设计、高品质立体声入耳式如果我的答案对你有用,麻烦点击"好评"，谢谢！</t>
  </si>
  <si>
    <t xml:space="preserve">平安夜的由来？ </t>
  </si>
  <si>
    <t xml:space="preserve">《平安夜》的由来（两则）  佚名　　　　（一）　　　　　一八一八年十二月二十三日晚上，在奥地利萨尔札赫河畔的奥本村里，有一只老鼠大胆地溜进村里古老的圣尼哥拉斯教堂风琴楼厢里。这只饥寒交迫的小东西东跑西窜，到处咬噬，终于干下了一件『影响深远的大事』，导致了一曲脍炙人口的圣诞赞美诗的诞生。　　　　翌日清晨，一位身穿黑色礼服大衣的中年人走进教堂，径直来到风琴旁边坐下。此人名叫弗兰兹-格鲁伯，正当三十一岁，有著一头黑发，高高的鼻梁和一双富有感情的眼睛。他虽然默默无闻，但在这偏僻地区很受村民尊敬。因为他是本村的小学教师，又是圣尼哥拉斯教堂的风琴演奏家。　　他坐下来，踩著踏板，按下了琴键。可是风琴只发出几声呜咽似的微弱气息。　　　　当格鲁伯正要俯身去察看究竟时，他的好朋友约瑟夫-莫尔来了。莫尔是个教士，也是一位家。奥本村教堂的正式神父还不曾派来，莫尔是临时被派来顶替这职位的。　　格鲁伯见他张皇，不觉一怔，连忙问道：『天主降福！什么事儿，约瑟夫？』那位年轻的代理神父举起双手，做出一副绝望的神态，并示意让朋友起来跟他走。　　莫尔领著格鲁伯走到楼厢里的风琴键盘后面，指著鼓风的皮风箱上一个大洞说：『今早我发现这个洞，一定是老鼠咬破的。现在一踏下去，什么声音都没有了！』　　格鲁伯仔细地检察了风箱上的那个洞。圣诞之夜做弥撒而没有风琴奏乐，这简直是不可思议的事！他禁不住喊道：『真该死！现在可糟了，我们该怎么办呢？』　　『有办法，』莫尔神父有点见腆地说：『我写了一首短诗，倒可以作为歌词一凑合著顶用一下的。』接著他又严肃地说道：『这可不是「那一类」的歌呀。』　　　　格鲁伯看见他的朋友这么激动，不觉微笑起来。因为大家都知道，莫尔的确很喜欢「那一类」的歌－－就是当农妇和船工欢饮时，在齐特拉琴伴奏下所唱的那种所谓粗俗的民歌小调。这种东西往往引起那些固执守旧的虔诚教徒的不满，使得道貌岸然的长老们大皱眉头。　　　　格鲁伯拿起莫尔所写的诗读了头几段，顿时觉得好象有一股奇异的灵气贯穿脊梁。这的确不是「那一类」的歌。它好象是抓住了他的心，温和纯朴和动人地向他诉说。他从来都未曾这么深刻地感动过。他耳边隐隐响起了这些诗句的乐音。　　　　莫尔几乎是抱歉地说：『我只是这么想，既然我们的风琴已经不响了，那么你是否可以把这东西给我们的吉他琴配个曲，也许还可以搞个小小的童声合唱队来唱唱，……你看怎么样？』　　格鲁伯说：『好呀，好，好！也许我们可以这样做。给我吧，我拿回去看看是否能把曲子写出来。』　　格鲁伯踏著地上的积雪，慢步走回安斯村。他一路上沉浸在他的乐曲构思中。　　「平安夜，圣善夜，　　万暗中，光华射。　　他就像耳聋的贝多芬一样，在内心深处听见了所有的旋律：　　照著圣母也照著圣婴，　　多少慈祥也多少天真，　　静享天赐安眠，　　静享天赐安眠。」　　他准备写给童声合唱的曲调已在脑际回汤。他回到他那简朴的住房，坐在他那古老的钢琴边，面对墙上挂著的十字架，终于谱写称了完整的歌曲。　　那天下午，莫尔的书房里聚集了十二名男孩和女孩。他们穿著羊毛长袜、外套和围裙，整齐而漂亮。他们并排站在一圈圈的冬青花环下，益发显得生气勃勃。　　　　排练开始了，格鲁伯和莫尔各自弹起他们的吉他琴，不时满意地对视微笑。开始时，大家对歌曲不甚熟悉，弹唱都嫌粗糙了些。第三部分也不太妥当，但很快便改好了。行了，这歌曲终于完成了。　　　　圣诞夜，教堂里点燃的几百支烛光，在光洁的金盘碟和圣餐杯上映辉争耀，给那些僵硬呆板的哥德式圣母态像，赋予了盎然生气和温柔慈祥的风采。教堂里到处都用青松、万年青和圣浆果等装饰起来。全体教徒挤坐在长条硬板凳上。男人们穿著臃肿的羊毛外套，妇女则被披上了醒目的围裙和有色的披巾。　　　　当莫尔和格鲁伯提著他们的吉他，随著十二名男女儿童走上圣坛前时，惊讶的群众顿时轰动起来。格鲁伯向他的乐队微微点头示意，琴弦便拨响了。接著，莫尔神父的男高音和格鲁伯先生的男低音，便和谐地共鸣著响彻那古老的教堂。　　　　于是，流传久远的圣诞赞美诗【平安夜】便这样首次被人们唱出来了。然而，第二天也就被人忘记了。当时参加圣诞弥撒的教徒之中，谁也不曾料到这首歌后来竟会风靡世界。　　　　后来仅仅是由于一次偶然机会，才使这一杰作得以免遭淹没的命运。第二年春天，从齐勒塔尔来了一位风琴修理师，卡尔‧毛拉赫。他在闲聊中随便问起：既然风琴坏了，那么你们是怎样进行圣诞弥撒的？格鲁伯这才提起那曲子的事，他说：『这是个不值一顾的东西，我甚至已忘记把它塞到哪里去了。』在教堂的后部有一个小橱，里头塞满了尘封已久的乱纸堆。格鲁伯从这里找到了那首曲谱。　　那风琴修理师看著乐谱，微微动著双唇，从他那宽阔的胸腔里哼著这调子。『有意思，』他轻轻地说，『可以让我带回去看看吗？』　　　　格鲁伯大笑起来。『行，行，你尽管拿去就是了。再说，你把琴修好后，这东西就更加是一点用处都没有了。』毛拉赫走后，格鲁伯也就忘了这件事。然而【平安夜】却在可爱的齐勒塔尔山中回响，并且从此开始了它远播世界的历程。　　　　这歌曲作为民间音乐，从奥地利传到了德国。它越过国界，随著德国移民远涉重洋，传播各地。但直到不久前，莫尔和格鲁伯才被公认为这首歌曲的创作者。他们当时什么都没有得到，他们死时仍和生时一样贫穷。但是，格鲁伯的那具古老的吉他琴至今仍在为他歌唱，它已成为传家宝，被格鲁伯家代代相传。现在，每逢圣诞夜，人们便要把这吉他琴带到奥本村去。而世界各地的教徒们，则再次齐唱这首为人喜爱的圣诞赞美诗……【平安夜】。　　　　（二）　　　　奥地利靠阿尔卑斯山的地区，出了不少的乡村诗人，加上奥地利人，本是爱好音乐的民族。他们大部份的人民，信仰耶稣基督。所以每到圣诞节，在这崇山峻岭的一些小镇和乡村里，许多歌唱世家的男女，像中古世纪的吟游诗人，不断的把圣诞歌的词句和乐曲，加以改进或创新。他们很多人，长于弹奏乐器，而且几个人聚在火炉边，就能当场作出新的圣诞歌，成了后来圣诞歌的宝藏。有一些歌曲，也许当时唱唱，或唱过一两年，就被新的圣诞歌所取代了。但是其中的一首，不但流传下来，而且是世界最出名的圣诞歌，它就是大家熟悉的「平安夜」。　　　　据说这首圣诞歌，是阿尔卑斯山下沙司堡的牧若瑟神父，在一八一八年撰写的歌词，曲子则是乐师方济葛鲁伯所作的。不幸它在那乡村圣堂歌咏团的抄写本中，埋没了十多年。后来，被一位喜爱音乐的人发现，就把这首圣诞歌，带到城里的音乐会上演唱，非常受人欢迎。于是，渐渐的流传到奥地利各地，再传到了德国。一八三九年，这首圣诞歌传进了美国，不到几年功夫，就普遍得到人民的喜爱。再经过著名歌唱家的演唱，电台的播放，这首圣诞歌－平安夜，普遍的流传世界，而且各国都有翻译的歌词。不管是不是基督徒，几乎都熟悉这首「平安夜」，聆听的时候，而且会哼唱起来。　　关于「平安夜」这首圣诞歌，词句和曲子的写作，有不少的传说，下面所介绍的故事，最为动人美丽。　　　　原来在沙司堡附近的一个小村，住著一位音乐师方济葛鲁伯，妻子亚纳，他们有个天真活泼的儿子小方济。葛鲁伯在牧若瑟神父的学校里，教授音乐；主日则在教堂中领导圣歌队。每晚他回到家里，喜欢坐在院子里的大树下面，弹琴作曲，一家三口过得幸福快乐。不幸的，一八一八年秋天，可爱的小方济，突然因病去世，这一家顿时失去了欢乐，葛鲁伯夫妻二人再也没有笑容。这年圣诞夜，葛鲁伯独自去圣堂，参加子夜弥撒，他的心再也不像以前那样的活跃欢欣。圣诞节的欢乐，似乎跟他没关系了。弥撒结束以后，葛鲁伯匆匆的回家，在路边传出儿童们的歌声、嘻笑声，他的心更为沉重。进了家门以后，一片凄凉。他呼唤妻子的名字，没有回答。点上灯，看到妻子亚纳，趴在小方济以前睡过的床边抽泣。葛鲁伯再叫她，她不理。葛鲁伯无奈的叹口气，只好拿起乐器来，想演奏乐曲，来排解妻子的悲伤。　　　　当葛鲁伯打开琴盖，一张字条掉在地上，他捡起来一看，原来是前几天，牧若瑟神父所写的「平安夜」歌词，要他配上乐曲，由于思念小方济而忘了这事。这时候，窗外的夜色寂静，葛鲁伯联想到过去的一切，就坐在灯台前的椅子上，面对著妻子，开始谱「平安夜」的曲子。他边谱边弹边唱。这时候，妻子亚纳听到美妙的歌曲，忘记了其他，慢慢走近丈夫葛鲁伯身边，流著眼泪说：「亲爱的葛鲁伯，求天主宽恕我们吧！现在我明白了天主的圣意，小方济的去世，我们不该悲哀，应当喜欢！因为你弹唱的时候，我彷佛看见一大群小天使，来到我们的房子里，小方济夹在中间，随著他们快乐的唱著：『救世主诞生了！』」　　「平安夜」的曲调和歌词，搭配得天衣无缝，聆听的人，不论是否基督徒，都为之动容。如果说它是世界上最美妙动人的歌曲之一，相信没人反对的。　　　　转自《天主教之声》 </t>
  </si>
  <si>
    <t xml:space="preserve">关于艾叶治疗风湿，请教。我是看到个文章，如下，请教，这个方法对我 </t>
  </si>
  <si>
    <t>你的问题是产后血虚引起的,所以,你的关键问题是要先补足气血,如果忘记这点就会本末倒置了.阿弥陀佛!!!</t>
  </si>
  <si>
    <t xml:space="preserve">深圳找工作住宿哪里最好. </t>
  </si>
  <si>
    <t>呵呵，当然是关外啦。</t>
  </si>
  <si>
    <t xml:space="preserve">世界上著名的通讯社有哪些 </t>
  </si>
  <si>
    <t xml:space="preserve">新华社（新华网）   中国新闻社（中新网）   中央社（台湾）   中华新闻社（台湾）   合众社（UPI，美国）   美联社（AP，美国）   法新社（AFP，法国）   路透社（Reurters，英国）   俄通社（塔斯社）   埃菲通讯社(西班牙)   安莎社（ANSA,意大利）   德新社（DPA，德国）   共同社（日本）   时事社（日本）   朝鲜中央通讯社   英国国家通讯社   泛非通讯社   国际文传电讯   印度尼西亚安塔拉通讯社   印度报业托拉斯   奥地利通讯社   捷克通讯社   罗马尼亚Mediafax通讯社   南斯拉夫FoNet通讯社   南斯拉夫Beta通讯社   葡萄牙Lusa通讯社   土耳其Anadolu Ajansi通讯社   乌克兰Intelnews通讯社   意大利新闻社   加拿大通讯社   加勒比通讯社   巴西国家通讯社   伊朗伊斯兰共和国通讯社  </t>
  </si>
  <si>
    <t xml:space="preserve">2007年春节前股市何日停，春节后何开盘 </t>
  </si>
  <si>
    <t xml:space="preserve">春节休市比此前要少休息两天。2006年的春节，股市共休市了7个交易日，而2007年，春节的休市安排为：2007年2月17日（星期六）～2月25日（星期日）休市5个交易日（公休日除外），2月26日（星期一）起照常开市。这也是近年来，春节休市时间最短的一次。 此外，今年“五一”和“十一”的休市时间和往年差不多。 “五一”休市时间为2007年5月1日（星期二）～5月7日（星期一）休市5天（公休日除外），5月8日（星期二）起照常开市。 “十一”休市时间为2007年10月1日（星期一）～10月7日（星期日）休市5天（公休日除外），10月8日（星期一）起照常开市。 </t>
  </si>
  <si>
    <t xml:space="preserve">南欧包括哪些国家？？ </t>
  </si>
  <si>
    <t>欧洲有44个国家和地区。在地理上习惯分为南欧、西欧、中欧、北欧和东欧五个地区。南欧指阿尔卑斯山以南的巴尔干半岛、亚平宁半岛、伊比利亚半岛和附近岛屿，包括南斯拉夫、克罗地亚、斯洛文尼亚、波斯尼亚和黑塞哥维那、马其顿、罗马尼亚、保加利亚、阿尔巴尼亚、希腊、意大利、梵蒂冈、圣马力诺、马耳他、西班牙、葡萄牙和安道尔。西欧狭义上指欧洲西部濒大西洋地区和附近岛屿，包括英国、爱尔兰、荷兰、比利时、卢森堡、法国和摩纳哥。中欧指波罗的海以南、阿尔卑斯山脉以北的欧洲中部地区。包括波兰、捷克、斯洛伐克、匈牙利、德国、奥地利、瑞士、列支敦士登。北欧指欧洲北部的日德兰半岛、斯堪的纳维亚半岛一带。包括冰岛、法罗群岛(丹)、丹麦、挪威、瑞典和芬兰。东欧指欧洲东部地区，在地理上指爱沙尼亚、拉脱维亚、立陶宛、白俄罗斯、乌克兰、摩尔多瓦和俄罗斯西部。</t>
  </si>
  <si>
    <t xml:space="preserve">请问男人是不是喝醉了会说真话?同上 </t>
  </si>
  <si>
    <t xml:space="preserve"> 回答者：Peterson2004  级别：学长(2005-02-19 16:58:05) 你是说那些没有自控力的男人属于男人中的下品像我这样的上品男人什么时候都可以控制自己的言行即使喝醉了也不会走漏风声同意这些说法！因为经常应酬，了解酒桌上的事！醉了的话要都能信，有理智的话就不能信？有的男人喜欢装醉，其实头脑还是清楚的！所以真醉了，不可信，假醉，是借酒装胆而已！要认识一个人的本质，不能靠酒精的作用！但做人必须要说真话！虽然假话好听！ </t>
  </si>
  <si>
    <t xml:space="preserve">因为要长期熬夜，请问有什么饮料可以提神，但是不伤身体？（咖啡除外? </t>
  </si>
  <si>
    <t>喝茶啊,浓一点更好,不仅提神,还有保健作用!还可以自己做些小花样,如:加点柠檬,加点蜂蜜或牛奶等,不然就喝可乐和红牛咯!</t>
  </si>
  <si>
    <t xml:space="preserve">有了强迫症要怎么看疗效最好呢？ </t>
  </si>
  <si>
    <t>你好，虽然强迫症的病因至今未阐明，但依据现有的研究我们不难发现其发病不仅与人的个性心理因素有关，同时也与脑内神经递质渗出失衡有着莫大的联系。因而不论是心理治疗还是药物治疗，对缓解患者病情都起着举足轻重的作用。心理治疗：强迫症作为一种心理疾病，其发生机制非常复杂，具有相似症状的患者其心理机制可能千差万别。在心理治疗中，治疗师通过和患者建立良好的医患关系，倾听患者，帮助其发现并分析内心的矛盾冲突，推动患者解决问题，增加其适应环境的能力，重塑健全人格。药物治疗：强迫症的发病与脑内多种神经递质失衡有关，主要表现为5-羟色胺系统功能的紊乱。目前使用的抗强迫药物都是抗抑郁药，其特点就在于能够调节脑内5-羟色胺等神经递质的功能，从而达到改善强迫症状的作用。西药治疗强迫症毕竟是有副作用和依赖性的，所以中医治疗的优点就在于治标且不会让患者治好后停药复发，更具备优势。希望我的回答能对你有所帮助。</t>
  </si>
  <si>
    <t xml:space="preserve">专升本国贸建筑环境与设备工程土木英语工程管理这些专业公共课考什么? </t>
  </si>
  <si>
    <t>首先说明啊，我是山东的，只是参加过专升本。谈一些看法，不一定跟你那实际情况一直，仅供参考。1，不好升，很难。大约3%2，足够了，只要你下功夫。我宿舍的一个哥们就做到了（跟考研究一样过日子）。3，国际经济与贸易前景最好，但毕业真正从事该专业的很少-大约10%.我们学校该专业真实数据。工程管理和土木工程就业率最高。4，那太少了！几乎不可能。不知道你括号内的“定向”是指哪？5，这个不了解。6，我们这不分，唯一次一个。7，不清楚，你可问问已就业的该专业师哥师姐。当事人最有发言权。8，是这样的。9，有空的话到你准备报的学校去实地考察一下（或者该校论坛），听听里面的人怎么说比较真实。特别是即将毕业的同志。希望对你有帮助。</t>
  </si>
  <si>
    <t xml:space="preserve">父母死后承包集体土地怎么办我父母去世多年，其去世前承包的集体土地 </t>
  </si>
  <si>
    <t>从继承法来讲你弟弟有继承权，因此可以分一部分赔偿款，但要从你们兄弟对家庭的贡献来区分。</t>
  </si>
  <si>
    <t xml:space="preserve">女装哪些牌子不要加盟费?我现在是在湖北的一个中等城市,消费水平中 </t>
  </si>
  <si>
    <t xml:space="preserve">    这不太清楚拉,不过,艾格的衣服是越来越受人们的喜爱了,特别是一些上班族,白领,,学生.他们对服装的需求量大.</t>
  </si>
  <si>
    <t xml:space="preserve">请详细解释一下开盘庄拉涨停对庄有什么好处?散户如何应对? </t>
  </si>
  <si>
    <t>跟着坐轿啊！</t>
  </si>
  <si>
    <t xml:space="preserve">生个男孩就那么了不起吗？我是山东的，我们这儿重男轻女的思想较严重 </t>
  </si>
  <si>
    <t>我觉得现在的社会生男孩女孩都一样的，没人什么区别的，最重要的是宝宝能够健康成长，将来孝顺父母就好了，不一宝儿子就好的，现在的男宝宝都很能管也特别的调皮。说真的我还很羡慕你的。我刚怀孕的时候也想生个女儿觉得女儿比较贴心，谁知道却生了个儿子，有时候看见别人带着女儿打扮得漂漂亮亮的上街真的很羡慕。所以啊，别人怎么说你不用管他的。最重要的是家人的开心跟自己开心就可以了，随人家怎么说</t>
  </si>
  <si>
    <t xml:space="preserve">CPU频率过高会烧坏CPU吗我电脑CPU频率一直是百分百，我想知 </t>
  </si>
  <si>
    <t>不会烧坏cpu，因为现在cpu都有温度监控和过热保护系统，超过规定温度会自动关机。首先要解决cpu频率百分之百的问题，建议关掉一些不常用的自动启动项目和比较消耗资源的软件，其次，要查杀病毒，病毒会消耗大量cpu资源。再次要更换功率大，转速高的风扇，加快散热。还有尽量不要超频，超频会使cpu温度快速上升，得不偿失。</t>
  </si>
  <si>
    <t xml:space="preserve">绿色化学 </t>
  </si>
  <si>
    <t>绿色化学???什么绿色化学?怎么啦?</t>
  </si>
  <si>
    <t xml:space="preserve">我的跑跑号盗了，打个电话可以找回来吗？看了一下我的号，车还在，都 </t>
  </si>
  <si>
    <t>你登不上去  为什么还知道车还在啊</t>
  </si>
  <si>
    <t xml:space="preserve">肝功检查总胆红素23，直接胆红素9.5，间接胆红素14.1，谷丙? </t>
  </si>
  <si>
    <t>病情分析：你好，根据你的检查结果来看，考虑你有肝损伤的现象。虽然不算严重，但是需要查明病因，以便能根治。像你的情况需要排除乙肝、丙肝的可能，如果排除了乙肝、丙肝，则需要排除是否由脂肪肝，或者有近期服药的情况。指导意见：你应该再查乙肝五项以及丙肝抗体排除乙肝、丙肝的可能，如果排除了乙肝、丙肝，又排除服药情况以及脂肪肝的问题，有可能就是不明原因引起的急性肝损伤。这种情况首先可以饮食控制一下，不要吃辛辣刺激性食物、忌烟忌酒、不吃油腻食物以及动物内脏等，可以服用护肝片保肝治疗。具体情况必要的时候可以去医院检查治疗。</t>
  </si>
  <si>
    <t xml:space="preserve">怎么腌咸鸭蛋怎样腌咸鸭蛋更好吃并且出油，谢谢了！ </t>
  </si>
  <si>
    <t xml:space="preserve">具体制法是：将新鲜的鸭蛋洗净，晾干（不能放在阳光下晒干），放入坛罐内。然后在锅中，按每五十只鸭蛋用四公斤水的比例，把适量的生姜、八角、花椒放入水中煮。待煮出香味后，加粗盐一公斤、少许白糖及白酒五十克。此卤水完全冷却后，倒入摆入鲜鸭蛋的坛内，以没过蛋面为宜。将坛加盖，密封，存放二十天左右即可启封食用。其中：放白酒是咸蛋多出油的关键，千万不可忘记。因为白酒可以加速蛋内的蛋白质凝固，使蛋黄内的油被挤出。  </t>
  </si>
  <si>
    <t xml:space="preserve">自架车走京珠高速从广州到河北要多少费用？中型货车 </t>
  </si>
  <si>
    <t>走京珠高速从广州到河北约2000公里，中型货车 20座-35座 2.5吨-7吨 0.70/公里。</t>
  </si>
  <si>
    <t xml:space="preserve">请问各位老师.海正药业里面有没有庄家呀.为什么不涨,我是不是要换? </t>
  </si>
  <si>
    <t>还是早点吧.</t>
  </si>
  <si>
    <t xml:space="preserve">7月15号后的防沉迷完美快想个法子啊7月15号后的帐号防沉迷名字 </t>
  </si>
  <si>
    <t>您好:   可以改的噢.在诛仙的防沉迷专区.仔细看下.---------------------诛仙资料组  小宝</t>
  </si>
  <si>
    <t xml:space="preserve">现在还有人在玩传奇啊？多吗？ </t>
  </si>
  <si>
    <t>当然有了！而且还是很多啊！虽然和以前比少了些，但是盛大今后的路，给人感觉还是很期待的哦！你不玩了吧！不如也回来瞧瞧阿！我也是从不玩了到现在又燃起斗志了的！呵呵</t>
  </si>
  <si>
    <t xml:space="preserve">这么多孕妇的护肤品，孕产妇用什么护肤品好？ </t>
  </si>
  <si>
    <t>孕妇用什么护肤品呢，市场上的化妆品，一般都含有很多刺激皮肤的物质的成分，最好不要乱用。对宝宝很不健康。要清楚去认识孕产期的肌肤护理问题，使用安全，有效，专业的孕妇护肤品。</t>
  </si>
  <si>
    <t xml:space="preserve">请问下神泣各大BOSS的属性是什么各个大BOSS的属性.王座.蓝 </t>
  </si>
  <si>
    <t>谁说BOSS没属性？图2法迪恩副本里面的BOSS叫做“阿加哈”就是土属性的，不信自己去看看，我可是天天在那里虐待它的。</t>
  </si>
  <si>
    <t xml:space="preserve">经常饿肚子能减肥吗?会得胃病吗? </t>
  </si>
  <si>
    <t>会把身体搞坏的。吃零食，不如喝点酸奶、水果，薯片不要吃</t>
  </si>
  <si>
    <t xml:space="preserve">请问！在南昌治疗不孕不育多久能怀上孩子？ </t>
  </si>
  <si>
    <t>你好，育龄夫妇双方同居一年以上，有正常性生活，在没有采用任何避孕措施的情况下，未能成功怀孕则称不孕不育症。引起不孕不育的原因很多，像女方排卵障碍或不排卵、输卵管不通，功能不良、炎症，结核或子宫内膜异位症、免疫因素、男方少精或弱精症等，都可以导致不孕不育"你好，育龄夫妇双方同居一年以上，有正常性生活，在没有采用任何避孕措施的情况下，未能成功怀孕则称不孕不育症。引起不孕不育的原因很多，像女方排卵障碍或不排卵、输卵管不通，功能不良、炎症，结核或子宫内膜异位症、免疫因素、男方少精或弱精症等，都可以导致不孕不育。指导意见：建议您和您的爱人共同到正规医院做详细的检查，明确原因，对症治疗。在治疗的同时，推荐你俩吃精活速和凯贝尔蛋白锌硒咀嚼片，提高怀孕几率。"。你好，从你的描述来看，做好孕前准备即可试孕的，孕前3个月戒忌烟酒，补充叶酸，不要乱用药物，均衡营养，为生育一个健康优秀的宝宝做好准备.希望生个漂亮的宝宝。你好，不孕不育分为不孕症和不育症。育龄夫妇同居一年以上，有正常性生活，在没有采用任何避孕措施的情况下，未能成功怀孕称不孕症。虽能受孕但因种种原因导致流产、死胎而不能获得存活婴儿的称为不育症。您好,最好男女都去检查.男子要查精液中是否有精子,精子的量是否达到让女方怀孕的数量,存活率如何,（有无死精现象).女方是检查卵子是否正常,能否正常排卵,输卵管有无堵塞现象.</t>
  </si>
  <si>
    <t xml:space="preserve">我想换发型可是不知道哪种适合自己？我现在头发才过肩一点点，我本人 </t>
  </si>
  <si>
    <t xml:space="preserve">最新发型~！　　造型1：头发洗净擦干后，将发丝梳理通顺抹上保湿?ㄠ檬诌霾ㄎ疲匀环绺杉纯桑部捎么捣缤哺ㄖ贩⒎⒒ù悼拐龇⑿透优钏筛挥诙校鹁叻缜椤?　　齐肩的短发，充分显示出亚洲女性头发的轻飘柔软，顺滑的质感。运用精湛的修剪技术，将头发进行立体层次的衔接，既增添了强烈的动感，又不失发型的悬垂感。 　　造型2：洗净头发后自然吹开。用手指将发根抖松使发丝自然，垂度复位即可。如加以保湿发油可增添自然亮泽的效果。　　(注)：头发的长短取决于脸型的配合、颚部以下分层修剪保留了发梢的厚度，也不影响发梢自然飘逸的动感。 　　造型3：将头发洗净后用风筒将头发自然吹干。抹上保湿亮发油来增强头发的亮泽度及柔顺质感。　　(注)：整齐的无层次发型令人感觉沉重、单调。采用分层修剪产生的活泼动感，脸部轮廓线将发梢削薄可起到修整脸型的效果。棕红色的染发改变沉闷的黑色，使发色更加自然，柔和，也使整个发型更加立体活跃。 　　造型4：洗净头发后用毛巾擦干，用风筒将发梢自然吹干让发丝自然垂落，并在头发表层抹少许保湿亮发油。　　(注)：整体发型后部沿头颅自然弧度分层修剪打薄形成坡度，不规则的“S”型分线方法，时尚富于个性，两侧头发自然下垂可修整脸部较硬的线条。 　　 </t>
  </si>
  <si>
    <t xml:space="preserve">请问：有什么免费网站可以查到淮河流域历年洪涝灾害的资料比如发生情 </t>
  </si>
  <si>
    <t xml:space="preserve">淮河流域处于南北气候过渡地带，降雨受季风影响，上洪涝灾害频繁。据统计，从1450年到1949年的500年中，淮北豫东平原发生水灾251次，平均2年一遇；发生较大、特大洪水61次，平均8～9年一遇。豫南发生水灾160次，平均8年一遇；发生较大、特大洪水42次，平均12年一遇。现将建国后发生的几次大洪水分述如下：      1、1954年水灾。1954年江淮大水，淮河流域出现了1950年以来全流域最大的一次洪水。  7月份在江淮上空有一条西南、东北向，静止少动的切变线，沿切变线不断有西南低涡东移，致使7月我省份出现了五次大范围的降雨过程，且暴雨集中。暴雨途径先从淮南山区开始，然后向西北方向推进至洪汝河、沙颍河流域，其中：新县熊家河站月雨量990.2毫米，商城县长竹园站月雨量921.8毫米,固始站月雨量855.2毫米,沈丘站月雨量889.3毫米,均相当于或超过本地多年平均的年雨量。      由于雨量大，持续时间长，致使山洪暴发，河水陡涨，淮河息县站连续出现7次洪峰，有4次超过保证水位（40.50米），最高水位达42.95米，相应流量为5830立方米每秒；淮滨站7月6日最高水位达30.89米，超过堤顶1.5米，相应流量6360立方米每秒。淮南支流潢河、白露河及史灌河的最高水位均超出堤顶0.35～1.6米。蒋集站最高水位31.30米，最大流量4600立方米每秒，上下游均漫溢决口。洪汝河遂平站洪峰流量1710立方米每秒，为河道安全泄量的1.43倍；遂平、西平、汝南、平舆、新蔡等县均超过保证水位0.2～1.14米；班台站超过保证水位行洪达18天之久。      由于特大洪水，造成严重水灾。淮滨县除岗地外全部被淹；固始县三河尖水深1.5～3.6米，徐集、蒋集等地一片汪洋，平地行船；项城、沈丘、商水、新蔡、平舆等县的低洼地普遍积水1米左右，深者2米。京广铁路以东的洪汝河，沿河堤外行洪，1～3公里米范围内的农作物多被淹死。汾河干流自商水县秦湘湖、白寺以下，泥河自蔡沟集以下，坡地一片汪洋，沿河两岸数十里堤内水位同高，20多天水才归入河槽，洼地积水长达月余。      2、1956年水灾。6月2～11日，暴雨中心在淮河上游和洪汝河的中部，大庙畈站降雨535.6毫米，平舆站607.6毫米，固始、淮滨、新蔡、南李店皆在300毫米以上。此次暴雨淮河干流及淮南支流洪水均超过河道保证水位，洪水普遍漫溢。6月8日，淮河干流息县站洪峰流量达到7270立方米每秒，淮滨站达到8000立方米每秒，由于降雨时间适值淮河上游和洪汝河地区小麦收获季节，突然山洪暴发，使已经收获的麦垛被大水冲去，出现了水中捞麦，田间尚未收割的受到洪水的浸泡而霉烂，致使夏收严重减产。      第二次是6月18日～25日，暴雨中心在沙颍河上游，降雨强度大，二郎庙站降雨607.3毫米，下汤站420毫米，6月21日，下汤站洪峰流量4820立方米每秒，叶县站洪峰流量8810立方米每秒，致使沙河漯河以西堤防普遍漫溢，洪水涌进叶县城内，陆地行舟。沙河两侧湛河洼、灰河洼、唐河洼一片汪洋。泥河洼进洪1.98亿立方米。      3、1963年水灾。该年5月份太平洋高压势力强大，副热带高压脊线位置偏到25°N附近（较历年同期的位置偏北5°～10°），冷空气又源源不断侵入省境，造成阴雨连绵。5月7～8日，先在固始等地降雨150毫米左右，18日又在民权一带下了暴雨，民权日雨量256毫米，唐寨238毫米，以后连续阴雨到月底。商丘市5月份雨量为255.2毫米，其中永城站为433毫米，是常年同期降水量的7倍。当时，大部分河道尚未治理，有些阻水工程尚未处理，排水能力还很低。这场大雨造成豫东大平原一片汪洋。民权-睢县、太康-睢县-开封、杞县-兰考、开封-扶沟，以及豫南的罗山-淮滨、潢川-固县、泌县-南阳等公路全部中断。     4、1964年水灾。4月初淮南山区开始发生暴雨，光山等地日降雨量达100毫米以上。淮南支流及淮河干流先后出现洪峰，潢河、白露河、史灌河水位均超过保证水位，竹竿河等也接近保证水位，各河道虽未决口，但沿河岸造成了严重的内涝，积水时间长达20余天。  4月17～20日暴雨中心在伏牛山区，降雨量近300毫米，沙河白龟山水库以上4天累计降雨量200毫米，白龟山水库水位21日22时涨到103.89米，蓄水量3.81亿立方米，将正在施工的泄洪闸围堰冲垮，最大泄量3830立方米每秒；下游泥河洼被迫于22日4时开闸分洪，最大分洪流量1700立方米每秒，最高蓄洪水位66.99米，蓄洪量1.47亿立方米，致使滞洪区内5.3公顷小麦被淹，它是历年分洪最早的一次。      9、10月，沙颍河上游在阴雨天之中，还夹有大雨、暴雨，孤石滩站的月雨量达438毫米，昭平台为374毫米。10月份又普遍降雨100～200毫米，各地区的月雨量为常年同期的2.5～3.3倍。导致泥河洼滞洪区于10月5日再次进洪，成为泥河洼滞洪区自建成以来历年进洪量最晚的一次。9、10月份雨量这么大是多年来很少有的。      5、1968年水灾。1968年水灾主要在淮河干流地区。7月中旬，该地区出现了大暴雨，淮河干流洪水特大，是1950年以来41年中最大的一次洪水，造成了严重的洪灾。  7月中旬，太平洋副热带高压稳定在江淮一带，与西北南下冷空气交锋，形成低槽，稳定少变。自7月12～17日在淮河干流上游连续降雨，至20日副高北进，天气转好。本次降雨的特点，一是前期雨量较大，在6月28日至7月4日有一次平均140毫米的降雨；二是雨量大，历时长。淮河干流、淮南各站6天累计雨量在400毫米以上；三是暴雨的走向也比较稳定，前三天雨区主要在淮河干流及竹竿河，后三天主要在淮河以南支流。      由于前期降雨影响较大，后期暴雨东移与淮河洪水流向一致，洪峰接踵而来，形成底水很高洪水叠加的复式洪峰。息县以上平均降雨约560毫米，淮河干流及支流师河、小潢河、竹竿河等堤内外一起行洪，向息县汇聚，7月15日，息县站最高水位45.29米，洪水水面宽2500米，南至蒲公山，北到息县县城连成一片，水文站所在的王湾村成孤岛，最大流量为15000立方米每秒。潢河潢川站以上平均雨量527毫米，16日最高水位为40.62米，最大流量为3330立方米每秒；洪水超过堤顶，潢川南城以上右堤全线漫决，长达6公里米，潢川至商城公路一片汪洋。淮滨以上平均降雨490毫米，淮河干流、淮南支流几股洪水向淮滨壅汇，淮滨站16日最高水位达33.29米，最大流量16600立方米每秒，洪水位高出堤顶及淮滨县围堤0.79米，城关进水，干支流堤防普遍漫决，南北两岗之间一片洪水。王家坝实测流量17600立方米每秒（加上决口还原，合计总流量为20650立方米每秒），16日1时，王家坝闸开闸分洪；7时闸门大开，最大分洪流量1620立方米每秒，最高水位达30.35米，超过蒙洼圈堤堤顶0.35～1.35米，分洪闸公路桥面水深0.85米，蒙洼进洪已无法控制，全面漫溢。史灌河蒋集站最大流量为3110立方米每秒，淮河干流三河尖最高水位达29.84米，临王大堤陈村附近被冲决，部分洪水进入城西湖。洪河班闸也于14日17时42分开闸分洪，最高分洪水位35.98米，最大流量776立方米每秒。本次洪水的特点是干流水位消退很慢，淮滨水位在高程30米以上的持续时间为6天半；王家堤超过堤顶高程30米以上的洪水位达4天之久。      淮河干流地区，遭受这次特大洪水，造成了严重的洪灾。由于洪水水位普遍超过堤顶，大小河流，堤内堤外同时行洪，沿淮地区一片汪洋。淮滨县城进水后，洪水淹没到房檐，县城上下至三河尖之间，行洪积水时间长达20～30天，最大淹没深度3～5米。豫南沿淮地区197.81万群众受灾，50～60万群众家园被冲，倒塌房屋51.18万间。信阳市水灾面积为128千公顷，驻马店市受灾面积也有187千公顷。  6、1975年水灾。1975年8月，河南省洪汝河上游出现了一次历史罕见的特大暴雨，造成了震惊全的特大洪灾。      雨情：1975年8月4～8日，由于三号台风深入内陆，形成强烈低压系统，挺进到长沙转而北上，移入河南省境内，停留2～3天，与南下的冷空气形成对峙局面。这种热低压系统从海洋挟带大量水汽，与强冷空气遭遇时，辐合作用特别强烈，并受地形抬升作用影响，在河南省中部驻马店地区造成了历史上罕见的特大暴雨洪水。这次暴雨的特点是：强度大、面积广、雨型恶劣。降雨主要集中在5、6、7日三天，由三场暴雨组成，第一场暴雨的出现在5日14～24时，第二场暴雨出现在6日12时至7日4时，第三场暴雨出现在7日16时至8日5时。其中以7日暴雨最大，5日次之，6日最小。7日暴雨不仅范围广，强度大，而且50%～80%的雨量又集中在最后6小时。暴雨中心3天最大点雨量，林庄站1605毫米，郭林站1517毫米，相当于当地平均年降水量的两倍。林庄站24小时最大雨量1016毫米，其中6小时最大雨量为830毫米，达到世界纪录。      这次暴雨影响范围达4万余平方公里，3天雨量大于600毫米和400毫米的笼罩面积分别为8200和16890平方公里。      水情：这次特大暴雨，洪水来势猛、来量大，使水库、河道大大超过设计标准。处于暴雨范围内的10座大型水库，其中板桥、石漫滩、薄山水库水位超过坝顶，宿鸭湖、孤石滩水库超过校核水位，昭平台、白龟山水库超过设计水位。位于暴雨中心的板桥、石漫滩水库于8月8日凌晨1时前后溃坝失事，另有两座中型水库?竹沟、田岗及58座小水型水库先后溃坝。板桥溃坝时，入库最大流量13000立方米每秒，最大出库流量78800立方米每秒，其中垮坝流量78100立方米每秒；从8日1时，溃坝失事，水位急剧下落，至早晨7时已基本泄空，6小时内向下游倾泄7.01亿立方米洪水。石漫滩水库入库最大流量6280立方米每秒，垮坝流量为30000立方米每秒；从8日0时30分开始溃坝，至6时水库基本泄空，5个半小时向下游倾泻1.67亿立方米洪水，使下游遭到毁灭性灾害。薄山水库最高水位超过坝顶0.41米（低于防浪墙顶0.3米），经广大军民奋力抢险，保住了大坝。宿鸭湖入库洪峰流量24500 立方米每秒，最高水位离坝顶仅0.34米，个别低坝段已开始漫溢，经大力抢险，方转危为安。      本次洪水共产生径流157.4亿立方米，其中洪汝河57.3亿立方米，沙颍河55.5亿立方米，汾泉河5.8亿立方米。      洪汝河。板桥水库垮坝后，洪水沿汝河及两岸坡地滚滚而下，水头高3～7米，平均以6米每秒的流速冲向下游，洪水所过，村庄、树木一扫而光。早晨6时，洪峰到达遂平，扩散漫流宽度约10公里米，遂平县被淹，据遂平站调查，洪峰流量达53400立方米每秒。京广铁路被冲坏，洪水越过铁路后，大股洪水进入宿鸭湖水库，另一股洪水注向东北与小洪河的洪水连成一片。石漫滩水库垮坝后，田岗水库接着垮坝，滚滚洪水沿小洪河而下，又与干江河在锅垛口决口来的洪水相汇合，其前峰约于8日7时到达杨庄水库（现为滞洪区），将杨庄大坝原有决口由60米冲至130米。洪水出杨庄水库后，一股洪水紧靠杨庄下游左侧冲决洪河北堤入老王坡；另一股洪水沿洪河下泄，其中有一部分洪水又由桂李进洪闸分洪入老王坡；再一股洪水漫决洪河南堤向东南漫流经西平县，流入上蔡县境，与汝河洪水汇合。上蔡县境内一般水深3米左右，低洼地带水深5～6米。老王坡上游来水，包括石漫滩水库垮坝的洪水，干江河锅垛口决口来的洪水，大量进入老王坡，总计进入老王坡的洪水量为15.7亿立方米。9日14时，老王坡坡心最高水位达到59.21米，相应蓄水量4.54亿立方米，为设计蓄水量的2.3倍。老王坡蓄洪区的堤防，包括干河南堤、陈坡寨至五沟营之间的洪河左堤和东大堤自8日下午至9日凌晨相继漫决。干河南堤和东大堤决出的洪水约10.4亿立方米，经黑泥河漫流入汾泉河水系；洪河左堤决出的洪水，大部分漫过洪河流入上蔡县境，其中部分洪水在西洪桥以下，又漫过洪河进入泉河水系。宿鸭湖上游来水，包括板桥水库垮坝的洪水，薄山水库下泄的洪水，大量进入库内，总计入库洪水总量为19.65亿立方米。8日9时30分，最大入库流量达24500 立方米每秒，10时水库最高水位为57.66米，距坝顶仅0.34米，夏屯新老泄洪闸最大下泄5330立方米每秒。为了保大坝安全，8日13时在大坝南端野猪岗附近陈小庄南炸口分洪，至9日最大分洪流量为1020立方米每秒。宿鸭湖水库最大下泄6100立方米每秒。水库下游的汝河左右堤防先后在7日晚至8日晨全线漫决，两岸一片汪洋，与洪河漫流的洪水相混，涌向洪河下游班台。班台是洪河、汝河的汇合处，洪河、汝河大量洪水下泄，在上蔡、平舆、汝南、新蔡县境内窜流连成一片，水面宽数十公里，平地水深3～4米，低洼地水深5～6米，每小时10公里左右的速度涌向下游。洪水所到之处，村庄、农田尽被淹没，城镇普遍洪水，上蔡、平舆、汝南、新蔡等县皆成泽国，广大平原一片汪洋，大量村庄和上百万群众被洪水包围或泡在洪水之中。8月7日，班台站水位骤涨，至13日4时，最高水位达到37.39米，超过设计洪水位1.84米。为了拯救被洪水围困的群众，必须尽快排泄洪水。14、15日先后炸开班台闸及黑龙潭、方集等处阻水堤坝，使大量洪水经洪洼一带加速泄入淮河。      沙澧河。干江河是澧河的主要支流，处于郭林、油房山暴雨中心范围内。8月6日干江河官寨站第一次洪峰6840 立方米每秒，7日第二次洪峰5410立方米每秒，8日晨第三次洪峰特大，为12100立方米每秒。自官寨以下到干江河入澧河口，两岸全线漫溢。下泄的洪水，一部分在干江河右岸的锅垛口地段漫决，经三里河窜入小洪河水系；再一部分洪水沿干江河注入澧河。澧河上游的孤石滩水库靠近郭林暴雨中心，8日晨最大入库量6690立方米每秒，最大下泄流量2780立方米每秒，下泄洪水与干江河来水相汇，澧河堤防全线漫决，左岸漫决的洪水全部入泥河洼滞洪区，右岸漫决的洪水冲过唐河、小铁路、公路流入老王坡滞洪区。在沙澧河口以上，澧河有不少量洪水漫决进入漯河市，南市郊积水深2米左右。沙河上游昭平台、白龟山水库，8日最大下泄流量分别为3110、3300立方米每秒。北汝河襄城县站7日11时洪峰3000立方米每秒，9日0时洪峰2873立方米每秒。沙河左堤霍堰村东扒口分洪，口门宽193米，推算最大分洪流量1420立方米每秒。在叶县和舞阳县境内沙河左右堤决口30处，南决洪水全部入泥河洼，北决洪水顺坡漫流而下，越京广铁路，进入沙河、颍河之间的三角地带。泥河洼滞洪区，6日4时42分罗湾闸开闸过洪，7日9时18分马湾也开闸进洪，到7日20时，两闸进洪量与澧河漫决来水及泥河洼内水已达2.16亿立方米，两闸即行关闭。8日，澧河、沙河洪峰接踵而来，上游漫决洪水量涌进泥河洼。为减轻泥河洼的洪水压力，保护泥河洼及漯河市、京广铁路的安全，在包头赵村炸开泥河洼北大堤和沙河左右堤防，使泥河洼及沙河洪水泄入沙颍河之间。但终因洪水来势又大又猛，至8日22时泥河洼最高水位达69.8米，相应蓄水量4.32亿立方米，超过设计蓄洪水位1.8米，超过堤顶0.3米，造成泥河洼东大堤漫溢溃决，漯河市周围一片汪洋。沙河漯河站，9日3时最高水位为62.90米，相应最大流量为3950立方米每秒。漯河以下至周口，除沙河、颍河本身下泄洪水外，大量洪水顺沙北洼地漫流下泄，到周口归入河槽。周口站9日4时最高水位为49.92米，最大流量3450立方米每秒。漯河、周口两站的洪峰流量是1950年以来最大的。汾泉河本地降雨不大，但老王坡东大堤漫决的洪水约10亿立方米，以及小洪河左堤漫决的洪水进入汾泉河，使汾河以南一片汪洋，老项城、老沈丘城都进水。 </t>
  </si>
  <si>
    <t xml:space="preserve">孙悟空被如来封为"斗战胜佛",而观音只是菩萨,那个法力更大? </t>
  </si>
  <si>
    <t>观音菩萨是久已成佛，倒驾慈航，古佛再来，示现菩萨身，广度、接引有缘众生。佛佛道同，法力无边，没有高下之分。阿弥陀佛！</t>
  </si>
  <si>
    <t xml:space="preserve">马刺雷霆尼克斯赢盘没问题吧雷霆加油尼克斯大球 </t>
  </si>
  <si>
    <t>不错！新手期待小红旗！</t>
  </si>
  <si>
    <t xml:space="preserve">奥德赛都有什么颜色的? </t>
  </si>
  <si>
    <t>艾美紫，珍珠白，黑色，永恒蓝，丝缎银</t>
  </si>
  <si>
    <t xml:space="preserve">怎么辨别处女膜破没破只要没流血就没破，这个观点对么 </t>
  </si>
  <si>
    <t>不对第一、有的人处女膜很薄，破了也不会流血，或流很少，少到根本看不出来第二、有的人处女膜很厚，要房事很多此后才能破第三、有些人爱运动，人还是处女，但是膜已经破了去医院检查一下就知道破没破了，但如果你真心爱她，就应该相信她</t>
  </si>
  <si>
    <t xml:space="preserve">设lim(x→+∞)f(x)=A,A不等于0,证明:当x充分大时? </t>
  </si>
  <si>
    <t>取ε=|A|/2,lim(x→+∞)f(x)=A,∴存在N&gt;0，当x&gt;N时|f(x)-A|&lt;|A|/2,∴A-|A|/2&lt;f(x)&lt;A+|A|/2,A&gt;0时上式变为A/2&lt;x&lt;3A/2,A&lt;0时上式变为3A/2&lt;x&lt;A/2，∴命题成立。</t>
  </si>
  <si>
    <t xml:space="preserve">如何判断车在路上的行驶位置最近学车，有一个问题就是如何驾驶车辆时 </t>
  </si>
  <si>
    <t>透过车窗在车前左右各选一点（与左或右的道牙重合，并同时保车轮各与左右道牙３０ＣＭ），这两点因人的高度前后位置不同需仔细调试．</t>
  </si>
  <si>
    <t xml:space="preserve">乌龟怎么养，在多少温度的水里养？我不知道该怎么养它们...... </t>
  </si>
  <si>
    <t xml:space="preserve">5》怎样养龟    乌龟有陆龟和水栖乌龟。这里介绍的是水栖乌龟。    陆龟绝对不能放在水中。能放入水槽里养的只有水栖乌龟。 乌龟在哪里养好呢？     要准备的是，45cm正方的水槽，大块的石头和小碎石。在水槽里放入比龟甲高出2倍左右的水。大块的石头要选能高出水面的才好。大块石头是为乌龟晒背甲用的，从大块石头上到水面下要铺一层呈 斜面的小碎石。     水槽里被饭渣和粪弄脏了，打扫时要注意什么？     乌龟的甲上有时会长绿苔。要用炊帚轻轻刷掉。绿苔是因为晒太阳不足造成的。扔掉粪的时候要戴手套。因为粪中有沙门氏菌，如果沾在手上，再进入口中，会引起发烧，胃肠炎而腹泻。清扫完以后一定要洗手。乌龟食只是米饭粒就可以了吗？     米饭粒也可以，但是只吃米饭粒 ，营养会偏。因为乌龟是杂食性动物，所以给它们各种各样的食物比较好。吃剩的饭也可以，狗食也可以。怎么让乌龟冬眠？     乌龟在水温20℃以下的时候就会变得没有食欲。为了让乌龟冬眠，要准备另一个水槽。在另一个水槽里，放进15cm左右高的泥和树叶。再在上面加入30cm以上的水。在浅水中养的乌龟，有的可能不会潜水。那时候慢慢加入水就好了。装乌龟的水槽要放在安静又较暗的地方。而且温度要在0～10℃左右。超过10℃的话，乌龟不会冬眠。 </t>
  </si>
  <si>
    <t xml:space="preserve">你认为最经典的音乐是什么! </t>
  </si>
  <si>
    <t>从小就哼哼的,现在还时不时的哼哼的那种!~,现在已经有很少你这样的问题了!~哎,好怀念啊!</t>
  </si>
  <si>
    <t xml:space="preserve">广东外语外贸大学日语专业(自考)学士学位申请条件 </t>
  </si>
  <si>
    <t xml:space="preserve">★ 广东外语外贸大学关于授予成人高等 本科毕业生学士学位的规定 ★ •  根据《中华人民共和国学位条例》、《中华人民共和国学位条例暂行实施办法》，以及国务院学位委员会《关于授予成人高等教育本科毕业生学士学位暂行规定》、广东省学位委员会《关于加强普通高等学校授予高等教育自学考试本科毕业生学士学位工作的函》、广东省自学考试委员会《关于调整我省高等教育自学考试本科毕业生申请学位条件的通知》，结合我校成人高等教育 (含自考)本科毕业生的实际情况，特制定本规定。 •  凡我校开办 (或开考专业)的成人高等教育(包括成人高等学历教育、自学考试、公开学院)本科毕业生，符合下列要求者，可授予学士学位： 1. 拥护中国共产党的领导，拥护社会主义制度，热爱祖国，愿意为社会主义建设事业服务，遵纪守法，思想品德鉴定合格。 2. 完成本科教学计划的各项要求，其课程学习成绩表明确已较好地掌握本门学科的基础理论、专门知识和基本技能，经审核获得毕业资格。 3. 具有从事科学研究工作或担负专门技术工作的初步能力。 4. 本科段各科成绩平均在65分以上(含65分)。 5. 自学考试、公开学院外语专业毕业水平考试成绩在65分以上(含65分)。 6. 自学考试、公开学院非英语专业、成人高等学历教育毕业生毕业论文成绩在良好以上(含良好)。 7. 外语专业必须考第二外语，且成绩合格。 8. 通过省学位委员会组织的外语统一考试。 9. 撰写学位论文并通过学位论文答辩。 •  成人高等学历教育毕业生已毕业离校，公开学院毕业生毕业时间超过一年，不授予学士学位。 •  自学考试毕业生符合本规定第二条，但有下列情况之一者，不授予学士学位： 1. 自学考试曾经作弊，并受过停考一年(含一年)以上处分。 2. 毕业时间超过一年。 •  本规定自公布之日起实施。此前我校已授予学士学位的成人高等教育本科毕业生，不适用本规定。 •  本规定由学校学位委员会解释。广东外语外贸大学★自学考试咨询电话★ ▲ 　广东省自考办查证电话： 38627855 、 38624455 ▲ 　广州市自考办电话： 83868080 ▲ 　白云区自考办电话： 86367165 ▲ 　广东外语外贸大学自考办： 36207097、36207086 •  广东外语外贸大学公开学院教务办： 86072745 </t>
  </si>
  <si>
    <t xml:space="preserve">18三体风险1/20你好！我现在有宝宝已经4个多月了，前段时间孕 </t>
  </si>
  <si>
    <t>胎儿的健康是准父母们最担心的事情。以优生保健的医学观点来说，通常需接受羊膜穿刺的孕妇，主要是：年龄在34岁以上，而且唐氏筛查显示染色体异常几率大于1/270者，孕妇在本胎次进行超声波扫描被怀疑有染色体异常者，曾经生下先天缺陷儿，油气试唐氏症和神经管缺陷儿者；前胎在怀孕期中不明原因死亡或新生儿死亡者。而孕妇或配偶有遗传性疾病或染色体异常情形，孕妇血清中甲型胎儿蛋白检查结果有不正常升高或偏低，或曾有3此以上习惯性流产病史，家族中有染色体异常者，都是医生建议在怀孕期间进行羊膜穿刺的对象。鉴于你的情况，建议你最好再换家正规重新做次唐氏筛查和B超，最少应该先从这些科学数据中得到更准确的确认，然后再考虑是否做羊膜穿刺。一定要尽早去检查，过了4个月，数据就会又有误差了。而且，势必要做羊膜穿刺的话，也要在怀孕16周时，羊水量为200-300毫升时，抽取其中的20毫升做检测。这个不至于会给胎儿造成影响，且这个时候的羊水中存货的胎儿细胞较多，有利于更准确的检测。为了让你更了解羊膜穿刺，以免除不必要的担心，我在这里把羊膜穿刺的进行程序给你分解一下，以供你参考：1、孕妇在进行羊膜穿刺前，要先排尿，然后平躺，由医生以B超观察胎儿位置、大小及胎盘位置，接着在最适合穿刺的点做记号；2、在无菌操作下，以22号穿刺针在超声波引导下经腹壁、子宫壁插入羊膜腔，首先抽出1-2毫升的羊水来进行甲型胎儿蛋白检查，接着再抽出16-20毫升的羊水来做细胞培养；3、拔出穿刺针后，以无菌纱布盖住伤口，并以B超再次确定胎心正常后，将抽出的羊水送至羊水实验室进行细胞培养，待培养完成后，检查20个细胞观察染色体是否正常。整个过程都是在超声波探头的引导下操作的，由技术纯熟的医生来执行操作过程，因此安全系数是非常高的，根据调查，胎儿被刺伤的几率可以说是微乎其微，而因穿刺引起的胎儿流产的几率小于千分之5。但有约2%的孕妇在接受羊膜穿刺后，可能会感到子宫收缩，有引导少量出血或渗出羊水的情形产生，这种情况通常不需治疗，休息一两天就会恢复正常，也不会造成不良影响，关键是孕妇的心态要调整好，不要因过分担心和焦虑，造成一些不良影响。</t>
  </si>
  <si>
    <t xml:space="preserve">求大神推荐一些适合挂在卧室的挂画，谢谢？ </t>
  </si>
  <si>
    <t xml:space="preserve">1、卧室斗方画《母与子》 李明成的作品，并不刻意做作，他的作品画面朴实、真挚、洋溢着浓厚的亲切感，装饰性极佳。李明成诗书画俱佳，尤其画面落款题跋都很值得玩味。《母与子》构图别致，画面生动活泼，非常适合悬挂在家中卧室。 2、王宝钦精品四尺斗方《荷池》 鸳鸯戏水，可挂与家中卧室中， 《荷池》笔墨老辣流畅，作为当代有影响的花鸟画大家，王宝钦先生的作品不论收藏还是装饰都具有非常高的价值。 3、精品四尺卧室装饰国画《相恋》 本副作品寓意美好，是夫妻房间挂画佳品。一方，原名：张艳芳，99字画网国画创作组成员，1968年生于辽宁抚顺，现居北京，自幼喜欢绘画，深受蒋兆和，黄胄，范曾，刘大为等老艺术家的影响，1990年毕业于东北大学后进修于鲁迅美术学院，现居北京，专职画家。 4、周升达双鱼图 新房卧室装饰风水画 周升达，国家一级美术师，中国画院国画组长，本副作品极有意味，红黑两条鱼形成太极图案，镇宅保家赐福纳瑞，两只富贵吉祥鱼非常适合悬挂在家中卧室。 </t>
  </si>
  <si>
    <t xml:space="preserve">BIOS密码清除办法我的BIOS是Phoenix型号的，请问怎么 </t>
  </si>
  <si>
    <t xml:space="preserve">　　的BIOS密码不是台式机那么简单，绝大多数台式机BIOS的密码只要拔掉主板电池就会丢失，而在笔记本电脑上面这种方法是没有用的。　　在笔记本电脑中，密码有专门的密码芯片，或者写在FlashRom中，如果你忘记了密码，真的可以是机器报废的局面，而且各大厂商都明言不会为这种忘记密码的情况保修，如果你要修的话就只能更换主板了。　　笔记本电脑的BIOS密码大致分为开机密码（Power On Password）；超级用户密码（Super Visor Password）和硬盘密码（Hard Disk Password），有些机种还有自己特有的密码。对于开机密码，绝大多数机种都可以通过拔掉BIOS电池的方式去掉，但是前提是你没有设置超级用户密码，否则即使去掉了开机密码，超级用户密码还是会出现，不输入正确密码不能进入BIOS。有一个许多人不知道的地方，就是开机密码和超级用户密码不能设置成一样的，否则在你取消了超级用户密码之后，开机密码会跳出来，而且你输入原来的密码也是不能通过的，这时你就只有拔电池放电了。　　硬盘密码是一个比较少人了解的部分，它的作用是防止在笔记本电脑被盗后硬盘里面的资料被盗用，加了硬盘密码的硬盘，超级用户的密码同时生效，在本机上面没有超级密码不能读取硬盘，即使拆硬盘到其他的机器上面，硬盘密码仍然存在，硬盘仍然不可读取。所以我并不建议大家用这样的硬件级方法加密硬盘，采用软件加密文件夹即可。资料来源： </t>
  </si>
  <si>
    <t xml:space="preserve">内存管理的问题，，老师布置了几道题，不太会做，请高手指点，，1、 </t>
  </si>
  <si>
    <t xml:space="preserve">1.就是 是用 磁盘工具X盘 属性 工具  里面就有 2.我的电脑 属性  高级 性能 高级  也许说的不是上面那个还有另外一种可能 打开windows任务管理器   查看 选择列... 在里面找到自己需要看到数据 数值  打上 勾  就可查看3.物理内存是插在主板上的一个硬件设备－内存条 而虚拟内存则是硬盘上的一块特定空间 也就是说 你的内存条有多大你的物理内存就有多大 我的电脑 ---属性  就可看到 一般在偏下的位置虚拟内存就是 我在【1】中回答的 操作步骤4.感觉就像是打开windows任务管理器   查看 选择列... 在里面找到自己需要看到数据 数值  打上 勾  就可查看  </t>
  </si>
  <si>
    <t xml:space="preserve">二项式定理在(a*x^m+b*x^n)^12中a和b大于02m+ </t>
  </si>
  <si>
    <t>(ax^m+bx^n)^12的展开式的第k+1项为(ax^m)^(12-k)(bx^n)^k=a^(12-k)b^k*x^[(12-k)m+nk]因为2m+n=0,所以n=-2m, 因此当该项为常数项时(12-k)m+nk=(12-k)m-2mk=(12-3k)m=0---&gt;k=4 (假设m,n不为0，否则是常数的展开式了)(1) 因此系数最大项是第5项(或者第4项，把k=0项看成第0项，或者倒的次序排列的话为第8项，或者第9项，看你怎么排次序了)。(2) C(12,k)在k=6时最大，但C(12,k)a^(12-k)b^k=b^12*C(12,k)(a/b)^(12-k).为最大系数，因此C(12,4)(a/b)^8&gt;=C(12,5)(a/b)^7,因此 a/b&gt;8/5.C(12,4)(a/b)^8&gt;=C(12,3)(a/b)^9, a/b&lt;9/4.其他各项都比C(12，4)(a/b)^8小，所以8/5&lt;a&lt;9/4</t>
  </si>
  <si>
    <t xml:space="preserve">初一英语题1.Whathappenswhenwefreezewa </t>
  </si>
  <si>
    <t>这好象是考察词汇的题,是吗?还是将来时？1. It will become ice.2. It will become water.3. It will become boiled water/ vapour./steam4. It will become water.5. It will cool down.因为不太明白你的题，所以回答难免有些不符合老师的要求．下次把题目说得清楚些，好吗？</t>
  </si>
  <si>
    <t xml:space="preserve">关于行会收人问题天骄伴随我二年多了，天2时我就组建过帮会。FU我 </t>
  </si>
  <si>
    <t>你笨啊`~FW和天骄2不一样你有原因~~~~~~~~~~~~~~~~~~~~~~~~~~~~~~~~~~~~~~~~~~~~~~~~~~~~~~~~~~~~~~~~~~~~~~~~~~~~~~~~~~~~~~~~~~~~~~~~~~~~~~~~~~~~~~~~~~~~~~~~~~~~~~我个人认为FW不会改成天骄2那样FW刚刚开始~运营~往后~~有好多好的动动~~还会开国战吧~~赵国的+齐国的会`~不是叛国行为吗?????~~   你自己好好想想`~~~~~~~~~~~`~~FW改成天骄2那样`~就`~不回有那么多人玩FW了</t>
  </si>
  <si>
    <t xml:space="preserve">现在这个社会投资什么好呢？？？房产？理财产品？债券？股票？黄金？ </t>
  </si>
  <si>
    <t>投资哪种都好，要看你对哪个产品更了解一些，这些投资产品的风险都不太一样，投资资金也不同。如果固定收益风险小肯定是银行推行的理财产品和国债要好一些。风险投资可以考虑黄金、股票这类的产品。至于房产，国家调控比较多除非刚性需求还是不建议投资了。不过有好地段的店铺还是可以考虑的</t>
  </si>
  <si>
    <t xml:space="preserve">去美国120名以后的学校真的比荷兰的前5名更有前途吗？仅就毕业后 </t>
  </si>
  <si>
    <t>看情况了，欧洲公司喜欢用欧洲学校毕业生。我就是荷兰阿姆斯特丹大学毕业的，在荷兰一500强公司实习后来去了法国某公司。不过欧洲的工资可能比美国少点，税高点但是福利好些。压力相对美国而言也小点。并不是说没有压力，只是感觉欧洲人会休息。我在美国工作过，个人喜欢欧洲的氛围。</t>
  </si>
  <si>
    <t xml:space="preserve">上海有几个文具批发市场啊?分别在那里呢?希望能多介绍下各个批发市 </t>
  </si>
  <si>
    <t>最大的是天潼路曲阜路上海工业品批发市场,办公用品、礼品、各种文具等等，一般都是到那里去批的,今年会搬迁到西藏路西面原来的四行仓库去。</t>
  </si>
  <si>
    <t xml:space="preserve">122榴弹炮和130加农炮，哪个射速比较快些？ </t>
  </si>
  <si>
    <t>很简单，130加的炮闩是半自动立楔式，122榴的是手动螺式炮闩；仅此一点差别，就足以让130加的每分钟射速比122榴高3-4发。即使是原来用手动横楔炮闩的59式130加也比54式的要高1-2发。由于这两款火炮都用分装弹药，口径又相差不大，因而炮闩的形式就是影响装填速度和发射速度的主要因素了。</t>
  </si>
  <si>
    <t xml:space="preserve">请问牛奶的纯点在什么地方 </t>
  </si>
  <si>
    <t>能用到牛奶的料理无非有4个，一个是小面包，一个是法面，一个是蛋包饭，最后一个是哈密瓜面包。这4个里面只有法面还有市场，其他3个东西没有人卖。法面需要20个小麦，20个牛奶，20个盐。楼主无非是想找到其中最难搞的牛奶的纯点，打猎方便吧？但是很不幸的告诉你，牛奶的纯点在砍村有，你想去吗？练到25级才能传送先不说，光是村外40多级的怪物就够你受的了。其实有个很好的方法希望楼主采纳，在12村外的混点挖牛奶，挖出的番茄去换小麦。这样你一般不需要特意去挖小麦了。盐可以在亚留特村外挖，或者去新城外的坐标，也很好，推荐新城外的。具体的坐标可以参看新浪的[地图坐标]。如果你觉得小麦不够的话，也可以在12村外挖盐的混点挖出番茄换小麦，但那个坐标盐少番茄多。不推荐。</t>
  </si>
  <si>
    <t xml:space="preserve">实况十的问题请问战神巴蒂在那里？ </t>
  </si>
  <si>
    <t>到商店里去买吧</t>
  </si>
  <si>
    <t xml:space="preserve">洛阳输卵管堵塞不孕的治疗方法？洛阳输卵管堵塞不孕的治疗方法有哪些? </t>
  </si>
  <si>
    <t>您好，治疗输卵管堵塞的方法有很多，治疗输卵管堵塞要根据堵塞的部位和程度选择不同的治疗方法，对于远端堵塞可以选择四镜一丝微创输卵管复通术治疗，通过联合运用输卵管镜、宫腔镜、腹腔镜、生育镜"四镜"和COOK导丝系统"一丝"，一次性有效介入，准确检测出卵巢、宫腔、腹腔、输卵管腔内外病变，能同步全面解决子宫、卵巢盆腔与输卵管积水、粘连与阻塞等问题。建议到不孕不育专科医院做治疗。</t>
  </si>
  <si>
    <t xml:space="preserve">取名字请大家帮我儿子取一个好听的名字，我本人姓徐，先生姓陈。孩子 </t>
  </si>
  <si>
    <t>叫:陈旭升(谐音哦,也就是陈徐生)</t>
  </si>
  <si>
    <t xml:space="preserve">盐酸阿扑吗啡舌下片对肾有伤害吗？这种类似含服的药会对肾有伤害吗？ </t>
  </si>
  <si>
    <t>盐酸阿扑吗啡舌下片舌下片是含服药物，是经过唾液进入血液，不经过肝肾代谢就不会对肝肾造成损害的。</t>
  </si>
  <si>
    <t xml:space="preserve">开家玩具店本人很喜欢动漫以及其周边得东西想开一家这样得店,我家是 </t>
  </si>
  <si>
    <t>这问题别人是很难回答的，做什么生意都有钱赚，做什么生意都没有钱赚关键是看你怎么去做，你可以做一下市场调查，估算一下成本</t>
  </si>
  <si>
    <t xml:space="preserve">无锡市计划生育指标政策我和我老公都是再婚，也都未曾生育，请问可以 </t>
  </si>
  <si>
    <t xml:space="preserve"> 女方为农村户口，一方是独生子女的，可以申请再生育一孩。详细情况请登录无锡人口网查阅《江苏省人口与计划生育条例》。 </t>
  </si>
  <si>
    <t xml:space="preserve">当发现谈了四年的女友不是友女后······我该怎么办呢，还要不要 </t>
  </si>
  <si>
    <t>他不是处女， 那你是处男吗??他以前骗过你吗?(她说过她是处女吗? )为什么不信她了呢? 如果不是处男的话: 不觉得自己有点过分啊?? 如果是的话: 那不属过去了吗? 他现在爱得不是你吗?</t>
  </si>
  <si>
    <t xml:space="preserve">降龙十八掌掌法？？？第一式：亢龙有悔第二式“？？？？？？？？？？ </t>
  </si>
  <si>
    <t xml:space="preserve"> 1、亢龙有悔：降龙十八掌中最常使用的一招，取意于中的乾卦，乾代表天，辞曰：“亢龙，有悔”是说亢龙（飞向尽头的龙）虽然当世无敌，但力终有尽时，力尽则悔，悔不可及。所以洪七公教导郭靖亢龙有悔，盈不可久的道理，此招重悔不重亢，后尽无穷。 2、飞龙在天：降龙十八掌中的一招，同样源于周易。辞曰：“飞龙在天，利见大人”，飞龙即翱翔在天空的龙，飞龙在天，看尽世事，所以能发现大人（有道德的人）。这一招由上势下，借惯性伤人，正如飞龙借有德者而扬名，威力奇大。3、龙战于野：取意于周易中的坤卦，坤者为地，辞曰：“龙战于野，其血玄黄”，野在这里作为平地讲，玄指黑色，其血玄黄是说血改变了应有的颜色。按古代的思想，龙上在于天，中潜于渊，下见于田。“龙战于野，其道穷也”指的就是龙处在了不该处于的位置，他的力量同时也被激发了出来，出这招一般在于危难之时的奋力一博，正因为没有退路，所以此招才无所不辟！ 4、潜龙勿用：源于坤卦，辞曰：“潜龙勿用”，龙潜于渊，其志难测，所以不可用。此招劲收于内凝而不发，但若有敢试其锋芒者，必受其殃。5、利涉大川：源于同仁卦，同人既是同志，辞曰：“同人于野，亨，利涉大川，利君子贞”有好朋友聚集起来，畅通无阻，所以去危险的地方也变得安全了。此招表面平平无期，实质上力聚于掌，正如好友的聚集，难凝而易散。如中此招，必定全身筋脉尽碎，死的苦不堪言！ 6、鸿渐於陆：出于渐卦，渐指妇女，辞曰：“鸿渐于陆，其羽可用为仪”大雁降到平地上，他的羽毛可以被妇女用来装饰。此招之用，在一个巧字，藏巧于拙，用羽为仪。7、震惊百里：出于震卦，震就是雷，辞曰：“震惊百里，不丧匕鬯（鬯：一种酒）”本来是说一个人虽然被吓了一跳但连酒也没撒掉，但光从名字来理解的话就是说雷电莫大的威力了。这一招生势虽震人，但对高手却作用不大。8、神龙摆尾：本名履虎尾，出入履卦，履既踏，辞曰：“眇能视，跛能履，履护尾，咀人”意思是说人瞎了一只眼睛还能看见东西，瘸了一条腿还能走路，但是如果不小踏上了老虎的尾巴，就会被它吃掉。这招专攻背后之人，劲道奇猛，实为降龙十八掌的救命绝招。9、时乘六龙：出自乾卦，辞曰：“时乘六龙以御天”自古传说五岳为中华灵气之所在，每岳各有神龙镇守，加以姬黄帝（就是轩辕黄帝）之应龙，是为六龙。六龙齐出，王道浩然，其势之大，盖地铺天，为降龙十八掌最有王道正气的一招。10、密云不雨：出自乾卦，辞曰：“密云不雨，时或有风”雨云很多了但不下雨，那是由于在等待着刮风。此招不在于密云不雨，密云不雨只是力量的积累，而真正的杀手却在时或有风上，风声（时机）一起，敌人便万劫难逃了。 11、损则有孚：出自损卦，损就是不利的方面，和益卦相反。辞曰：“损，有孚”孚就是信用，辞曰：“自上至下谓之损”本句是说虽然守了信用但却没办成好事。此招出招和飞龙在天相似，自上而下，然损却接益，辞曰：“自下至上谓之益”，变招犹如异军突起，让人防不胜防。12、履霜冰至：出自坤卦，辞曰：“履霜，坚冰至”踩到了霜，就应该想到大冰雪要来了。这招招如其名，初时似柔弱无力，但如敌人胆敢进招，就如暴雪突降，后劲无穷。 13、羝羊触藩：出自大壮卦，辞曰：“羝羊触藩，赢其角”两只羊角力，赢的用的是它的角。这招用途不是很好解释，大概是说要用有力点来伤敌。但“羝羊触藩，不能退，不能邃。”运用不当相信会反受其害。14、见龙在田：出自坤卦，辞曰：“见龙在田，大贞”就是说看见龙在田中会有好是发生。这一招掌力霸道异常，为降龙十八掌最强的一招，取名见龙在田，既是说一掌打去，敌人完蛋大吉。（15、突如其来 16、或跃於渊 17、鱼跃于渊 18、双龙取水）十八掌对应乔峰的一生 龙跃于渊段誉自听香水榭受气来无锡松鹤楼借酒消愁。孤寂袭心，忍不住长叹一声。此时段誉内力已颇深，这一叹引起一位大汉的注意。段誉与其把酒共饮，又赛脚力，如此一番，笔者方将此人姓名交代：乔峰。这一出场，算一招“龙跃于渊”。英雄出场也！突如其来杏子林里乔峰这一形象逐渐丰满起来。一上来，不与包不同斗口，反而道歉，那几句话说得实是得体之极。不愧一帮之主。随后，要为风波恶吸彩蛛之毒(虽最终由段誉吸毒)，英雄形象跃然纸上。而这时忽然传出“乔峰不是汉人，是契丹胡虏”的奇闻，中原第一大帮的帮主竟然是大宋的死敌契丹人，上场至此，未过一夜，实是“突如其来”。 潜龙勿用身世不明，丐帮上下自然而然的生有敌意。乔峰这样的英雄，当然不会用武功稳固帮主之位，打狗棒送众人面前，临去时也不失英雄本色！从此是“潜龙勿用”了。履霜冰至卸下帮主之位，江湖上无甚去处，于是又回到父母家中。孰料父母居然双双毙命，且是被武林高人以掌力击毙。更惊的是少林寺僧人前来解救，见乔氏夫妇倒地，以为是乔峰所杀，真是“证据确凿”，百口莫辩。忽然想起：恩师莫要也遭凶险”，匆匆又至少林寺。受业恩师玄苦也遭毒手。呼号之声，自然惹来少林僧人。又添一罪。真是祸不单行，“履霜冰至”。 震惊百里乔峰杀害副帮主、昔日的养父养母、受业恩师的消息，自然是“恶事传千里”。所以薛神医发下英雄帖，为江湖除一害。帖子一发，真是“震惊百里”了！乔峰在少林寺认识的阿朱，这时也需要医治，乔峰这样的英雄，当然要去这“集贤庄”，“英雄会”了。龙战于野最佩得上英雄的人物却未参加英雄大会，而这“英雄大会”正是要杀这位最佩得上英雄称号的人物，实在是个“野会”。而会中“四大恶人”之一的“恶贯满盈”云中鹤也在会中搅水一番，更是对这英雄大会的讽刺。回目名起的狂傲之极：“虽万千人吾往矣”！这时的英雄才真正的壮斗一番。降龙十八掌只这一招有个“战”字，又有个“野”字，聚贤庄这一战，当是这招“龙战于野”。而且乔峰以北宋正宗的“太祖长拳”战少林寺天竺拳法(达摩老祖)，也是“野”字的解释。双龙取水这一场后乔峰要去雁门关寻找那久远的石碑，欲从中找到关于自己的身世线索。石碑年代久远，自然不从考。不料阿朱却忽然出现在乔峰面前，乔峰难遇知音，与阿朱相伴，去找那当年的带头大哥。两人这一路探寻带头大哥的下落，又猜测“大恶人”的秘密，正是一招“双龙取水”。鱼跃于渊两人一直找到丐帮马夫人家中。阿朱装扮成白长老欲从马夫人口中骗出带头大哥的姓名下落，却被马夫人识破，马夫人说道：这位带头大哥，乃大理国当今皇帝的亲弟，姓段名正淳，封为镇南王的便是。”阿朱自然不知，说：阿朱道：“原来带头大哥竟是大理国的镇南王，大家死也不肯说出来，都是为了回护於他。”唉！两人并肩而行，直走出十余里，萧峰才长叹一声道：“阿朱，多谢你啦。”两人都以为带头大哥是段正淳，以为恶人浮出水面。两人不知真相，是一招“鱼跃于渊”。 亢龙有悔乔峰找到段正淳，自然要报当年之仇，可谁知段正淳与阮星竹竟然是她的亲生父母！一家人，阿朱自然不忍让人杀死，更怕自己的情郎与父亲性命相拼，两难之间，只好出一计，代父领罪。 这天午间他出手相救段正淳时，提着他身子为时颇久。武功高强之人，手中重量便有一斤半斤之差，也能立时察觉，但这时萧峰只觉段正淳的身子斗然间轻了数十斤，心中蓦地生出一阵莫名的害怕，全身出了一阵冷汗。便在此时，闪电又是一亮。萧峰伸手到段正淳脸上一折，着手是一堆软泥，一揉之下，应手而落，电光闪闪之中，他看得清楚，失声叫道：“阿朱，阿朱，原来是你！”亲手杀死心爱的阿朱，是乔峰这一生最痛苦的事了！而且，如若真是段正淳是当年的带头大哥，这一掌代父领罪，此事倒也就此了结，乔峰欲回小镜湖要段正淳为女儿报仇，发现了段的笔迹，悲痛中思路清晰，与杏子林中的带头大哥的笔迹全然不同。此时，任你是什么龙也要“有悔”了！ 密云不雨临死时阿朱却给乔峰留下了一个难题：照顾妹妹阿紫。“塞上牛羊空许约”自然成了梦幻泡影。这一节，自是“密云不雨”了！见龙在田此时的乔峰哪里还有心情查什么带头大哥？和阿紫摆脱星宿派追捕，帮阿紫在星宿派得到地位，失手又伤了阿紫，想道：“我已害死了她姊姊，就算不听阿朱的话，不去照料她，保护她，终不能激死了她。”得知人参可以续命，只好“莽苍踏雪行”了。一眼望将出去，前后左右尽是皑皑白雪，雪地中别说望不见行人足印，连野兽的足迹也无。萧峰四顾茫然，便如处身于无边无际的大海之中。风声尖锐，在耳边呼啸来去。这一节，是一招“见龙在田”。 羝羊触蕃英雄到哪里都是英雄。赤手屠熊搏虎，空空赤手，击熊、虎这样的猛兽，“屠熊”之中遇到了契丹皇帝、武士，又以空拳抵御侵袭，当是“羝羊角蕃”。利涉大川认识了契丹之主，又与其结拜。为朋友两肋插刀，朋友遇难，做兄弟的自然要帮。乔峰执了一张硬弓，士枝狠牙长箭，牵过一匹骏马，慢慢拉到山边，一矮身，转到马腹之下，身藏马下，双足钩住马背，萧峰以足尖踢马，纵马向楚王直冲过去，眼见离他约有二百步之遥，在马腹之下拉开强弓，飕的一箭，向他射去。楚王身旁卫士举起盾牌，将箭挡开。萧峰纵马急驰，连珠箭发，一箭将那卫士射倒，第二箭直射楚王胸膛。“众叛军群龙无首，虽有凶鸷倔强之徒，也已不敢再行违抗，但听得呛啷啷之声响成一片，众叛军都投下兵刃。”这一段平定楚王之乱，英勇无比，实佩得上一招“利涉大川”。 时乘六龙帮了皇帝的大忙，“耶律洪基此时心境好极，向萧峰道：“兄弟，你说刻当如何？”萧峰道：“叛军人多势众，须当安定军心，求陛下赦免皇太叔死罪，好让大家放心。”耶洪基笑道：“很好，很好，一切依你，一切依你。”转头向北院大王道：”你传下圣旨，封萧峰为楚王，官居南院大王，督率叛军，回归上京。”南院大王之位仅次于皇帝，尊贵无比，当是一招“时乘六龙”。 神龙摆尾“燕云十龙飞骑，奔腾如虎风烟举”。此时乔峰又踏中原土。少林寺开英雄大会，星宿派竟然有人说降龙十八掌不如星宿派武功，当然有争议。“一片喧哗叫嚷之中，忽听得山下一个雄壮的声音说道：‘谁说星宿派武功胜得了丐帮的降龙十八掌？’”这声音也不如此响亮，但清清楚楚的传入了从人耳中，众人一愕之间，都住了口。但听得蹄声如雷，十余乘马疾风般卷上山来。马上乘客一色都是玄色薄毡大氅，里面玄色布衣，但见人似虎，马如龙，人既矫捷，马亦雄骏，每一匹马都是高头长腿，通体黑毛，奔到近处，群雄眼前一亮，金光闪闪，却见每匹马的蹄铁竟然是黄金打就。来者一共是一十九骑，人数虽不甚多，气势之壮，却似有如千军万马一般，前面一十八骑奔到近处，拉马向两旁一分，最后一骑从中驰出。自契丹又返中原，自然是一招“神龙摆尾”。 飞龙在天“萧峰于三招之间，逼退了当世的三大高手，豪气勃发，大声道：“拿酒来！”一名契丹武士从死马背上解下一只大皮袋，快步走近，双手奉上。萧峰拔下皮袋塞子，将皮袋高举过顶，微微倾侧，一股白酒激泻而下。他仰起头来，咕嘟咕嘟的喝之不已。皮袋装满酒水，少说也有二十来斤，但萧峰一口气不停，将一袋白酒喝得涓滴无存。只见肚子微微胀起，脸色却黑黝黝地一如平时，毫无酒意。群雄相顾失色之际，萧峰右手一挥，余下十七名契丹武士各持一只大皮袋，奔到身前。 萧峰向十八名武士说道：“众位兄弟，这位大理段公子，是我的结义兄弟。今日咱们陷身重围之中，寡不敌众，已然势难脱身。”他适才和慕容复等各较一招，虽然占了上风，却已试出这三大高手每一个都身负绝技，三人联手，自己便非其敌，何况此外虎视眈眈、环伺在侧的，更有千百名豪杰。他拉着段誉之手，说道：“兄弟，你我生死与共，不枉了结义一场，死也罢，活也罢，大家痛痛快快地喝他一场。””这么一大段，英雄又找回了以往的感觉。飞龙又在天！ 鸿渐于陆少林寺一节，所有的谜团都迎刃而解。虚竹的身世、乔峰的身世、前世因，今日果，通通真正的露出水面。正是一招“鸿渐于陆”。损则有孚耶律洪基回过头来，只见萧峰仍是一动不动的站在当地。耶律洪基冷笑一声，朗声道：“萧大王，你为大宋立下如此大功，高官厚禄，指日可待。”萧峰大声道：“陛下，萧峰是契丹人，今日威迫陛下，成为契丹的大罪人，此后有何面目立于天地之间？”拾起地下的两截断箭，内功运处，双臂一回，噗的一声，插入了自己的心口。 乔(萧)峰到底是罪人或是英雄？我看吴长风长老说的好：“乔帮主，你虽是契丹人，却比我们这些不成器的汉人英雄万倍！”损了一己之身，方才得到世人的肯定，无疑，“损则有孚”矣！呜呼！好一招“损则有孚”！</t>
  </si>
  <si>
    <t xml:space="preserve">汗斑如何治疗，能治好吗宝宝三个多月时，发现眼睛上方眉毛下有散落状 </t>
  </si>
  <si>
    <t>夏季防汗斑 汗斑的学名为花斑癣，是一种慢性、非炎性的皮肤浅部真菌病，皮肤损害以淡白色与褐色为主，大小不一，相互融合，好发于颈、上胸、背与腰等多汗部位，常因自觉症状不明显而被忽视治疗。汗斑好发于夏季。 预防：由于汗斑夏发冬隐，因此在夏季到来之前就应进行预防治疗；另外要防止过度出汗；常冲凉、勤换衣服；进行日光浴也有一定效果；被单、毛巾与衣服等日用品应经常漂洗消毒等。 民间验方：将鲜苦瓜捣烂拌以适量硼砂涂擦患处，可治汗斑；用白茄子捣烂取汁涂抹，每日2至3次；将白茄子切开，以切口蘸硫磺粉搽汗斑处，每次需擦3至5分钟，15天为一疗程，3至5疗程见效；用蕃茄汁涂抹于患处，半小时后再洗，每天早晚各一次，亦具有去除汗斑的作用。 汗斑不可乱用药 天气一热，人们容易出汗。就在人们出汗多的时候，有一种病菌，叫"正圆形糠秕孢子菌"，容易侵犯人们的皮肤。由于这种病菌喜欢温暖和潮湿，而且有嗜汗的特点，因此，往往容易引起一种皮肤病，医学上叫"花斑癣"。花斑癣系皮肤上出现许多花斑块，一团一团的，好像是出汗后留下的汗迹，所以民间又叫"汗斑"。 花斑癣表现为皮肤上出现圆形或不规则的、形如黄豆大小的斑点，并逐渐增大到指甲盖大小，色微黄或褐色，表面有非常细小的粒状鳞屑，不很明显，容易刮下来。日久，皮疹可增多，并向周围扩大，相互融合成片，形成不规则的大小不等的地图状。这虽不是什么大病，但由于病变部位大多是裸露的肌肤，花花斑斑的，影响，使得爱美的姑娘小伙儿大为烦恼。 值得注意的是，由于许多人对花斑癣缺乏正确的认识而用药物乱涂乱搽。什么"祛斑露"、"祛斑水"，不分青红皂白一起上。有的人甚至涂用"癣药水"、"癣药膏"，把整个面部、颈部弄得一团糟。这是在夏季皮肤科经常会遇到的情况。因此，发现汗斑，千万不要自行乱用药物，最好是去医院找大夫。 虽然汗斑是由于感染了花斑癣菌引起的皮肤病，但在一般情况下是不会发病的。可是一旦进入夏天，人们出汗增多，皮肤多油脂，如不经常清洗，不勤换内衣，或者患有慢性病、营养不良就会发生此病。因此，预防花斑癣最好的方法是注意皮肤清洁卫生，出汗后，要及时清洗汗渍。入夏后经常使用肥皂之类表面活性剂去除皮肤上的汗渍和油腻，有利于预防汗斑的发生。 一般来说，花斑到了秋凉后可以自行消退，但也容易留下色素减退斑，来年热天又可能复发。中医药浴对预防花斑癣有很好的效果，常用的有艾叶浴、薄荷浴、菊花浴、青蒿浴、食醋浴、盐水浴等，方法非常简单，就是用上述中药熬水洗澡，每周一次即可。花斑癣治疗起来也很容易，通常使用3％的克霉唑霜，或达克宁霜涂搽患处。涂搽前应先洗澡，最好用丝瓜瓤轻轻擦去鳞屑，然后再涂药。涂的范围应大一些，可超过病变范围的2倍，一般应连续涂2至3周。 (选自《大众科技报》) 治疗：本病可用采乐洗剂（2％酮康唑）治疗，在冲凉时，根据皮损面积大小，用5至10毫升采乐洗剂，加适量水调和后涂抹于全身皮肤至起泡沫，并轻轻擦洗，10分钟后用水冲去，每天1次，7天后改为每周2次，共4周，停药2周后观察；汗斑擦剂Ⅰ号、Ⅱ号（25％硫代硫酸钠、3％稀盐酸溶液）先后涂于皮损处，产生新生态的硫以达到杀菌目的，每天1至2次涂抹，至少要用1至2周。 处方 鲜生姜20g 米醋100ml 【用法】将山姜捣碎，放入米醋内浸泡12小时，密封保存备用。先以肥皂水洗净患处，用棉签蘸药水涂患处，每日1次，连用3日。 【说明】汗斑又名花斑癣。初起时，为黄豆大小的圆形斑疹，呈浅黄色或深黄褐色，表面覆盖一层极薄的米糠样细小鳞悄。小斑疹可互相融合成片，患处皮肤较正常皮肤颜色淡一般无自觉症状，或有轻度瘙痒，注意在治疗本病期间要勤换洗内衣裤。</t>
  </si>
  <si>
    <t xml:space="preserve">给男孩起名字父亲姓吴母亲姓范孩子出生新历2006年12月28日清 </t>
  </si>
  <si>
    <t>吴家宝宝的命格五行属金,命格五行齐全.命格失令,失地.命格五行喜土生金,喜金助己.取名宜用五行属土,金的字.建议取名:吴 翰 泉吴 宸 铭以上两名均是五行金生水的格局;笔画数吉利之名.另有短消息给你.</t>
  </si>
  <si>
    <t xml:space="preserve">老公要离婚，，，老公喜欢出去玩，有好几次我都看到他在别的群里吃饭 </t>
  </si>
  <si>
    <t>男人花心是正常的，正常的男人心里状态就是要拥有全世界所有的女人，不管你是什么正人君子或是什么伟人都一样，这是人的生物本能，不用介意。况且根据你掌握的材料，他还只是有贼心没贼胆，这就很好了，你还要怎样？想都不允许想了？你试探他，这个说明不了什么，只能说他是个正常人。对男人宽松点，才能体现女人的可爱，他才能继续在你身边，男人管的越严，越容易出问题，他郁闷呀，有时出轨就是被逼的，因为心里太苦了，只好找小姐散心了，为什么找小姐？因为在小姐面前他是大爷，想怎样就怎样，很有男人尊严，就那么回事，另外，即使男人偶尔的发生找小姐的事了，也不用大惊小怪，你装不知道就完了，旁敲侧击的说我看上什么衣服、化妆品了，太贵舍不得买，孩子要是买件什么什么东西就好了，就是贵了300多，舍不得，他自然就心里愧疚了，只要他不是找的固定情人，没事。不会影响你们夫妻感情的。想让男人留在身边，你要你的男人在你面前找到做男人的感觉，男人不是受气包！好好悟吧。</t>
  </si>
  <si>
    <t xml:space="preserve">三字俗语有哪些 </t>
  </si>
  <si>
    <t>挨烙铁 安乐窝 熬曰子 八股调 八面风 八面光 巴不得 拔钉子 拔尖儿 白费劲 摆架子 摆擂台摆摊子 摆阵势 半边天 半吊子 绊脚石 包 保护伞 宝葫芦 暴发户 背包袱 背时鬼 比翼鸟笔杆子 闭门羹 避风港 避风头 变口风 变色龙 变戏法 别难过 并蒂莲 不成器 不出息 不打眼不大离 不倒翁 不二价 不服气 不服软 不公道 不够格 不开眼 不老实 不乐观 不留神 不露脸不买账 不明白 不内行 不认账 不识相 不争气 不正派 不中用 操左卷 差不多 拆墙角 掺沙子尝辣椒 唱反调 唱高调 唱老调 吵窝子 车轮战 扯后腿 撑门面 成气侯 吃包子 吃不开 吃不消吃不准 吃得开 吃豆腐 吃独食 吃老本 吃排骨 吃甜头 吃现成 吃鸭蛋 抽懒筋 抽冷子 丑八怪出岔子 出风头 出口气 出漏洞 出门子 出气筒 出外快 出洋相 触霉头 传声筒 串鼻子 吹风儿吹鼓手 吹冷风 刺耳朵 催命鬼 搭碴儿 搭架子 打把式 打把势 打保票 打补丁 打地盘 打疙瘩打官腔 打官司 打光棍 打哈哈 打饥荒 打江山 打交道 打烂仗 打擂台 打埋伏 打闷工 打闷雷打秋风 打算盘 打天下 打先锋 打牙祭 打哑谜 打掩护 打游击 打圆场 打招呼 打嘴巴 大包单大帽子 戴帽子 当后台 当门面 当枪头 当跳板 当尾巴 倒插门 倒胃口 导火线 等于零 地头蛇点鬼火 垫脚石 掉份子 掉枪花 掉书袋 吊膀子 跌跟头 顶梁柱 定调子 丢包袱 丢饭碗 丢面子东道主 动肝火 兜圈子 抖包袱 独角戏 堵漏洞 堵窝掏 端架子 对台戏 对胃口 耳边风 耳朵沉耳朵软 二把刀 发神经 翻白眼 翻老账 犯牛劲 放大炮 放空气 放口风 放冷风 放冷箭 放冷炮</t>
  </si>
  <si>
    <t xml:space="preserve">迅雷看看打不开？提示该文件没有程序与之关联执行操作。请在控制面板 </t>
  </si>
  <si>
    <t xml:space="preserve">步骤一, 系统环境问题 1, 确保没有病毒 2, 卸载各种网络加速器（发现很多奇怪的问题） 3, 为了排查问题，可以先关闭各种网络防火墙。有些网络防火墙对迅雷看看有很大影响。 网页问题 页面显示不完整， 点击没有反映， 播放列表无法加载， 网页报脚本错误 全屏有画面而不全屏只有声音等问题，是和网页相关的问题 1, 目前支持的浏览器： IE6, IE7, Maxthon, The World, TT(请优先使用IE6和IE7, 下面的操作都以IE为例子) 2, 卸载无用的IE插件(如百度/兔子/番茄/淘宝/腾讯SOSO/等IE插件和工具条) 步骤：控制面板--添加或者删除程序，卸载程序。 如果不会,直接跳到3 3, 禁止无用的插件 IE菜单－－"工具"－－管理加载项, "已经使用的加载项", "当前加载的加载项"中各种东西, 除了发行者是"thunder"和"adobe"的外, 全部禁用掉. 4, 将IE的安全设置 IE菜单－－"工具"－－"Internet 选项"－－"安全"－－"默认级别", 确定 5, 清空IE缓存 IE菜单－－"工具"－－"Internet 选项"－－"常规"－－"删除文件", 选择"删除所有脱机内容", 确定 6, 经过上面步骤后, 一定要关闭IE后,再重新打开. 三迅雷问题 1, 一定要安装最新版本的迅雷(目前至少是 3) 2, 迅雷看看使用的时候，是需要下载数据的。最好停止其他下载任务，否则会影响迅雷看看的下载速度。 3, 不要限制迅雷的下载速度 </t>
  </si>
  <si>
    <t xml:space="preserve">nec的bug鞋的bug功能，在1.11还存在吗如题 </t>
  </si>
  <si>
    <t>不存在了，没有效果了。但NEC也没别的什么好鞋了。所以一般还用它</t>
  </si>
  <si>
    <t xml:space="preserve">多走路对瘦腿有用吗我现在每天都让自己尽量多走一点路,但是多走路会 </t>
  </si>
  <si>
    <t>攻克粗胖大腿妙计 腿粗胖大大影响女性的体态美。这和遗传有一定的关系。如果你家族里大部分成员的腿都是又相又肥，那你也大有可能大腿臃肿。生理学家发现，下半身的脂肪，也就是积聚在臀部和大腿的脂肪，可能是特别难消除的。在身体其他部位的脂肪都能轻易地增减脂肪细胞，但下半身的脂肪却不能这样。要使大腿变得苗条，也有方法，且并不复杂，只要持之以恒，是完全可能做到的。以下是专家们经过长期研究后推荐的三种向粗胖大腿进攻的方法：运动的种类很多，如果你把目标定在粗胖的大腿上，你最好还是选择一种以锻炼双腿为主的运动。因为活动大肌肉，例如大腿和臀部肌肉，你就可以增加热量的总燃烧量。 锻炼大腿和臀部肌肉的最佳运动是步行、骑自行车(包括在室内骑健身自行车)、越野滑雪、爬楼梯。专家们认为跑步能消耗脂肪，但对腿粗臀肥的人来说，他们可能会觉得跑步很吃力、很不舒服，不想坚持下去。因此，把步行和跑步相结合是一个好方法。那就是以步行为主，途中作几次短距离跑步，每次跑步一两百米，习惯后，逐渐把跑步的时间延长。游泳是很受欢迎的健身活动。专家们认为，如果想在游泳池中锻炼双腿，可在浅水的一端跑步，或穿若救生衣在深水的一端做跑步动作。水的阻力会使双腿活动比较费力，却不会像在地面上跑步那样须承受较大的震荡，因此是减去腿部和臀部脂肪的好方法。 要想使大腿苗条，运动量多少才足够?如果你心血管健康，那么，你应该每天运动20分钟；如果你想燃烧更多脂肪，使大腿线条更优美，最好每天早晚各运动一次，每次20到30分钟。此外，还可考虑做些园艺工作之类的活动。运动的剧烈程度须保持在低至中等水平—充其量只可达到最高限度的60%。把运动的剧烈程度保持在这个水平上，可燃烧更多的脂肪。运动时间的长短比运动的剧烈程度更重要。要减掉脂肪，步行一小时和跑步20分钟的效果相等。开始运动前，要先去咨询医生。刚开始运动时不可强求，以自己感到舒服，第二天不会党得累或肌肉疼痛为适合。在开始阶段，每星期只增加运动时间10%到20%。人体虽有极强的适应能力，但不喜欢有突如其来的变化。还有，正常人运动之后，应该在一小时内就恢复体力，否则就是运动过量。要避免在运动后感到不适，开始时应先做热身，在原地慢跑几分钟，然后做伸展运动。</t>
  </si>
  <si>
    <t xml:space="preserve">面包车i打不着火喷油嘴不喷油 </t>
  </si>
  <si>
    <t>可能的原因:  喷油嘴堵塞,或是喷油嘴坏了需要更换.</t>
  </si>
  <si>
    <t xml:space="preserve">民营企业股怎么定义啊 </t>
  </si>
  <si>
    <t xml:space="preserve">现摘录了回答者：公子姓肖 - 举人 五级 6-15 22:10帖子,希望能对您有所帮助.我国民营企业界定从广义上看，民营只与国有独资企业相对，而与任何非国有独资企业是相容的，包括国有持股和控股企业。因此，归纳民营企业的概念就是：非国有独资企业均为民营企业。 从狭义的角度来看，“民营企业”仅指私营企业和以私营企业为主体的联营企业。“私营企业”这个概念由于历史原因不易摆脱歧视色彩，无论是私营企业的投资者、经营者、雇员或者有意推动私营企业发展的社会工作者，都倾向于使用中性的“民营企业”这个名称，这就使“民营企业”在许多情况下成为私营企业的别称，而本文也认同这种说法。本文的民营企业的界定主要是在于它的狭义的含义。 </t>
  </si>
  <si>
    <t xml:space="preserve">你们这样的开局到底要进行到何时每次到开的时候就事情多这是你们的策 </t>
  </si>
  <si>
    <t>您好：    由于地震造成网络通信线路上的问题，将原定于5月15日启动的新区计划将改日开放，具体时间请关注官网公告！给您造成了不便请您谅解！封印有您更精彩！    感谢您的支持！</t>
  </si>
  <si>
    <t xml:space="preserve">AB、CD是⊙O的两条弦,圆心O到它们的距离分别是OM和ON,如? </t>
  </si>
  <si>
    <t>OM&lt;ON根据勾股定理直接可证OM=√[r^2-(AB/2)^2]ON=√[r^2-(CD/2)^2] (r为半径)因为AB&gt;CD,所以(AB/2)^2&gt;(CD/2)^2所以OM&lt;ON</t>
  </si>
  <si>
    <t xml:space="preserve">喜欢与爱的区别喜欢与爱都是情感上或者是心理上的状况，这两者之间有 </t>
  </si>
  <si>
    <t>(1)喜欢是感性的,爱是理性的,有爱必定会有喜欢,而喜欢并不定会升华为爱.喜欢是广泛的,个性的,间断的,未知的;爱是专一的,宽容的,持久的,的.喜欢是某个灿烂微笑带来的风清云淡的感动；爱是某个深沉凝眸传送的刻骨铭心的悸动；喜欢是随心所欲，只在记忆中留一个瞬间；爱是生死相随，时空的变迁，记忆深处最亮最醇.喜欢是一种单纯的、简单的欣赏，如欣赏某个人，愿意和他做朋友，友情就是这样;爱是发自内心的情感，可以是无私的奉献，也可以是想自私的拥有，守护着，爱不需要理由是无形，来了有时你或许不知道.喜欢是淡淡的爱,爱是深深的喜欢,喜欢是量的积累，爱是质的飞跃!(2)爱是一种用心体会；喜欢是一种用手感觉。爱是一种付出；喜欢是一种回报。爱是一种奉献； 喜欢是一种索取。爱是无私的；喜欢是自私的.爱是铭刻在心,根深蒂固很难改变,喜欢却会因为心情．环境．时间等因素而改变。喜欢没有爱那样有着很深的内涵,爱是理解，是体贴，是宽容，更是一种责任；爱是一种付出不需要回报的投资！对爱情而言，牵手前是喜欢，牵手后是爱。很多人因为爱情走到一起,爱，就是 Inject(投入）Loyal(忠诚） Observant(用心）Valiant(勇敢） Enjoyment （喜悦）Yes(愿意） Obligation(责任）Unison（和谐）把所有的大写字母连起来就 是 I LOVE YOU 要得长久还要，了解，信任，有新意，关怀. 爱一个人就是一种习惯！习惯彼此的关心，习惯彼此的一些习惯哪怕是彼此的缺点。我相信爱一个人会无怨无悔的付出的!爱是互相的,真心对当然是最重要的,感情的两相情悦,这样的感情才美好和值得彼此付出,爱要双方的付出与营造，发自内心的关爱,不要担心太多你没给对方做到的呵护，爱的越深呵护的越深。</t>
  </si>
  <si>
    <t xml:space="preserve">关与很多的问题~20分！我在5区~1点=3W想问下几个物价~一个 </t>
  </si>
  <si>
    <t>你好，朋友。攻60以下硬红是打球和箭用的垃圾木。值2点。皇帝都是用它的攻距，视野基本不用。你那个应该是攻距2的，值3点。抗冲50的皇帝，也基本是抗冲最少的皇帝。值5点。60级的鞋，移动应该在30以上。你这个鞋，是用须子打的，可惜没配好材料，打的有点可惜了。移速少，属性也有点少。值50点。4阶书中的召羊和剑气算中下等书。都值20点。</t>
  </si>
  <si>
    <t xml:space="preserve">黑胡椒与白胡椒有什么区别？ </t>
  </si>
  <si>
    <t xml:space="preserve">胡椒既是一种常用的调味品，也具有一定药性，可以起到食疗的作用。但胡椒有黑白之分，不同种类适合烹调不同的菜肴，二者在营养和疗效上有什么区别呢？　　　　从总体上来说，胡椒大部分都生长于高温和长期湿润地区，性味辛热，因此温中散寒止痛的作用比较强。生长地点越偏南方的胡椒，性越温热，因为充分吸收了南方的阳热之气。所以，海南胡椒温热力最强。　　白胡椒的药用价值稍高一些，调味作用稍次。它的味道相对黑胡椒来说更为辛辣，因此散寒、健胃功能更强。肺寒痰多的人可将白胡椒加入羊肉汤，以温肺化痰。有些人容易肚子痛，是由于肠胃虚寒造成的，可在炖肉时加入人参、白术，再放点白胡椒调味，除了散寒以外，还能起到温补脾胃的作用。平时吃凉拌菜，最好也加点白胡椒面，以去凉防寒。　　认为，颜色黑的食物入肾，因此，黑胡椒温补脾肾的作用明显，可以治疗由脾肾虚寒造成的“鸡鸣泻”（指经常在早晨拉肚子），方法是在头天晚上喝用黑胡椒调味的肉汤。用黑胡椒做菜时要注意两点：一是与肉食同煮的时间不宜太长，因为黑胡椒中含挥发油，受热时间太久会使它独特的香辣味挥发掉；二是热度高可让胡椒的味道更浓郁，因此做铁板类的菜肴效果更好 </t>
  </si>
  <si>
    <t xml:space="preserve">怎样知道房子是不是小产权的？去哪问？最近想买套房子，看中了一个地 </t>
  </si>
  <si>
    <t>去房产局查，很容易就会查到的。都连着网呢。 别相信他们的话，小产权能办成市证的可能性极小，这么大的事。楼主愿意兵行险招吗？</t>
  </si>
  <si>
    <t xml:space="preserve">YJ怎么加点？那位好心人告诉我一和啊YJ具体怎么加点啊？ </t>
  </si>
  <si>
    <t>如果你喜欢下FB，不喜欢打架，建议你练血妖的，敏不加，力量灵力随装备，其他全加体。 如果喜欢打架PK建议洗成重妖。重妖加点要看装备的，不是说按一级几点来看。要算好穿装备要多少点。而且重妖根本没有多余的点去加体质！光加力敏灵穿装备都不够呢！别忘了YJ只能用法器！重妖的血只能靠装备来撑~而且攻击比较低。而且重妖一般都是后期（80+）洗点洗出来的，如果你从一开始就练重妖，非常难练，装备也不好找。 如果练灵妖,就是力量随装备,别的点全部加灵,不加体质.这样练的特点是,攻击高，练级会比较快，但是血少，而且宝宝经常拉不住仇恨，就是说容易挂。或者你还可以选择折中的办法...力量随装备加.剩余的点数3灵1体,如果还有剩,就灵体平分.这样就是很平庸...血不多,也不少,攻不高,也不低....</t>
  </si>
  <si>
    <t xml:space="preserve">如何成为一个称职的业务员，有谁能指导一下我呢？ </t>
  </si>
  <si>
    <t>如何当好一个称职的员？很多业务的同事都关心这个问题，那么首先谈一下业务八大禁忌1、懒惰（接待客户不积极）2、推卸（从来不会做自我反省）3、不懂装懂（不懂的问题自以为懂了，就向客户介绍了）4、自以为是（事情想当然，从不追究是否错了）5、自不量力（以为自己的能力非常强，其实是相反）6、信口开河（夸大事实，华而不实）7、超越职权（随便越权）8、屡教不改（知错不改，听不进忠实的意见）以下再谈一下业务员基本心态，首先1、相信自己，相信自己的产品2、用心聆听客户及消费者的声音3、坚持、灵活、变通（这三点非常重要）4、虚心、肯学5、每天出门三件事（今天应该干什么、应该怎么干、应该带什么出门）6、每天回家三件事（今天做了什么、今天是怎么去做的、今天的做法有没有问题）接下来再谈一下促销技巧1、欲擒故纵（和客户砍价的时候比较适用）2、装可怜（给客户长时间解释的时候比较适用）3、拍胸口（客户在犹豫的时候的比较适用）4、先挡后放（客户对购买产品之后有其他要求的时候比较适用）5、以面盖点（客户在针对产品一些小问题的时候，你就用这一招，一句话“我们产品是非常优质的，这点小问题基本不会出现”）</t>
  </si>
  <si>
    <t xml:space="preserve">有谁知道化妆品一线品牌代理商是哪个? </t>
  </si>
  <si>
    <t>你好,现在有个香港化妆品品牌LOVETOKEN爱记不错的,具体的你可以去这家香港尚尚化妆品国际有限公司 多了解一下,同事一直在用这个牌子的化妆品,效果特别的好</t>
  </si>
  <si>
    <t xml:space="preserve">如何防大梦对方中锋有时拿屁股顶我.然后使出大梦脚步,我经常莫名其 </t>
  </si>
  <si>
    <t>离他2步，等他自己一个人晃完之后在靠上去盖他，本人42级PF，就这点技术了，一场平均3.4个帽</t>
  </si>
  <si>
    <t xml:space="preserve">今天为什么游戏的服务器都米开啊?什么时候开?我想玩啊,请快点啊我 </t>
  </si>
  <si>
    <t>每周周二都会维护的，大概１０点就可以进去了</t>
  </si>
  <si>
    <t xml:space="preserve">新手VIP礼包这里有免费送!在哪里还有这个活动啊？为什么我自己找? </t>
  </si>
  <si>
    <t>新手注册众神之战时填写推广码 5614148进入游戏可直接获得新手卡大礼包也就是财富卡的奖励 价值千元哦 一定记得哦</t>
  </si>
  <si>
    <t xml:space="preserve">为什么我在银行买保险箱，买不到？昨天晚上，我到银行申请保险箱。写 </t>
  </si>
  <si>
    <t>你只是刚冲了120点点卡，缺100点是用月费，20点不够申请保险箱，所以申请不到！</t>
  </si>
  <si>
    <t xml:space="preserve">卵巢保养的方法？是吃大豆异黄铜吗？ </t>
  </si>
  <si>
    <t xml:space="preserve">女人的就是生命，关系重大，一定要好好保护，那么，吃什么能保养卵巢呢？     1. 服用维生素C和维生素E　　研究表明，若每天服用90毫克的维生素C和30毫克的维生素E，患卵巢癌的机率就会减少50%。然而，单纯地依靠从食物中获取是不够的，所以最好咨询医生适量服用药片或制剂来补充。 　　　　2. 高钙饮食  　　美国最新的研究显示，每天摄取高钙食物可降低卵巢癌的发生率。据数据显示，每日摄取高钙食物的人会比摄取钙质不足的人降低46%的卵巢癌的发生率。 　　　　3. 叶酸  　　增加富含叶酸的食物，可降低女性卵巢癌的发生率。瑞士的研究人员发现，常吃富含叶酸的食物的女性，其发生卵巢癌的机率比很少吃叶酸食物的女性将减少74%。至于叶酸，它是一种水溶性的维生素B，富含于绿色蔬菜、柑橘类水果及全谷类食物中。 　　　　4. 多吃胡萝卜  　　英国的营养学家发现：每周平均吃5次胡萝卜的女性，其患卵巢癌的可能性比普通女性降低50%，而美国的专家也得出了类似的结论 　　5. 补充大豆异黄酮 　　20世纪60年代发达国家提出了雌激素治疗卵巢早衰，但人工合成雌激素容易导致乳腺、子宫内膜疾病。20世纪90年代，终于发现大豆异黄酮成分具有强烈的雌激素活性。于是以大豆异黄酮(Soy isoflavones)为代表的产品在欧美广为应用，效果明显。 　本世纪初，以大豆异黄酮为主要成分的保健食品开始在我国出现，并迅速被认可，同时卵巢护理的概念也随之兴起. </t>
  </si>
  <si>
    <t xml:space="preserve">剖腹产的刀疤？？我是剖腹产的，现在已经过了三个月了；平时刀疤不痛 </t>
  </si>
  <si>
    <t>42天到门诊复查后才根据具体情况而定是否能够同房</t>
  </si>
  <si>
    <t xml:space="preserve">怎样分辨钢的软硬？说的是钢的硬度，用看火花法怎样分辨？ </t>
  </si>
  <si>
    <t xml:space="preserve">所需设备：砂轮机，带氧化铝砂轮 方法：1.开动砂轮机，将待检工件与标准样件分别磨一磨，对比火花即可迅速分开。 2.如果没有材料样件。将工件在砂轮上磨一磨，锰钢手感较硬，流线白亮或黄亮。爆花多且整齐，芒线白色细长，含碳量高时花粉多。 工业纯铁手感较软，火花束长，几乎全为流线，不发生爆裂节花。颜色麦黄。 铸铁、生铁的火花很短，颜色暗黄－－暗红，火花细碎很小，花粉很多。 具体可以参照热处理的一些手册。 总之，含碳量增高，火花由暗到亮再到暗，火花爆花由少到多，由粗到细。不同的合金元素在火花中都有特征花。 每种钢材的火花都不一样，经常看就会分得很准确。 注意砂轮的材料，不同砂轮材料磨出的火花自成体系，与氧化铝的不同。同样的砂轮材料磨同一种材料磨出的火花是一样的。高锰钢的硬度高，常用于耐磨的零件，如拖拉机的链轨板等，生铁和锰钢的硬度是无法相比的。 将两个零件互相对磕一下，从硬度就能够立即分出来。 </t>
  </si>
  <si>
    <t xml:space="preserve">心水提示！01阿斯科利VS佛.罗.伦002卡.利.亚VS特雷维索 </t>
  </si>
  <si>
    <t>误导与否凭自己去判断，但这么好的分析要顶</t>
  </si>
  <si>
    <t xml:space="preserve">关于nohost的一些疑问?我玩10区只要开nohost基本就不 </t>
  </si>
  <si>
    <t>no host就是不以当局玩家中的任何一个人作为“主机”而是以所在大区“服务器”为主机所以，你在十区玩，你no host 那么你不用链接有可能是“山西”玩家的为主机，而是链接动感的十区服务器，你说，你在广东，你占优势么？而你玩1区，你在广东 no host ,链接上海浦东的一区服务器，你能不卡么，就和没改版前，你玩1区一个道理就像懿嘉，说他no host玩1区不卡，为什么，他就在上海，当然啦你叫他no host 去10区玩试一试，一样该卡则卡no host又不是从本质上改变网络质量，只是优化了游戏的玩家间的传输方式</t>
  </si>
  <si>
    <t xml:space="preserve">魔武传奇OL新手攻略有米有啊 </t>
  </si>
  <si>
    <t xml:space="preserve">魔武传奇OL 新手攻略 一、人物移动控制 进入后，你所控制的角色位于屏幕中央位置附近。移动位置时，只需将鼠标移动到想到达的地方，点一下左键即可。 如果想去的地方离人物较远，可在屏幕右上角的地图上找到你想去的地方用鼠标左键点击，人物会自动寻找最短路径去到目的地。 该地图可通过右上角的地图缩放键进行调节。 也可按下键盘上的"M"键或者用鼠标左键点击屏幕右上角的世界地图的图标，在大地图上进行选择和移动。 二、基本攻击 左键移动至目标单位身上，变为剑状，右键点击目标，即可对目标进行普通攻击。 　　左键选中目标后，玩家可以对目标使用技能，只要在选中目标的状态下，按下技能相应的快捷键即可。玩家可以通过"1-0"的快捷键迅速切换魔法。 　　 1-0"两个技能栏会在当玩家按下相应按键的时候自动切换，不需玩家操作。 三、物品的操作 1.物品选择和移动 点击屏幕下方快捷图标栏"物品装备"图标或按快捷键"E"，打开"物品装备"界面。将鼠标移到道具栏中的某个物品上，点击左键选中该物品，然后把鼠标移动到你想要它到的位置上然后再次点击左键，该物品即移动到指定位置。 如果该位置本来有物品占位的话，两个物品可以叠加的话就自动叠加起来，不可叠加的话，选中物品和占位物品将交换位置。 如果直接用左键拖出物品装备界面到外边则为销毁动作，此时系统会提示你是否进行销毁。而该物品如果为绑定物品则不可进行此类销毁操作。 2.道具使用 对物品点击右键，拉出菜单栏，你可以进行使用、修理、出售、销毁及复活操作。需注意的是，此时的销毁操作可以销毁绑定物品。 3.物品拾取 地面有掉落的物品时，把鼠标移至该物品上，鼠标变成手状，点击鼠标左键即可拾取。或按快捷键"Space"空格键自动拾取。 四、对话NPC 将鼠标停留在NPC身上，点击左键即可与其对话或者购买物品。 五、任务设置 首先点击"任务日志"图标或者按快捷键"Q"进入任务栏界面，任务栏中分有二部分：可接的任务，已接的任务，玩家可用鼠标左键点击各栏查看当前角色任务状态； 在任务栏下方可显示被选择任务的资料和任务进行情况。任务NPC有不同颜色显示的超链接，玩家可点击查看自动前往相关位置； 有任务的NPC头上有黄色的叹号，玩家与之对话可领取相关任务。 六、玩家交互与聊天设置 与玩家交互 右键点击目标玩家的头像可以选择组队，交易，好友，私聊等操作。 七、聊天 通过点击屏幕左下的频道可以进行频道切换，玩家可在这里发布自己的消息。 八、PK保护模式 玩家等级不到20级不能开启PK 九、技能设置 点击"S"键或者击屏幕下方快捷图标栏的技能图标可以打开技能窗口， 在这里玩家可以查询自己的技能等级信息。 鼠标左键单击技能图标，就可以拖动该技能到快捷栏里方便玩家使用， 十、仓库保管与回城点设置 君安城中有储存物品的仓库管理员 。可以将暂时不能使用或者不方便携带在人物物品栏中的装备寄存在仓库。 另外和该管理员对话也可以存放金钱。 十一、道具商城 左键点击屏幕左下方的"商城"图标或者按快捷键"V"打开道具商城界面，玩家在这里可用金子购买到高级物品。 十二、快捷键综述 鼠标滑轮键：可拉近或者远离人物的视角 Tab：切换当前目标 C：人物状态界面 P：摆摊 Enter：聊天框 F：组队面板 </t>
  </si>
  <si>
    <t xml:space="preserve">现在新版本的C技术槽装些什么好？如题，我31级C </t>
  </si>
  <si>
    <t>face up,卡位，ss，内线分球，盖冒+抢断或虚实。可以考虑把盖冒&amp;抢断下了而装虚实转身，而在FS里面装个强力盖冒。我都不明白楼下的为什么不装卡位，难道你是新手？？？</t>
  </si>
  <si>
    <t xml:space="preserve">靠，捷克，叫你秒杀别人，不是让你被人家秒杀啊 </t>
  </si>
  <si>
    <t>平局也好啊,不要输......</t>
  </si>
  <si>
    <t xml:space="preserve">关于盗贼偷深渊龙鳞的问题~！高手进盗贼想去深渊偷龙鳞AKS过了有 </t>
  </si>
  <si>
    <t>1)"有人说那个龙鳞一个号只能偷到一个"这是真的么？能偷到这东西的贼不多，偷到一个已经很了不起了。但每个角色只能偷一个那是不太可能的，别是你把黑白龙城每个角色只能拿一次蝙蝠的事给混淆了。2）无限偷的话我那号在深渊那龙面前偷一天看能偷到几个？ 一天偷到几个，你可别太夸张，你最多最多一次也只能带20个神眼，一天你都不一定能偷到一个（包括你反复刷神眼反复跑深渊）。。。</t>
  </si>
  <si>
    <t xml:space="preserve">已经被判了死刑的爱情还能撑多久??我们都是刚毕业出来找工作不场时 </t>
  </si>
  <si>
    <t>是呀，你矛盾的心情我能理解，毕竟你们已经有了三年的感情，可是生活是很现实的，如果你觉得无论从家庭还是从事业上你们真的是有差距的话，我劝你还是冷静冷静再冷静！和他好好的谈一谈，听听他对你们未来生活是怎么策划的，如果你觉得你们将来注定是走不到一起，那就趁早跟人家说清楚，这样对双方都好，也不要把人家给耽误了....你说你的心很痛，说明你还爱着他，毕竟三年的感情了，那能说放下就能很洒脱的放下呢，心肯定会痛，那就只能交给时间来疗伤了，相信时间是治疗心痛的最好的良药...</t>
  </si>
  <si>
    <t xml:space="preserve">卧室里能摆放好几盆仙人球吗？ </t>
  </si>
  <si>
    <t>仙人球的作用：仙人球花摆放在电脑旁边，可有效减少辐射！对长时间工作在电脑边上的人有很大的助益！ 它除了可以放在电脑桌前有效防止辐射外，还是很好的室内花卉，因为它夜晚吸收二氧化碳，放出氧气，起到净化空气的作用。另外，在医学上，它还可以用来抗癌，消炎，治疗胃溃疡等。在风水上，它还可以冲煞！可谓妙哉！而且仙人球这种东西很好养，只需半个月浇一次水，专为懒虫设计。 花卉虽然具有美化居室、净化空气等诸多优点，但是也常常因为夜间与人争氧的弊端而令一些爱花人忍痛将其置于室外。但是，仙人球却具有在夜间放氧并同时吸收二氧化碳的特殊本质，因而在居室摆放二三盆不同花色的仙人球，对人体健康确实大有裨益。</t>
  </si>
  <si>
    <t xml:space="preserve">晕，幸运の眷恋，每次都是你....这几天看到的问题基本都是你问的 </t>
  </si>
  <si>
    <t>感觉根刷分一样了……我也很喜欢这个游戏，看着人越来越少，好无奈每天上去打开好友，一片灰色我已经怕上去了最后一个愿望了，星野山的妖魔召唤击破等这个也完成我就可以没有遗憾的离开了</t>
  </si>
  <si>
    <t xml:space="preserve">身上老痒且易起风团是怎么办？ </t>
  </si>
  <si>
    <t>这个很简单,就是你过敏了,也就是荨麻疹,俗称出丹.我告诉你我的经验吧,因为我也经常过敏的,呵呵.口服药物:扑尔敏一日三次,一次一粒;维C一日三次,一次一粒;西替米丁(本来是治疗胃病的药,但可以这里用于皮肤过敏)一日三次,一次两粒.注射药物:地塞米松注射液,打一针就够了,就在外面的小诊所打就可以了.但需注意:地塞米松是肾上皮质类激素,治标不治本,不能依赖他,而且打多了,以后效果会降低的,而且激素打多了会长胖的.激素会引起人的向心性肥胖.另外,建议打地塞米松之前,最好先去打一针葡萄糖酸钙注射液,这个了是治疗过敏的.如果你打了这个半天之内没效,再去打地米松的.但对于这个过敏性皮肤病,平时只有预防为主,是不能根治的,这个是体质问题,像我就是天生对海鲜过敏,而且几乎我每年春秋季都会过敏的,也许是对气候,就是俗话说的荨麻疹.最好不要吃那些会让你过敏的食物,比如海鲜,发物,酒,狗肉,羊肉,牛肉等,都容易引起过敏.只要不接触过敏源,以后应该就不会过敏.但记住,过敏之后,先口服上述药物为佳,实在没效果了再去打针,如果每次一过敏就打针的话,那么久而久之,针了不灵了,还是预防为主的好.好了,就说这么多了,反正记着,先预防,如果过敏了,再治疗.一定要避免接触过敏源,那你就会远离过敏的了.我已经好久都没过敏了.对了,忘了说,过敏病发的时候,也就是说,你吃药或者打针期间,一定要忌吃辣椒,胡椒,以及一些味重,会让你上火的东西,我过敏的时候,是吃喝稀饭的,我妈用辣椒炒的小菜我都不吃的.只有一边吃药,一边忌口,过敏才会好的.</t>
  </si>
  <si>
    <t xml:space="preserve">鼻炎好多年都没有治疗好！快要崩溃啦！有谁能告诉我！怎样才能把鼻炎? </t>
  </si>
  <si>
    <t>1、盐水洗鼻治好我的鼻炎  我患鼻炎多年，久治不愈，已丧失治愈的信心。去年偶得一方：配制盐水（100毫升瓶内放食盐两匙，开水稀释），用牙签卷上棉球蘸盐水洗鼻孔，然后把药棉暂留鼻孔内，此时或头上仰或身平躺，用食指和拇指按鼻两侧，并用力吸吮，使棉球上饱蘸的盐水流入鼻腔内，再流入咽喉部。开始时感到鼻内辛辣难忍，几次即适应，也可先用淡些的盐水洗逐渐加浓，使鼻腔慢慢适应。我坚持早晚各洗鼻一次，一个多月后，鼻腔畅通，嗅觉灵敏，多年的鼻炎治好了。  2、槐花蜜可治萎缩性鼻炎  一同事被诊断为萎缩性鼻炎，她自创一法治疗效果显著。每天早晚洗脸时，用小手指蘸流动的自来水在鼻孔内清洗，清除鼻腔内的结痂和分泌物，充分暴露鼻粘膜后，用棉签或手指蘸市售的槐花蜜均匀地涂在鼻腔患处。她坚持自己治疗两个多月，鼻腔已不痛痒，无结疝样分泌物，嗅觉也基本恢复正常。  3、大蒜治鼻炎  我患鼻炎，经多年医治，无明显效果。时好时患。经大夫介绍一方治愈，后介绍给多人用此方都有明显效果。将大蒜一瓣捣烂，用干净的豆包布包好，挤压出蒜汁滴入每个鼻子孔内两滴（当时刺激的很痛）再用手压几下鼻扇使其鼻孔内都能粘敷到蒜汁，轻者一次，重者二次即愈（编者注：大蒜刺激性强，请从微量试起；大蒜过敏者禁用）。 4、丝瓜藤治副鼻窦炎  我是位副鼻窦炎患者，曾采用多种方法治疗效果不佳。后偶得一方，取得较好疗效。方法是：找老丝瓜藤数米，晒于，切成细段，再放在瓦上焙至半焦（千万别糊了），然后在面板上，研成碎面，装入瓶中备用。使用时，把鼻腔中的鼻涕清干净，用干净棉球擦一遍鼻腔，再用细塑料管（如喝酸奶用的小管就行），让家人帮助把丝瓜藤粉吹入鼻腔，再用干棉球塞住鼻孔。此法最好在晚上临睡前应用。连续数日可治愈。 5、冷水治鼻炎  1975年我得了鼻窦炎，很严重。两天一瓶滴鼻净还不够，只要停药，鼻孔立刻不通气。长时间治不好。这时一位张大夫说了一个偏方：洗脸不用热水，用冷水，用手心盛自来水管放出来的冷水，捂在鼻子上，把冷水吸进鼻孔里，而后擤出来，再盛水吸进去，再擤出来，连续几次，每天坚持。我用这个冷水疗法10天，鼻窦炎好了。这20多年，我用冷水疗法从未间断，鼻窦炎至今也没有再犯。  6、红霉素四环素眼药膏可治鼻炎  取红霉素或四环素眼药膏涂在消毒的棉花棒上，伸入鼻腔内均匀涂上药膏，每次以涂满鼻腔为准，一日两次，一般鼻炎有3至5天即可痊愈，无后遗症。 7、慢跑治好了我的鼻窦炎  我今年49岁，30多年前，因一次重感冒落下了鼻窦炎的病根。从此，鼻腔不通，什么味儿都闻不到，还经常头痛。的我吃过各类鼻炎药，买过鼻炎治疗仪，做过穿刺，还做过手术，但都没起太大的作用。1985年，一位朋友告诉我跑步能减轻鼻炎的痛苦。我便开始每天早晨或傍晚坚持慢跑40分钟，坚持了两个月病情有所好转，坚持下去，不到两年我的鼻窦炎就彻底根除了。现在，我已改慢跑为步行。十几年来一直在坚持，就连上下班都改骑车为步行了。  8、滴香油治过敏性鼻炎  我患过敏性鼻炎七年，一过立秋就开始打喷嚏、流鼻水、鼻痒、鼻塞，严重时根本无法入睡。去年偶得一方：滴香油。试后效果颇佳。香油就是普通的食用香油，每天三到五次，每次五滴左右，滴入鼻内。注意：鼻塞严重时不要滴，可变换一下体位，待鼻子通气后再滴，滴前将鼻涕擤干净。持之以恒，必定见效。据说此法对普通鼻炎效果也很好。 9、自治过敏性鼻炎  过敏性鼻炎多源于感冒。弃药取锻炼可自愈。  方法是：每天洗脸前先将鼻孔插入冷水中，轻轻吸气，使冷水与鼻腔粘膜充分接触，然后将水呼出，如此反复进行，持续1一3分钟（可抬头换气），洗完脸后再用中指揉压鼻翼两侧约20次左右。贵在坚持。笔者用此法不但解除了擦鼻涕之苦，连感冒也销声匿迹了。  10、按摩眼框可治鼻炎  我30多岁时得了鼻炎，实难忍受，打针吃药都未见效。俗话说：“眼疼鼻子害”，于是我就用手指试着按摩眼睛周围。当按摩到眼睛下边的眼框骨时，就觉得鼻腔内簌地响了一下并有些轻松感，所以我就在这个部位下了功夫。经过一段时间，真的解除了我的痛苦。40多年过去了，从未复发过。我曾把此法告诉过别人，效果也都很好。  做法是：双手食指按在两眼下的眼框骨边上有个很浅的小坑，用些力上下揉动一二百下，每天不少于两次，坚持一段时间即可生效。  11.巧用葱白治鼻炎  鼻炎虽不是什么大病，但常常鼻塞、流鼻涕，也会给患者的日常生活带来诸多不便。长期吃药不但对身体有害而且疗效不甚理想。我也曾是个鼻炎患者，数年来饱受其苦，一直在进行治疗，吃了很多药，疗效并不好，为此一直很苦恼。  几年前我偶得一民间土方，方便易行且无副作用，用这个方子终于治好了我的鼻炎。现在我将它提供给广大鼻炎患者，大家不妨一试。  治疗的药材十分常见，就是我们平时做菜用的葱。具体制作方法是：新鲜生葱，洗净，取葱白，捣烂，放几小团指甲盖大小的药棉浸葱汁备用。治疗时先用棉签沾淡盐水清洁鼻孔，然后将浸了葱汁的小棉花团塞入鼻孔内，保持数分钟，一开始感到刺鼻，渐渐会失去刺激性，当效力消失后再换新棉团。  每次如此塞半小时至一小时左右。一天两三次，为方便可多备些葱汁，用保鲜膜密封，有空就做，治疗同时可做其它事，一点儿也不影响正常的生活，方便得很。  就我自己的实践来说，这个土方对急性鼻炎疗效最好。我患急性鼻炎近半年，用这个土方只治了一个星期就有明显好转。之后，每逢感冒就用这个作为辅助治疗，后来鼻炎就彻底痊愈了。  我不断介绍给所遇到的鼻炎患者朋友，屡见奇效，急性鼻炎好得最快，长年的慢性鼻炎患者坚持治疗也会症状减轻逐渐好转。现在我把这个经验介绍给大家，希望广大鼻炎患者用了此方也能早日摆脱鼻炎的困扰。 12、蒜醋功效大鼻炎治得快  将蒜削除根皮装入酒坛中再灌满醋浸没蒜瓣为止，然后密封。一个月后启封，边食蒜、边用小口瓶装上蒜醋，每晚对准双鼻熏半小时。能治疗过敏性鼻炎。患者不妨试试。  另外，美国药理学家指出，大蒜能降低胆固醇水平及高血压，起作用是独特辛辣味的大蒜素。据研究，蒜头中所含蒜氨酸和蒜酶，各自存在互不相干，浸醋后在渗出蒜酶的作用下，蒜氨酸分解，生成有挥发性的无色油状液体即为大蒜辣素。日本学者研究发现大蒜中富含天然抗癌的微量元素硒和锗，有较强的抗癌效应。  此外，醋有四大作用：①解除疲劳。②预防动脉硬化。③杀灭病原菌。④美容。  13、冷水喷鼻治过敏鼻炎  从上世纪70年代初起，我就患严重的过敏性慢性鼻炎，每天早晨约5时左右，就开始鼻塞流鼻涕，平时如果发生鼻塞，就预感到天气要变化，天气变化就突然会患感冒咳嗽鼻塞、流鼻涕，搞得我十分难受影响到工作和生活。当时我曾采取多种治疗方法，滴过黄麻素、鼻眼净、迎香穴理疗、吃过鼻炎药物，也只起暂时缓解作用。有的医生还认为我的鼻道弯曲需要手术矫正，但我下不了决心；也有人说：慢性鼻炎时间太长会发生恶性病变。怎么办？感到胆战心惊束手无策，听天由命又不甘心。为了缓解痛苦，每天早晨鼻塞时，我就用两手大拇指，按摩鼻两翼迎香穴位，起床刷牙洗脸时，我就用手心接水喷鼻，刚开始感到刺激有点疼痛，时间久了，不但不痛而且能促使鼻通，如果天气变冷稍有鼻塞，就滴一点点鼻眼净，真奇妙！就这样，我坚持几年，鼻不塞了，寒流南下天气变化，我也基本上没有感冒流鼻涕，早上也不再发生鼻塞流鼻涕了。最近七八年再没有用过鼻眼净，没有吃过治鼻炎药了。坚持用冷水喷鼻治好了我的过敏性慢性鼻炎，这是千真万确的实事。 14.唾液治好了我的过敏性鼻炎  我患过敏性鼻炎已十余年。曾多次去医院求治，扎过耳针，吃过药，均无效。一次我在连续发作时夜半醒来，因鼻腔发干发痒，我用唾液擦在鼻腔（擦后鼻腔表面有微疼感），数次以后，鼻腔开始结痴，结痴后过敏性症状即消失。随着结痴的自行脱落，多年末治愈的过敏性鼻炎便神奇般地好了。 15.绿苔治鼻炎  伏天是治鼻炎大好时机大雨连绵的伏天，土墙根、沟沿、草木多的阴坡，都长绿苔。用小铲把它们刮下来，放碗里用水泡上半日，洗净后放在水碗里泡着备用。用单层纱布卷绿苔，比自己鼻孔稍细，塞入鼻孔中，晚上睡觉时塞一个鼻孔，第二天晚上再塞另一个鼻孔，坚持到用完绿苔为止。可基本治好鼻炎，第二年再补补课。我患鼻炎多年，跑遍了大小医院，仍没治好，夜间憋得睡不着，天津市蓟县南庄户村张晓雨告诉我以上的偏方，当时我将信将疑地试了试。没想到第一年就基本好了，第二年我补补课，使鼻炎彻底痊愈。我又传了很多人，都起作用。  16.白萝卜煮水治鼻塞  小时候经常鼻塞且伴有头痛，后来外婆教我一法：取白萝卜3一4只放人锅中加清水煮，沸后又即用鼻吸蒸气，数分钟后，鼻渐畅通，头痛消失。以后，本人常将萝卜切片泡于杯中，用鼻吸蒸气，此病再无重犯。 17.冷热水交替按摩治疗过敏性鼻炎  鼻炎偏方最佳治疗方法:  除了药物和手术外，民间有不少治鼻炎的小偏方，这些偏方如果对症，还是能够起到一定治疗作用的。下面我们就来介绍一些治疗鼻炎的偏方。  A食疗  将蒜削除根皮装入酒坛中，再灌满醋至浸没蒜瓣为止，然后密封。一个月后启封，边食蒜、边用小口瓶装上蒜醋，每晚对准鼻孔熏半小时，能治疗过敏性鼻炎。患者不妨试试。  点评：大蒜能降低胆固醇水平及高血压，起作用的是独特辛辣味的大蒜素。吃蒜熏醋这招可以试试，反正蒜也好，醋也好，都是健康食品，不会有副作用。  B熏洗  辛夷15克，双花15克，公英10克，地丁10克，防风10克，虫退5克，黄芩10克，丹皮8克，菊花8克，白藓皮10克，白附子8克，桂枝8克。将以上药物水煎取500毫升药液，趁热用药液蒸气熏鼻，熏时患者应尽量深吸气，使药蒸气进入鼻腔内。待药液变温后，即可用药液冲洗鼻腔。每日熏洗3次，连用 3～5日即愈。在用药过程中，患者应注意平日少食辛辣及腥物，多食蔬菜水果，躲避异味，冷天应注意保暖，平时多锻炼，尽量用冷水洗脸。  点评：上面的方法是治疗过敏性鼻炎的偏方，用过此方法的人认为效果比较满意。  C按摩  “搓揉穴位治疗鼻炎”的步骤是：  1、用双食指的外侧来回地搓鼻梁两侧的上下，共搓200下，搓揉到鼻梁有发热的感觉。  2、用双食指尖揉动鼻孔两侧的“迎香”穴位，共揉动200下。“迎香”穴位于鼻翼根部正侧方的小凹陷处。  3、用左手的大拇指和食指上下揉动右手的“合谷”穴位200下，再用右手的大拇指和食指上下揉动左手的“合谷”穴位200下。“合谷”穴位于拇指与食指分叉的凹陷处。  点评：当鼻炎犯了时，鼻子出不上气，做完上面的按摩，鼻子顿时感觉轻松了许多。这里需要特别提醒的是，一定要坚持不懈地长期做，一旦鼻炎被治愈，还要坚持做下去。这样不仅可防止鼻炎的复发，而且还可以预防伤风感冒。搓揉的手法要较重，以能忍受为宜。  D塞药  有许多小偏方，是用药物塞鼻子治鼻炎，这里简单介绍两个。  1、用细纱布卷好新鲜苔藓，塞入一侧鼻孔中，10分钟后，换另一个鼻孔。  2、把中药鹅不食草放入纱布中卷好，用白酒浸透后，轮流塞入鼻孔中。  点评：用药物塞鼻子，对于鼻炎引起的鼻子呼吸不畅能够起到缓解作用，但是塞个东西在鼻孔里，终究是一件令鼻子不舒服的事，所以许多鼻炎患者不喜欢这个方法。</t>
  </si>
  <si>
    <t xml:space="preserve">为什么我的微软拼音输入法只能输入英文啊 </t>
  </si>
  <si>
    <t>按shift按钮，就能切换中英文，也可实施ctrl+空格建，调整输入法状态到微软拼音，然后再按shift建。</t>
  </si>
  <si>
    <t xml:space="preserve">谁能告诉我一代精灵和二代精灵有什么区别吗? </t>
  </si>
  <si>
    <t>2代精灵产生精灵硬币的速度是1代的二倍还可以学精灵自爆，威力很强大，不过一下要用光所有体力，还要眩晕一段时间还可以学精灵附体，每次都要消耗饲料，消耗饲料多少看精灵等级和技能等级而定。附体之后精灵原属性翻倍，如果是二代摩豆小子还能得到双倍的爆率和经验值，并且能和组队经验果，双倍经验叠加PS：我65的精灵初级附体要400多，高级附体就200左右而且精灵附体所耗费的饲料跟精灵的等级也有关系，比如40级的精灵附体〈这里指初级〉一下就耗不了400那么多</t>
  </si>
  <si>
    <t xml:space="preserve">喜欢小艾的请进他的哪一方面最能吸引你（球技，气质．．．） </t>
  </si>
  <si>
    <t>以自己瘦小的身躯穿梭在长人林立的肉林中，象斗士一样不会退却！无可匹敌的技术，桀骜不逊的性格，忧郁坚毅的目光，洒脱帅气的外型`````虽然人们都说他是孤胆英雄，但我永远都站在他一边！</t>
  </si>
  <si>
    <t>上证指数在多少算是正常运行的范围？我自己认为在1500</t>
  </si>
  <si>
    <t>呵呵，不愧为圣人。顶！</t>
  </si>
  <si>
    <t xml:space="preserve">为什么恒星发光，行星不发光？ </t>
  </si>
  <si>
    <t>恒星发光，内部有热核反应，以聚变为主 行星不发光，没有热核反应 20世纪初，物理学家爱因斯坦根据他的相对论推出了一个质量和能量关系式，从而帮助天文学家解决了“恒星为什么会发光”这个问题。原来恒星内部，由于温度高达10000000℃以上，使那里的物质产生热核反应，由4个氢原子核聚变成为1个氦原子核，放出巨大的能量。于是，这能量由内传到外，以辐射的方式，从恒星表面发射至空间，以维持它不断的光辉，使它们长期闪闪发光。可是行星表面温度远低于恒星，因此它们就不会自己发光了。它们的质量比恒星小得多(质量最大的木星还不到太阳质量的千分之一)，从引力收缩而得到的能量．决不能使内部温度高到发生热核反应的程度。</t>
  </si>
  <si>
    <t xml:space="preserve">风扇加四冲程摩托车机油怎么买。电脑风扇说加四冲程摩托车机油最好， </t>
  </si>
  <si>
    <t>机油没有散装的，最好不要加机油，以前我也是加的机油，但效果不好，声音还是大。</t>
  </si>
  <si>
    <t xml:space="preserve">请介绍ibm公司的概况 </t>
  </si>
  <si>
    <t>IBM，即国际机器公司，1914年创立于美国，是世界上最大的信息工业跨国公司，目前拥有全球雇员30万多人，业务遍及160多个国家和地区。2000年，IBM公司的全球营业收入达到八百八十多亿美元。在过去的八十多年里，世界经济不断发展，现代科学日新月异，IBM始终以超前的技术、出色的管理和独树一帜的产品领导着全球信息工业的发展，保证了世界范围内几乎所有行业用户对信息处理的全方位需求。    IBM与中国的业务关系源远流长。早在1934年，IBM公司就为北京协和医院安装了第一台商用处理机。1979年，在中断联系近30年之后，IBM伴随着中国的改革开放再次来到中国。同年在沈阳鼓风机厂安装了中华人民共和国成立后的第一台IBM中型计算机。随着中国改革开放的不断深入，IBM在华业务日益扩大。80年代中后期，IBM先后在北京、上海设立了办事处。1992年IBM在北京正式宣布成立国际商业机器中国有限公司，这是IBM在中国的独资企业。此举使IBM在实施其在华战略中迈出了实质性的一步，掀开了在华业务的新篇章。随后的1993年，IBM中国有限公司又在广州和上海建立了分公司。到目前为止，IBM在中国的分公司已经扩展至沈阳、深圳、南京、成都、西安和武汉，以及建立福州和重庆办事处，从而进一步扩大了在华业务覆盖面。    取诸社会，回馈社会，造福人类，是IBM一贯奉行的原则。自80年代以来，IBM积极捐助中国的公益事业，特别是中国教育事业的发展。1995年初，IBM向中国国家教委捐赠了价值210万美元的一套主机系统，用于支持中国教育和科研网主干网建设。同年3月，IBM又与国家教委签署了谅解备忘录。作为其中一项内容，IBM向全国23所大学捐赠了相当于3220万美元的计算机设备以及相应的技术支持,共建IBM计算机技术中心，加强高效的信息科学技术学科建设。至1996年5月，包括厦门大学在内的所有技术中心全部落成。1997年，IBM又向国家教委所属的4所大学(北京大学、复旦大学、华中理工大学和华南理工大学)捐赠S/390大型服务设备以及软件、培训和服务，总值超过3200万美元。到目前为止，IBM累计对中国教育的捐赠已超过1亿美元。    IBM于1998年宣布将电子商务作为今后在华业务的重点。随着新世纪的来临，展望未来，IBM将以电子商务为新动力，和中国的经济一起发展，为中国的信息产业进步作出新的贡献。</t>
  </si>
  <si>
    <t xml:space="preserve">富贵树落叶的问题我在广东江门，过年前买了一盆富贵树，过几天就发现 </t>
  </si>
  <si>
    <t xml:space="preserve">  关键问题是:水多浇了.不知你是放在室内?还是室外?如放在室内的话,水要绝对控制.建议你剪去枯萎的叶子,和烂根.</t>
  </si>
  <si>
    <t xml:space="preserve">请问凡是没流干净都要做清宫吗我刚做药流第六天，去医院复查说没流净 </t>
  </si>
  <si>
    <t>不一定,你可以再等几天看看.有的人要15天左右才会流干净.但消炎药一定要坚持吃.</t>
  </si>
  <si>
    <t xml:space="preserve">ASK是什么意思 </t>
  </si>
  <si>
    <t>问的意思</t>
  </si>
  <si>
    <t xml:space="preserve">和重做系统相比，使用GHOST系统备份对硬盘的影响大吗。 </t>
  </si>
  <si>
    <t>没有影响啊，做镜像是一种很好的方式。重做系统的话，你得先自己格式化硬盘分区什么的，然后再继续，很麻烦。还原值得注意的是最好是在同类配置的机器上还原，因为当初备份的系统中有硬件的驱动什么的，如果不是同类配置的机器，可能会有冲突。</t>
  </si>
  <si>
    <t xml:space="preserve">关于曾用名的使用？我在单位平时用的是户口本有登记的曾用名，正名知 </t>
  </si>
  <si>
    <t>顾名思义，曾用名是过去使用、而现在不使用的名称（名字）。而你在单位平时用的是户口本有登记的曾用名，而不是常用名，导致正名知道的不多的最大弊病就在于，无论单位还是同事知道并熟悉的是你的曾用名，一旦出现在重要证件或证明上，将因?妹氤Ｓ妹煜槐蝗啡稀⑸踔辆芫那榭觥?那在有关文件上签曾用名并不违法，也应该有效。但一旦发生争议，你需要为文件上的曾用名就是你，否则你将很被动的。</t>
  </si>
  <si>
    <t xml:space="preserve">关于开办费时间的界定开办费指企业在企业批准筹建之日起，到开始生产 </t>
  </si>
  <si>
    <t>不知道你是哪里的朋友，我们这里一般是取得营业执照之前的三个月之内的费用计入开办费</t>
  </si>
  <si>
    <t xml:space="preserve">我的QQ空间里有搜索框吗?在哪? </t>
  </si>
  <si>
    <t>登录你的个人空间后点击“个人中心”右边就有“空间搜索”</t>
  </si>
  <si>
    <t xml:space="preserve">我的sina邮箱申请很久了，忘记安全手机，安全邮箱了怎么办？希望? </t>
  </si>
  <si>
    <t>安全邮箱和安全手机</t>
  </si>
  <si>
    <t xml:space="preserve">在羽月要塞交晨光麦要交多少组才能交满啊？羽月要塞有个精灵一直5个 </t>
  </si>
  <si>
    <t>他永远不会收满的，这个npc是暴雪专门为想要冲达纳的声望开发出来的，达纳也有一个收晨光麦的～</t>
  </si>
  <si>
    <t xml:space="preserve">胎儿大小是否正常您好。我怀孕19.5周的时候去做的B超，B超现实 </t>
  </si>
  <si>
    <t>胎儿双顶径和股骨长稍有点偏小（对比值很好），不过仍在正常范围内，羊水也正常，注意加强营养，定期做好产检就行。祝孕期愉快！</t>
  </si>
  <si>
    <t xml:space="preserve">孩子四岁了，现在怀疑是阑尾炎，请问如果手术的话，对孩子有影响吗？ </t>
  </si>
  <si>
    <t>对健康的问题为什么不赶快去医院咨询就医呢？耽误不得呀。</t>
  </si>
  <si>
    <t xml:space="preserve">求助：数学高手进来帮帮忙````不等式的证明。。已知：n≥2，且 </t>
  </si>
  <si>
    <t>在证明上式前,先证明:ln(x)&lt;= x-1对于x≥1恒成立(这个用构造函数,求导,不难证明)如是,令x = n^2,则 ln(n^2)&lt;= (n^2)-1,两边同除以n^2,得(2lnn)/(n^2)&lt;1-(1/n)^2然后令n=2,3……，n可得到一系列不等式，叠加，得（2ln2)/(2^2)+(2ln3)/(3^2)+(2ln4)/(4^2)+……+(2lnn)/(n^2)＜n-{(1/4)+(1/9)+……+（1/n^2)}＜n-{(1/6)+(1/12)+……+1/n(n+1)}=（2n^2-n-1)/2(n+1)两边同除2，：(ln2)/(2^2)+(ln3)/(3^2)+(ln4)/(4^2)+……+(lnn)/(n^2）＜（2n^2-n-1)/4(n+1)成立</t>
  </si>
  <si>
    <t xml:space="preserve">我想买个手机价格5000以内,又没有同志推荐一下?非常感谢!!! </t>
  </si>
  <si>
    <t>A5 你值得拥有推荐三星S4、NOTE3三星note2不错的</t>
  </si>
  <si>
    <t xml:space="preserve">我应该去找他吗/自从上个星期五(2006.6.29)晚上分开,回 </t>
  </si>
  <si>
    <t>去呀!你不问清楚,怎么知道你们的问题出在哪里呀?人类之所以伟大，在于是高级动物，有自己的情商，有自己的思维...做为一个正常人,做错事,说错话,是再正常不过的了,难道你们这样误会下去,你心会甘么?什么矜不矜持,多半是在给自己找台阶下...别犹豫了,找他问问,不要失去了他才知道后悔呦,知道么?去吧!!!!!</t>
  </si>
  <si>
    <t xml:space="preserve">开基与封基的区别从现在的形势来看，我觉得还是封基比开基好。原因： </t>
  </si>
  <si>
    <t>你说的不是绝对的你如果看好开基,可以买交易型开放基金(可以随时交易买卖,也可以赎回的基金)基金的好坏不是开封区别,是基金管理者的区别,看该基金的行业配置和比例,还看他们的操作手法准确性\率,和他们对短期长期大趋势的判断</t>
  </si>
  <si>
    <t xml:space="preserve">广州IFC从地下到顶楼，电梯需要多长时间？ </t>
  </si>
  <si>
    <t>跟电视塔差不多</t>
  </si>
  <si>
    <t xml:space="preserve">砂糖怎么找？我要完成任务　需要砂糖　可是找了老半天也没嘛　　在哪 </t>
  </si>
  <si>
    <t>去房陵，出王时打身边逃跑的武将~ 不过一般打逃跑武将的话，王都会过来P你~最后别人打王时你过去打逃跑武将~要是王过来打你~你就跑</t>
  </si>
  <si>
    <t xml:space="preserve">十二生肖中谁最勇敢?说出理由 </t>
  </si>
  <si>
    <t xml:space="preserve">  狗 ------  狗胆包天</t>
  </si>
  <si>
    <t xml:space="preserve">呵呵冷门的诱惑。我打这个标题并不是要推荐冷门。因为本人在爱问没什 </t>
  </si>
  <si>
    <t>嗯，说的有点道理。真正的够得上500万大奖的冷门一个赛季出不了几次，一般都是几个小冷配上一两个心理冷门就能使奖金很乐观的。</t>
  </si>
  <si>
    <t xml:space="preserve">什么是数字内容产业？ </t>
  </si>
  <si>
    <t xml:space="preserve">我国当代产业已进入一个全面展开的新阶段。这一新阶段的重要标志之一就是内容产业走向新世纪文化经济世界大舞台的中心。近年来，以数字技术为载体的内容文化产业迅速崛起，在世界产业中的比重逐年增加，成为一个高速增长的产业，并引领着当代文化产业发展的新趋势。这种内容产业以创意为动力，将各种“文化资源”与最新数字技术相结合，融会重铸，建立了新的生产和消费方式，产生了新的产业群落，培育出新的消费人群，并以高端技术带动传统产业实现数字化更新换代，创造出了惊人的经济社会价值。内容产业已逐步成为当代社会发展中的主流产业，未来更是前途无量。一在IT革命的背景下，数字内容产业已逐渐成为21世纪经济舞台上的重要角色。近年来，现代传播媒介的高速发展，宽带技术、多媒体传播、数字化与互联网的兴起，对传统的经济与文化方式产生了巨大的冲击，这种飞速发展的电子数字通讯、信息技术给当代社会产业结构带来了革命性的影响，也产生了巨大的泡沫、成堆的问题。1990年代后半叶，全球知识经济与数字化的狂潮曾使世界欣喜过望，巨量的资金投入了网络业，全世界各行各业都争相到网络业来“烧钱”，结果新经济的泡沫迅速膨胀。在新经济的泡沫破灭之后，人们痛定思痛，深刻地认识到，在科技设施、技术手段和传播交互方式——工具的问题逐步解决之后，传播什么或发送什么就显得极为重要。也就是说，作为 “上帝”的消费者们需要什么、消费什么，成了新经济发展的关键。事实证明，正是缺乏内容产业的有力支持，知识经济才落入低谷，面临着严重的危机。同样，正是短信这样最不起眼的“内容”以惊人的力量支持了新经济的复苏，支持了IT业的再度崛起。毕竟，一套软件光盘里面98%是内容，只有1％～2%是程序，几十个电视频道开播了，观众要看的是节目而不是技术。总之，人们想得到的是你所提供的文化内容，而不是内容所依附的介质。因而，从一定意义上说，网络等媒介产业的生存能力取决于“内容”的创造和消费，取决于与广大消费者的日常生活、工作与娱乐、休息的联系。没有千百万人需要或喜爱的文化节目，没有与千百万人的实际生活相关的内容，高新技术与新经济就没有了市场，没有了市场也就失去了持续发展的内在动力。从发展的环节看，内容产业已成为文化经济传播交流的“基础的基础”。新的媒介革命形式下，原有文化艺术领域内部发生了行业内的大调整、大改组，新的艺术传播媒介如卫星电视、数字电视及网络游戏等高速发展，使得像电影这样一些昔日文化艺术界的“龙头老大” 风光不再，转而成为电视业、音像业、网游业的补充。而网络游戏等先前的无名小卒，则后来居上，异军突起，具备了势不可挡的领军气魄。当代信息产业也已不再是单纯的信息技术产业，而是信息技术与文化内容的交融汇合。以制造和经营内容为主的“内容产业”，不再仅仅局限在原先的电影、电视、报业的界域之内，新型的数字多媒体软件等内容产业，早已打破先前文化艺术固有的边界，横跨通讯、网络、娱乐、媒体及传统文化艺术的各个行业，进行了“除界域”的融合重铸过程。而数字电影、数字电视、数字报纸、数字刊物、数字艺术、数字游戏等一大批“非驴非马”的新型文化方式则展示出强大生命力。以宽带为代表的新技术的广泛应用已风行水上，而依托于高技术的内容产业将占据经济发展重要地位。宽带将促使内容产业在新世纪重排座次，高技术娱乐将成为新娱乐业的领头羊。日益普及的宽带网络和无线应用，使人们对内容的需求远远超过从前。调查显示，拥有宽带的家庭，对娱乐和内容需求的平均消费量远高于没有使用宽带的家庭。调查指出，越来越多的人会借助于宽带技术“订购”娱乐。于是内容产业便历史地、合乎逻辑地登堂入室，并快步跨向舞台的中央。二那么，什么叫内容产业呢？欧盟 “Info2000计划”中把内容产业的主体定义为“那些制造、开发、包装和销售信息产品及其服务的产业。”内容产业的范围包括各种媒介上所传播的印刷品内容（报纸、书籍、杂志等），音响电子出版物内容（联机数据库、音响制品服务、电子游戏等）、音像传播内容（电视、录像、广播和影院）、用以消费的各种软件等。所以主导的内容产业将是视听传媒业。这些产业是经济价值的生产者，不管是通过票房收入、转播权等产值的直接增长，还是以不同的方式出售媒体产品获得收益。数字化内容产业是指将图像、文字、影像、语音等内容，运用数字化高新技术手段和信息技术进行整合运用的产品或服务。数字化内容产业即流过那条“粗管子”——光纤宽带电缆的所有节目。它涉及移动内容、互联网服务、游戏、动画、影音、数字出版和数字化教育培训等多个领域。未来的基于数字技术的信息内容和服务产业边界将会越来越扩大，今天日渐走热的短信、网络游戏和VOD点播、音乐下载，甚至QQ等都属于这种新兴的数字化内容产业。内容产业有一个历史的发展变化过程，比如在日本，20世纪的50年代至60年代是电影业的成熟时期，70年代后电影业逐渐没落，代之兴起的是电视业。80年代末至90年代前半期，是早期电视业的兴盛时期，电视剧与综合性娱乐节目大行其道。90年代中期电视游戏软件业兴盛，90年代后半期电视节目日趋完善，在数字技术和全球网络的推动下，兴起了信息技术热、个人电脑热、手机热。近年以手机为代表的“移动通信产业”发展迅速，移动通信的手段（电子邮件、有照相功能的手机等）日新月异。内容产业进入了数字化时代。全球的发展也是如此。内容产业以强力的发展支持了新经济的复苏。电脑动画和游戏软件等数字娱乐内容市场保持高速增长。全球电脑游戏行业已成为与电影、电视、音乐等并驾齐驱的最为重要的娱乐产业之一，其年销售额已超过好莱坞的全年收入。据普华永道在2003年初发布的调查数据，全球游戏市场规模未来5年可增长71%，达到860亿美元。专家预计，全球数字内容产业市场规模在2005年度达到1500亿美元。在美国，据美国游戏研究机构NPD Funworld调查，仅网络游戏业的电子游戏软件销售额就由1996年的37亿美元增长到2002年的69亿美元，电子游戏软件销售量由1996年的 1.05亿套增长到2002年的2.217亿套。美国IDSA的一份市场调查结果显示，平均每个电脑使用者70％的上机时间在玩游戏。连续三年，35％的美国人认为电视或电脑游戏是最有趣的娱乐活动，远远超过看电视、看电影等；移动内容和数字化教育市场也日趋成为数字内容产业最有力的增长方向。英国近来加强宽带内容试验可行性研究，加速制定国家宽带计划。英国电子商务部向英国公营与私营企业发布发展宽带内容的倡议，受到公营与私营企业压倒性的全面支持。2003年的11月联合举办的国家级研讨会，参会的各个地区的资深代表，及来自数字内容协会与宽带业界的管理者，一致给予宽带内容明确的支持与肯定，认为宽带内容产业在英国未来经济发展中将扮演关键的角色。2005年G7的时代将来临，宽带内容产业是提升整体宽带产业，带领地区、国家更具生产力的动力，是促使国家具有竞争力的重要源泉。宽带内容将为国家带来更高的竞争优势。日本对此也高度重视，把内容产业定位为“积极振兴的新型产业”。日本经贸部2003年专门成立了内容产业全球策略委员会，用来促进和协调数字内容产业的迅速健康发展。他们认为数字内容产业会对文化的产业化做出积极贡献，将使产业的结构转型朝着知识密集型方向发展，将使日本造产品成为全球化产品，使产业重心从GDP转向GNC（全民酷），从硬威力（经济和军事）转向软威力（文化价值观和品牌）。日本数字内容协会在2003年度白皮书中表示，依赖于IT信息技术革命的数字内容产业将对21世纪的日本经济起重要的作用。认为通过内容产业进行战略运用，较其他产业能起到更大的经济波及效果，同时能加深世界各国对本国文化的理解，使本国文化在国际上得到尊重，有利于提高国家的形象。他们对数字内容产业的界定从单件制品、网络在线、移动电话和数字广播四种形式下分为四个方面：音乐、影像、游戏和信息出版。而数字内容产业的市场包括开发和销售数字内容、生产平台和相关服务，也即内容产品、播放产品和服务业务。据不完全统计，2002年日本的数字内容产业销售总额达到了2.0573万亿日元（比2001年增长108.1%），其中包装品（如DVD等）约占70%为1.4562万亿日元，在线为2873 亿，移动电话为1757亿，数字广播为1381亿日元。日本动漫产品仅在美国市场的规模就达43.5亿美元，是日本对美国钢铁出口额的4倍。韩国政府从1990年代中期以来，高度重视文化产业领域的发展，力图跻身世界文化内容产业的五大强国之一。2002年韩国的游戏产业规模达到30亿美元，比前一年增加12％。韩国文化观光部表示韩国游戏产业增长率（12％）是2002年国内GDP增长率（6.3％）的2倍。以韩国的最大游戏公司天堂为例，他们的年生产收入约1000多亿韩币，纯利润约350亿韩币，利润率高达35%。一个游戏公司产生的利润比韩国最大的企业三星电子还要多。可见，从世界范围看，文化内容产业是具有高增长性，能够创造高附加值的新型产业，而且对各国民族文化的宣传发扬、国家形象的塑造和提升，以及向其他产业领域进军都具有重要的现实意义。三在我国，数字化的内容产业正在以前所未有的速度迅速崛起。1989年，我国的手机只有1万部，到2003年6月底，全国手机拥有量达25600万部。中国电子通讯设备制造业在39个工业大类中排名第一，已成为龙头老大，正在这种产业基础之上，手机短信业的发展才成为网络复苏的重要支撑力量。今天，人们已不再对虚拟经济创造财富的巨大能力表示惊异。在今年热炒的“胡润版2003中国大陆百富榜”上，网易的丁磊、盛大的陈天桥和搜狐的张朝阳分别以75亿元、40亿元和20亿元的身价上榜。在对三人的行业背景介绍中，他们不约而同都与火热的网络游戏相关。2002年，中国网络游戏的市场规模接近10亿人民币，增长率达到 187.6%，付费用户达到400万。据国际数据公司(IDC)数据显示，2003年，中国网游市场可能突破20亿元，2006年更可能创纪录地达到80 亿元。不仅如此，网络游戏更是一个“引擎产业”。它正在带动相关环节迅速成长为一条完整的产业链条。据IDC统计，2002年中国网络游戏仅对电信业务的直接贡献就达68.3亿元。2003年下半年，国务院信息化工作办公室宣布，我国即将出台一项旨在促进信息内容和服务产业的政策。信息内容产业将被视同与软件产业同样的重要地位，并在税收、审批等方面享受相应的优惠政策。国家对于信息内容服务业的政策倾斜，标志着国家数字化文化内容产业的推进已经触及到了发展的关键部位。2003年8月，为了实现网络游戏核心技术的国产化，“网络游戏通用引擎研究及示范产品开发”等两个项目被正式纳入国家863计划。10月，文化部、国务院信息化办公室和北京市人民政府共同主办的首届中国国际网络文化博览会在北京中华世纪坛举行，中国电信集团、索尼公司等中外企业及韩国文化产业振兴院参加了展览。网博会以“繁荣网络文化市场，发展信息文化产业”为主题，展示了网络内容产业的巨大潜力，已经引起了各方的广泛关注，预示了我国的网络内容产业做大做强的广阔前景。2003年12月，由上海市多媒体行业协会、中国国际贸易促进会浦东分会共同发起的，以数字内容为主题的大型综合性展会“D+(D-plus)上海国际数字内容展”在上海浦东正大广场举行。D+将数字内容的概念进一步推广到国内，致力于构建一座为国内外数字内容专业交流沟通的平台，吸引了众多国内外相关厂商参展，展示了与大众生活息息相关的数字内容产品。这一切，都为我国数字化内容文化产业的发展与腾飞奠定了良好的基础。国家广电总局将2004年确定为广播影视工作的“数字发展年”和“产业发展年”，以大力推进全国广播影视数字化和产业化。国家广电总局确定明年在数字发展上，主要任务是加快发展付费广播电视业务和多种信息业务，加快推进电台、电视台制作播出系统设备的数字化、网络化，加快建立数字电影制作、发行和放映体系；加快规划广播覆盖的数字化和地面数字电视广播的频率工作。“数字发展年”要达到广播影视制作、播出、传输、接收等各个环节数字化程度明显提高，有线电视数字化试点城市全面进入整体转换，付费广播影视业务以及付费电视用户有较大发展；省会城市以上广播电视制作和播出系统80％实现数字化，初步实现新闻制作网络化；建成100家数字影院，500个社区和农村电影数字放映示范点；试播卫星直拨数字声音广播等具体目标。2004年，中国互联网接入用户将达7963万户，其中，窄带用户5370万户，宽带用户2528万户，专线用户达65万户；互联网网民数将突破1亿大关，上网人数将在1.2亿～1.3 亿之间，互联网普及率将达到9.9％。根据信息产业部电信研究院的预测，这样，互联网用户数将是固定电话用户数的1/3，真正的互联网雪崩效应将会出现。而互联网业务还将是今年的亮点，运营商从数据业务获得的收入将占总收入的6％以上。2004年3月，北京举办首届数码艺术多媒体内容产业的盛会“中国数码艺术博览会”。10月，北京举办第二届国际网络文化博览会。12月上海举办大型创意产业国际研讨会。可以预期，2004年，我国内容产业会获得大跨步的发展。互联网与数字化运用的新发展无疑昭示了内容产业更为巨大的发展空间和人们对数字化文化内容的高度需求。网络文化从根本上为人类创造了新的数字化生存方式。这就是说，现代传媒高新技术革命对人类当代文化的发展和艺术文化生态格局正产生着以往无可比拟的巨大影响：当代科技的发展引起当代社会主导传媒形式的变化，而主导传媒形式的变化则引起了原有文化生态格局的全面改变。不仅传统的文化形态“升级换代”或全面更新，而且大量崭新的文化形式被创造出来。同时网络这种新型技术方式也塑造了适应网络文化的一代新人、一代新的消费者和一种新的消费方式。它已经全面打开了中国内容产业的巨大市场。 (作者单位：中国人民大学) </t>
  </si>
  <si>
    <t xml:space="preserve">用哪种播放器可以看下载的DVD电影?就是在E驴里下载的DVD形式 </t>
  </si>
  <si>
    <t>不如试一试暴风影音，这是全能的其实realplayer会自行寻找解码器，找到了就可下载，安装完也可以看了。喜欢享受的可以选择专用DVD播放器（POWERDVD或WINDVD），影院级别！</t>
  </si>
  <si>
    <t xml:space="preserve">人民币收SSC套..RMB收SSC套加SSC34..最好在加50 </t>
  </si>
  <si>
    <t>我网通的 前几天有个人开价200RMB（带S34） 交易问题 最后没买 讲讲价170RMB差不多了 不是十分安全的交易 千万别进行 骗子太多 我昨天被骗200万 ID是辽A99999花 网通的 以出点卡行骗 提醒下</t>
  </si>
  <si>
    <t xml:space="preserve">暑假我在南京没回家想找个兼职不知道有没有哪个帮我下谢谢我是在校大? </t>
  </si>
  <si>
    <t xml:space="preserve">你好! 暑假对于每个学生来说是充满诱惑和吸引力的，因为一方面可以锻炼自己的能力，一方面又可以赚点学费，暑期打工成了每个学生的美丽愿望。 一,学生利用暑假打工，首先要明确打工的目的: 1,如果单纯是为了挣钱，那么就不要太在乎自己干的是什么活，只要工资高点就行； 2,如果是为日后步入社会积累工作经验，锻炼自己的能力，那么就不要太在意工资的高低。 毕竟鱼与熊掌，不可兼得。 既要挣钱，又想全面满足自己的工作是很难的。 其实学生打工无论干什么活，都对自己的能力培养有帮助。 学生暑期打工一定要要放低姿态，把别人都能干的事干得更好，这就是一件很有成就的事情! 二,打工一定要找正规的单位，尽量远离中介机构和职业介绍所!最好到政府部门设立的正规的人才市场去应聘。南京市的人才市场会特别设立暑期工招聘会，有专人负责登记。选择单位很重要，那些动不动向应聘者收取各种费用、抵押证的单位肯定不正规。 希望你能找到自己满意的工作!祝你顺利开心! </t>
  </si>
  <si>
    <t xml:space="preserve">90%、11%、23%是什么意思？各等于多少怎么计算？ </t>
  </si>
  <si>
    <t xml:space="preserve">  假设份额为100的话，90%就表示占90份,11%表示占11份,23%表示占23份.  90%可以按0.9计算,同理,11%=0.11, 23%=0.23</t>
  </si>
  <si>
    <t xml:space="preserve">酒店面试问题要去酒店面试了，求酒店面试问题 </t>
  </si>
  <si>
    <t>其实很简单的，不过有些公司面试会问一些奇怪的问题，这里就有很多别人写的酒店面试问题，奇奇怪怪的，百度一下“面试119”祝你面试成功</t>
  </si>
  <si>
    <t xml:space="preserve">老实说国米进球后踢得真烂！！！ </t>
  </si>
  <si>
    <t>国米什么时候踢的很好看</t>
  </si>
  <si>
    <t xml:space="preserve">你好我想在郑州开一家童装店我没做过生意，现在想开一家童装店，投资 </t>
  </si>
  <si>
    <t>火车站附近，恒泰童装批发市场，都是做童装批发的。你可以去哪里看看，先去做个市场调查。越往上衣服的质量越好，价位也相对贵些。你可以做散货，就是进很多家的衣服，不过那样，调换货不是很好。做品牌服装的话，调换货有宽裕些。</t>
  </si>
  <si>
    <t xml:space="preserve">燕子老师,帮忙看看600068这只股，成交量非常大，你觉得是不是? </t>
  </si>
  <si>
    <t>水利股短线进入主升浪，600068短线还有上涨空间，可以继续持有，一旦放量滞涨则建议短线减仓。</t>
  </si>
  <si>
    <t xml:space="preserve">请问专家们人体一次能吸收多少克蛋白质？(注意是克，不要说毫克，谢? </t>
  </si>
  <si>
    <t>蛋白质是生命的本质，120斤的人一天大致需要60g蛋白质，蛋白质参与人体新陈代谢，缺乏蛋白质会带来很多的不良后果，蛋白质有氨基酸构成，有必需氨基酸与非必需氨基酸，9种必需氨基酸必须通过饮食摄取</t>
  </si>
  <si>
    <t xml:space="preserve">sf的3分不准 </t>
  </si>
  <si>
    <t>SF地分能力和同等级的PG是一样的，所以说SF的3也很准的！！！楼主认为SF3不准我想有3个原因！！！SF的国人动作很少，所以在3分线外面，不能象PG一样过人后投3分如果你SF仗了自己能力和PG一样也死投3分的话，命中一定很低！其实，投3分能力的多少固然重要，但是更加重要的是整个投篮的节奏！！这个节奏随着等级的变化，也会有细微的变化！！！我建议楼主多在练习里投3分找下这个节奏！！！！！！！！（我还认为，每个人的节奏应该都不一样）</t>
  </si>
  <si>
    <t xml:space="preserve">菟丝子与枸杞子两种混在一起泡水喝有什么功效，要多少的量好？各三十? </t>
  </si>
  <si>
    <t>三子养生茶:枸杞子补肾益精，养肝明目，补血安神，生津止渴，润肺止咳。治肝肾阴亏，腰膝酸软，头晕，目眩，目昏多泪，虚劳咳嗽，消渴，遗精。近来研究发现它具有明显的降压、降血糖作用，并能抗衰老。对高血压、糖尿病、性功能减退有防治作用。决明子甘、苦、咸，微寒。归肝、大肠经。具有清肝明目、润肠通便的功效。 常用于目赤涩痛，羞明多泪，头痛眩晕，目暗不明，大便秘结等症。菟丝子菟丝为养阴通络上品。其味微辛，则阴中有阳，守而能走，与其他滋阴诸药之偏于腻滞者绝异。有填精补髓之功效。此三位和在一起更是绝佳配伍，可使阴阳调和，起到延年益寿的功效。</t>
  </si>
  <si>
    <t xml:space="preserve">电子血压计准吗？老人家自己量血压不方便，想用电子血压计，不知准不 </t>
  </si>
  <si>
    <t xml:space="preserve">   电子血压计和表式血压计都不如柱式的准确,但是比较方便使用.可以用来粗略的估计和测量血压.应该在和柱式的经过比较后,用来监测血压的稳定性&lt;波动范围&gt;为宜.</t>
  </si>
  <si>
    <t xml:space="preserve">电脑高手请进呀，飚车的请问玩游戏什么最重要哟，我现在玩的飚车，我 </t>
  </si>
  <si>
    <t>应该是你电脑没调试好  如果是双核的 你关掉一个核  如果关了还卡的话  你去官网下载个驱动   电信的线是2M的 应该不会卡  我网通的都没事   显卡 内存都够了  或者你电脑C盘里面东西太多   C盘一般别下东西  杀杀毒  去试试吧</t>
  </si>
  <si>
    <t xml:space="preserve">TCLS950不能收发短信是怎么回事？ </t>
  </si>
  <si>
    <t>无法获取信息怎么办，主要原因是手机安装的防护软件把手机端的豌豆荚软件和豌豆荚usb传输服务阻止了，在手机设置里调试下usb的传输服务，把手机和电脑中的豌豆荚卸载重新安装，再把手机插到安装了豌豆荚的电脑上即可。请点击此处下载豌豆荚V3.41.1最新版豌豆荚V3.41.1简介天网(waptw.com)是手机软件免费下载首选网站，提供最新TCLS950软件下载豌豆荚V3.41.1。豌豆荚,提供超过50万款应用/游戏,以及海量音乐、视频、图片、电子书免费下载.你可以通过豌豆荚 Windows 版、Android 版或 Web 版随时随地下载丰富的应用及内容资源到手机.豌豆荚 Android 版独有「零流量模式」,可一键关闭 2G/3G 下豌豆荚的网络流量,让你对手机流量更安心.功能:1.豌豆荚应用搜索:免费下载超过 50 万款应用及游戏,可批量下载安装;2.视频零流量下载:在手机上挑选精彩视频后,将自动通过电脑上的豌豆荚下载,不消耗 2G/3G 流量;3.豌豆洗白白:彻底洗白山寨、广告应用,换成安全省心的官方正版;4.云备份及云同步:将重要数据及照片保管到云端,避免数据丢失带来的损失;5.全面管理本地应用、图片、音乐、视频等文件.TCLS950介绍TCL即The Creative Life 三个英文单词首字母的缩写，意为创意感动生活。是TCL集团股份有限公司的简称，该公司创立于1981年，是中国最大的、全球性规模经营的消费类电子企业集团之一，旗下拥有三家上市公司：TCL集团、TCL多媒体科技、TCL通讯科技。 TCL手机软件下载专区提供最新手机软件免费下载。S950的分辨率为1080*1920,是TCL生产的一款触屏手机。TCLS950手机用户可通过UC官网下载S950手机UC浏览器和S950来电通，通过天网下载S950手机软件，通过九游下载S950手机游戏。</t>
  </si>
  <si>
    <t xml:space="preserve">三本大学读了半年～可以回去复读忙？还有可以退半年学费忙？求求大神? </t>
  </si>
  <si>
    <t>可以退学，退学费一般是希望不大，因为缴纳后就已经进入财务系统了赠人玫瑰，手留余香 如若您对我的答复满意，请选择“好评”，谢谢您的采纳。）谢了，好运与你常在</t>
  </si>
  <si>
    <t xml:space="preserve">爱情是否能够继续？我和他距离好远，联系不上，如果是你，你怎么办 </t>
  </si>
  <si>
    <t xml:space="preserve">     真的很希望你说的在详细一点，只看到短短的一句话，真的有点不好说。    如果你觉得他值得你去为他付出那么多，那就等。     你们分开有多久了呢？是因为什么原因而无法联系上的呢？如果这些都是客观所存在的，那么确实要好好考虑一下。如果是主观原因，那真的该放弃啦。     有些时候放弃也未尝不是好事。人，这辈子一定要学会放弃，放弃不意味着软弱，你拼命想得到的不一定是你最需要的，你失去的也不一定是你这辈子最宝贵的。你说呢？     面对现实又能有什么办法呢？    希望你能早日从中走出来，同时也祝天下有情人终成眷属，祝你幸福！     </t>
  </si>
  <si>
    <t xml:space="preserve">单机游戏&lt;&lt;天龙八部&gt;&gt;中怎么是虚竹一个人打?从练武场出来{63 </t>
  </si>
  <si>
    <t>楼主应该是没有打通十八铜人阵，所以没成为少林弟子，这样要上场就名不正言不顺了。如果打通铜人阵，会成为少林俗家弟子，法号虚尘，这样就有资格代表少林对付鸠摩智了。</t>
  </si>
  <si>
    <t xml:space="preserve">怎样找到自己的兴趣及爱好？ </t>
  </si>
  <si>
    <t>什么事情都关心点,要有热情,就能找到自己的兴趣了</t>
  </si>
  <si>
    <t xml:space="preserve">我现在进不去游戏了怎么让我等待多少秒在进入阿，然后就进不去了，我 </t>
  </si>
  <si>
    <t>尊敬的《圣斗士OL》用户：　　　　因服务器所在机房将进行线路升级，《圣斗士OL》以下服务器将于29日上午9：15-13：30进行临时停机维护，本次维护后将做出以下修改·1-20级新手任务进行微调，设计更加简洁和人性化！·增加伴游小精灵（趣味引导功能）系统，详细的功能留待玩家自行体验吧！ 　　由本次维护给您带来的不便敬请谅解，感谢您对《圣斗士OL》的理解与支持，祝您游戏愉快！ 　　　　　　　　　　　　　　　　　　　　　　　　　　　　　　《圣斗士OL》运营团队　　　　　　　　　　　　　　　　　　　　　　　　　　　　　　　　　2009年7月燃烧吧 小宇宙《圣斗士OL》</t>
  </si>
  <si>
    <t xml:space="preserve">杭州市区到横店要多少时间 </t>
  </si>
  <si>
    <t>全程约144公里/2小时</t>
  </si>
  <si>
    <t xml:space="preserve">原材料与产成品一起销售，开在同一张增值税发票上，能否都记入主营业? </t>
  </si>
  <si>
    <t>如果是本厂生产的半成品材料，那就可以与产成品销售都记入主营业务收入；其分录：借银行存款（应收帐款）   贷主营业务收入如果是属于加工类型工业，购进的材料转让出去，应记入其他业务收入。分录：借银行存款（应收帐款）   贷其他业务收入这是我个人理解，供参考。</t>
  </si>
  <si>
    <t xml:space="preserve">中国教育请描述一下目前中国的教育现状 </t>
  </si>
  <si>
    <t>现在的教育本质上和古代的科举取士是一样的，在愚民教育的同时给你一个上升的通道，这样大家都奔着更好的生活更高的地位，然后SB了；而且最终的失败者只会归咎于自己的无能，而忽略了制度的设计就是残忍的。从小灌输努力学习的美好前景，正如书中自有颜如玉，书中自有黄金屋，只是你努力学习的是知识吗，正如锦绣文章是知识吗其实教育的设计者也想让科学发展（因为可以带来收益），同时想抑制思想的发展（因为会造成不稳定），只是纯粹的科学发展是不存在的，只有思想的自由才能带来创新（参考文艺复兴之后的欧洲），所以两害相权取其轻，和谐第一!</t>
  </si>
  <si>
    <t xml:space="preserve">解放战争后期撤到台湾的国军有多少？ </t>
  </si>
  <si>
    <t>六十多万</t>
  </si>
  <si>
    <t xml:space="preserve">为什么刚才官方断开连接我下了之后屏幕变成蓝屏全部是英文无法操作只? </t>
  </si>
  <si>
    <t>可能客户端本身存在和一些未知的硬件、软件的兼容问题，一方面需要玩家提供详细的信息给官方，用来修改客户端。另一方面需要完全自给去减少这种兼容问题，比如更新显卡的驱动程序、重新安装操作系统、减少系统安装的软件，甚至更换某些硬件。 所以你说的情况不是没有可能，请提供详细的配置情况。所安装的操作系统以及出问题的过程，发送到客服邮箱gamemaster@ ，相关人员会进行核实，如果确实有这样的兼容问题，会对游戏客户端做出相应的修改。你说的不能移动这个问题，我也出现过，好像是被卡住了，别的什么都正常，就是自己不能动，退出游戏重新上就正常了。具体原因不明，应该是小BUG。</t>
  </si>
  <si>
    <t xml:space="preserve">服装印花开票给服装厂加工印花业务，结算要开票，我厂开不了印花票， </t>
  </si>
  <si>
    <t>要看你们厂的营业范围是什么，现在你们的服务内容是给服装厂加工，应该是来料加工业务。既然你们可以开服装票，应该你们做些与服装相关的协作加工业务，也是允许的。开服装票，对方厂没有意见就没有任何问题。</t>
  </si>
  <si>
    <t xml:space="preserve">XD是什么啊？游戏中常说的刷XD是干什么啊？具体步骤是怎么刷的？ </t>
  </si>
  <si>
    <t>刷XL杀完偶尔会系统提示XX剿灭山头老大，他的小弟在XX闹事，你跑过去就能看见几个拦路强盗，由于系统叫他们XX的小弟，小弟俩字的开头字母就是XD.....那些XX老大的小弟看刷的位置，不同位置有等级限制，晴和湿地最高，晴和县低点，越高钱越多，可以得钱和人品，还可能得各种1级石头80以上的小弟是10分钟固定刷一次，在忭京周围，野猪林韦洲沧州，每把的钱固定，人品固定，不给石头</t>
  </si>
  <si>
    <t xml:space="preserve">晚上经常失眠使用什么药物或者吃什么进行调理? </t>
  </si>
  <si>
    <t>失眠症是一种持续性的睡眠的质和/或量令人不满意的生理障碍。对失眠有忧虑或恐惧心理是形成本症的致病心理因素。 失眠是常见的睡眠障碍。可继发于躯体因素、环境因素、神经精神疾病等。本症是因精神紧张、焦虑恐惧、担心失眠的所谓原发性失眠症。其症状特点为入睡困难、睡眠不深、易惊醒、早醒、多梦，醒后疲乏或缺乏清醒感。白天思睡，严重影响工作效率或社会功能。 通常失眠的发病时间为每周至少发生三次并持续一月以上。 为了区分失眠的不同时间阶段，将失眠分为入睡困难、睡态不稳、早醒三种形式。 一、保持乐观、知足长乐的良好心态。对社会竞争、个人得失等有充分的认识，避免因挫折致心理失衡。 二、建立有规律的一日制度，保持人的正常睡—醒节律。 三、创造有利于入睡的条件反射机制。如睡前半小时洗热水澡、泡脚、喝杯牛奶等，只要长期坚持，就会建立起“入睡条件反射”。 四、白天适度的体育锻炼，有助于晚上的入睡。 五、养成良好的睡眠卫生习惯，如保持卧室清洁、安静、远离噪音、避开光线刺激等；避免睡觉前喝茶、饮酒等。 六、自我调节、自我暗示。可玩一些放松的活动，也可反复计数等，有时稍一放松，反而能加快入睡。 七、限制白天睡眠时间，除老年人白天可适当午睡或打盹片刻外，应避免午睡或打盹，否则会减少晚上的睡意及睡眠时间。 另外，对于部分较重的患者，应在医生指导下，短期、适量地配用安眠药或小剂量抗焦虑、抑郁剂。这样可能会取得更快、更好的治疗效果。 失眠偏方 党参、白术、当归、茯神、远志、龙眼肉、陈皮各10克，炙黄芪12克，炒枣仁15克，首乌藤30克，木香、炙甘草各6克。 [制用法] 水煎服。 [适应证] 失眠心脾两虚证。 一．经验方 1.按摩穴位治失眠 按摩一组穴位：百会、太阳、风池、翳风、合谷、神门、内外关、足三里、三阴交、涌泉。按摩次数以大眠程度为准，失眠轻少按摩几次，失眠重多按摩几次。按摩后立即选一种舒适的睡姿， 10分钟左右可入睡。如果仍不能入睡，可继续按摩一次即可入睡。 2.每天早上请喝一杯水 每天早晨漱洗后，喝一杯温开水，对感冒、上火、大便干燥之类疾病同样有效。 3．上软下硬两个枕头睡眠好 枕头适于用两个，每对高度不超过8厘米，且以上软下硬为宜。上边的软枕便于调整位置，以达睡眠舒适。下边的硬枕主要用于支撑高度。使用这样的枕头，睡眠舒适，解除疲劳快. 4．白酒泡灵芝可治失眠 原料白酒一斤，灵芝半两；灵芝用水洗净，放进白酒瓶内，盖封严；酒逐渐变成红颜色，一周就可饮用，每晚吃饭时或睡觉前根据自己的酒量，多则喝5钱左右，如果平时不喝酒的可少喝。 5．摩擦涌泉穴治失眠 当你躺在被窝里难以入睡时，将一只脚的脚心放在另一只脚的大拇趾上，做来问摩擦的动作，直到脚心发热，再换另一只脚。这样交替进行，你的大脑注意力就集中在脚部，时间久了，人也累了，有了困意，就想入睡。如长期坚持，还能起到保健作用。 6．柏树叶装枕头可安眠 拣一些柏树叶，洗净晒干，装一个枕头。柏叶枕在头下也有一股清香味，使人感到舒适，收到了镇静安眠效果。 7．鲜果皮能使你安眠 将鲜桔皮或梨皮、香蕉皮50-100克，放入一个不封口的小袋内。晚上睡前把它放在枕边。上床睡觉时，便闻到一股果皮散发的芳香，使你安然入睡。 8.．红果核大枣治失眠 红果核洗净晾干，捣成碎未（可求助中药店）。每剂40克，加撕碎的大枣7个，放少许白糖，加水400克，用砂锅温火煎20分钟，倒出的汤汁可分3份服用。每晚睡觉前半小时温服，效果好，无副作用。 9.吃大蒜可治失眠 每天晚饭后或临睡前，吃两瓣大蒜，我历来不习惯吃蒜，因此是把蒜切成小碎块用水冲服的。 10．鲜果皮能使你安眠 将鲜桔皮或梨皮、香蕉皮50-100克，放入一个不封口的小袋内。晚上睡前把它放在枕边。助睡眠。 二．食疗方 酸枣仁粥 【原料】酸枣仁末15克 粳米100克 【制作】先以粳米煮粥，临熟，下酸枣仁末再煮。 【用法】空腹食用。 【功效】宁心安神。适用于心悸、失眠、多梦、心烦。 秫 米 粥 【原料】秫米30克 制半夏10克 【制作】先煎半夏去渣，入米煮作粥。 【用法】空腹食用。 【功效】和胃安眠。适用于食滞不化、胃中不适而引起失眠者。 远志莲粉粥 【原料】远志30克 莲子15克 粳米50克 【制作】先将远志泡去心皮与莲子均研为粉，再煮粳米粥，候熟入远志和莲子粉，再 煮一二沸。 【用法】随意食用。 【功效】补中，益心志，聪耳明目。适用于健忘、怔忡、失眠等症。 小 米 粥 【原料】小米50克 鸡蛋1个 【制作】先以小米煮粥，取汁，再打入鸡蛋，稍煮。 【用法】临睡前以热水泡脚，并饮此粥，然后入睡。 【功效】养心安神。用于心血不足、烦躁失眠。 小米枣仁粥 【原料】小米100克 枣仁末15克 蜂蜜30克 【制作】小米煮粥，候熟，入枣仁末，搅匀。 【用法】食用时，加蜂蜜，日服2次。 【功效】补脾润燥，宁心安神。治纳食不香、夜寐不宁、大便干燥。 柏子仁粥 【原料】柏子仁10～15克 粳米50～100克 蜂蜜适量 【制作】先将柏子仁去尽皮、壳、杂质，捣烂，同粳米煮粥，待粥将熟时，对入蜂 蜜，稍煮一二沸即可。 【用法】每日服2次，2～3天为一疗程。 【功效】润肠通便，养心安神。适用于心悸、失眠健忘、长期便秘或老年性便秘。 夜交藤粥 【原料】夜交藤60克 粳米50克 大枣2枚 白糖适量 【制作】取夜交藤用温水浸泡片刻，加清水500克，煎取药汁约300克，加粳米、白 糖、大枣，再加水200克煎至粥稠，盖紧焖5分钟即可。 【用法】每晚睡前1小时，趁热食，连服10天为一疗程。 【功效】养血安神，祛风通络。适用于虚烦不寐、顽固性失眠、多梦症以及风湿痹 痛。 八 宝 粥 【原料】芡实 薏仁米 白扁豆 莲肉 山药 红枣桂圆 百合各6克 大米150克 【制作】先将各药煎煮40分钟，再加入大米继续煮烂成粥。 【用法】分顿调糖食用，连吃数日。 【功效】健脾胃，补气益肾，养血安神。适用于失眠以及体虚乏力虚肿、泄泻、口 渴、咳嗽少痰等。 玫瑰花烤羊心 【原料】鲜玫瑰花 羊心各50克 食盐适量 【制作】 1. 将鲜玫瑰花50克(或干品15克)放入小铝锅，加食盐、水煎煮10分钟，待冷备用。 2. 将羊心洗净，切成块状，穿在烤签上边烤边蘸玫瑰盐水，反复在在明火上灸烤， 烤熟即成。 【用法】宜热食，可边烤边食。 【功效】补心安神。适用于心血亏虚所致惊悸失眠以及郁闷不乐等症。 乌灵参炖鸡 【原料】鸡1只 乌灵参100克 酒 姜 葱 盐各适量 【制作】 1. 乌灵参用温水浸泡4～8小时，洗净切片，放入鸡腹内。 2. 将鸡放入砂锅内，清水淹过鸡体，放入酒、姜、葱适量，旺火烧开后，改文火 清炖，待鸡熟后，加盐少许即成。 【用法】每日2次，食鸡肉，饮汤。 【功效】补气健脾，养心安神。适用于神经衰弱。 茯 苓 饼 【原料】茯苓细粉 米粉 白糖各等份 【制作】上3味加水适量，调成糊，以微火在平锅里摊烙成极薄的煎饼。 【用法】可经常随量吃。 【功效】健脾补中，宁心安神。适用于气虚体弱所致的心悸、气短、神衰、失眠以及 浮肿、大便溏软等。 治疗失眠偏方： 芹菜根90克，酸枣仁9克，水煎服，可治疗失眠。 以下几个方法可有效改善睡眠： 睡前饮一杯热牛奶。或者蜂蜜水。&lt;&lt;中老年人如何自我保养？ 冬天睡觉前一定用热水好好泡泡脚。 另外，吃些香蕉和鱼虾也可以帮助调整生物钟，对调整时差有帮助。 一般的银耳莲子汤也有安神的效果。 在枕头旁边，放10克左右切成丝的生姜，就能催人入眠。 1、猪心1个，三七、蜂蜜各30克。将猪心洗净，与三七共煮，待猪心熟后加入蜂蜜。吃肉饮汤。 2、麦仁30克，大枣15枚，甘草15克。小麦去皮，与后2味入锅，加水3碗，煎至1碗。每晚睡前顿服。 3、山楂核30克。炒焦成炭，捣碎，水煎后加适量白糖，每晚睡前服1剂。主治心悸、失眠。（胃酸过多者忌用） 4、鸡蛋2个，枸杞15克，红枣10枚。先将枸杞、红枣用水煮30分钟，再将鸡蛋打入共煮至熟，日服2次。主治失眠、健忘。 5、酸枣仁粉10克，绿茶15克。清晨8时前冲泡绿茶15克饮服，8时后忌饮茶水。晚上睡前冲服酸枣仁粉10克。凡高血压、心动过速、习惯性便秘及哺乳期妇女慎用。 6、龙眼肉15克，枸杞10克，红枣4枚，粳米100克、洗净，加水煮成粥，日服2次（晨起空腹和晚睡前），常服效佳。 7、干龙眼肉、芡实各15克，粳米100克，去心莲子6克，白糖适量。将芡实煮熟去壳，捣碎成米粒状；粳米淘洗干净放入锅中，加莲子、龙眼肉、芡实及清水，煮成粥后调入白糖，每日1剂。 8、将花生叶（鲜叶最好）用白开水冲水入壶内或杯内，等花生叶的色泽泡下后饮下，约10分钟左右，即能入睡，有效率达95％以上。 9、茯神15克，生鸡蛋黄1个。茯神加一杯半水，煎成一杯。稍凉加入鸡蛋，搅匀。睡前先以温水洗脚，然后乘热服下药液，时间不长即可安眠。 10、丹参、远志、石菖蒲、硫黄各20克。共研细末，加白酒适量，调成膏状，贴于脐中，再以棉花垫于脐上，用胶布固定，每晚换药一次。 11、党参15克，麦冬（去心）9克，五味子6克，夜交藤、龙齿各30克。晚饭前水温服，留渣再煎，晚上睡前1小时再服，每日1剂。 12、党参60克，玄参30克，琥珀18克，朱砂、麦冬各12克。共研细末，过筛。每次服3－5克，睡前半小时白开水送服。 13、枸杞30克，炒枣仁40克，五味子10克。和匀，分成5份。每日取1份，放入茶杯中开水冲泡，代茶频饮。或日饮3次，但每次不少于500毫升。 14、五味子30克。水煎，睡前服。主治失眠、周身乏力。 15、鲜丹参16克，鲜酸枣根30克。水煎，日服2次。主治失眠、健忘、夜多怪梦。 入睡困难表现为躺在床上后30分钟甚至1-2小时时还难以入睡，翻来覆去、急躁不安、心慌不适，等到入睡时，已是深夜了。睡态不稳表现为睡眠表浅，多梦易醒，醒后也能再入睡，但每晚要醒3-4次以上，睡眠效率低，为此每晚要少睡20%的时间，而正常人一般不超过5%。由于夜间多次惊醒，而影响睡眠的质量，故出现睡眠不足的症状。早醒表现为尚能慢慢入睡，但一觉醒来才睡2-3小时，以后则反复不能入睡，离清晨还有2小时或更早时就醒了，且不能再入睡或似睡非睡、反复做梦。由于夜半醒来，要等到天亮才能起来，如果此时家里人都还在酣睡，失眠者的心情会更加烦躁易怒。 许多失眠情况都是由于身体的某些部位不适造成的，以下介绍几种： 1．中枢神经系统疾病，如脑外伤、脑肿瘤、脑血管疾病（脑出血、脑梗塞）、帕金森病、老年性痴呆、癫痫、偏头痛等。 2．呼吸系统疾病，如慢性支气管炎、慢性阻塞性肺气肿等。 3．泌尿系统疾病，慢性肾功能衰竭时的睡眠，常常是短而破碎，只有肾透析或肾移植才能有效解决。糖尿病、尿崩症、泌尿系统感染引起的尿频，也可以干扰睡眠。 4．过敏性疾病，也常常干扰睡眠，如皮肤瘙痒、鼻阻塞、使睡眠无法进行。 5．消化系统疾病，如溃疡病、肠炎、痢疾等造成腹痛、烧心、恶心、呕吐等症状，也明显干扰睡眠。 6．循环系统疾病，特别是心衰、心绞痛、高血压、动静脉炎等都可引起失眠。 7．骨骼、肌肉、关节的炎症和疼痛，是临床常见的疾病，也不同程度地引起睡眠障碍。在这些疾病中，失眠多表现为伴发症状，疾病治好了，失眠一般也能康复。 对老年人的健康更为重要。在睡眠的准备、姿势和习惯方面还要注意有以下几种禁忌： 1. 忌临睡前吃东西：如果临睡前吃东西，肠胃等又要忙碌起来，这样加重了它们的负担，身体其它部分也无法得到良好休息，不但影响入睡，还有损于健康。 2. 忌睡前用脑过度：临睡前则做些较轻松的事，使脑子放松，这样便容易入睡。否则，大脑处于兴奋状态，即使躺在床上也难以入睡，时间长了，还容易失眠。 3. 忌睡前情绪激动：人的喜怒哀乐都容易引起神经中枢的兴奋或紊乱，使人难以入睡，甚至造成失眠。 4. 忌睡前说话：因为说话容易使大脑兴奋，思想活跃，从而影响睡眠。 5. 忌睡前饮浓茶、喝咖啡：浓茶、咖啡属刺激性饮料，含有能使人精神处于亢奋状态的咖啡因等物质。睡前喝了易造成入睡困难。 6.忌久卧不起：中医认为“久卧伤气”，睡眠太多会出现头昏无力，精神萎靡，食欲减退。 7.忌当风而睡：房间要保持空气流通，但不要让风直接吹到身上。时间长了，冷空气就会从毛细管侵入，引起感冒风寒等疾病。 常用安眠药不仅会引起抗药性，而且容易造成肝损伤。科学家们发现，食物与睡眠有一定的关系。美国的一位医学博士认为，若在睡前稍吃一点催眠食物，更容易入睡。现推荐几种仅供参考： 1. 牛奶：牛奶中含有色氨酸，这是一种人体必需的氨基酸。睡前喝一杯牛奶，其中的色氨酸量足以起到安眠作用。饮用牛奶的温饱感也增加了催眠效果。 2. 核桃：核桃是一种滋养强壮品，可治神经袁弱、健忘、失眠、多梦和饮食不振。每日早晚各吃些核桃仁，有利睡眠。 3. 桂圆：性味甘温，无毒。桂圆肉补益心脾、养血安神，可医失眠健忘、神经震弱等。中医治疗心脾两虚、失眠等梦的方剂“归脾丸”就有桂圆肉。 4. 莲子：莲子有养心安神的作用，心烦梦多而失眠者，则可用莲子心加盐少许，水煎，每晚睡前服。 5. 食醋：劳累难眠时，可取食醋1汤匙，放入温开水内慢服。饮用时静心闭目，片刻即可安然入睡。 失眠者皆有夜晚睡不着而白天却感到精神不振的体会。这样不但影响工作、学习和生活，而且还会引发其他疾病，很不利于健康。因此，失眠者切不可依赖于安眠药物，而应加强自我调理。 首先，要了解自身的睡眠周期。每个人都有自己的特定的睡眠周期，选择最合适的睡眠时间及方式，以养成规律性的生理时钟。 其次，每天做中等量的运动，但勿在晚上做。适度的运动可以缓和交感神经系统，是改善睡眠障碍的良方。 再次，选择合适的晚餐食物。晚餐应多吃清淡的食物，如新鲜蔬菜、水果，少吃刺激性食物。睡前喝杯加蜂蜜的牛奶，也有助于安眠。 除此之外，如果有条件，每晚临睡前洗个热水澡，以帮助自己建立规律的睡眠周期。按摩也可以促进睡眠。失眠者可躺在床上，放松身体。 随着生活节奏的加快及生活压力的加大，失眠患者越来越多，采用综合疗法治疗失眠有一定的疗效，现介绍几种如下： 1. 保健疗法：每天按摩太阳穴，百会穴数次，用保健木梳梳头5分钟，从而保持心情舒畅，解除烦恼，消除思想顾虑。 2. 饮食疗法：取大枣，小麦，冰糖，先取大枣、小麦水煎去渣取汁，纳入冰糖烊化顿服，每晚1次。 3. 药粥疗法：取大枣，元肉，大米，砂糖适量。先取大米煮粥，待沸时加入大枣、元肉，煮至粥熟时，调入冰糖，再煮一、二沸即成，每日1剂。 4. 填脐疗法：取酸枣仁，研为细末，置肚脐中，外用伤湿止痛膏固定，1日1换。 5. 敷足疗法：取朱砂，加浆糊适量调匀，置于伤湿止痛膏上，贴敷于脚心涌泉穴上，包扎固定，每晚1次。 6. 足浴疗法：磁石，菊花、黄芩、夜交藤，水煎2次，去渣取汁，倒入浴盆中，趁热浸洗双足15－30分钟，每晚1次。 “逆转意图”治失眠 “逆转意图”这种疗法的理论假设是：求治者在有意进行的某种行为活动中，改变了自己对该种行为的态度，这使得原来伴随该行为而出现的不适应的情绪状态与该行为脱离，从而达到治疗的目的。 对一位失眠的求治者，施治者在采取逆转意图疗法治疗时，其方法即是让其故意坚持不睡，躺在床上，不看电视，不看书报，保持清醒，通宵达旦，不准入睡，而白天照常从事正常活动。如此治疗数日，当求治者无论如何也抵制不了睡眠的需要时，在经过补偿性睡眠之后，再让求治者恢复正常作息时间。又如治疗面肌习惯性抽动症，便让求治者主动收缩面肌，并规定较高的频率，直到出现其劳感为止。且每天令其重复操作，经过多次训练，便可达到逐渐消除习惯性抽动的目的。 此法还可用于对恶劣家庭关系的治疗。如夫妻间每天都要用冷言恶语去刺激对方，用要挟、报复等各种手段去惩罚对方，对如此恶性循环而不能自拔的家庭关系，使用逆转意图疗法时，便应要求反目的夫妻双方每天一丝不苟地完成指定的"家庭作业"，而且一定要吵够一个小时或两个小时才允许收场。要他们主动找借口，搜寻以往生活的嫌隙，作为舌战的炮弹，直到全部打光，粮尽弹绝，互愿休战为止。从相反的方向来暴露人类行为中的弱点。 逆转意图疗法可以由求治者自己执行，这样同样能帮助求治者迅速克服那些由具体生活事件引起的害怕情绪，如上司招见、招聘面试、考试怯场等。 -------------------------------------------------------------------------------------------------- 失眠者的食疗方法 失眠者在“药补不如食补”的今天，如果采用得当的食疗方，除不良反应外，且有一定的催眠功效。现特向您推荐几种易于制作的食疗方，供选用： 猪心枣仁汤猪心1个，酸枣仁、茯苓各15克，远志5克。把猪心切成两半，洗干净，放入净锅内，然后把洗干净的酸枣仁、茯苓、远志一块放入，加入适量水置火上，用大火烧开后撇去浮沫，移小火炖至猪心熟透后即成。每日1剂，吃心喝汤。此汤有补血养心、益肝宁神之功用。可治心肝血虚引起的心悸不宁、失眠多梦、记忆力减退等症。 天麻什锦饭取天麻5克，粳米100克，鸡肉25克，竹笋、胡萝卜各50克，香茹、芋头各1个，酱油、料酒、白糖适量。将天麻浸泡1小时左右，使其柔软，然后把鸡肉切成碎末，竹笋及洗干净的胡萝卜切成小片；芋头去皮，同水发香茹洗净，切成细丝。粳米洗净入锅中，放入改刀的大朱料及白糖等调味品，用小火煮成稠饭状，每日1次，作午饭或晚饭食用。此饭有健脑强身、镇静安眠的功效。可治头晕眼花、失眠多梦、神志健忘等症。 龙眼冰糖茶龙眼肉25克，冰糖10克。把龙眼肉洗净，同冰糖放入茶杯中，沸水，加盖闷一会儿，即可饮用。每日1剂，随冲随饮，随饮随添开水，最后吃龙眼肉。此茶有补益心脾、安神益智之功用。可治思虑过度、精神不振、失眠多梦、心悸健忘。 远志枣仁粥远志15克，炒酸枣仁10克，粳米75克。粳米淘洗干净，放入适量清水锅中，加入洗净的远志、酸枣仁，用大火烧开移小火煮成粥，可作夜餐食用。此粥有宁心安神、健脑益智之功效，可治老年人血虚所致的惊悸、失眠、健忘等症。 百麦安神饮小麦、百合各25克，莲子肉、首乌藤各15克，大枣2个，甘草6克。把小麦、百合、莲子、首乌藤、大枣、甘草分别洗净，用冷水浸泡半小时，倒入净锅内，加水至750毫升，用大火烧开后，小火煮30分钟。滤汁，存入暖瓶内，连炖两次，放在一块，随时皆可饮用。此饮有益气养阴、清热安神之功效。可治神志不宁、心烦易燥、失眠多梦、心悸气短、多汗等症。 柏子仁炖猪心柏子仁15克，猪心1个，精盐、料酒、酱油、葱片适量。把猪心洗干净，切成厚片，同柏子仁放入有适量清水的锅中，加放料酒、精盐，在小火上炖至猪心软烂后，加入酱油、葱花即成。佐餐食用。此汤菜有养心安神、润肠通便之功效。可治心血不足所致的心悸不宁、失眠多梦等症。 桂圆芡实粥桂圆、芡实各25克，糯米100克，酸枣仁20克，蜂蜜20克。把糯米、芡实分别洗净，入适量清水锅中，加入桂圆，大火烧开，移小火煮25分钟，再加入枣仁，煮20分钟，食前调入蜂蜜。分早晚2次服食。此粥有健脑益智、益肾固精之功用。可治老年人神经衰弱、智力衰退、肝肾虚亏等症。 绞股蓝红枣汤绞股蓝15克，红枣8枚。两物分别洗净，放入适量水锅中，用小火煮20分钟即可。每日1剂，吃枣喝汤。此汤有健脑益智、镇静安神之功用。可治神疲管道力、食欲不振、失眠健忘、夜尿频多等心理医生教你怎样对付失眠 在心理门诊经常接待因失眠而困扰不安的来访者，他们大都有个共同的特点：性格敏感、多疑、自信心不足、固执、犹豫不决、完美主义、爱担心焦虑。对偶尔的几次失眠造成的头疼、注意力涣散、记忆力下降等症状，总是感到忧心忡忡，耿耿于怀。他们每天上班都是无精打采，抱怨说："唉！昨天晚上又没有睡好觉！今天简直没法工作！"到了晚上，他们总是想方设法地让自己"今天什么也别想，一定要睡个好觉！"但是，事与愿违，越想睡好觉，越睡不着，形成恶性循环。他们有的已经试过许多方法，吃药、练气功、听音乐、或者拼命克制自己的胡思乱想，结果都不奏效，而心理医生教给他们的方法与他们以往使用的方法大相径庭。 每天睡觉之前应坚持做好以下六件事,对身体和睡眠都很有帮助。      (一)刷牙洗脸擦身睡前刷牙比早晨更重要，不仅可清除口腔积物，并且有利于保护牙齿，对安稳入睡也有帮助；电视看完后，洗洗脸、擦擦身(特别是腋下、阴股部、肛门周围等处)，以保护皮肤清洁，使睡眠舒适、轻松。      (二)梳头古医家探明头部穴位较多，通过梳理，可起到按摩、刺激作用，能平肝、熄风、开窍守神、止痛明目等。早晚用双手指梳到头皮发红、发热，可疏通头部血流，提高大脑思维和记忆能力，促进发根营养，保护头发，减少脱发，消除大脑疲劳，早入梦乡。      (三)散步平心静气地散步10-20分钟，这会使血液循环到体表，入睡后皮肤能得到"活生生"的保养。躺下后不看书报，不考虑问题，使大脑的活动减少，较快地进入睡眠。      (四)喝杯加蜜牛奶古代民间流传这样一句话："朝朝盐汤，暮暮蜜。"就是说早喝淡盐开水，晚饮蜜糖水。据国外医学专家研究，牛奶中含有促进睡眠的L-色氨酸。睡前1小时喝杯加蜜的牛奶，可助眠。蜂蜜则有助于整夜保持血糖平衡，从而避免早醒，尤其对经常失眠的老年人更佳。      (五)开窗通气保持寝室内空气新鲜，风大或天冷时，可开一会儿，睡前再关好，有助于睡得香甜。但注意睡时不要用被蒙头。      (六)洗(搓)脚民谚曰，"睡前烫烫脚，胜服安眠药"、"睡前洗脚，胜服补药"、"养树护根，养人护脚"等等。早在1400多年前孙思邈就提出寒从脚上起的见解，"病从脚上来，双脚如树根，治脚治全身……。"国外医学家把脚称为"人体第二心脏"、"心之泵"，十分推祟脚的保健作用。祖国医学认为，脚上的60多个穴位与五脏六腑有着十分密切的联系。若能养成每天睡觉前用温水(40-50℃)洗脚、按摩脚心和脚趾，可起到促进气血运行、舒筋活络、阴阳恢复平衡状态的作用。对老年人来说，更具有祛病健身的功效。</t>
  </si>
  <si>
    <t xml:space="preserve">1我们这个世间行业里头，有人从事于杀生这个行业，这个行业不好，为? </t>
  </si>
  <si>
    <t>我们已经具足修学的顺缘──得到一个暇满人身，所以应该好好地以这个人身来求取佛法的心要。而且不应该只是寄望现前增上生果位的取得，只追求自己个人的解脱，应该要以“为了一切众生的义利，我一定要成佛。”的这种菩提心为动机，来听受这一场教法。事实上，由于我们现在能力不足，别说是成办所有众生的义利，就是一个众生的义利也成办不了；实在是为了要成办所有众生的义利，所以我们必须来修学菩提道次第教授。唯有从开始的依师之理到止观双运道全部圆满，最后成就佛道，我们才能够圆满地成就一切众生的义利。如果人死如灯灭一样，那倒是好的，但事实却不是如此，死了之后还要投生，而且是基于所积造善恶业的因，而感招乐果(善趣)和苦果(恶趣)。每个人也许都会想:“我死了之后，可能不会堕入三恶道吧!”但是基于“我可能不会堕入三恶道”的这种想法，并不会让你就不堕入三恶道，因为我们为业所牵引，没有这种自由。如果能自主的话，每个人都不会想堕三恶道的，三恶道也就不会有了!然而在我们的心相续里，确有所谓的善业和恶业。如果你是真正至心皈依三宝，临终之后不会堕入三恶道，也不会堕入地狱道，这是可以保证的。虽然皈依的法类接下来才讲说，不过，我们之所以要先修思惟三恶道苦的理由，就是为了希望众生能基于畏惧三恶道苦，生起真实皈依三宝的心。假设今天晚上你就死了，临终的时候，你能思惟三恶道，特别是地狱道的苦，而心生畏惧，生出至诚皈依三宝的心，这样往生的话，即使你的周遭有百千万个阎罗王围绕着要带你走，也带不走你的。</t>
  </si>
  <si>
    <t xml:space="preserve">求助日本留学本人是一个普通大学的大专毕业生，今年刚刚拿到毕业证书 </t>
  </si>
  <si>
    <t>边打工边上学相当辛苦，很多在国外打工的留学生其实打工赚的钱很难够用，基本上都是家里有一定实力担不是特别有钱，就算不打工也能差不多供得起的那种。边打工边工作很容易耽误学习，国外的大学宽进严出，通过学习拿到学位不是一件简单的事情，如果还有生活压力，人会相当的辛苦。你自己好好想想，如果就是为了赚钱才出国，还不如直接找出国打工的渠道，目前有劳务输出，不过多为技术工人类的，也有专门做出国打工的人，如果需要，我可以介绍你去咨询，问问情况。</t>
  </si>
  <si>
    <t xml:space="preserve">谁能告诉我后背大面积疼痛是怎么回事呢？纠结！ </t>
  </si>
  <si>
    <t>一般出现这种情况，有几种原因，一是， 腰背部劳累损伤，引起的疼痛，二是由于心脏的疾病引起的疼痛，三是肾病引起的疼痛，后两者必须到医院检查。如果您对我的答复满意，请将答案设置为“好评”，谢谢您的采纳。</t>
  </si>
  <si>
    <t xml:space="preserve">哪种矿物面泥好用?推荐下价位60~120可接受，混合性皮肤，长期 </t>
  </si>
  <si>
    <t>贝佳斯不错分绿、白、粉绿色适合油皮、混合皮，比较刺激，对豆豆和黑头有效果，一直在使用白泥补水清洁作用，比较温和粉泥，具有提亮肤色的作用御泥坊貌似是国货，网上口碑不错，但没有使用过~~</t>
  </si>
  <si>
    <t xml:space="preserve">跪求好看的封面图片要一些好看的，上面写着：放飞我们的梦想，字要大 </t>
  </si>
  <si>
    <t>OK,多提意见</t>
  </si>
  <si>
    <t xml:space="preserve">excel请各位帮忙解决，谢谢！ </t>
  </si>
  <si>
    <t>楼主你可以试下先复制，然后右键选选择性黏贴，把跳过空单元格勾上，这样的话本来有的他不覆盖了，本来空着的就把复制的覆盖上去了。</t>
  </si>
  <si>
    <t xml:space="preserve">7个月时候的彩超看性别准确吗首先声明，不是重男轻女哦~因为一直对 </t>
  </si>
  <si>
    <t xml:space="preserve"> 7个月时候的彩超看性别准确吗7个月以上,可以说基本准确,很少不准的。</t>
  </si>
  <si>
    <t xml:space="preserve">手上弄到502瞬间胶，怎么除去？一下挤出来很多，流到手上，马上用 </t>
  </si>
  <si>
    <t>用热水冲洗,我也碰到过,说明书上也是这么说的.</t>
  </si>
  <si>
    <t xml:space="preserve">怎么去除腋臭 </t>
  </si>
  <si>
    <t>　　腋臭又称为臭汗症，是由患者腋窝部的大汗腺排泄的汗液，经皮肤表面的细菌，主要是葡萄球菌的分解，产生不饱和脂肪酸而发出臭味。由于大汗腺于分泌旺盛，故本症多见于青壮年，随着年龄的增长，人体的衰者，大汗腺也逐渐退化、症状可以减轻或消失，大多数患者有家族遗传史。　　腋臭术的手术原理是什么？　　手术原理：从生理解剖上来看，大汗腺位于皮肤深层及脂肪层，汗腺导管开口于毛囊的上三分之一处，少数直接开口于皮肤表面。故腋臭术就是通过手术的方式破坏人汗腺或切断；汗腺导管，从而阻止了汗液的排出，从根本上达到祛除汗臭味的目的。　　手术方法有哪些？　　常用的腋臭术有三种方法：腋毛拔除术、液部皮肤切除术和腋臭剥离术　　腋毛拔除术：　　适合患者：适合中度患者、未成年患者或做过腋臭手术但不彻底仍有部分气味的患者。　　原理：是根据汗腺导管开口于毛囊的组织学特征，来彻底地破坏毛囊，从而达到切断汗腺排泄途径的目的。　　方法：主要使用二氧化碳激光器及电离子治疗仪。在常规消毒局部麻醉下，对准腋窝部的毛孔逐一破坏，大汗腺导管开口阻塞，同时得到永久脱毛。本方法手术痛苦小，操作简单，病人易于接受。　　疗效：此方法常因破坏毛囊的深度不够及少数毛孔遗漏，一次治疗往往不能根治，需反复多次治疗，尤其是腋毛浓密臭味较重的患者，疗效更加不满意。　　腋部皮肤切除术：　　原理：切除大汗腺。　　方法：是沿着腋毛生长区作梭形切口，切口要深达真皮并用刀分离皮肤，以达到腋毛边缘为止，将长有腋毛的皮肤全部切除，最后缝合切口。　　疗效：此方法治疗彻底，但经常因切除皮肤过多，切口处张力过大，影响愈合，或愈合疤痕挛缩，易产生牵拉感，影响上肢运动，且可能有疤痕的形成，影响美观。　　腋臭剥离术：　　原理：在真皮与皮下脂肪广泛分离，致使汗腺导管短列或破坏部分腺体以阻碍汗液排出。　　方法：通过液部下方的2.5-3 cm的纵切口或横切口，将皮肤与皮下组织分离，再用刮匙及铲刀上下前后以不同的方向搔刮，彻底去除脂肪组织，使毛囊和大汗腺完全破坏，缝合结扎，置入橡皮引流条一根，加压包扎，次日抽出橡皮引流条，术后使用抗菌素以防止感染，7天拆线。　　疗效：此法切口短，损伤小，疗效显著，愈后不留疤痕，为目前最常用的一种治疗方法。需要注意的是，手术分离的范围要够大，脂肪球刮除要干净彻底，否则影响疗效。此外，压迫止血要彻底，引流要通畅，以免形成皮下水肿。此疗法有皮肤坏死并发症。</t>
  </si>
  <si>
    <t xml:space="preserve">求一道关于数列的证明题假设m,n,r,t都是正整数，且m+n=r </t>
  </si>
  <si>
    <t>am=a1+(m-1)dan=a1+(n-1)dam+an=2a1+(m+n)d-2dar=a1+(r-1)dat=a1+(t-1)dar+at=2a1+(r+t)d-2dm+n=r+t所以am+an=ar+at</t>
  </si>
  <si>
    <t xml:space="preserve">客服可不可以把卖家的资料说得详细点我是个新人本来想在秒5173上 </t>
  </si>
  <si>
    <t xml:space="preserve">尊敬的客户:    您好！5173客户服务026真诚为您服务！感谢您的意见，我们会提交给相关部门。感谢您对5173的支持!!!                                                </t>
  </si>
  <si>
    <t xml:space="preserve">电脑死机怎么处理？请问各位高手，如果电脑死机想让它继续工作的方法 </t>
  </si>
  <si>
    <t>alt + ctrl + del叫出任务管理器把导致你电脑死机的程式关闭</t>
  </si>
  <si>
    <t xml:space="preserve">太太口服液女主角是谁？ </t>
  </si>
  <si>
    <t xml:space="preserve">　　姓名：Irene Santiago Casiano 　　代言：太太口服液、佳能印表机、吉百利巧克力、七喜汽水 　　血统：中国、西班牙、菲律宾 </t>
  </si>
  <si>
    <t xml:space="preserve">中山哪里好玩中山市哪里最好玩 </t>
  </si>
  <si>
    <t xml:space="preserve">孙中山故居 · 文笔塔 · 小琅环洞 · 鸦岗苑阁 · 狮山海蚀遗址 · 陆皓东故居 · 石岭山海蚀遗址 · 五桂雄峰 · 兴中道 · 阜峰文笔 · 紫马岭公园 · 长江叠翠 · 杜婆桥 · 龙瑞塔 · "浦江世泽"坊 · "探花及第"坊 · 中山詹园 · 中山城 · 孙文纪念公园 · 五桂山逍遥谷 · 金斗弯 · 中山温泉仙沐园 · 卓旗山公园 · 泉林旅游山庄 · 逸仙湖公园 · 杨殷故居 · 长江旅游公园 · · 翠竹林漂流乐园 · 六棉古道 · 孙中山纪念堂 · 月山公园 · 桥头小琅环 · 中山公园 · 中山蝴蝶馆 · 中山科学馆 ·· 中山海上庄园 · 温泉泉眼 · 观龙楼 · 阜峰文塔 · 西山禅寺 · 西山第一峰 · 南山古香林 · 罗三妹山 · 郑关应故居 · 百龄流芳坊 · 岐江游 </t>
  </si>
  <si>
    <t xml:space="preserve">那里可以找到学习韩语初学的视频材料？最近同事开始学习韩语，不知道 </t>
  </si>
  <si>
    <t xml:space="preserve">从讯雷里搜一下,里面有好多发音方面的,会话方面的视频,还有韩文教材,短语等,我就是从讯雷里下载了好多,而且速度比电驴快多了. </t>
  </si>
  <si>
    <t xml:space="preserve">男宝宝的身高我家宝宝19个月了，身高79CM，体检时医生说偏矮， </t>
  </si>
  <si>
    <t>是有点偏矮,多补点钙,我家宝宝一周八都快90了</t>
  </si>
  <si>
    <t xml:space="preserve">这样的结婚证也有效吗？法院判决的离婚，复婚后办理的是声称原结婚证 </t>
  </si>
  <si>
    <t>已经离婚，又复婚不去办理复婚手续，却用不合法的手段骗来一个结婚证。这个结婚证是无效的。假如其中一方明天和别人结婚的话，另一方是不能告对方重婚的，因为结婚者的手里有一个合法的法院离婚证明，这个离婚证明是合法有效的。用丢失的理由办来的结婚证是不能改变已经离婚的事实。</t>
  </si>
  <si>
    <t xml:space="preserve">额头有很多脂肪粒，咋办？额头有很多，就是用手抠出来是淡黄色小颗粒 </t>
  </si>
  <si>
    <t>用暗疮针把它挤破，使用之前一定要用酒精消毒针，将里面的呈白色的粉头挤出来。有些小颗粒你是看不见的，你用手一摸，就会感触到。挤完后擦一点酒精消毒，最好用奥桑蒸气再蒸一下吧。建议你去美容院做清洁吧，可以清洁的更干净，消毒方面也会更方便一些。平时要保持好睡眠哦。</t>
  </si>
  <si>
    <t xml:space="preserve">租客走了广告牌没拆下，结果掉下来砸死了未成年人了，房东有多少责任? </t>
  </si>
  <si>
    <t>承担连带责任。</t>
  </si>
  <si>
    <t xml:space="preserve">婚姻问题,很困惑结婚差不多6年了,现有两个小孩,一男一女,老婆是 </t>
  </si>
  <si>
    <t>结婚后总是会吵架的，吵架之后不要总是想着对方的缺点，也想一想当初选择时的原因。我也是一个内向的人，其实不是不想和人熟悉，只是不知道该如何去熟悉，要和一个人聊得起来需要一段时间，而这段时间也需要比别人的时间长。两个人在一起我觉得最重要的还是沟通。两个人想的事情，对某些事的看法总是会不同，吵架也是难免的，不要总是想着改变对方。你是怎么想的，怎么看的，希望她怎么去做，就要清清楚楚的告诉她，不要泛泛的去说，可以在事情发生之后西平气和的告诉她“这件事我希望你能这样做。”然后问问她是怎么想的，希望你怎么去做。千万不要让对方猜你的心思，也不要想着她应该怎么样做，反正我是看不出别人是怎么想的，这个好难的。希望你们能迈过这个坎，幸福的生活下去。</t>
  </si>
  <si>
    <t xml:space="preserve">看电影看不进去...是我审美疲劳了吗...有啥好电影给推荐下[带? </t>
  </si>
  <si>
    <t>十佳武侠片 1) 卧虎藏龙：“美”式武侠片的开山之作！ 2) 新龙门客栈：现在的武侠片制作模式都是照它来的。 3) 黄飞鸿系列：捧红了李连杰啊！！！ 4) 醉拳：成龙代表作，功夫片黄金时代的作品。 5) 少林寺三十六房：刘家辉的成名作，现在来看也趣味无穷。 6) 少林寺：不用说了，真功夫的代表。 7) 佐罗：法国剑侠片的代表，迷到很多mm。 8) 笑傲江湖：对林青霞扮演的东方不败印象最深。 9) 座头市：创新的日本剑侠片，很有特点。 10) 杀死比尔：呵呵，新派东西方结合的功夫片来啦！！！！ 十佳惊悚片 1) 死神来临（1、2）：构思巧妙，场景惊人。 2) 黑暗降临：描写鬼怪传说的惊悚片，有些新意思。 3) 沉默的羔羊：获得奥斯卡奖的惊悚片！ 4) 7宗罪：风格阴暗，让人时不时想逃！表演精致！ 5) 闪灵：可以尽情欣赏杰克尼科尔森的超凡演技。 6) 第六感：此类影片代表作！！结尾精彩之极！ 7) 断头谷：蒂姆伯顿的惊悚恐怖大作，人头乱滚！ 8) 心慌方（1、2）：加拿大导演的匪夷所思之作！！！ 9) 本能：不用说了，很色情！ 10) 风云：拉斯冯提尔导演的丹麦影片，吓的很多人不敢独自回家。 十佳爱情片 1) 泰坦尼克：商业大作！ 2) 漂亮女人：现代版麻雀变凤凰！ 3) 罗马假日：奥黛丽赫本的经典。 4) 金玉盟：淡淡的幽怨、一生的承诺！ 5) 卡萨布兰卡（北非谍影）：经典老片。 6) 毕业生：我们还能找到青春时代的纯洁爱情吗？ 7) 生命中不能承受之轻：以时代为背景的爱情名片，节奏缓慢。 （帮助别人，快乐自己， 如果我的回答对你有帮助就点击『好评』感谢你的支持 如果还不明白的话就追问我）No.1穆赫兰道　　《穆赫兰道》可以算是每个悬疑片爱好者必观影片。和很多悬疑片一样，开头都有很不起眼的细节提示，但本片的细节提示可以算是技术含量最高的了——就是那一个谁也不会注意到的细节，竟然是全片的最重要的地方，这个细节还让我想起了爱因斯坦曾说过的一句话：“第一句话错误，整个假设失败。”（不能说太多了）而且这部电影也不是普通的在情节上或结局上让人感觉不可思议，它更是一种学术上的严肃的研究，关于梦境。这在我看来，确是大卫林奇最好的电影。（我发誓我看完之后真的没猜出结局，太好看了！！！） 　　No.2 电锯惊魂1（Saw1） 　　要论结局最让人震惊是，《电锯惊魂》以绝对优势当选。最开始我是以为这是恐怖片，但实际上这并不是恐怖片。反而我们能看见John作为一个“痛恨杀人犯”的杀人犯的用心良苦，在这一点上，毋宁说他是一个拯救者。后面几部也还不错，但明显逊于1。 　　No.3 恐怖游轮（Triangle） 　　 洁西游艇出海游玩，但她总有一种有不好的事情发生的感觉。果然，游艇遇到了风暴，于是所有人只好换乘了一辆刚好路过的大游轮来保证安全。可是洁西深信她曾乘坐过这辆大游轮，船上的钟突然停止了，一些恐怖的事情接踵而至……《恐怖游轮》是所有悬疑片中情节最复杂的，但又似乎有一个很清晰的思路。在看它的过程中，你的大脑不得不飞速运转，才能理清全片的结构。 　　No.4 致命魔术 　　《致命魔术》，2007上映的美国电影。其讲述的是在魔术产生盛行的维多利亚时期，出现了两位极有天赋的年轻魔术师、两个好朋友，罗伯特·安吉尔和阿尔弗雷德·波登。两个人因为互相嫉妒猜疑，而成了势不两立的对手，他们用各种方法来证明自己是那个时代的第一魔术师的故事。《致命魔术》的结局很有震撼力，一开始还真想不到。但其实片中很多地方都揭示了这个结局，但也许由于一种惰**，也没多想。所以大家看悬疑片还是要多想想。 　　NO.5 万能钥匙 　　年轻的姑娘卡罗琳（凯特•哈德森 Kate Hudson 饰）受雇于老妇人维奥莱特（吉娜•罗兰兹 Gena Rowlands 饰），前往她家照顾她卧病在床的丈夫本（约翰•赫特 John Hurt 饰）。维奥莱特的大房子坐落于以神秘习俗和宗教仪式闻名的地区，卡罗琳刚到这里就觉得阴森诡异。随着日子一天天过去，卡罗琳渐渐对这件大房子和古怪的维奥莱特起疑。一次偶然，她从维奥莱特那里得到了一把万能钥匙，用它可以打开这座大房子的所有房间。当卡罗琳走进了隐藏在顶楼的房间时，她看到了令人惊悚的一幕，直觉告诉她，本的卧病在床和维奥莱特以及这间房间有着莫大的关系，她决心揭开这个迷！《万能钥匙》，如果没有这个结局，那么这其实是个挺俗套的故事，但只要你看了结局你是绝对不会后悔的。 　　NO.6 死亡幻觉（Donnie Darko） 　　《死亡幻觉》（Donnie Darko）是一部2001年推出的美国心理惊悚、科幻电影，由理查·凯利（Richard Kelly）编剧和执导。故事叙述一位名叫东尼·达克（Donnie Darko，与电影原文标题相同）的青少年，在一个拟人化兔子的怂恿下，做出一些为了要终结世界的破坏行为。本片在美国上映时票房不尽理想，但在DVD租售市场却表现相当优异，目前被认为是一部另类经典作品（cult classic）。　　No.7 致命ID　　 惊悚剧情类型的电影看多了，《致命ID》当之无愧是其中最好的，总之，看本片心情是相当的纠结：从肯定A是凶手到肯定B是凶手到肯定C是凶手到肯定D…最后不知道谁是凶手，最后的最后以为就是那样了，最后的最后的最后又再一次深深的震惊了。　　NO.8 记忆碎片　　《记忆碎片》注定不是一般的作品，电影故事其实不太复杂，但很难看懂，这是由于它采用两条平行故事线，一条倒叙，以彩色呈现，另一条顺叙，以黑白呈现，两条线每隔几分钟穿插一次，直至片尾天衣无缝地与片头衔接在一起（观看者可注意何时衔接到了一起）。　　NO.9 十二宫 　　大卫·芬奇的《十二宫》完美地描述出来一场让人惊恐的心理战，对手则是美国历史上最聪明、最难以捉摸的系列杀人犯。　　NO.10 生死停留 　　《生死停留》是一部需要仔细斟酌的影片，每字每句，每事每物．哪怕你有一点的大意便会失去感觉，不知其意．影片中更多的运用了暗示，铺垫等表达手法．在影片结束的刹那一切谜底都被揭开，而新的迷团又马上降临了。十佳科幻片 　　1) 星球大战系列：开创了一个神话。 　　2) 异次元骇客（第十三层）：应该说它比黑客帝国的构思更精妙。 　　3) 超人：所有漫画类科幻电影的代表。 　　4) 终结者（1、2）：科幻电影经典中的经典。 　　5) 12猴子：如此引人深思的科幻电影真不多见。 　　6) 黑客帝国系列：引发了对现实和未来网络发展的思考，形成了一种黑客文化。 　　7) 移魂都市（黑暗城市）：风格另类的科幻片，结尾出人意表。 　　8) 超时空接触：比较严肃地探讨外星文明问题的力作。 　　9) 千钧一发：描写未来社会人的基因问题的惊险影片，内容和主题俱佳。 　　10) 2001漫游太空：经典作品，以严肃的科学性和预见性著称。 　　　　十佳剧情片： 　　　　1) 肖申克的救赎（刺激1995）：男人必看的励志影片。 　　2) 教父（1、2）：经典黑帮片，有此作品，其他同类一概低头。 　　3)美国往事：整个人生都在里面。 　　4)天堂电影院：每个男人的童年回忆，太经典了。 　　5)无主之城：人家怎么能拍出这么牛的电影！ 　　6)活着：也许是中国目前最伟大的电影。 　　7) 阿甘正传：教导所有的人要去宽容别人，傻就是福气。 　　8) 勇敢的心：民族自尊的好教材，希望大家要爱中国。 　　9) 楚门的世界：探讨人的价值和人性根本的奇思怪作。 　　10) 音乐之声：音乐的力量、音乐的快乐！ 　　11）辛德勒的名单：震撼人心的历史、充满感染力的摄影和杰出的演员。 　　　　十佳战争片： 　　1) 拯救大兵瑞恩：最真实反映战争和人性的超级巨作。 　　2) 猎杀红色十月：节奏和人物拿捏准确的潜艇影片代表作。 　　3) 兵临城下：从独特的视角描写二战的巨片，演员表演到位。 　　4) 大逃杀：归入战争片只因其太震撼、太残酷。 　　5) 巴顿将军：全景式展示战争的代表作，演员表演出色。 　　6) u-571：效果出众的新型海战片，拍得很有特点。 　　7) 全金属外壳：库布里克对战争的深刻反思，看过后使人对战争产生恐惧。 　　8) 星际舰队：科幻性质的战争片，士兵的训练和战斗的描写很有煽动性和争议性。 　　9) 瓦尔特保卫萨拉热窝：随时看起来都心潮澎湃的好电影！ 　　10) 野战排：反思越战的经典影片。 　　　　十佳动作片 　　　　1) 英雄本色（1）：吴宇森代表作。 　　2) 真实的谎言：阿诺演的最温情和幽默的电影。 　　3) 生死时速（1）：充满动感，耳目一新！ 　　4) 虎胆龙威系列：呵呵他怎么总是一身伤却不死啊！！！ 　　5) 勇闯夺命岛（石破天惊）：动作片颠峰作品！演员表演出色。 　　6) 刀锋战士（1、2）：新式吸血鬼动作片，非常另类和华丽。 　　7) 神秘的黄玫瑰系列：呵呵因为看的时候年纪小，觉得比西部片还经典。 　　8) 复仇：也是罗马尼亚的老电影，这部影片的枪战让人百看不厌。 　　9) 三步杀人曲系列：干净利落的墨西哥风格枪战电影。 　　10) 第一滴血（1）：有内涵有力度有故事，是史泰龙为数不多的好片。 　　　　十佳恐怖片 　　　　1) 夺命狂呼系列：校园恐怖片的代表作，对年轻人的胃口。 　　2) 杀出个黎明：另类夸张的恐怖片，不吓人，反而很搞笑和另类。 　　3) 活死人的黎明：活死人系列代表作，以恶心的僵尸著称。 　　4) 驱魔人：画面阴郁，声效凄厉，晚上看真的噤若寒蝉！ 　　5) 见鬼：港式恐怖片代表，有恐怖，也有情感。 　　6) 解剖（1、2）：欧洲恐怖片的代表，内容奇怪前卫。 　　7) 坏品味：指环王导演的早期作品，恐怖而搞笑。 　　8) 异形系列：科幻类恐怖片经典，1、2、4都很精彩 　　9) 咒怨：日式恐怖的代表，极其邪恶！ 　　10) 活跳尸：罕见的血腥的黑色幽默！ 　　　　十佳喜剧片 　　　　1) 两杆大烟枪：在英式幽默和一团乱麻中寻找答案的乐趣 　　2) 我为玛丽狂：美国厕所文化的代表，低俗但好玩。 　　3) 反斗神鹰系列：美式无厘头动作喜剧。 　　4) 大话西游（1、2）：经典！ 　　5) 花田喜事：港式老喜剧片的代表，明星云集。 　　6) 惊声尖笑系列：以模仿糟改其他影片取乐的新型喜剧片。 　　7) 虎口脱险：欧式喜剧片经典作，百看不厌。 　　8) 金鸡：近年少见的优秀香港电影，有很深的内涵。 　　9) 面具：金凯瑞的成名作。 　　10) 喜剧之王：周星弛最有内涵的电影。 　　　　十佳武侠片 　　　　1) 卧虎藏龙：“美”式武侠片的开山之作！ 　　2) 新龙门客栈：现在的武侠片制作模式都是照它来的。 　　3) 黄飞鸿系列：捧红了李连杰啊！！！ 　　4) 醉拳：成龙代表作，功夫片黄金时代的作品。 　　5) 少林寺三十六房：刘家辉的成名作，现在来看也趣味无穷。 　　6) 少林寺：不用说了，真功夫的代表。 　　7) 佐罗：法国剑侠片的代表，迷到很多mm。 　　8) 笑傲江湖：对林青霞扮演的东方不败印象最深。 　　9) 座头市：创新的日本剑侠片，很有特点。 　　10) 杀死比尔：呵呵，新派东西方结合的功夫片来啦！！！！ 　　　　十佳动画片 　　　　1) 怪物公司：罕见的数码特技！动人有趣的创意！ 　　2) 冰冻星球：虽然卖座不是很好，但它的场景可是真的漂亮！ 　　3) 辛巴达航海记：巧妙结合手绘和3d技术的优秀作品。 　　4) 怪物史莱克：健康的爱情观和幽默的故事！ 　　5) 寻找尼莫（海底总动员）：融合温馨情感和尖端技术的动画经典。 　　6) 千与千寻：宫岐峻颠峰之作！ 　　7) 最终幻想：3d人物数码化的先驱，技术出众。 　　8) 吸血鬼猎人：日式风格的华丽吸血鬼大作。 　　9) 盖娜：欧洲的动画大作，风格很怪异！ 　　10) 恐龙：不用说了，好看！ 　　　　十大情色片 　　　　1) 艳舞女郎：少见的描写夜总会无上装演员的作品，场面很精致！ 　　2) 卡里古拉：有史以来最“严肃”和宏伟的情色巨片！ 　　3) 罗曼史：探讨爱情冲突和仇恨的情色名作。 　　4) 亲密：获得柏林金熊，在欧洲大型电影节获奖影片中首次出现******的场面！ 　　5) 巴黎野玫瑰：描写爱到极至的感情，可怕！ 　　6) 深喉：现代色情片的鼻祖！ 　　7) 悲情城市：法国色情片演员出演的反映丑恶社会的独立电影。 　　8) 感官世界：大岛渚的惊世骇俗之作，以演员的真实做爱场面闻名！ 　　9) 巴黎最后的探戈：怀念马龙白兰度，就看看这部片子吧！ 　　10) 丑闻：最新的韩国情色作品。 　　　　十佳惊悚片 　　　　1) 死神来临（1、2）：构思巧妙，场景惊人。 　　2) 黑暗降临：描写鬼怪传说的惊悚片，有些新意思。 　　3) 沉默的羔羊：获得奥斯卡奖的惊悚片！ 　　4) 7宗罪：风格阴暗，让人时不时想逃！表演精致！ 　　5) 闪灵：可以尽情欣赏杰克尼科尔森的超凡演技。 　　6) 第六感：此类影片代表作！！结尾精彩之极！ 　　7) 断头谷：蒂姆伯顿的惊悚恐怖大作，人头乱滚！ 　　8) 心慌方（1、2）：加拿大导演的匪夷所思之作！！！ 　　9) 本能：不用说了，很色情！ 　　10) 医院风云：拉斯冯提尔导演的丹麦影片，吓的很多人不敢独自回家。 　　　　十佳爱情片 　　　　1) 泰坦尼克：商业大作！ 　　2) 漂亮女人：现代版麻雀变凤凰！ 　　3) 罗马假日：奥黛丽赫本的经典。 　　4) 金玉盟：淡淡的幽怨、一生的承诺！ 　　5) 卡萨布兰卡（北非谍影）：经典老片。 　　6) 毕业生：我们还能找到青春时代的纯洁爱情吗？ 　　7) 生命中不能承受之轻：以时代为背景的爱情名片，节奏缓慢。 　　8) 保镖：轻松健康的爱情电影。 　　9) 克莱默夫妇：对婚姻、儿女进行深入思考的伦理片。 　　10) 阳光灿烂的日子：属于我们这些人的青春！ 　　　　十佳魔幻片 　　　　1) 狼族盟约：法式魔幻片，明星众多的大制作。 　　2) 印第安纳琼斯（夺宝奇兵）三部曲：斯皮尔伯格和卢卡斯的强大组合！ 　　3) 倩女幽魂：中国鬼电影的里程碑！决不输于外国片！ 　　4) 魔戒三部曲：伟大的经典的真正的电影！！！ 　　5) 哈利波特系列：新魔幻电影的奇特分支。 　　6) 魔幻屠龙（龙的心）：感情真挚。 　　7) 木乃伊：幽默和特技结合的娱乐片。 　　8) 剪刀手爱德华：蒂姆伯顿最有想象力的作品。 　　9) 小飞侠：崭新的适合儿童的幻想片。 　　10) 大鱼：多看两遍吧，活着要善待自己啊希望对你有帮助，望采纳。</t>
  </si>
  <si>
    <t xml:space="preserve">请问附睾炎好医治吗?得急性附睾炎好医治吗?睾丸两旁有硬块.在医院 </t>
  </si>
  <si>
    <t>附睾为排精管道的组成部分，是极度盘曲的细长小管。当完全伸直时可长达6米，位于阴囊内，附粘于睾丸的后缘，故名附睾。一端与睾丸内的小管相连，另一端与输精管相连。有贮藏和协助排出精子的功能。    附睾炎为男性生殖系统的常见病，引起该病的原因主要有三：①慢性前列腺炎及长期放置导尿管导致前列腺感染而引发。②前列腺切除术后诱发。②周围淋巴管感染引起。    附睾炎初起时阴囊疼痛，沿精索放射至腹股沟部，甚至上达腰部，疼痛剧烈，附宰迅速肿大，有时在3—4小时内肿大一倍，体温升高达40℃左右。早期与睾丸界限清楚，后期则融成一团，界限不清；若有脓肿形成，局部有波动感，可自行穿破形成瘘管，精索水肿变粗，有继发性鞘膜积液。    在急性期须到作精索封闭，用0．25％普鲁卡因10—15毫升，于精索周围封闭，隔日1次；并用安比西林，每次1—1．5克，每天2次注，连续使用3—5天。    在治疗附睾炎期间，一般要卧床休息3—4天，用提睾带提起阴囊，以减轻坠胀症状；局部热敷或热水坐浴可加快炎症的消退。性交及体力劳动都会加重病情，应绝对禁止。    急性附睾炎治疗不及时，可反复发作形成慢性附睾炎。慢性附睾炎一般无任何症状，有时只觉局部不适和阴囊包块，有轻度压痛，若双侧附睾发炎，则可引起不育。    慢性附睾炎若伴有慢性前列腺炎者，必须按慢性前列腺炎治疗，必要时可考虑到医院作附睾切除术，或作两侧输精管结扎术。</t>
  </si>
  <si>
    <t xml:space="preserve">寒风凄其永至兮,拂穹岫之骚骚。玄武缩于壳中兮,腾蛇蜿而自纠。鱼矜? </t>
  </si>
  <si>
    <t>这是东汉张衡《思玄赋》中描述严寒的几句。在下试着胡诌几句：“凛冽寒风没完没了地刮着，袭击得大山都像是摇动了。龟把头尾蜷缩在壳里，蛇把身体缠绕成一团。鱼害怕寒冰撞伤鳞片，鸟冻得脚爪抓不住枝条。人躲在阴冷的斗室中，叹气、欲哭无泪、更加忧愁。埋怨一声颛顼帝，当初挑选中华民族老家时，干嘛偏偏相中了这块倒霉地方！”</t>
  </si>
  <si>
    <t xml:space="preserve">关于养老保险我十多年前在大连工作过干了一年多合同没到期也没辞职就 </t>
  </si>
  <si>
    <t>养老保险缴满15年可以享受正常的退休金待遇，当然可以一直缴到退休年龄，多缴多得嘛。到退休年龄（以办理社保时身份证号码为准），到社保中心办理退休手续即可，退休金会定期打进卡里。</t>
  </si>
  <si>
    <t xml:space="preserve">150RMB可以卖双白金加双爪吗 </t>
  </si>
  <si>
    <t>不可以,150JB都卖不出,双白金+双爪(就算是高级的爪)也才100JB左右(双14的高级爪)可能卖得到150JB</t>
  </si>
  <si>
    <t xml:space="preserve">汽车检测与维修专业毕业生在汽车行业朝什么方向发展好。学校开了汽车 </t>
  </si>
  <si>
    <t>那要看是哪个层次的汽车检测与维修专业，如果属中专或大专层次的建议朝汽车维修方向发展，有了扎实的汽车理论理基础和实际操作技能后就是当然的汽修技师或工程师，有了技术职称后既可向服务及营销方向发展，也可向（技术）行政管理方向冲刺，也许经过数年奋斗你就是技术总监或副总级别了。如是正规本科层次，可专攻汽车设计或汽车材料，因其较为高端而竟争相对宽松。本人不建议将汽车服务或营销作为主攻专业（这些专业较虚）。以上观点属个人之见供你参考，祝你顺利。</t>
  </si>
  <si>
    <t xml:space="preserve">热血任九晒单（14场） </t>
  </si>
  <si>
    <t>有创意， 单子可惜了。单1没买好</t>
  </si>
  <si>
    <t xml:space="preserve">我国民歌小调有哪些种和特点? </t>
  </si>
  <si>
    <t xml:space="preserve">民歌是各类民间的基础。在中国，由于幅员辽阔，人口众多，各地存有丰富多彩的民歌。一般来说，中国民歌可以划分成三大类别：（1）山歌；（2）小调；（3）劳动歌曲。 山歌 中国民歌的一种体裁类别。一般是指人们在山野、田间、牧场等劳动中，为抒发思想感情而编唱的民歌。大多是以独唱或对唱形式出现。见景生情，即兴编词，内容以表现劳动与爱情生活为主。山歌的音乐极富地方特色，是民歌中风格性最强的品种。山歌的种类繁多，分布很广。南方有“客家山歌”、“兴国山歌”、“柳州山歌”、“江浙山歌”、“弥渡山歌”等；北方有“信天游”、“山曲”、“花儿”、“慢赶牛”、“爬山调”等；少数民族地区有蒙古族的“长调”，苗族的“飞歌”，藏族的“哩噜”，壮族的“欢”、“加”、“伦”以及彝、瑶族、黎族、畲族的各种山歌等。草原的“牧歌”，水乡的“渔歌”，平川的“田歌”或“田秧歌”，都与山歌的性质相类似。山歌的风格有的悠扬秀丽，有的豪放粗犷。各地山歌都有一些代代相传的曲调，歌者即在这些曲调上即兴编词歌唱。其曲调的节奏较自由，有字密、腔长的特点。乐段结构常见的有2乐句乐段、4乐句乐段，多为单乐段的反复或变化反复。 小调： 小调，又称小曲，曲式结构比较多样、复杂，有两个或四个乐句构成的方整性简单乐段结构，如《小白菜》、《都山小调》；有三个或五个乐句构成的奇数乐段结构，如《爱二娃》；有在四句的简单乐段后加衬词连接句，再将尾句加以重复构成的六句乐段。这是河北民歌中使用最多的一种结构形式，如《献花》、《三杯酒》等；有比较复杂的两段体结构，如同《荣莉花》；也有多对上下句组成的多句体结构，甚至有几个相对独立的乐段构成的大型套曲，《王婆骂鸡》。此外，还有许多因内容而异，较为自由或独立的调结构形式。 小调在河北各地是一种流传较广的民歌体裁，但是，各地的风格不同，例如在大行山一带，由于与山西地理上的接近，这里的小调风格就与山西民歌相似。承德地区东部和唐山地区北部的小调，则近似东北民歌风味。河北东南部的卫运河与漳河流域流行的小调，又与山东民歌、河南民歌互为影响。 河北小调的内容，相当广泛而丰富，有反抗阶级压迫、外族侵略的激昂悲壮的战歌，也有表现节日喜庆，轻快、活泼、热情奔放，娱乐性较强的歌曲，还有多种多样委婉细腻的抒情歌曲。 各地流传的小调，同时还与当地的民间说唱和地方戏曲有着密切地渊源关系，互相渗透，互为影响，如张家口地区的，“二人”，就是在民歌小调的基础上发展起来的。以民歌、小调为素村或利用民歌填词，反映现实生活的新民歌，也在群众中广为流传，如《周总理来到俺们村》等等。 劳动歌曲： 人们在劳作场合演唱的歌曲。 领唱形式在我国民间的集体劳动歌曲中经常采用，如劳动号子等。 回答者：冷眼看结果 - 助理 二级 11-16 23:19中国民歌有多种分类法。按体裁形式分类,大致可分为:号子（包括搬运号子、船工号子、作坊号子等）、山歌（包括一般山歌、放牧山歌、田秧山歌等）、小调（包括谣曲、时调、风俗仪式歌曲、舞歌等）3大类。在有些学者的论著中将民歌细分为号子、山歌、牧歌、田秧歌、船歌、童谣、小调、风俗仪式歌等。体裁分类法，有助于认识和研究民歌与人民生活的关系、民歌的社会功用、以及音乐表现方法、特点等问题。 按民族和区域的风格色彩分类。中国有56个民族,由于各民族历史传统、语言特点、生活风俗等的差异，致使各民族民歌的风格色彩相距甚远。一些人数较多、居住地域较广的民族，如汉、蒙古、藏、壮、维吾尔等族，还可根据其不同地区民歌的音乐特色划分为若干色彩区。如汉族民歌大致可分为西北、华北、东北、西南、江浙、闽粤台、湘鄂、江淮8个色彩区，其中前3个地区属北方片，第4至第6属南方片，第7、第8属南北过渡地区。也有将南方片及过渡区分为云桂黔、川湘鄂、江浙、闽粤台等4个地区。分法不一，各有各的依据。 风格色彩分类法有助于认识和研究民歌的风格色彩、音乐与民俗的关系等问题。按题材内容分类有助于认识、研究民歌内容与形式的关系等问题。此外，还有根据历史发展时期分类，或出于某一专题研究的需要而进行的特殊分类。 </t>
  </si>
  <si>
    <t xml:space="preserve">为什么我总想看男朋友跟别的女人做爱？我和男朋友很恩爱，他人很老实 </t>
  </si>
  <si>
    <t>不要自寻烦恼，那都是你老公婚前的事。以前他可能根本不懂得爱，年少无知。只要他婚后不犯错误就行，你也不必烦恼，你也是因为爱你老公你才会有这样的想法，所以太没必要了。愿你尽快忘掉这些不必要的烦恼！     巫师之妻</t>
  </si>
  <si>
    <t xml:space="preserve">人人网怎么登录人人网 </t>
  </si>
  <si>
    <t>到官网申请个帐号就是了</t>
  </si>
  <si>
    <t>化学</t>
  </si>
  <si>
    <t>1molC在足量的氧气中充分燃烧，与等物质的量的苯完全燃烧相比较，耗氧量、生成CO2量、生成H2O量各多1mol。因此，C的分子式为：C7H8O，因此：A、B、C的分子式为C7H8O。根据题目条件，可以判断：A：甲基酚，C7H8O，CH3-C6H4-OH；B：苯甲醇，C7H8O，C6H5-CH2-OH；C：苯甲醚，C7H8O，C6H5-O-CH3</t>
  </si>
  <si>
    <t xml:space="preserve">血糖波动连续几天在不同的医院检测空腹血糖分别是4.135.95和 </t>
  </si>
  <si>
    <t>血糖的高低与许多因素都有关系。1头天饮食。头一天吃太多的水果，肉类。2休息不好</t>
  </si>
  <si>
    <t xml:space="preserve">我表哥他喜欢我吗？我们能不能在一起？我好喜欢我表哥，从上初中时就 </t>
  </si>
  <si>
    <t>你们彼此相爱只是如果接受这爱情你们要承受太多家人的反对外人的议论还有关键是将来孩子由于近亲结婚容易不健康真同情你们我希望你和你表哥能在一起你们先要坚定彼此的爱如果他退缩了你再坚持也没用好好沟通一下吧坚强啊支持你</t>
  </si>
  <si>
    <t>华硕P8B75</t>
  </si>
  <si>
    <t>华硕的用料做工还是挺不错的，一般不会偷工减料，小主板装大散热器也没问题，只要不用带散热片的内存条就行。</t>
  </si>
  <si>
    <t xml:space="preserve">歌うを?キタイです这是什么意思？ </t>
  </si>
  <si>
    <t xml:space="preserve">是不是：歌うと?きたいです。呀？？中文意思是 ‘我想听歌’ 。 </t>
  </si>
  <si>
    <t xml:space="preserve">孩子到底该和谁睡？陈老师，我家男宝23个月，平时我上班时由婆婆照 </t>
  </si>
  <si>
    <t xml:space="preserve">如果条件允许，最好是让孩子自己睡小床，养成习惯后，孩子就不会为“和谁同睡”而情绪不稳定，睡眠质量好，许多问题也不会发生。让他和谁同睡大床都必须视为不得已的暂时措施。经常改变环境的确会影响孩子的睡眠，稳定的成长环境对3岁以下的宝宝十分重要。把同睡视为唯一亲近孩子的看法要不得。亲近妈妈的条件有三：⑴平日的互动良好，交流密切；⑵妈妈总能满足孩子的游戏活动或学习活动的需求；⑶和蔼可亲，亲子感情很好，孩子信赖妈妈。 </t>
  </si>
  <si>
    <t xml:space="preserve">怎么能补开发票我2月11日才买的诺基亚的手机，发票放在钱夹里，当 </t>
  </si>
  <si>
    <t>保修并不是靠发票的.而是在你机器包装里有保修单..你看里面肯定有一页被撕掉了的.没有发票照样可以享受联保.留底也不失为一种手段</t>
  </si>
  <si>
    <t xml:space="preserve">篮球运动员和排球运动员的弹跳谁更厉害?请大家用数据说话. </t>
  </si>
  <si>
    <t>平均来说是排球，打排球的体重轻，就拿我国来说，排球运东员身高稍矮，但平均摸高数高于篮球运动员，亚洲摸高纪录是郑亮创的。3米74</t>
  </si>
  <si>
    <t xml:space="preserve">幻月洞要几级才可以进啊？ </t>
  </si>
  <si>
    <t xml:space="preserve">  120+以下可以进去  要个东西  在里面打的 我忘了  建议找高的打打看    里面挺恐怖的  怪物都不是自动打的  别打怪就可以了</t>
  </si>
  <si>
    <t xml:space="preserve">哪位有反应工程李绍芬（第二版）的教材 </t>
  </si>
  <si>
    <t>你可以到淘宝网上面去搜索，还有你可以到国家图书馆的网站上查询和下载。</t>
  </si>
  <si>
    <t xml:space="preserve">求解怎么减肥特别是大腿 </t>
  </si>
  <si>
    <t>抹上瘦身精油做减肥操，健康减肥关键是要坚持做郑多燕减肥操可以的</t>
  </si>
  <si>
    <t xml:space="preserve">如何补办车辆附加费证我的车辆附加费证不慎丢失，如何补办？请知情高 </t>
  </si>
  <si>
    <t>行驶证、购车发票（客户联）、原车辆附加税本丢失说明，到交通局车辆购置附加税办公室办理附加税证补证</t>
  </si>
  <si>
    <t xml:space="preserve">找规律，填写英文字母。孩子一本课外参考书上的问题。我不会。请说明 </t>
  </si>
  <si>
    <t>填写 C罗马数字有七个基本符号：Ⅰ（1）Ⅴ（5）Ⅹ（10）L（50）C（100）D（500）M（1000），题目中按顺序给出了6个，差的就是C了。</t>
  </si>
  <si>
    <t xml:space="preserve">我是她的初恋.为什么在分手后对我这么冷漠？不要我的信.还烦我？我 </t>
  </si>
  <si>
    <t>她的做法很正常啊，很正确啊。大家还有各自的人生，可能她还有自己的人际圈啊，其他的朋友啊之类的。你不再是她的男朋友，差不多也就是说你要远离她的人际圈。不联系，大家避免伤害。然后各自都有自己的机会。还有就是既然爱就不会分，所以不要欺骗自己</t>
  </si>
  <si>
    <t xml:space="preserve">翻译雨过天晴英语翻译。快快快！谢谢了！ </t>
  </si>
  <si>
    <t>雨过天晴After a storm come a calm ；Rain before seven; fine before eleven ； After rain comes fair sunshine ；After rain comes fair weather ；Day Without Rain ；The clouds rolled away and the sun came out 。</t>
  </si>
  <si>
    <t xml:space="preserve">为什么鱼的身上会有黏液? </t>
  </si>
  <si>
    <t>黏液对鱼有保护作用：躲避敌害的捕捉，防御寄生虫细菌的侵入</t>
  </si>
  <si>
    <t xml:space="preserve">红豆煮西米一岁孩子能吃吗 </t>
  </si>
  <si>
    <t>这个煮烂一点孩子是可以吃的哦</t>
  </si>
  <si>
    <t xml:space="preserve">早上是喝牛奶好还是喝豆浆好。孕妇是要这样搭配比较好呢。 </t>
  </si>
  <si>
    <t>作为女性来说，豆浆更适合一些，因为含有雌激素，铁含量也高于牛奶，而从补钙角度来说，牛奶更适合。所以根据你的需要和喜好，合理食用。</t>
  </si>
  <si>
    <t xml:space="preserve">我的回炉石不见了急谢谢各位拉最近五区的新服一直在卡结果把回炉石弄 </t>
  </si>
  <si>
    <t>去城里的旅店 找老板要应该是免费的</t>
  </si>
  <si>
    <t xml:space="preserve">孕期可以吃蛋白粉吗？有同事告诉我说，一边吃安利的蛋白质粉一边用他 </t>
  </si>
  <si>
    <t>是呀，长妊娠纹是因人而异。我三个月就长了，可能是平时对腹肌的锻炼太少，肚皮很松驰吧。我朋友中有一个始终没长，一个是怀孕7个月时长，还的一个是快生时才长。你现在才三个月，孕中后期长得很快，要注意饮食，体重不要增加得太快太多，不然，肚皮肯定承受不了快速生长膨胀的压力，长妊娠纹也就不奇怪了。蛋白粉是补充蛋白的，没缺就不要吃。做个肝功检查就能知道自己体内的总蛋白和白蛋白含量了。我怀孕六个月的时候查出缺蛋白，才吃了安利的蛋白粉。</t>
  </si>
  <si>
    <t xml:space="preserve">麻将牌的写法问题麻将牌一万,二万,三万,四万,六万,七万,八万, </t>
  </si>
  <si>
    <t>不大写的话摸起来象三万</t>
  </si>
  <si>
    <t xml:space="preserve">关于产检请问孕30周了去做产检主要是检查什么项目呢？ </t>
  </si>
  <si>
    <t>B超，检查孩子胎位，脐带绕脖、胎心跳动；</t>
  </si>
  <si>
    <t xml:space="preserve">博学套装现在改版后,我想问下博学鞋子是那个BOSS出的几率高不, </t>
  </si>
  <si>
    <t>头是通灵学院的黑暗院长加丁出的肩膀是通灵学院的拉斯·霜语出的护腕黑石塔上下层的所有法师会随机掉落，装备绑定品 （拍卖行出的）手：通灵学院的所有法师会随机掉落，装备绑定品 （也是拍卖行出的）腰带：黑石塔上下层及斯坦索姆前后门的所有法师会随机掉落，装备绑定品 （还是拍卖行出的）裤子是 斯坦索姆的男爵出的衣服是黑上的将军出的鞋是ST前门的那个弗雷斯特恩(一个弓手一样的男幽灵 出 烈焰短笛）出的</t>
  </si>
  <si>
    <t xml:space="preserve">求突斩各位师傅你们好！我在玩传奇世界，109区的武士38级了，想 </t>
  </si>
  <si>
    <t>可以去魔宫打魔眼,小马哥,炎魔,地下八的极品炎魔,地火弓箭手,地火兽骑将,不过是要耗时间碰运气的,祝你你好运!</t>
  </si>
  <si>
    <t xml:space="preserve">郑州治疗生殖器疱疹哪家中医医院好？ </t>
  </si>
  <si>
    <t>治疗生殖器疱疹不能耽搁，生殖器疱疹是会传染的一种疾病，危害身体健康，还易引发一些其他的并发症，对患者的生命有很大危害，生殖器疱疹不及时治疗还会影响家庭和谐，建议及早治疗。生殖器疱疹治疗要选择正规专业的医院治疗，生殖器疱疹是一种具有传染性的性传播疾病，对人体的健康和生活影响很大。感染生殖器疱疹后，要及时去正规的医院治疗，早日去医院进行检查治疗早日摆脱疾病的困扰。正规的中医医院治疗好。生殖器疱疹要早点去治疗，性病都是会传染的，得了该病要注意卫生，及时通知家属，避免传染给他们。生殖器疱疹要找家正规的医院治疗，不能随意听信小偏方。</t>
  </si>
  <si>
    <t xml:space="preserve">是不是133级就可以抓凤凰了？ </t>
  </si>
  <si>
    <t>只能如比你低或同等级的怪,但你招到以后它的级最多会比你高五级,朱雀是140级的怪,所以你的等级一定要到140才可以抓,</t>
  </si>
  <si>
    <t xml:space="preserve">名字2012年2月19日10点08分出生，女孩，父亲姓张，母亲姓 </t>
  </si>
  <si>
    <t>张姓女孩，生于2012-2-19 10:08八字：壬辰 癸卯 辛未 癸巳五行：水土 水木 金土 水火纳音：长流水 金泊金 路旁土 长流水命主日干五行为辛金，八字很弱，属于从弱格局，宜补充火木水，火木水即为喜用神。忌土金，土金即为忌用神。张的属性为火。为避免女性孤寡运，起名宜用如下组合：（1）。火-火-木组合。笔划为：11-20-4起名为：张赢月 张赢匀 张赢元（2）。火-木-木组合。起名为：张献月 张献匀 张献元（3）。火-火-水组合。起名为：张赢文 张赢方（4）：火-火-火组合。起名为：张赢丹 张赢之名字的五格属性吉凶释义：天格12（木）：凶。为祖先遗留，影响可忽略不计。人格31（木）：吉。地格24（火）：吉。外格5（土）：吉。总格35（土）：吉。名字的三才数理影响、基础运、成功运、人际关系：全吉。上述名字的综合评分：全是98.0分。请您任选其一。请将选用结果告诉我。谢谢您！</t>
  </si>
  <si>
    <t xml:space="preserve">新车要什么样去味我刚刚买的新车，里面的味道好难味，怎么办好 </t>
  </si>
  <si>
    <t>你可以试试用金莞香这个牌子效果蛮不错的</t>
  </si>
  <si>
    <t xml:space="preserve">我国陆军的防空武器都有什么? </t>
  </si>
  <si>
    <t xml:space="preserve"> １.“红缨”-5便携式防空导弹２.前卫-1型便携式防空导弹3.“前卫”-1M便携式防空导弹系统4.前卫”-lA全天候防空导弹武器系统5.“前卫”-2[Qw-2]单兵便携式防空导弹6.“前卫”-3[QW-3]激光半主动制导防空导弹系统7.“前卫”-4红外成像制导单兵便携式防空导弹8.飞弩-6[FN-6]单兵便携式防空导弹9.FLV-1车载近程轻型防空导弹系统还有各类防空导弹，近防火炮等等</t>
  </si>
  <si>
    <t xml:space="preserve">"忒"在希腊神话里读什么?"忒"在希腊神话里读什么? </t>
  </si>
  <si>
    <t>应该是与"特"同音,一般我们都读"推"同音(是方言里变过来的)</t>
  </si>
  <si>
    <t xml:space="preserve">有点难度的六十字翻译，逻辑通顺加分！ </t>
  </si>
  <si>
    <t>过去的几个星期里，在市场中至少能发现有限的支持，其主要原因是中国的积极订购，(这是市场)积极的一面。但是，（就算是这样）速度也正在减缓，并有消息称中国已经提前订购了所需的大豆，现在正将目光投向了其他商品。</t>
  </si>
  <si>
    <t xml:space="preserve">怎么做微博营销？ </t>
  </si>
  <si>
    <t>首先要把粉丝量提上去，至少要两千，那么你发的微博就是一个最好的免费的广告，至于怎么提升粉丝量呢，建议你去看看李开复写的书，叫《微博改变一切》 。</t>
  </si>
  <si>
    <t xml:space="preserve">韩国的货币名称是什么？ </t>
  </si>
  <si>
    <t>韩元</t>
  </si>
  <si>
    <t>Tom</t>
  </si>
  <si>
    <t>原版是英文的^_^没有什么不同，TOM.COM是SKYPE在华业务的合作伙伴。</t>
  </si>
  <si>
    <t xml:space="preserve">哪里学习室内设计比较好? </t>
  </si>
  <si>
    <t>同学你好，室内设计全科班，一期班学习时间为6个月左右，根据一个班的整体进度，时间上会有不同。平均每周有5-6天要上课，有1-2天不上课。上课的时候，半天上课，半天老师辅导做练习作业，相当于有半天时间是固定的，另外半天时间相对自由。做练习可以在学校机房做，也可以在宿舍做。（作业必须做，每次上课都要检查上次课后布置的作业。）6个月左右的强化训练，就是不断的学习新的课程，不断的完成针对所学课程的大量作业。所做的练习作业，就是以后就业中的内容。同学你好，学习室内设计全科班课程，包含手绘表现、电脑表现（3dsmax、Autocad、Sketchup、Vray、Photoshop等设计软件。学完后能熟练运用这些软件绘制酒店、办公、别墅、家居等不同空间的效果图、施工图）、方案设计、施工工艺，软装设计 5个板块的课程。学习室内设计全科班，学习半年，学完后安排实习、推荐就业。</t>
  </si>
  <si>
    <t xml:space="preserve">今年的端午节怎么放假？ </t>
  </si>
  <si>
    <t>6月22日至24日</t>
  </si>
  <si>
    <t xml:space="preserve">古时候墓陵中有一些便房,那些便房是什么? </t>
  </si>
  <si>
    <t>古代帝王﹑诸侯王等墓葬中象征生人卧居之处的建筑，棺木即置其中。重臣死后，亦有受赐而享此殊遇者。</t>
  </si>
  <si>
    <t xml:space="preserve">求仙侠小说求类似《三生三世十里桃花》的仙侠文，煮好主角是狐仙，不 </t>
  </si>
  <si>
    <t>已发，我留的就这几本，你看看吧看收到没，没的话再给你发</t>
  </si>
  <si>
    <t xml:space="preserve">淘宝网打不开其他网都能打开,就是淘宝网,主页能打开但具体商品偶尔 </t>
  </si>
  <si>
    <t>可能是服务器故障引起的，稍后在试或明天可能自己就会恢复。或可能是系统垃圾文件太多导致的，主要是上网产生的垃圾文件，清理下就好了。 打开一个网页，点击“工具”菜单/Internet选项/在“常规”标签下点击“删除cookies（I）”，“删除文件”弹出窗口，点击“确定”（包括脱机文件）。建议下载超级兔子清理系统垃圾（全选），三分钟就能清理完毕,然后在清理一下注册表的垃圾文件。下载网址： 如果故障依旧，请修复一下系统试试1、开机按F8进入安全模式后在退出，选重启或关机在开机，就可以进入正常模式（修复注册表）。 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在BIOS中设置光驱为第一启动设备插入原装系统安装盘按R键选择“修复安装”即可。5、如果故障依旧，建议重装。如果实在不行，建议选择修复安装，这样即修复了系统，又可使C盘的程序和文件不受损失。如果是IE损坏，请下载超级兔子在她的选项中有重装IE，建议重装IE。下载地址： 如果还解决不了，请给客服写信或打电话咨询。</t>
  </si>
  <si>
    <t xml:space="preserve">又是宠物问题!我用雪人之心换到了1个&amp;lt;九眼虎&amp;gt;和1个 </t>
  </si>
  <si>
    <t>哈哈，新人嘛，??題多正常，在打開??物界面?r，中間有??技能的小框，點下，?霈F你的??物?募寄埽会徇x一??拖放放在這??小框裡就好，有些技能不選，系統??娱_?⒌模热缡?|西的，呵呵，升?嘛，只要你開了??物，?它和你一起砍怪升?就好，系統按你砍怪所得??得10%分給你的??物，比如：你砍了??大?牛得二一○點，??物?枚稽c。所以啊要想??物升?快，你要常?е黄鹂彻峙丁??α耍逞┤?Q???r，也是按10%分??得，所以很多人用雪人心?Q???r?便打開??物，???物一起升，這?雍芸斓门丁Ｓ?住啊，要?е叮唤??光你一??人得的。)回答完?，Over~~  ^-^</t>
  </si>
  <si>
    <t xml:space="preserve">求《神话》五大门派介绍! </t>
  </si>
  <si>
    <t>狂魔谷【门派由来】 　　几千年以来，狂魔的各个氏族在经过无数次的磨砺后，越发清晰的认识到，只有团结一致，互盟互应才是对抗一切灭族危机的上策。故而，在“火皇圣尊”阿布勒的带领下，各大氏族歃血为盟，雄踞一座千年古刹的山崖之上，烽火、大殿、雄赳之众，组成了震骇九州的一直庞大势力——狂魔。 【战斗特点】　　狂魔谷弟子是战场上的磐石，更是所有盟友的精神寄托。他们对与生俱来的强健体魄尤为自信，在沙场之上永不言败，无论何时都冲锋在第一线。狂魔谷弟子是责任最为重大的团队盾牌，他们往往牵扯住最危险的敌人，承受着最沉痛的伤害，故而在战场之上的地位高于任何门派。如若他们倒下了，绝望会侵袭到每一个人的心里。 【门派特色】　　专精：无论长戟、长刀、长斧、长棍，狂魔谷弟子对于棍棒类武器有着特殊的青睐，因此，在使用棍棒类武器时，会拥有不俗的附加属性。　　制角是狂魔谷另一项古老而悠久的专精技艺，各类战斗号角在战斗中会发挥不同的作用，这曾经是阿骨朵氏族的绝学，但在狂魔一统之后，便在派中广为流传了，狂魔谷工艺大师残阳，是制角的一代宗师，但他只会对本派徒众传授此类技艺，这多少令别派弟子空叹遗憾。 【狂魔谷】　　狂魔谷曾名“修罗谷”，是邪魔修罗“卡勒西”的最后领地。狂魔各氏族在统一后，首当其冲的便对这个千百年来的对头发起攻击。十五个氏族，经过百余年的厮杀后，终于攻陷了这里，成为这座九州之心的主人。战皇殿【门派由来】　　“龙山之巅，战皇圣殿，洗耳不闻政权，只为苍生亮剑。”从战皇殿几代相传的二十字箴言中，我们总会感到一种抛却铅华的悲壮与澎湃。匡扶正义、替天行道，这正是“武圣人”寂江山创建“战皇”一派的由衷。此后，战皇殿广纳门众，声势逐渐浩大，在民间威望甚高。寂江山西去后，后代依旧励精图治，直至第七十二代殿主“奉天元帅”楚九方之时已是鼎势。战皇殿下能征善战者万余计，成为了九州的东方之龙。 【战斗特点】　　战皇殿几百年来几乎吸纳了九州所有的武学奥义，再经过不断的融汇归宗，最终自成一派，无论远程减益之术，或是近身搏斗，还是大面积的群体攻击，都有着不俗的表现。他们还可以隔空点穴，把敌人定身，或者卸去敌人灵气。每个战皇的徒众都很清楚，无论作为单体的战斗力还是防御力，在九州各派中，战皇殿只能划入中庸之列，但强力的减益术、增益术等等，往往可以把自身的战斗力无限放大，所以在战场之上，盟友们对于战皇一派的倚重，也是非比寻常。 【门派特色】　　“右武，左术”是战皇殿特有的攻击要诀，右武，乃兵器也；左术，乃法术也。对于战皇殿弟子来说，单短类武器便成为最称手的利刃，单刀、单剑、单斧，会让战皇殿弟子获得不菲的属性加成。战皇殿深知自身在战场之上的弊端，故而潜心研究、反复琢磨，终于在“玉石”的灵性中窥得天机，而后经过几代能人仙家的指点，终于将“制玉”从一项工艺转化为一项“特艺”。从此，战皇殿弟子在沙场之上，只需抛出自制的灵玉，便能获得非凡效果，其他门派虽也效仿研究，但终是一无所成。 【战皇殿】　　在东方的群山之中，有一座被称作“沧海一柱香”的山峰，它的突兀俨然是天神之作，而在这座“香峰”的峭壁之上，有一垭口大缝。“武圣人”寂江山在恶龙谷救下“十剑士”和“三十六刀客”后，便决心开创“战皇”一脉，在一次睡梦中，寂江山跋山涉水来到“沧海一柱香”，并攀上峭壁，来到那个巨大的裂缝垭口处，瞬间，亭台銮殿拔地而起，将众门徒万余计。次日梦醒后，便带着部属，徒步赶往“香峰”，最终如愿创建今日的“战皇殿”。　　战皇殿的险峻乃九州第一奇观，鬼斧神工，如似天庭，甚为世人所乐道。万邪墓【门派由来】　　万邪派乃是西域“圣阳教”的支派，流入中土时间不明，记载的首个教主是“大圣阳尊”，乃是“虚空神”派到人间的光明使者，旨在拯救、洗涤人类的灵魂。此后，圣阳教遭到中土派别不同程度的施压和打击，最终，大圣阳尊带领教众隐于“鬼王山”里的一处墓穴中，自成一派，被世人称为“万邪”。万邪是唯一被世人所命名的派别，而非出自本身。　　因为长期受到各方派别的压制，万邪墓中人行事诡秘，与所谓的名门正派格格不入，甚至因误解多造杀孽，世人对其惶恐而避，故此视之为“邪”。　　“天舞古鹰”曾授业于昆仑仙门下，后机缘巧合遇到万邪之主“幽莲香”，临危受命，深得真传，最后成为万邪第四十五代掌门人。自从天舞古鹰掌管万邪墓以来，与各派间的芥蒂冰融许多，世人的成见也在逐渐淡化，至此，九州大地之上，万邪之众被得以正名。 【战斗特点】　　邪墓的武功以诡异著称，在常人看来，万邪墓弟子倏忽来去，犹如鬼魂。实际上万邪一派的攻击也是外家功夫，同时还会给予恐怖的寒冰伤害。他们的攻击在关键时刻会连连爆击，所以胆敢轻视他们的敌人大多已不在人世。真正令人胆寒的是，万邪弟子在战斗中身形飘忽，可以瞬间隐遁自己，待时机一到，立时一击必杀。他们还具有使同伴隐匿的能力，几个万邪弟子几乎可以在瞬间隐匿整个军队。　　万邪，是天生的刺客。 【门派特色】　　万邪墓弟子对于双短类武器有着特殊的青睐。他们认为，只有双手都握有武器，才是最安全、最无懈可击的。这与万邪墓长期以来特有的武艺招式有着密切的关联，在使用双短类武器的时候，他们往往能发挥出更大的威力。　　万邪墓对于战斗辅助技能也有一套特有的技艺——制囊。香料、毒物本就是万邪弟子长期赖以生存的物品，在经过几代香料大师的精心探索，终于将“制囊”的技艺发挥到极致，传承门众。 【万邪墓】　　“大圣阳尊”没有想到的是，当初自己率众隐遁的“溶洞墓穴”竟是上古邪神“刑天”的墓穴。这个距离轩辕坟不到百余里的地方，阴煞之气尤重，大圣阳尊所开创的教派被世人称为“万邪”，不知是不是冥冥之中“邪神”对于冒犯者的诅咒。飘渺崖 【门派由来】　　昆仑仙有三徒，首徒为飘渺掌门——苍穹笑，次徒青云掌门——五华天尊，最小的徒弟则是万邪掌门——天舞古鹰，三徒各居人上，俨然有半壁江山之势。苍穹笑授业圆满后，一心想将“大气无形”的境界发扬光大，遂在昆仑仙的指点下，来到飘渺崖，依山之名，创建飘渺一派。飘渺虽是新派，但根源极深，由昆仑仙上溯，可至上古，故而在武艺与道法上，正统且高深。苍穹笑更是青出于蓝的得道高人，于是，飘渺一派至此之后，鼎盛千秋。 【战斗特点】　　飘渺崖无疑是生存能力最强的门派。　　一方面，飘渺崖弟子有强大的内力攻击，同时夹杂着寒冰伤害，对自己的保护也是最全面的，他们以内力形成保护伞，多么强大的攻击也不能伤及本身。如遇强敌，他们甚至可以在一定时间内刀枪不入，无敌于阵前。另一方面，飘渺崖弟子可以用武功迅速治疗自己与同伴的伤势，甚至可以将同伴起死复生，在群体作战时作用巨大。 【门派特色】　　所谓“大气无形”所阐释的是：将有形之物，化为无形，一切全在“气”的转换。飘渺的创始人苍穹笑主张将所有“仙力”灌注于“仙器”之中，再由呼吸的吐纳，转化为“阴阳之力”（阳力为治愈，阴力为致伤）。故而，飘渺一派善使仙器，他们将仙器悬于身后，用元气治愈盟友或重伤敌人。使用仙器的飘渺崖弟子如鱼得水，能更好的发挥能力。　　仙者本善于“黄白之术”。黄，指炼金丹；白，指画灵符。而飘渺崖却专攻一项，将炼丹发挥到极致。他们研制的各色丹药，在战斗中能起到很好的辅助作用，另其他门派艳羡不已。 【飘渺崖】　　飘渺崖虽然在外界看来是苍穹笑游方四海无意中找到的，但实则不然，飘渺崖乃是昆仑仙为辅弟子创建门派，乃是以九天真雪堆成的，而亭台楼阁也并未人力所造，乃是《万仙阁》、《半月亭》、《凌霄宫阙》三幅古画施法而重现的。青云峰【门派由来】 　　五华天尊乃西域人士，为了探寻中土仙术与西域玄术的奥秘，不远万里来到昆仑山，和昆仑仙切磋，怎奈遭到多番拒绝。五华天尊求教迫切，竟然唤来“天池之水”欲淹没村庄，以此要挟昆仑仙。昆仑仙为了化解五华天尊的戾气，只好点头应战。十余招后，五华天尊落败。昆仑仙发现此人天赋异禀，如果因此挫折一蹶不振，实在可惜；五华天尊也希望能拜入昆仑仙门下学道，二者一拍即合。两百年后，五华天尊终于开创了自己的门派——青云。 【战斗特点】　　青云峰道法深厚，武功博大雄浑，法术伤害位列五大门派之首。同时青云峰弟子的武功中具有雷霆之力，对他们的攻击进一步加强。青云弟子一身飘然的仙风道骨，作战时风度翩翩，攻敌于百步之外，同时可以移形换位，令敌人难以近身。面对狂暴的敌人，他们还可以通过道家玄法，牢牢的把敌人定在脚下不得动弹，所以无论多么穷凶极恶的敌人也不敢在青云弟子面前造次。在群体对敌的过程中，青云弟子总是“半步定江山”的领军人物。 【门派特色】　　与飘渺崖有着异曲同工之妙的青云峰，同样是将仙力注入器物之中，但青云弟子认为“宝之无形、气之有形、元气长行。”，所追求的是极端的伤害。他们将法宝类武器托在掌心，施法时华丽纷呈，伤敌时更是血不沾衣。此类武器同青云峰弟子修炼的方式最为契合，故而能发挥出最大的威力。不知是否出于刻意，同是师出仙门的五华天尊，更主张“符术”，而从来不修炼丹之术，这与飘渺崖是截然不同的方向。青云的“制符”之术，堪称九州一绝，制符之术在战场之上的作用很单纯，那就是伤害，威力非凡的符咒是各大门派不敢小觑青云峰弟子的一大原因。 【青云峰】　　玄真台是青云峰的领地，乃是五华天尊用玄术在“玉玄山”构造建成，外人如果不通过传送使，是很难找到入口的。从这一点来看，青云峰的势力绝对不可小觑。</t>
  </si>
  <si>
    <t xml:space="preserve">养鱼高手来下（热带鱼黄龙）我的黄龙摆子了。鱼卵孵化有什么要求，我 </t>
  </si>
  <si>
    <t>产完卵后应捞出雌鱼，水温保持在25-28度,受精卵约经36小时孵出仔鱼，此时应将雄鱼捞出，仔鱼再经48小时即可游动、摄食。透明卵第二天不发白、长毛的才是受精卵。</t>
  </si>
  <si>
    <t xml:space="preserve">求全慧彬性感图图要很性感的 </t>
  </si>
  <si>
    <t xml:space="preserve">全慧彬(jeon hye bin) 出生日期:1983年9月27日 国籍:韩国 血型:AB 身高:165cm 体重:43公斤 人物简介 喜欢的食物:辣的韩国食物和肉 座右名:现在的障碍物是踏脚石． 初次亮相：2002年Luv 1集 趣味:电影的事，运动, 购物 擅长: 韵律体操 </t>
  </si>
  <si>
    <t xml:space="preserve">我想知道那PD车什么时候降价啊！我好喜欢那车！我现在就一辆冥王我? </t>
  </si>
  <si>
    <t>不要费那么多真正的钱，游戏都是虚拟的，玩玩就可以了，</t>
  </si>
  <si>
    <t xml:space="preserve">买二手房注意什么贷款几成 </t>
  </si>
  <si>
    <t>1、首先要确定房屋的所有权是谁的，要查验对方的《身份证》和《房屋所有权证》（最好还有《土地使用权证》），必须是原件。2、了解房屋产权和土地使用权是否受到限制，如是否抵押（《房屋所有权证》和《土地使用权证》会有他项权利记载），是否查封，是否被行政机关或者司法机关限制等，如果抵押，抵押权人是否有同意出售的书面意见；3、是否出租，如果出租，租赁人是否放弃了优先购买权；4、是否有房屋共有人，如果有，共有人是否放弃了优先购买权。</t>
  </si>
  <si>
    <t xml:space="preserve">刚刚月经结束一个礼拜,怎么昨天又来了!!!!上周是这个月结束第一 </t>
  </si>
  <si>
    <t>问题不大，不用太担心了。以后不会在出就没事了。</t>
  </si>
  <si>
    <t xml:space="preserve">高血压服药了好长时间就是降不下来，吃了药也不管事，怎么回事？ </t>
  </si>
  <si>
    <t>你好，目前来讲降压药用的适当，都可以起到有效的降压作用，有可能你所用的药不太适合你，或者生活方面不太注意。你这种情况，建议到医院在医生指导下结合你的情况调整用药。平时注意清淡饮食，适量运动，放松心情。定期测量血压，1-2周应至少测量一次，按时就医,您可以暂时多吃点水果,吃容易消化的食物,多喝点水来调节下,不行的话再考虑为换药.我建议您换一些降压效果比较强的药物。还需要跟医生沟通</t>
  </si>
  <si>
    <t xml:space="preserve">幼儿长期离开父母身边对其长大后的性格有没有影响我孩子已经快两岁了 </t>
  </si>
  <si>
    <t>半年的时间，应该问题不大，不过在此时间也要多和孩子交流。千万不要把孩子长时间的送给父母带。一是很容易惯孩子，还有多少会留下心理阴影，尤其是女孩子。我跟我外公外婆过到10岁，小时侯，并没有觉得什么。10岁的时候，我甚至不愿意回家。后来，我慢慢才发现和父母有着那么一层薄薄的隔阂。我犯了一点小错，总是莫名地担心父母不要我了。也不象妹妹那样容易和父母撒娇。我仔细的分析过，觉得和小时侯离开父母有关。现在我有个两岁的孩子，我一直努力地和孩子在一起。我想你们也是无奈才想把孩子送回老家，千万别太长时间。</t>
  </si>
  <si>
    <t xml:space="preserve">高手请看我的电脑装vista后会卡玛我的电脑是今年买的联想锋行X </t>
  </si>
  <si>
    <t>vista是微软1万多科技人员，用了5年多的时间开发研究出的新一代产品，比XP功能要强大得多。你的机子不再添加内存，装vista全完可以运行，如再加上1GB内存运行得会更流畅。但如果你想玩3D网游，就目前而言，其效果并不一定XP要好，因为目前3D网游绝大多数是同XP配套使用的，有的同vista并不兼容，尽管兼容，运行起来也不会比XP运行流畅，这如同2吨重的货物，用载重20吨的货车去运，倒不如用2吨的货车运跑的快。但反过来，过些时日，同vista配套的大型3D网游问世，XP就未必能运行得了，2吨的货车无论如何是不能拉动20吨重的货物的。我建议XP系统不要卸载，在你机子上再装上vista，双系统使用，哪个好使使哪个。</t>
  </si>
  <si>
    <t xml:space="preserve">歇后语老太婆的裹脚布—— </t>
  </si>
  <si>
    <t>老太婆的裹脚布,又长又臭</t>
  </si>
  <si>
    <t xml:space="preserve">人体是由原子,分子构成的吗? </t>
  </si>
  <si>
    <t>嘻嘻，无机物体是原子、分子构成的，比如桌子，粉笔、水等。人体是有机体，是由细胞(包括神经细胞、上皮细胞、血细胞、生殖细胞等)、组织(由形态、功能相同的细胞集结而成)、器官、系统构成的。你是学生吗？</t>
  </si>
  <si>
    <t xml:space="preserve">征途法师加点高手进我想知道法师怎么加点～　就是技能点火和雷！　不 </t>
  </si>
  <si>
    <t xml:space="preserve"> 本人玩征途一个月，练火法到97级，对于火法的技能+点我的加法是：火球+4，冰球+4，电箭+3，法术精通+7，铁甲+7，生命增强+7，地火+5，火环+5，云体风身+7（以后PK和闯边用处大），大火球+5，火焰强化+7，烈火之径+1，烈火屏障+4，爆裂火球+6，鬼火+5，火流星+7（90-110级PK很有用哦），强火环+6，火蛇召唤+1，烈火旋灯和火墙+0，赤炎心决+7，火龙+7，烈火焚身可以考虑+到5，炎龙杀阵我认为不要+，（因为这个主要练级用，而110级后刷怪练级很慢的哦，基本都是任务升级）。属性本人认为火法还是全+智力，因为火法防怎么高近身也打不过战士，只能追求变态的攻击力搞远距离攻击很多人认为云体风身没什么用，其实云体对于PK和闯边最重要了，就说闯边吧，到别的国家你先云体，然后拼命边喝血边跑吧（最好穿上血衣，法师和弓箭2下打不挂你，当然，你闪到人群里就没啥好说的了）。 </t>
  </si>
  <si>
    <t xml:space="preserve">2012企业所得税老师，您好，我想请问一下，2012年企业所得税 </t>
  </si>
  <si>
    <t>第7行“减免所得税额”：填报当期实际享受的减免所得税额，包括享受减免税优惠过渡期的税收优惠、小型微利企业优惠、高新技术企业优惠及经税务机关审批或备案的其他减免税优惠。 第7行≤第6行。 免增值税的收入不用填进去。---------------------------------------------------------2012-04-17 15:39 补充问题老师，2012是新版的了，第7行是免税收入，12行才是减免所得税，我就不知道这免税收入是填的什么？第7行“免税收入”：填报计入利润总额但属于税收规定免税的收入或收益。</t>
  </si>
  <si>
    <t xml:space="preserve">推荐些黑暗风格的动漫啦比较黑暗的或带有很浓郁的哥特风格的也行例如 </t>
  </si>
  <si>
    <t>楼上的推荐很好，不过我要着重推荐里面的甲贺忍者帖和地狱之歌（又叫国教王立骑士团），如果你喜欢吸血鬼猎人D的话，估计你会喜欢地狱之歌的！</t>
  </si>
  <si>
    <t xml:space="preserve">头戴红帽子，身穿白袍子，走路摆架子，说话伸脖子。（猜一动物） </t>
  </si>
  <si>
    <t>鹅。。。。。。。。。。。。。。。。。。。。。。</t>
  </si>
  <si>
    <t xml:space="preserve">美音中的your和you're发音一样吗如果不一样，请标出来好吗 </t>
  </si>
  <si>
    <t>美音中的your和you're的读音是一样的，两者都有三个读音，一个是弱读形式，另两个是强读形式。</t>
  </si>
  <si>
    <t xml:space="preserve">关于收集2转的问题各位大大，我是新手，练了一个收集要2转，可是3 </t>
  </si>
  <si>
    <t>在KT的右上方的山边，有BOSS的旁边，有5.6只赤蚂蚁~你去看看吧</t>
  </si>
  <si>
    <t xml:space="preserve">常用英语提问有时碰到老外想问他从事哪行工作或做什么生意,但不清楚 </t>
  </si>
  <si>
    <t>1、What do you do for living? 你是做什么的？2、What's your occupation? 你的职业是什么？3、What's your position? 你的职位是什么？4、What's your title? 你的头衔是什么？5、What line of work are you in? 你做哪一行的？6、Where do you work? 你在哪儿工作？7、What kind of business do you run? 你在经营一家什么样的公司？8、What's your job like? 你的工作怎么样？9、My father is a forensic psychologist. 我爸是一个犯罪家。10、I'm unemployed right now, but I'm looking for a job.我现在失业了，但我正在找工作。注解：1、生活在这个社会里，你以什么养家糊口呢？想知道别人的谋生之路，你应该这样问：“What do you do for a living?”所谓“谋生之路”，也就是我们所说的工作了。这是询问别人所从事的职业的一种最常见的方法之一。2、如果你想知道别人的职业，还有另外一种方法：“What's your occupation?”“occupation”是‘occupy’(占有)的名词形式，如果直译的话这句话可以理解成“你占着哪一个职业？”当然这句话最好翻译成“你的工作是什么？”3、“What's your position?”中的‘position’常用来形容你的职位。问这个问题的人早已知道了你的职业，他所感兴趣的是你具体的职位。4、此句中的‘title’和上一句的‘position’又有些差别，它的意思是问你的“头衔”，它比职位更加具体一些。如别人问你这句话时，你就不能像回答“What's your position?”那样笼统地回答：“I'm the boss.”(我是老板)或“I'm just a common clerk.”(我只是个一般的办事员。)5、如果有人这样问你的职业，你大可不必非常详细地告诉他你具体在做什么样的工作，只需告诉他你所从事行业的大致领域就可以了。如你是一个编辑，你可以简单地回答说：“I'm working in the publishing field.”(我是出版行业的。)6、像汉语一样，这句话也有两个意思。一种是说你的公司的位置，你可以回答说：“I'm working in Beijing”(我在北京工作)；另一种意思就是说问你所工作的公司的名字，比如我可以说：“Now I'm working for Eastern English Services”(我在东方外语台工作)。7、‘Run’在英语中不仅有“跑”的意思，它还可以指经营什么样的生意。如你可以这样回答这个问题：“I'm running a company that sells computers”(我经营一家销售电脑的公司)。8、用这句话问你的人是想知道你对你的工作的感受。如果你觉得你的工作非常有趣，你可以回答说：“Pretty interesting! I enjoy it.”(很有趣!我喜欢它)。如果你觉得没什么意思，你就说：“It's boring. I don't really like it.”(太枯燥了，我不太喜欢我的工作)。9、‘Forensic psychologist’是犯罪心理学家的意思，听起来是很酷，但要记住这两个词就没那么酷了。10、今天工作不努力，明天努力找工作。说这话的人应该属于后者。</t>
  </si>
  <si>
    <t xml:space="preserve">南昌红谷滩有提供同城跑腿服务的公司吗？主要能提供水果吗，生鲜日用? </t>
  </si>
  <si>
    <t>南昌spol到家服务，作为一种同城区域性的服务，通过微信搜索，客户可以在微信平台上购物，支付，并且由spol到家服务中心提供个性化配送，最大限度地满足客户在网络购物中存在的各种时间，地域和质量上的要求，从而使得客户不需要在快节奏的日常工作生活中再为日常购物而忙碌不堪，还客户一个平静低速的业余生活。</t>
  </si>
  <si>
    <t xml:space="preserve">被撤消的问题已经有了答案，我能看到吗？怎么看 </t>
  </si>
  <si>
    <t>真是可惜，赶得不巧的话，就会看不到。除非你恰巧在这之前把问题和答案另复制到了你的邮箱中，注意直接复制文字而非网址。</t>
  </si>
  <si>
    <t xml:space="preserve">请问牡丹国际卡如何注册到个人网上银行中？ </t>
  </si>
  <si>
    <t xml:space="preserve">第一条　交易资格　　拥有中国工商银行理财金账户、牡丹灵通卡、牡丹信用卡或牡丹贷记卡的客户，在我行营业网点注册网上银行或登录我行网站自助注册网上银行后，具备交易资格。　　拥有中国工商银行牡丹国际卡的客户，登录我行网站自助注册网上银行后，具备交易资格。　　拥有中国工商银行活期存折的客户，无须注册即具备网上银行存折版交易资格。 　　 第二条　交易场所　　中国工商银行网站网址是：  ； 　　第三条　交易功能　　目前个人网上银行能为客户提供的交易功能有：账户查询、账户转账、个人汇款、在线缴费、代缴学费、委托代扣、个人理财、外汇买卖、银证转帐、银证通、国债买卖、基金、网上保险、网上贷款、B2C在线支付、工行信使服务、银行卡服务等。其中牡丹商务卡客户可以使用账户查询、B2C在线支付但不能使用转账、汇款等其他功能。　　根据客户类型和付费情况为客户提供不同的交易功能。 </t>
  </si>
  <si>
    <t xml:space="preserve">&lt;&lt;胆颤心惊&gt;&gt;这部电影谁看过?中央电视台2003年11月27日 </t>
  </si>
  <si>
    <t>没有看电视台放的，不过看过，好多地方都有卖，一般的音像店就有。或者去“当当网”找找看。再或者直接在搜索引擎里搜一下。</t>
  </si>
  <si>
    <t xml:space="preserve">68了,睡不着觉了,大大们帮忙啊~~~我体18出身,55敏18, </t>
  </si>
  <si>
    <t>楼上2位新手啊，闭眼睛看也知道是白妖啊。楼主我要是你的话我就点力了，怕打到+力量的万能药水可以不上天啊。关于智妖的问题，我可不好回答你啊，我一向觉得敏18后力满的妖强的，我觉得白妖如果要加智的话学土比较好，学火还是力满敏18吧。69级以后你可以加精，毕竟其他没什么好加的了吧，体，魅，加起来没什么意义了，智，加到75级的话才18智，效果不很明显，敏，以后不打算射箭吧，那就不要加了，也就精神吧，加到75级有18精了，加个净化精神21精，额外抗魔增加28%，如果再升级，22精额外抗魔37%，23精额外抗魔47%，也就这样了。如果你要问我77级以后再加啥，我也不知道了，加敏吧。。。</t>
  </si>
  <si>
    <t xml:space="preserve">大箱问题下载了大箱后进高地或完成了普通级到恶梦级大箱中的物品除了 </t>
  </si>
  <si>
    <t>重新下个，一般是不会出这样的问题的，个人物品是保存在物品文件里的，只剩第一页就意味着文件被修改过了，可能是打开时自动修改的，原因不详．估计是大箱子的问题，确认大箱子的版本和来源．如果是公共箱子的话是有自己独立文件ＳＨＡＲＥＢＯＸ的，只要没有删除过，里面的东西是不会掉的．复制存档时要注意，不要复制这个文件，如果覆盖在原文件上的话，那么原来的就都没了．</t>
  </si>
  <si>
    <t xml:space="preserve">如何提高孩子的体育运动能力 </t>
  </si>
  <si>
    <t>多让他锻炼.</t>
  </si>
  <si>
    <t xml:space="preserve">网上购物要收百分之多少的手续费？标准都是一样？ </t>
  </si>
  <si>
    <t>手续费是不用的。。。。。。。。。</t>
  </si>
  <si>
    <t xml:space="preserve">安装了瑞星个人防火墙2008下载版的请来．您能将您的ID和序列号 </t>
  </si>
  <si>
    <t>估计没人会告诉你的，告诉你了你也用不了。每个ID和序列号只适用一台电脑，有谁会把自己的号告诉你呢，</t>
  </si>
  <si>
    <t xml:space="preserve">如果电脑系统坏了，怎样在不重新安装系统的情况下启动它？ </t>
  </si>
  <si>
    <t>系统坏了，可能就不能启动了，用windows的安装盘可以有修复功能，安装盘不是现在市场上的ghost盘，是原版的安装盘</t>
  </si>
  <si>
    <t xml:space="preserve">女人越宠越完蛋!不要去宠自己身边的女人..不要宠..越宠她就越来 </t>
  </si>
  <si>
    <t>任何事情都有度，过犹不及是真理！</t>
  </si>
  <si>
    <t xml:space="preserve">脚水肿是什么原因？怎么治疗？ </t>
  </si>
  <si>
    <t xml:space="preserve">心功能不全!!!因为心脏的功能下降,引起外周静脉血液在周围静脉中滞留,不能及时回到心脏进入新一轮的循环,导致周围静脉压增高,阻碍周围组织中的组织间液回纳到血液中,水分就积聚在组织中，形成水肿。由于重力的关系，人体下垂部位的静脉血滞留较其他地方严重，静脉压也较高，所以就容易引起这些部位的水肿，可以走路、坐立的病人水肿部位多发生于足部、踝关节处，卧床病人则以背部水肿较为明显！ </t>
  </si>
  <si>
    <t xml:space="preserve">时间序列分析有研究么？有撒入门的比较好的书籍（理论+基础应用方向? </t>
  </si>
  <si>
    <t>《应用时间序列分析》可作为经济统计学、金融学等经济管理类本科专业的教材，或作为经济管理类相关专业研究生的选修课教材，也适合自学应用时间序列分析的读者参考和使用</t>
  </si>
  <si>
    <t xml:space="preserve">仓库密码被恶意修改了，除了发传真还有其他方法找回来吗 </t>
  </si>
  <si>
    <t>从目前官方的流程来看应该没有其它方法了只有提供注册时的资料传真给完美公司了</t>
  </si>
  <si>
    <t xml:space="preserve">铜条怎么弄?我是新手我想要铜条,请问除了跟玩家买,自己怎么得到? </t>
  </si>
  <si>
    <t>使用挖矿或者挖矿体验技能进国民24坑道挖。一进去就可以挖到。挖满后去找npc交换成矿条，20个矿石换一个矿条。npc在什么什么工房（名字忘记了）</t>
  </si>
  <si>
    <t xml:space="preserve">有没有妈妈用乳头保护器的?有没有妈妈用乳头保护器的,也叫乳盾,戴 </t>
  </si>
  <si>
    <t>我刚开始的时候用过，因为我的乳头太小而且不是很突出，所以为了给宝宝喂母乳，我就用了乳头保护器，就是有点麻烦的，每次用完后要清洗，消毒，用之前也要用开水烫一下，但是为了宝宝好嘛，还有就是奶水涨的时候效果还好的，等到吃得差不多的时候用了保护器就吃不到什么了，不像直接将乳头含在嘴里吸得那么空，个人建议初期可以用保护器，坚持喂母乳，可能开始的时候比较困难，等到乳头被宝宝吸得时间长了，比以前突出了，就要把保护器戒掉，不要一直使用，在最初拿掉保护器的几天宝宝可能会有点不适应，毕竟用了保护器的容易吃嘛，但是一定要戒掉，我家宝宝后来就是直接吃的，很好祝宝宝一切都好！</t>
  </si>
  <si>
    <t xml:space="preserve">使用扫描仪时怎样先预扫先预扫大概，然后选择扫描区域再精细扫描扫。 </t>
  </si>
  <si>
    <t>使用扫描仪自带驱动就有呀。</t>
  </si>
  <si>
    <t xml:space="preserve">关于新福克斯，新朗逸请大家提出宝贵意见，我应该选择哪一个？谢谢喽 </t>
  </si>
  <si>
    <t>运动选择新福克斯，双离合变速箱加全车独立悬挂，带ESP！操作非常好！但是缺点是空间较小，家用的话选择朗逸，空间大，各方面比较均衡，没有明显缺点，6at，带ESP，动力比福克斯稍差一点！</t>
  </si>
  <si>
    <t xml:space="preserve">梁静茹的哪首歌最好听？ </t>
  </si>
  <si>
    <t>宁夏 如果有一天</t>
  </si>
  <si>
    <t xml:space="preserve">怪问题：为什么五笔输入状态时，输入字母“a”时就显示大写的A，别? </t>
  </si>
  <si>
    <t>可能是按键接触不良,清洗一下键盘或换个键盘试试</t>
  </si>
  <si>
    <t xml:space="preserve">深大北门（天桥底下）怎么走？参加了一个一日游旅行团，要早上在深大 </t>
  </si>
  <si>
    <t>深大北门在深南大道上，坐地铁见有深南大道或深大北门上去看到有天桥就行了。</t>
  </si>
  <si>
    <t xml:space="preserve">修改器问题怎样用那个udietoo把装备改成无形的，可以的话最好 </t>
  </si>
  <si>
    <t>给你个相关的汉化说明。另为什么用UT该装备？用暗黑通好一点，只是改完的装备默认为无法破坏。</t>
  </si>
  <si>
    <t xml:space="preserve">他是真的爱我？晚上和男友在路边接吻时，他开始只是吻嘴，后来亲脖子 </t>
  </si>
  <si>
    <t>自己把持，不过他还好吧，</t>
  </si>
  <si>
    <t xml:space="preserve">男友是个知足的人，你们怎样看待？1.他说钱太多有什么用，够花就行 </t>
  </si>
  <si>
    <t xml:space="preserve">主要还是看你的看法：从你的话里面看得出来你的想法，你希望生活水平不要太低！但是又知道他的生活水平怎么样？我觉得你可以先看看他的生活水平，如果真的是你说的那样知足常乐~！那还是可以的。但是如果是他把懒惰说成知足常乐赚多少花多少，花完了再去赚，那就不行！# </t>
  </si>
  <si>
    <t xml:space="preserve">如何保持一个良好的心态 </t>
  </si>
  <si>
    <t>让自己有一颗宽容的心，要知足常乐！就象上楼说的不以物喜，不以己悲；遇顺境处之泰然，遇逆境处之淡然；凡事只要自己尽了力，也就不强求结果了。</t>
  </si>
  <si>
    <t xml:space="preserve">三星note27102在法国用联通的3G会不会出现没有信号之类的? </t>
  </si>
  <si>
    <t>双模手机不会出现的</t>
  </si>
  <si>
    <t xml:space="preserve">MS的天赋问题我现在MS是主戒律副神圣下面是我的天赋牧师天赋Ta </t>
  </si>
  <si>
    <t xml:space="preserve">天赋和治疗基本够了,剩下的就是意识和操作了.天赋没有必要完全加成100%纯治疗,只要主要的治疗天赋都加出来就可以了.不过有1点建议,既然LZ想主要混FB,那么还是把无声消退点出来比较好.以下是我给LZ的推荐天赋. </t>
  </si>
  <si>
    <t xml:space="preserve">奇迹世界加点问题能不能告诉我现在有没有BUG刷级了有的话告诉我4 </t>
  </si>
  <si>
    <t>现在没有BUG刷经验了，如果发现有的话，会及时维护的，以前刷经验升级的，查出来一定会严惩的。因游戏推出时间不长，发现BUG也是很正常的事，但用BUG刷级钻游戏的漏洞，绝对是可耻的，相信以后会更完善的。</t>
  </si>
  <si>
    <t xml:space="preserve">飞机上做爱(打一成语) </t>
  </si>
  <si>
    <t>一日千里</t>
  </si>
  <si>
    <t xml:space="preserve">我的相机拍出来的片段为什么不能刻成碟?我是3星的相机拍的片段我想 </t>
  </si>
  <si>
    <t>不知你是用什么方法刻录的，三星的短片好象是MOV格式的，需要转化一下才能刻录成能够在VCD机上播放，转成mpeg格式，最好使用相关的刻录软件刻录，如经典的Nero，Windows XP自已带的程序也能刻录效果不是太好。先了解下相关内容，再刻，成功的机率要大不少。祝你成功。碟是空白的，这种情况有可能出现。一是，没有将内容刻上，光盘将作废，再就是你没有正确使用，某些软件对它无法识别，其实碟片没有坏，可以换一种刻录方法或软件试一试。　　作些补充，有不明白的再共同探讨吧</t>
  </si>
  <si>
    <t xml:space="preserve">怎么样让每个人都拥有45灵魂套装 </t>
  </si>
  <si>
    <t>每个人都应该有45的灵魂套装      45的灵魂装太贵了.尤其是武器.贵的离谱.刺客的武器更的贵.就想中国人壹样.已经够穷了.还弄的人人穿不起.  别这么小气吗?45的灵魂难度应该要降低些.让人人穿的起.买的起.让我们这些完美的爱好者.神鬼的爱好着.统统都穿上吧.  45的灵魂而已吗!又不是75的吗.75的稍微难壹点就行了吗?也用不着太难吗?  在说你.完美为了什么呢.办就是为了赚钱吗!你45的灵魂都不给玩加穿.那玩加怎么掏钱给你呢?  你要让每个人都穿上.来后.才会用大量的元宝去强化装备.锴镶宝石.强化+7.要多少元宝.不用我说.大家都知道.锴镶那就更厉害了.  不说+5+6+7的宝石.就算+4的.算壹算.要多少元宝.不多说了!  所以说.你还是让每个人都可以穿上45的灵魂吧?把45的灵魂可以简单的得到!又不是75或85的灵魂?  难度大其实收益的是商人,不是你完美赚钱?  不要弄的武器只有龙帝真身暴吗?那样太垄断了!只有公会包了.壹般人怎么能打的到吗?  也应该1.2.3层的小怪也暴,机会小点也行吗!总比不暴要好吧!也让让普通人打到武器的激动和刺激吧?那样武器也不会那么贵吗?  支持的顶上~~~</t>
  </si>
  <si>
    <t xml:space="preserve">董永与七仙女的故事，董永的老家是山东博兴吗？ </t>
  </si>
  <si>
    <t>董永是千乘人，也就是现在的山东博兴人</t>
  </si>
  <si>
    <t xml:space="preserve">AT89C2051有多少個地址線 </t>
  </si>
  <si>
    <t>AT89C2051提供以下标准功能：2K字节的闪存，128   字节的RAM，15 I/ O线，2个16位定时器/计数器，一个五向量2级中断   体系结构，一个全双工的串行口，一个精密模拟比较器，片上振荡器   和时钟电路。此外，AT89C2051的设计与静态逻辑歌剧   TION频率下降到零，并支持两种软件可选的节电   模式。空闲模式下，CPU停止工作，允许RAM，定时器/计数器，串行   口和中断系统继续工作。掉电模式保存   RAM的内容，但冻结振荡器，禁用所有其他芯片功能，直到下一个</t>
  </si>
  <si>
    <t xml:space="preserve">急急急！魔兽争霸3不能运行每次运行游戏时，出现war3.exe遇 </t>
  </si>
  <si>
    <t>我去过WWW。456.NET。CN游戏网站，还可以，可以去看看.首先，你放心，绝对不是系统的问题，你所说的。DLL是很重要的文件运行脚本，要么你重下另外：.exe是运行程序，而。DLL是脚本程序，如果说你的机器再好，没有电，你感觉能用么。另外问一下，你玩的什么游戏，如果对硬件要求高的话，建议你最好装上DIRECTX9.0C很好用的。想要的游戏： 都有，你可以去看看</t>
  </si>
  <si>
    <t xml:space="preserve">吊在室内的电风扇,风扇叶子水平转动时,为什么空气会对叶片产生向上? </t>
  </si>
  <si>
    <t>电扇的旋转方向决定了风向下吹，风就是叶片掠过空气时，由叶片的倾斜角的方向决定的，也就是说，空气受到了向下的作用力，而作用力与反作用力是相等 ，而方向相反的，所以，空气对叶片产生的反作用力是向上的举力。</t>
  </si>
  <si>
    <t xml:space="preserve">跪求大家把我的爱情引向正确方向。我和女友是7年的同学，曾经是最好 </t>
  </si>
  <si>
    <t>一切随缘，一切如风。自己的爱情要靠自己，即使跪求得来，终究，不是自己的。一段自以为命中注定的爱情，死守不肯放，结果错过了原本的缘分；一段曾经以为痛苦的感情历程，经过了才知道那不过是一种甘苦，就是再来一次，也愿意去品尝。没有人能左右爱情，没有人能为你指引正确的方向，因为世界这么大，人物这么多，但你却只有一个，无法复制、不能雷同，所以，兄弟，站起来，昂起你的头，正确的方向就是凭着感觉向前走，不后悔、不回头、莫停留！</t>
  </si>
  <si>
    <t xml:space="preserve">嘴角长水泡嘴角长一些很小的水泡,红肿,而且很痒,有黄色水流出,去 </t>
  </si>
  <si>
    <t>这是由于内火旺盛而生,俗称:长火气.平时多吃了桔子之类的性温的水果也会发,一般一天发二三天即止,一周痊愈,人体虚火时尤盛,应多喝水多休息,不需要用什么药.</t>
  </si>
  <si>
    <t xml:space="preserve">足球小将歌曲我想找《足球小将》的一首歌曲是日语，女声的，MP3格 </t>
  </si>
  <si>
    <t>那是：keep on going?\本温子，只能在百度上试听，我没找到免费下载的资源。</t>
  </si>
  <si>
    <t xml:space="preserve">18岁的时候做了牙齿矫正一年就脱掉牙套了现在重新做矫正牙齿可以吗 </t>
  </si>
  <si>
    <t>函数y=1/2(e^x</t>
  </si>
  <si>
    <t xml:space="preserve">函数y=[e^x-e^(-x)]/2的定义域是R, ∵ x≥0时e^x≥1,-e^(-x)≥-1, ∴ y≥0, x&lt;0时0&lt;e^x&lt;1,-e^(-x)&lt;-1, ∴ y&lt;0,∴ 值域是R.2y=e^x-e^(-x),(e^x)^2-2ye^x-1=0,e^x=y±√(1+y^2),∵ √(1+y^2)&gt;|y|&gt;y, 而e^x&gt;0, ∴ 舍去e^x=y-√(1+y^2),去自然对数,得x=ln[y+√(1+y^2)],∴ 反函数是y=ln[x+√(1+x^2)] </t>
  </si>
  <si>
    <t xml:space="preserve">准备装修房子了，也要给自家安装一台食物垃圾处理器，不知道什么牌子? </t>
  </si>
  <si>
    <t xml:space="preserve">爱适易就不错的。国内最热销的食物垃圾处理器。无论从外观，研磨细度，耐用性都是业界内的典范。 </t>
  </si>
  <si>
    <t xml:space="preserve">兄弟们...陶伟的德甲推荐是什么?谁知道的说下??谢谢了!!!! </t>
  </si>
  <si>
    <t>3/31/01/31/3/01/3总觉得他会错在拜仁那边。</t>
  </si>
  <si>
    <t xml:space="preserve">三本还是专科好？急！！！急！！26号我得报！请告知，谢谢！！！我 </t>
  </si>
  <si>
    <t>肯定是三本好</t>
  </si>
  <si>
    <t xml:space="preserve">历史高手来看看什么是程朱理学 </t>
  </si>
  <si>
    <t>什么是程朱理学 程朱理学是北宋理学家程颢、程颐和南宋理学家朱熹思想的合称。二程曾同学于北宋理学开山大师周敦颐，著作被后人合编为 《河南程氏遗书》。他们把“理”或“天理”视作的最高范畴，认为理无所不在，不生不灭，不仅是世界的本原，也是社会生活的最高准则。在穷理方法上，程颢“主静”，强调“正心诚意”；程颐“主敬”，强调“格物致知”。在人性论上，二程主张“去人欲，存天理”，并深入阐释这一观点使之更加系统化。二程学说的出现，标志着宋代理学思想体系的正式形成。南宋时，朱熹继承和发展了二程思想，建立了一个完整而精致的客观唯心主义的思想体系。他认为，太极是宇宙的根本和本体，太极本身包含了理与气，理在先，气在后。太极之理是一切理的综合，它至善至美，超越时空，是“万善”的道德标准。在人性论上，朱熹认为人有“天命之性”和“气质之性”，前者源于太极之理，是绝对的善；后者则有清浊之分，善恶之别。人们应该通过“居敬”、“穷理”来变化气质。朱熹还把理推及人类社会历史，认为“三纲五常”都是理的“流行”，人们应当“去人欲，存天理”，自觉遵守三纲五常的封建道德规范。朱熹学说的出现，标志着理学发展到了成熟的阶段。宋元明清时期，历代统治者多将二程和朱熹的理学思想扶为官方统治思想，程朱理学也因此成为人们日常言行的是非标准和识理践履的主要内容。在南宋以后600多年的历史进程中，程朱理学在促进人们的理论思维、教育人们知书识理、陶冶人们的情操、维护社会稳定、推动历史进步等方面，发挥了积极的作用。同时，它对中国封建社会后期的历史和文化发展，也有巨大的负面影响。不少人把程朱理学视为猎取功名的敲门砖，他们死抱一字一义的说教，致使理学发展越来越脱离实际，成为于世无补的空言，成为束缚人们手脚的教条，成为“以理杀人”的工具，从而反映出它的阶级和时代的局限性。参考文献：徽州文化知识</t>
  </si>
  <si>
    <t xml:space="preserve">怀四个月多几天时B超能看清男女吗? </t>
  </si>
  <si>
    <t>有经验的B超医师能看出来,不过她不会随便告诉你的.你想知道是男宝宝还是女宝宝就找熟人吧!祝孕期愉快!中秋节快乐!!!</t>
  </si>
  <si>
    <t>钓鱼钩变成针</t>
  </si>
  <si>
    <t xml:space="preserve">钓鱼钩变成针--以曲求伸 </t>
  </si>
  <si>
    <t xml:space="preserve">远程视频会议终端对宽带的要求高吗？ </t>
  </si>
  <si>
    <t>远程视频会议对宽带肯定有要求的，如果你要建设那种在公司内部专网上的视频会议的话，这个代价还是比较大的。现在有一种模式，就是走在公用互联网上，有很多供应商都有，比如软件的视高、全时等，提供的是视频会议租用的服务，还有更进一步的软硬件都能租用的，业内现在似乎只有科达摩云视讯。资料说是16画面只占一路带宽，一般256K应该就可以开个视频会议了吧，不要视频，单单音频应该占用带宽更少，也可以支持近200方同时在会(可考察下，具体最多多少画面)。以后高清视频会议都能在互联网上运行起来了，这个租用的代价相对会比自己买断建设系统以及改造专网会低很多。</t>
  </si>
  <si>
    <t xml:space="preserve">数学题一只大钟的分针长15厘米，从3时到4时分针针尖走过的路程是 </t>
  </si>
  <si>
    <t>15π×2÷12=7.85cm面积是58.875</t>
  </si>
  <si>
    <t xml:space="preserve">除了电子城，容桂哪里有卖比较新的正版的游戏光盘的店啊？ </t>
  </si>
  <si>
    <t>沁星音像店应该有的那个青龙北路附近的“沁星音像店”~应该有的呀~~【☆☆~~亲，如果对你有帮助的话，麻烦点下“有用”--“打赏”谢谢了~~☆☆】</t>
  </si>
  <si>
    <t xml:space="preserve">男朋友出手打我,该分手吗?好不容易有时间和男朋友呆在一起,但是因 </t>
  </si>
  <si>
    <t>一看就是两个性格急燥的!两个都这么火爆!以后打架的事可以后面还更多!!我不知道你之间有什么小矛盾,竞使你打他一个耳光,告诉你这样的做法首先是你不对!当然我不赞成打女人，大家都有错！也许你还不了解男人,不管问题如何的复杂,不管问题是谁的错,千万不能给男人一个耳光,那他简直无地自容!是个男人肯定会发火!他叫你在打,你还真在打一个啊!一看就知道已经到火头了!就要让一让!这样你们之间的感情才能保持下去!!也许你打他并不是有心的!但是方法不对!下次你还生他气时,你可以踢他,锤他胸口！不能打耳光，但这些也要有度！如果这样男人还生气的话，那说明他的气度太小了！不适合你！！分不分手，我不能肯定！你还是自己想清楚，你们之间是不是真的不适合，还是只是这一次一点小误会！如果只是这一次小误会！我想真的没必要分手，因为你想想你错在先，不应该给他第二个耳光！现在你一想到他打你，你就没心情！其实也说明你还没有想清楚问题出在那！只是一心的想他打你，是他的错，伤了感情！两个人在一起那有不磨擦的！如果一点磨擦也没有，那简直不可能的事！没有过不去的事，还是自己想清楚吧！！</t>
  </si>
  <si>
    <t xml:space="preserve">我是一名护士，想要考国际护士执照有什么要求。他所要求的雅思怎么报? </t>
  </si>
  <si>
    <t xml:space="preserve">那你应该考雅思的G类吧!雅思考试的报名可以去这个网站: </t>
  </si>
  <si>
    <t xml:space="preserve">延时开启的开关或继电器我需要一套电路，但不知道怎样实现。首先把电 </t>
  </si>
  <si>
    <t>这个问题有一点不明白：刚接通时检测到的温度未达到60度，是否马上切断系统，还是只要在一小时内，有达到指定温度，就可以继续工作？按照“系统重新计时，继续工作，在另一个一小时内，温控探头探测的温度没有超过60度，系统就自动断开断开”的要求，即在第二次计时中，只要温度未达到60度，系统将切断。实际上，如果在第一个小时内，温度达到60度，系统将一直运行到检测温度出现低于60度时，停止运行。这样理解题目要求的话，控制电路就简单了：系统使用一个长延时继电器和一个温度继电器；长延时继电器长开触点与温度继电器长开触点及一个按钮开关并联连，作为系统及两继电器电源开关（功率不够可以使用接触器控制系统），温度继电器设定到60度吸合，时间继电器设定常开触点释放时间为一小时，当按动按钮开关将电路启动后，因为时间继电器立即吸合并在一小时后才释放，所以在按钮放开后，继电器其常开触点保持电路接通，期间，只要温度继电器检测到温度达到60度，它的常开触点也接通，这时，即使启动系统达到一小时，系统仍继续工作，但一但出现温度低于60度，温度继电器触点断开，系统就完全停止（“在另一个一小时内，温控探头探测的温度没有超过60度，系统就自动断开断开”）。如果只需要在一小时内，系统达到60度时，让其只继续工作一小时，如果在继续工作的一小时内系统不能达到60度，就让他停止工作。这样只要在上述基础上再加一个时间继电器，及一普通继电器（接触器）就可以达到要求。具体就是温度继电器达到60度时，另一组常开触点接通第二个时间继电器，让其在一小时后切断全部电路。</t>
  </si>
  <si>
    <t xml:space="preserve">上帝发了你一手什么样的牌？早晨看了一个节目两个很优秀的人生了一对 </t>
  </si>
  <si>
    <t>上帝是属于精神领域的而不是物质领域的.人生就是有失有得的.</t>
  </si>
  <si>
    <t xml:space="preserve">我公司是新公司，第一个月去社保办理了新员工参保，现在是第二个月了? </t>
  </si>
  <si>
    <t>账户里有钱就自动扣款</t>
  </si>
  <si>
    <t xml:space="preserve">《仙剑一》VS《仙剑三》到底花落谁家？从各个方面进行比较！如剧情 </t>
  </si>
  <si>
    <t>剧情 仙一99-仙三98，仙一略胜一筹，但仙三的人物更有性格而不是简单的善恶对立画面 仙一95-仙三95，平分秋色，按理说2D不如3D，但不欣赏仙三的Q版造型音乐 仙一99-仙三99，仙剑的音乐从来没有差过，都是经典难易度 仙一90-仙三95，仙三难在部分迷宫上手度 仙一90-仙三95，都是10分钟左右就能上手，但本人不习惯不支持鼠标的游戏，而且仙一的武功没有分类，用时还要现找。娱乐性 仙一80-仙三90，打怪很枯燥，这方面多数RPG做的都不好，3代毕竟是几年后的产品，战斗系统更丰富一些耐玩性 仙一90-仙三95，仙一有3个结局，仙三有5个且中间有非常多的支线和可选择情节。总评：仙一90-仙三95，RPG游戏的剧情是否感人虽然重要，但不是唯一的标准, 如果说2003年的作品还不能超越上个世纪的东西，那就不够客观。</t>
  </si>
  <si>
    <t xml:space="preserve">有什么办法可以治失眠？ </t>
  </si>
  <si>
    <t>白天不要睡觉。。。中药可以治疗：人参10、远志10、茯神20、石菖蒲10,酸枣仁(炒)15、柏子仁15、五味子10、夜交藤20、龙骨30、朱砂0.5。气虚、有痰者宜用。若火大,可去人参</t>
  </si>
  <si>
    <t xml:space="preserve">如何练习唱歌？我很喜欢唱歌，可老是唱不好。因为条件有限，在家里没 </t>
  </si>
  <si>
    <t xml:space="preserve">我感觉歌曲也是有一些固定的难度的，比如什么地方转音，什么地方要降调一类的。学习的时候可以放出他的原省声音要低于你的声音，然后跟着唱、遇到跑调的地方就停下来一直练习直到不跑调为止，当你遇到跑掉的地方越来越少时你就不会跑调了~ </t>
  </si>
  <si>
    <t xml:space="preserve">男生头发发白的原因我才24岁怎么头发就有白的了该怎么办 </t>
  </si>
  <si>
    <t>可能是血热，也可能是隔代遗传，多吃点黑芝麻，用一些有关黑芝麻，何首乌之类的东西</t>
  </si>
  <si>
    <t xml:space="preserve">猩猩最讨厌什么线？ </t>
  </si>
  <si>
    <t xml:space="preserve">回答：平行线。 原因：平行线没有相交(香蕉)。 </t>
  </si>
  <si>
    <t xml:space="preserve">谁有涌动之泉的结晶和果冻史莱姆的核心！~我想看看这东西是什么样子? </t>
  </si>
  <si>
    <t xml:space="preserve">图没有。。我只能告诉你 都是宝石。。镶嵌在装备上的果冻史莱姆的核心：回复+0～35 涌动之泉的结晶:魔力+30～145 </t>
  </si>
  <si>
    <t xml:space="preserve">我的养老保险自己交费，想找公司报销，该怎么操作？我的养老保险一直 </t>
  </si>
  <si>
    <t>你好:你提出的问题,我提点建议:1 你这样做是没有和单位签定劳动合同,或者签定了没在社管中心备暗.因此,若遇到劳动纠纷得不到法律保护和支持;2 你和单位协商,让单位补偿或叫补足.记住只能协商解决.不是报销的问题,不是单位必须付出的问题,摆正主次关系.祝你好运!</t>
  </si>
  <si>
    <t xml:space="preserve">请教，⊙仄仄平平中的“⊙”如何发音？⊙仄仄平平中的“⊙”如何发音 </t>
  </si>
  <si>
    <t>表示平仄均可，好像是读作通</t>
  </si>
  <si>
    <t xml:space="preserve">女孩这么说什么意思我真的不明白我给她打电话她不接她姐接的说她不喜 </t>
  </si>
  <si>
    <t>是你用情太深了，她这么说已经是彻底的拒绝你了，你需要时间疗伤，也需要时间充实自己，下回坠入爱河的时候看准了再坠，祝你好运</t>
  </si>
  <si>
    <t xml:space="preserve">济南青少年抑郁症的发病表现有 </t>
  </si>
  <si>
    <t>1.心理原因严重的丧失、失恋、人际关系紧张、经济困难，或生活方式的巨大变化，这些都会诱发抑郁症。2.性格原因自卑、自责、悲观等，都较易患上忧郁症。某些性格特征的人很容易患上抑郁症，如遇事悲观，自信心差，对生活事件把握性差，过分担心。这些性格特点会使心理应激事件的激发加重，并干扰个人对事件的处理。这些性格特征多是在儿童少年时期养成的，这个时期的精神创伤影响很大。3.遗传原因如果家族中有抑郁症的患者，那么家庭成员患抑郁症的几率较高，这可能是遗传导致了抑郁症易感性升高。其中双相抑郁症的遗传性更高些。然而，并非有抑郁症家族史的人都会得抑郁症，而且并非得了抑郁症的人都有家族史，这表明遗传给并非是唯一决定性的患病因素。一、学习压力：由于家长对孩子的期望很高，所以招致目前学生学习压力过大，推动繁重的课业几乎压的自己快透不过气来。特别是步入青春期后。二、虚拟网络：在生活中，有不少的青少年习气沉浸于网络，当他们一旦从网络的虚拟世界中回到理想当中，就会呈现严重的悲观厌世，心境低落等抑郁病症。三、经济压力：在生活中，固然往常的经济水平进步了，但是还是有不少的学生由于家庭条件差，同窗之间相互攀比，很容易让一些学生呈现自卑心理。四、情感纠葛：往常的早恋曾经成为校园里的普遍现象可，以致曾经弥漫至小学。一旦感情呈现变故，极易诱发抑郁症。五、心理脆弱：在生活中不少的青少年心理脆弱的缘由就是由于不少的家长朋友只是一味的满足患者物质生活，招致孩子心理脆弱，无法和家长、教员、同窗等正常沟通，稍遇曲折就容易诱发抑郁症，走上极端之路。1.神经质因素：许多研究证实，神经质是儿童和青少年罹患抑郁症和体验更多应激的易感因素。神经质和青少年抑郁症之间的相关性是比较明确的。这是青少年抑郁症发病原因中最让人无可奈何的一种。2.家族遗传背景：家族遗传性也是青少年抑郁症发病原因之一。大量的临床实践统计结果表明，家庭精神疾病史，特别是父母罹患抑郁症与孩子患抑郁症的风险相关。这也提示了有抑郁症史的父母，不要将自己的不良情绪传染给孩子。</t>
  </si>
  <si>
    <t xml:space="preserve">十个月的宝宝流鼻了怎么办？我家宝宝昨天开始流鼻了，从出生到现在是 </t>
  </si>
  <si>
    <t>试试红糖＋葱头（洗净）＋生姜煎水喝．可以起到去寒的做用，孕妇也可以喝！宝宝少吃药比较好．</t>
  </si>
  <si>
    <t xml:space="preserve">像天鹅头,猫耳,还有臂环之类的东西是哪来的啊高手指点下 </t>
  </si>
  <si>
    <t>这些东西应该是台湾的游乐场完游戏出的...不过玩一次要几百点.贵</t>
  </si>
  <si>
    <t xml:space="preserve">做副职业的问题？里面有个任务是用B武器换A武器的那什么B武器换黑 </t>
  </si>
  <si>
    <t>只要是B武器就可以，他会问你换什么武器，A2的武器你可以随便挑，什么都能给你，不过黑暗军刃就算了，那个是A顶武器，换不来的，4章中的76级还有3转制时要求级别到75即可，有没有副职业都无所谓，副职业到75是为了转贵族用的</t>
  </si>
  <si>
    <t xml:space="preserve">袖扣哪个颜色的好配衣服？有紫，红，蓝，淡绿，淡粉，白 </t>
  </si>
  <si>
    <t>黑、灰、金、银色的配任何颜色的衣服都不会显得冲突。</t>
  </si>
  <si>
    <t xml:space="preserve">为什么因为以8086为cpu的微机的内存最大的容量为1MB，所以? </t>
  </si>
  <si>
    <t>微机原理中提到在计算机硬件中传递的高低电平的2进制信号，1根是2的1次方，2根是2的2次方，依次类推20根就是2的20次方，也就是2^10*2^10--2的10次方乘以2的10次方，也就是1024*1024=1MB。这样才可以在8086工作在任何状态下都可以保证数据通道不会阻塞</t>
  </si>
  <si>
    <t xml:space="preserve">怀孕咯，却在十多天前吃过九颗诺氟沙星怎么办？我是3月10日最后一 </t>
  </si>
  <si>
    <t xml:space="preserve">此药是孕妇禁用药物，但是否一定就会对胎儿有影响不好确定，在临床上也有些孕妇在孕期因不注意服用过孕妇禁用或慎用药物而生下健康宝宝的，可定期做好孕检，建议不要过于担心，应该不会导致畸形，对胎儿影响应该不大。祝宝宝健康！ </t>
  </si>
  <si>
    <t xml:space="preserve">?对不起，一个问题问了好多遍，但是我还是弄不明白，请再指教。我们 </t>
  </si>
  <si>
    <t>1、提取工资时借：管理费用--工资 1250贷：应付工资 12502、支付工资时借：应付工资 1250借：其他应收款--XX员工工资 1250贷：现金 25003、收回代付工资时借：现金等 1250贷：其他应收款--XX员工工资 1250</t>
  </si>
  <si>
    <t xml:space="preserve">夏天温度高,如何防止中暑?生活在没有很多数的城市,当然经过的路上 </t>
  </si>
  <si>
    <t xml:space="preserve">天气炎热，人容易汗流浃背，水分盐分流失过多就会中暑，重者危及生命。有人认为在炎炎烈日下才会中暑，其实不然，过度饮酒，睡眠不足、生活节奏被打乱都是中暑的导火索。　　那么，夏日如何防中暑呢？　　平时要多喝水，不要等口渴了才喝水。最好的办法是根据气温的高低，每天喝1．5升到2升水，出汗较多时可适当补充一些盐水。　　不得不在户外高温工作时，可将凉毛巾搭在头上。　　饮食上要多吃清淡的食物。夏天的时令蔬菜，如生菜、黄瓜、西红柿等含水量较高；新鲜水果，如桃子、杏、西瓜等都可以用来补充水分。　　外出时衣服尽量选用棉、麻、丝类的织物，应少穿化纤类服装。尽量穿浅色服装、戴隔热帽和太阳镜、有条件最好涂抹防晒霜。　　应随身携带一些防暑药物，如人丹、清凉油、十滴水、藿香正气水等。　　专家提醒，每天10时至16时在烈日下行走，中暑的可能性是平时的10倍。老年人、孕妇、有慢性疾病的人，特别是有心血管疾病的人，在高温季节要尽可能地减少外出。　　中暑的初期症状是小腿抽筋，腹部肌肉痉挛，重者出现恶心、呕吐等症状，甚至意识不清，如不立即治疗存在生命危险。　　中暑了怎么办？　　要迅速将病人移至阴凉、通风的地方，垫高头部，解开衣裤。　　可用冷水毛巾敷头部，或冰袋、冰块置于病人头部、腋窝、大腿根部等处。　　将患者躯体呈45度浸在18℃左右水中牞以浸没至胸部为宜。　　几人同时用毛巾擦浸在水中患者的身体四周牞把皮肤擦红牞一般擦15－30分钟左右即可把体温降至37－38℃。　　几种人容易产生“情绪中暑”：患有高血压、糖尿病、哮喘、厌食症等疾病的人；坐办公室的白领、室外工作者、长时间对着电脑工作的人。这些人天热时易表现出焦虑、忧郁、不安、情绪烦躁。　　专家建议——在高温期间要注意自我调节；多休息，保证充足的睡眠；及时补充水和维生素；保持所处环境的整洁通风。 </t>
  </si>
  <si>
    <t xml:space="preserve">博时主题可以持有并加仓么？大家评价一下。 </t>
  </si>
  <si>
    <t>博时主题是一只比较稳健和抗跌的基金，大盘大涨，它的涨幅并不大。,在上涨阶段与激进的基金相比,感觉不太满意,但在遇大盘调整，它抗跌和逆市上涨的优势就显示出耒了。.以一个相对长一点时段来衡量,其总体收益与激进的基金相比却不相上下, 总收益不错。各项排名都比较靠前，配备一只这样的基很有必要。值得长期持有. 如果持仓比例不重，可以适当加一些。仅供参考。</t>
  </si>
  <si>
    <t xml:space="preserve">为什么兔子舔人为什么我家的宠物兔子总是舔我的手呢？一舔就是好长时 </t>
  </si>
  <si>
    <t>那是因为你的手上因为出汗，有盐份的存在。他就爱舔你的手。这是动物的天性。</t>
  </si>
  <si>
    <t xml:space="preserve">我大约100平方米左右的房子,水电大约多少钱 </t>
  </si>
  <si>
    <t>我正在装修， 也是100平米左右， 上个月完成了水电工程， 下面是相关费用细节。 如果你需要其他装修方面的信息， 比如， 瓷砖要花费多少钱等等， 你可以上我的博客（  希望对你有所帮助。 ：）水电工程总费用：1100元（人工费）+2080元（材料费）； 水电费+财料，要3300左右 水电费+财料，要8000左右我大约100平方米左右的房子,水电大约多少钱水电费与建筑面积并不一定成正比。什么水电费？</t>
  </si>
  <si>
    <t xml:space="preserve">怎么样才能控制自己的情绪不让自己情绪化 </t>
  </si>
  <si>
    <t>您好！情緒控制主要依?於理智與意志力的作用。但是，後者受到許多因素的影?，就?荒苡行У匕l?]正常的功能。即使是知道??如何去做，也?]有能力做。改善這種狀?B需要表本兼治。表：通過深呼吸??r?定情緒。這?兑?r性的較小的衝?佑行А??有轉移注意力等等。不過都不能解?Q根本??題。本：加??自我修養，提高境界，???V胸?眩拐??人的精神素質提高到一??比較高的水平。這是非常有效的。但是，需要長期修??下去。另外，?有一種情緒不得有效控制的情?r是?凫缎睦砑膊　＿@就需要心理??題?＜?斫槿肓恕?不知道您是?凫赌欠N情?r。祝安康！                                 老馬</t>
  </si>
  <si>
    <t xml:space="preserve">征途多少级一转？我现在155，遥远啊，有的说156有的又说180 </t>
  </si>
  <si>
    <t>东南游戏交易网免费为你服务（ ）160级一转，转之后就是垃圾了</t>
  </si>
  <si>
    <t xml:space="preserve">请问上海和深圳交易所9.30前什么时间交易委托才有效,是不是9.? </t>
  </si>
  <si>
    <t>一般证券交易系统晚上零点以后挂单当天都有效.你9:11分挂单为有效挂单,因为你挂的买单低于当天股票最低价所以一直在等待成交,资金钱一直冻结,最后未成交,今天资金应该已返回你的帐户了.</t>
  </si>
  <si>
    <t xml:space="preserve">月白老师:帮我看看建行还可继续持有吗? </t>
  </si>
  <si>
    <t>银行股利空不断，短期持有，逢高出局。</t>
  </si>
  <si>
    <t xml:space="preserve">誰知道這叫什么花?如附?D所示.?不吝告知.謝謝! </t>
  </si>
  <si>
    <t>是一株杜鹃花呵！形态长得不是太美（请别介意），建议花败后适当进行修剪，不仅要立即将残花剪去，还要将内膛枝、弱枝、枯枝剪去，并适当剪出一些高矮错落，可减少养分消耗、通风透气、促发新枝、棵型优美。</t>
  </si>
  <si>
    <t xml:space="preserve">什么是子宫内膜异位？子宫内膜厚是子宫内膜异位吗？ </t>
  </si>
  <si>
    <t>你好！子宫内膜异位症是指正常在子宫腔内的内膜组织由于外在的因素异位到子宫肌层或卵巢及盆腔其它组织，呈周期状生长脱落造成病变；而子宫内膜增厚不是子宫内膜异位症的概念。</t>
  </si>
  <si>
    <t xml:space="preserve">excel问题,我要统计一列中不同数字的个数吗?有函数吗?比如:? </t>
  </si>
  <si>
    <t>办法有很多，比如1,高级筛选，筛选不重复记录2,用公式=SUMPRODUCT(1/COUNTIF(A1:A10,A1:A10))（这个公式假定数据在a1到a10,而且中间没有空的）3,用公式=COUNT(1/FREQUENCY(A:A,A:A))（这个公式假定数据在A列，允许中间有空，但不统计其中的文本）还有其他办法，这要看你的具体数据来决定了</t>
  </si>
  <si>
    <t xml:space="preserve">世博会不是第一次在中国举办吧以前那个省办过么 </t>
  </si>
  <si>
    <t xml:space="preserve">世界博览会有综合性博览会和专业性博览会两类。按国际展览组织的规定，专业性博览会分为A1、A2、B1、B2四个级别。A1级是专业性博览会的最高级别。 综合性世博会展出的内容包罗万象，举办国无偿提供场地，由参展国自己出钱，建立独立的展出馆，在场馆内展出反映本国科技、文化、经济、社会的综合成就。综合性博览会一般5年举办一届。 1999年的昆明世博会 是属于专业性博览会， 2010年上海世博会 是属于综合性博览会。 </t>
  </si>
  <si>
    <t xml:space="preserve">关于电费问题公司把厂房租赁给A公司，电费先由我司去供电局开发票， </t>
  </si>
  <si>
    <t>1、你单位取得电费发票时借：其他业务支出--出租电费借：应交税金--增值税（进项税额）贷：银行存款等2、你单位给A公司开发票，根据开出的发票做帐借：银行存款等贷：其他业务收入贷：应交税金--增值税（销项税额）</t>
  </si>
  <si>
    <t xml:space="preserve">运动速度真不能超过光速吗？超光速实验中最快光子速度为4.7c(c </t>
  </si>
  <si>
    <t>相对论不一定全对。光速不可超越是相对论的观点。近代天文学观测发现，一些超新星的退行速度超过了光速，最快的甚至达到了光速的5倍多。所以光速是可以超越的。任何理论不可能一提出来就是完整的，准确的，都必须经过考验、修改。相对论认为光速不可超越，主要是由运动速度越快，质量增加越多的理论得出的结论。当速度达到光速时，运动物体的质量达到无穷大，所以需无穷大的能量才能继续加速，而无穷大的能量是不可能的。（这也是相对论提出的理论）所以光速无法超越。</t>
  </si>
  <si>
    <t xml:space="preserve">语文仿写仿写句子：在南方每年到了秋天，总要想起陶然亭的芦花，钓鱼 </t>
  </si>
  <si>
    <t>在南方每年到了秋天，总要想起陶然亭的芦花，钓鱼台的柳影，西山的虫唱．在南方每年到了秋天，总要观赏钱塘江的大潮，满觉陇的桂花，西湖的夜景。</t>
  </si>
  <si>
    <t xml:space="preserve">混合喂养的宝宝二个月了每天应吃几次配方奶粉?我的宝宝混合喂养有二 </t>
  </si>
  <si>
    <t xml:space="preserve">    我的宝宝也是混合喂养。我觉得混合喂养应该是在喂母乳的基础上补充配方奶粉，补充多少要视具体情况而定。你不妨尽量多给孩子喂母乳，不够时再补充奶粉。     大人的饭量各不相同，宝宝们也是如此吧，只要宝宝自己不觉得饿，体重增长正常，就不用担心，也没必要跟别的宝宝比较吃得多少。     另外，我的宝宝也有一段时间吃得比较多，另一段时间吃得比较少的现象，没有关系的。     我的宝宝如果没吃饱，会哭、会吃拳头、用手动他的嘴角他会去找；如果吃饱了，他就不再哭闹，有时会睡觉，有时会满足的笑。不知道你宝宝的情况如何，你可以注意观察一下，自己根据经验总结出他是否吃饱的表现。     祝你的宝宝健康成长！</t>
  </si>
  <si>
    <t xml:space="preserve">需要一个金山毒霸的通行证 </t>
  </si>
  <si>
    <t>见百度消息吧</t>
  </si>
  <si>
    <t xml:space="preserve">娱乐的方式都有哪些如果家里有电脑，游戏和看动漫想必是最有趣的了， </t>
  </si>
  <si>
    <t>和帅哥美女视频聊天，看平时不太敢看的片子``~</t>
  </si>
  <si>
    <t>09001再加一单01纽卡斯</t>
  </si>
  <si>
    <t xml:space="preserve">01纽卡斯-- 西汉姆 002阿森纳-- 博尔顿 3 03富勒姆-- 布莱克 31 04朴茨茅-- 曼　城 30 05埃弗顿-- 赫尔城 3 06米德尔-- 桑德兰 31 07斯托克-- 利物浦 01 08欧塞尔-- 马　赛 10 09勒阿弗-- 图卢兹 013 10勒　芒-- 里　尔 1 11雷　恩-- 格勒诺 3 12索　肖-- 埃蒂安 10 13瓦朗谢-- 卡　昂 31 14热那亚--=都 灵 13 </t>
  </si>
  <si>
    <t xml:space="preserve">销售服装的前辈进来看看.我想做服装生意，但是我对俏售这块不点也不 </t>
  </si>
  <si>
    <t>我是学市场的！你关键的不是对时常懂不懂~是学会怎么和人交流，怎么知道人家需要什么，是什么档次的顾客，这样的初步了解你就知道怎么把东西卖出去了~其实这方面的东西很容易学到的~想做生意从市场营销的角度来和你说说吧！首先是你的进货价格要低，所有其他费用都要尽可能的低！还有就是你的目标客户要明确，很那想象老奶奶和小姑娘一起都想在你店里买东西！良好的进货渠道是你生意的长期保障！其次，你的店址也要有选择性！其他的还有注意点自己多考虑，反正考虑的越仔细你就越可能成功！其实你的主要问题是怎么卖掉东西！其实你可以在社会上聘请一些廉价劳动力来帮你~这很容易做到吧！做老板就是要懂把自己不会做的事交给别人去做，自己照样赚钱！</t>
  </si>
  <si>
    <t xml:space="preserve">南昌市性病专科医院看尖锐湿疣得花多少钱 </t>
  </si>
  <si>
    <t>你好，尖锐湿疣作为见年来发病率极高的性传播疾病，其治疗费用是很多患者都极为关心的话题，但是由于患者自身情况存在差异，加之受到就诊医院的收费标准以及诊疗设备等因素的影响，至今其诊疗费用还无法一概而论，需根据患者自身病情轻重，病症类型，治疗方法等进行综合分析。你好，一般而言，尖锐湿疣的治疗费用主要包括两大类，检查费用和具体费用，检查的费用还需根据患者自身的病情以及所接受的检查项目进行确定;而具体费用则需根据患者病情，治疗疗程，诊疗方法，医院资历等进行综合的评估。你好，在选择就诊医院期间，不应看费用选医院，虽然费用是主要的衡量标准之一，但是安全性以及疗效才是根本所在，因此应尽量避免有如过江之卿的营利医院，以免不必要的危害发生。z</t>
  </si>
  <si>
    <t xml:space="preserve">手枪在有障碍物的情况下？求图片：手枪移动射击且有障碍物（如：房间 </t>
  </si>
  <si>
    <t>SWAT的突击手大多左手持盾护住膝盖以上，右手持枪平伸，为了便于瞄准枪身左倾45度左右。特种部队突击手一般双手握持，转角处低资探身出枪</t>
  </si>
  <si>
    <t xml:space="preserve">哪里申请攻城战,沙巴克的晕,没弄过这个攻城战3G的,找了半天,不 </t>
  </si>
  <si>
    <t xml:space="preserve">  你可以到比奇城的皇宫门前，去找比奇城城主(168 199)申请攻城。</t>
  </si>
  <si>
    <t xml:space="preserve">《天下郡国利弊书》这本书有谁看过？谁能提供一下这本书的主要内容， </t>
  </si>
  <si>
    <t>《天下郡国利病书》可以简单理解为地方志摘要，叙述地方沿革，注重边防、军事地理。先在爱问上下载，看几页再说，管他适不适合读。</t>
  </si>
  <si>
    <t xml:space="preserve">如何挑螃蟹？买菜时怎样挑螃蟹？什么样的螃蟹才是饱满的，好的，新鲜 </t>
  </si>
  <si>
    <t>看螃蟹的肚子，母的盖是圆的，公的盖是三角行的。捏一下，比较硬的一般膏比较多。螃蟹一定要买活的。</t>
  </si>
  <si>
    <t xml:space="preserve">大家怎么练野蛮人的怎么加技能点我练双手剑 </t>
  </si>
  <si>
    <t>属性方面：力量、敏捷够拿装备，剩余加体力，精力不加技能方面：狂乱、嘲弄（为了伤害加成）、战斗体制、剑掌握各加20点狂嗥、大叫、战斗指挥、重击、双手投掷、击晕、专心、狂战士（为了破物免）各加1点以上消耗88点接下来跳跃、跳跃攻击、旋风可以体验1点也可以不加，铁布衫加1点，自然抵抗适量，剩下的全部加双手挥击（同样是为了伤害加成）双手剑的狂乱小野。</t>
  </si>
  <si>
    <t xml:space="preserve">问什么大家都想去深圳工作呢？临近毕业，好多同学都选择深圳，但是深 </t>
  </si>
  <si>
    <t>深圳是个年轻的城市，非常富有活力！如果你想奋斗、想拼搏、想创业、想闯一番天下！欢迎你来深圳！！！</t>
  </si>
  <si>
    <t xml:space="preserve">FS怎么使不了技能了 </t>
  </si>
  <si>
    <t>因为没有蓝了，所以使不了技能。谢谢  给我分</t>
  </si>
  <si>
    <t xml:space="preserve">借这里人气，求救我女朋友是教师，今年春节染了头发，成了个金发美女 </t>
  </si>
  <si>
    <t>跟学生说：老师可以领工资，你们可以吗？</t>
  </si>
  <si>
    <t xml:space="preserve">我想找个老外练口语，请问大家有什么推荐吗？/谢谢了 </t>
  </si>
  <si>
    <t>去  申请一个yahoo messenger. 就可以找到外国人聊天了。也可以去  下载一个聊天软件和世界各地的人亲密接触。</t>
  </si>
  <si>
    <t xml:space="preserve">会员在世界怎么发图呀。。急我不懂，，望告之 </t>
  </si>
  <si>
    <t xml:space="preserve">如果你想问的是那些人发的某某枪某某宠,其他人可以点名字直接看到详细情况的那种，那是这次问道新版本推出以后,给会员增加的新功能.你必须是会员,才可以这样发.不是会员不能发.发的时候按住shift，然后鼠标左击你要卖的物品或者宠物，这样发表后，别人可以直接通过右击察看你发的装备武器宝宝等. </t>
  </si>
  <si>
    <t xml:space="preserve">晕死，买了两张CDKEY，都没找到一个不卡的区！先激活了9区的太 </t>
  </si>
  <si>
    <t>现在都卡 我以前延迟全在50以下,至从三区关了两个服务器,又新开一个服务器后,我天天都卡,一上线,延迟从50多突然升到1000多.然后又猛的下降.现在做日常经常被卡死.</t>
  </si>
  <si>
    <t xml:space="preserve">为什么圣诞不来个任务？看看你们对待节日任务会有什么样的创意。。。 </t>
  </si>
  <si>
    <t>内测而已啊。哪有什么任务？公测差不多！</t>
  </si>
  <si>
    <t xml:space="preserve">请问股票基金投资比例按目前1－2年的股市行情，基金投资是否应主要 </t>
  </si>
  <si>
    <t>我是这样做的：把80%米投进了股票基金（新老搭配），留20%米在货币基金（待机会补仓用）。生活费有党每月发了。供参考！</t>
  </si>
  <si>
    <t xml:space="preserve">政治面貌指什么 </t>
  </si>
  <si>
    <t xml:space="preserve">    政治面貌是指一个人所参加的政党、政治团体；间接表明本人政治立场和政治观点。    政治面貌分为5类：党员、某一民主党派、团员、群众及无党派人士。</t>
  </si>
  <si>
    <t xml:space="preserve">为数码照相馆起个名字,主要面向学生和青少年,要求有个性,好记 </t>
  </si>
  <si>
    <t>藏韵阁</t>
  </si>
  <si>
    <t xml:space="preserve">请问普通电流表显示的是有功电流还是无功电流还是两者的矢量和？盼高? </t>
  </si>
  <si>
    <t>是有功电流，无功电流是不能测量的，因为电流表的原理就是做了功才会显示</t>
  </si>
  <si>
    <t xml:space="preserve">孕妇喝什么牌子的奶粉好啊?我想去买包奶粉,可是不知道喝什么牌子的 </t>
  </si>
  <si>
    <t>对于孕妇，我有一个建议，为了营养，我建议牛奶+酸奶+豆浆想结合的引用。奶粉有它的营养价值，但是从的角度来讲，我们成年人没必要在去刻意的喝奶粉，毕竟我们需要的营养和吸收方式和刚出生的婴儿不同。从营养学角度来看，各种牛奶的营养价值排位顺序是：鲜奶是金，酸奶是银，奶粉是铜，常温奶是铁。酸奶：人体最容易吸收的，营养价值也很高，每天一小盒营养足够，还可以补充体力。豆浆：早上喝最好，因为女人对豆类需求比男人高，毕竟丰胸的食品对以后催奶也是有好处的！鲜豆浆含有丰富的优质蛋白质及多种人体所需的微量元素，素有“绿色牛乳”之称，其营养价值与牛奶相近，蛋白质含量高达2.56%，比牛奶还要高，已超过奶的标准(2%)，并且豆浆中的蛋白为优质植物蛋白。 　　豆浆还富含钙、磷、铁等矿物质，铁的含量是牛奶的25倍；豆浆中不含胆固醇与乳糖，牛奶中含有乳糖，乳糖要在乳糖酶的作用下才能分解被人体吸收，但我国多数人缺乏乳糖酶，这也是很多人喝牛奶会腹泻的主要原因。 　　另外，豆浆中所含的丰富的不饱和脂肪酸、大豆皂甙、异黄酮、卵磷脂等几十种对人体有益的物质，具有降低人体胆固醇、防止高血压、冠心病、糖尿病等多种疾病的功效，还具有增强免疫、延缓肌体衰老的功能。 　　“一杯鲜豆浆，天天保健康”的生活观念为越来越多的人所接受，医科大学营养研究室廖教授对记者说，由于豆浆营养丰富，每天早上喝250~500毫升豆浆，配之以一块面包、馒头等主食，即可满足营养需要。牛奶：营养价值大家都清楚，但是反过来牛奶带来的过敏症状和一些反映也是不可忽视的。所以，不建议大量饮用，每天喝一点，坚持就可以了。。如果按包装来评价牛奶的营养价值，则屋型纸盒鲜奶100分，玻璃瓶和塑料袋装鲜奶90分，用原奶发酵的酸奶80分，强化型奶粉60分，用奶粉发酵的酸奶50分，常温奶40分。因为制作屋型纸盒鲜奶对原奶品质的要求最高，灌装无菌条件和保质效果也最好。玻璃瓶和塑料袋装的鲜奶，受避光和防透气不良等因素的影响而打分较低。另外，牛奶有极强的吸附气味的特点，如牛奶与葱放在一起，第二天牛奶就会有葱味。如果用塑料袋装牛奶，就难免有塑料味。由此可见，无论从哪方面来看，常温奶的营养价值都排在最后。</t>
  </si>
  <si>
    <t xml:space="preserve">圣骑士的一些问题!我想玩个圣骑士,人类好?还是矮人好?介绍一下圣 </t>
  </si>
  <si>
    <t>矮人:　石像形态：激活之后对中毒、疾病和流血效果免疫。装甲＋5％，移动速度降低到70％，持续20秒，2分钟冷却（主动技能） 　火枪专精 ：强化火枪技能，枪械技能＋5　冰霜抗性 ：提高对冰霜法术的抗性，冰抗＋10　寻找宝藏 ：激活之后在小地图上显示宝箱的位置，持续到取消为止，无冷却时间（主动技能)人类:感知：激活后增加侦测潜行的半径，持续20秒，2分钟冷却（主动技能） 　人类活力：提高精神属性，精神＋5％　外交：获得阵营点数额外奖励,派别点获取＋10％　剑术专精：强化剑类技能,剑和双手剑技能＋5 矮人比人类更硬一点。</t>
  </si>
  <si>
    <t xml:space="preserve">学什么技术好 </t>
  </si>
  <si>
    <t>好空泛啊 你都没说你的就业背景哎 你要不要追加一下问题。</t>
  </si>
  <si>
    <t xml:space="preserve">战争之人怎么把敌人尸体隐藏起来 </t>
  </si>
  <si>
    <t>以下转:选个士兵,记得储物箱内武器不要太满。点一下“手”符号背走藏在墙根.</t>
  </si>
  <si>
    <t xml:space="preserve">请问报考暨南大学2011年新闻考研的人数暨南大学新闻传播的研究生 </t>
  </si>
  <si>
    <t>本人很喜欢这个学校，查了些资料并根据自己的情况，最终还是选择其他的学校。我也是2012要考的。暨南的新闻传播还是很不错的，在广东本省内应该算是最强的，并且南方报业集团也是在广州。如果以后想在广州工作的话，考暨南的新闻传播是最好的选择。报的人还是蛮多的，她还有推免生，统考招进就相对减少。希望能为你提供一点参考。</t>
  </si>
  <si>
    <t xml:space="preserve">求解五年级数学题有六个数字，平均数为10.5，前四位平均数为11 </t>
  </si>
  <si>
    <t>176个数字总和:  10.5×6=63前4个数字总和:  11×4=44后3个数字总和:  12×3=36后2个数字总和=6个数总和-前4个数总和=63-44=19第四位数=后3个数总和-后2个数总和=36-19=17</t>
  </si>
  <si>
    <t xml:space="preserve">分类管理员究竟有什么权利 </t>
  </si>
  <si>
    <t xml:space="preserve">知识管理员是从“爱问知识人”中选拔出来的优秀网友，热心于维护爱问知识人的秩序和为大家服务。 问题到期后，如果提问人没有采纳正确答案，知识管理员将会代替提问人采纳一条正确答案，采纳后，系统仍然会将悬赏分和奖励分送给被采纳者；如果发现有问题放错了分类，知识管理员能够将问题转移到正确的分类中，以便问题得到更好的回答；如果在浏览时发现有不符合爱问知识人原则的回答或评论，能够直接予以删除；如果发现有特别有趣或者有价值的问题，知识管理员能够直接设置为推荐问题。 如果您在提交问题后觉得分类有误，可以发消息给问题所在分类的管理员，他会帮您将问题转移到正确分类，如果您发现有明显的违反《爱问知识人原则》的情况，可以在页面上进行投诉，也可以直接发消息给知识管理员，由他们与编辑联系并处理。 如果您愿意为广大网友奉献自己的热情，愿意为爱问知识人的发展付出力量，您可以下载《知识管理员申请表》，填写完整后发送到iask@ 。编辑将在3个工作日内对你的申请进行回复。 </t>
  </si>
  <si>
    <t xml:space="preserve">部队招收非现役公勤人员是怎么回事？ </t>
  </si>
  <si>
    <t>　　由于军队精简整编，大量减少了机关的公务员、炊事员、司机等公勤人员。但是这些工作还要有人来做。最近，总部出台了新的政策，可以从地方或退伍士兵当中招收非现役公勤人员。　　招收的范围是部队非战斗岗位的公务员（类似清洁工）、炊事员、司机等；　　招收的对象是地方人员、退伍士兵；　　招收的条件是高中以上文化、从事本专业二年以上，退伍军人有“自主择业证明”；　　待遇是招聘制，没有军籍，工资与现役士兵大体相当。</t>
  </si>
  <si>
    <t xml:space="preserve">英汉相比现代汉语在语音,词汇,语法方面有什么特点? </t>
  </si>
  <si>
    <t>汉语是分析性的语言，缺乏词类标志和词形变化，这就使现代汉语呈现出一系列的特点。（１分）⒈语序和虚词是表达语法意义的主要手段；（１分）⒉语法结构具有一致性；（0.5分）⒊词具有多功能性；（0.5分）⒋词语组合受语义、语境的制约；（0.5分）⒌量词、语气词十分丰富。（0.5分）音节界限分明、乐音较多，加上声调高低变化和语调的抑扬顿挫，因而具有音乐性强的特点。（２分）具体表现如下：⒈没有复辅音；（１分）⒉元音占优势；（0.5分）⒊有声调。（0.5分） 一般认为现代汉语有七大方言，（0.5分）分别是：北方方言、吴方言、湘方言、赣方言、客家方言、闽方言、粤方言（少一项扣0.5分）</t>
  </si>
  <si>
    <t xml:space="preserve">工资和福利费我们公司是一个小的私营企业,员工不到20人,我想问一 </t>
  </si>
  <si>
    <t>如果企业很小工资不计提也是可以的，也就是平时不用“应付工资”这个科目。一、工资发放时借   管理费用 --工资（应发工资）贷   应交税金-应交个人所得税（应发工资-1600）*个人所得税相应税率-速扣数贷   现金二、计提应付福利费根据应发工资*14%=职工福利费借  管理费用-福利费贷   应付福利费</t>
  </si>
  <si>
    <t xml:space="preserve">求哥德堡变奏曲谱子哪位大哥大姐能提供啊谢谢了 </t>
  </si>
  <si>
    <t>峰韵金玉您好!         我给你的这个网站里有30首哥德堡的变奏曲子.希望你能喜欢. 希望你能喜欢.</t>
  </si>
  <si>
    <t xml:space="preserve">最后一次怎么算一只蚂蚱养着光滑的墙壁往上爬，每次向上爬20厘米， </t>
  </si>
  <si>
    <t>没回只能蹦5厘米，最后它能蹦20厘米，假设他最后一次刚好达到墙顶，那么80-1=79,79*5+20=415，这是它最高跳的高度，也就是墙的最高度。假设是最后一次只跳一厘米，甚至0.1厘米也可能，那么79*5=395。也就是395&lt;h&lt;=415,(h为墙的高度）</t>
  </si>
  <si>
    <t xml:space="preserve">什么是大三阳什么是小三阳请问什么是大三阳小三阳，大三阳是什么意思 </t>
  </si>
  <si>
    <t>长沙163一样肝病专家：     首先要指出的是，大三阳和小三阳只是俗称，并非医学术语，也非病名。它是根据乙肝五项（俗称二对半）的结果来定义的：　　“大三阳”是指肝功能五项（二对半）指标中-表面抗原(HBsAg)、E-抗原(HBeAg)和核心抗体(HBcAb)三项指标检测为阳性。　　“小三阳"是指肝功五项指标(二对半)中表面抗原(HBsAg)、E-抗体(HBeAb)和核心抗体(HBcAb)三项指标阳性。　　特别提醒：无论“大三阳”还是“小三阳”，只是反映人体内携带病毒的状况，均不能反映肝脏功能的正常与否，因此不能用来判断病情的轻重。病毒的标志与患者的病情是不平行的，病情的轻重与肝功能的好坏一致。人们常说的某人“大三阳”、“小三阳”，是处于乙肝病毒携带状态，只是说他感染了乙肝病毒或是携带乙肝病毒，并不能说明这人就得了乙型肝炎，是乙肝病毒携带者而非患病者。</t>
  </si>
  <si>
    <t xml:space="preserve">电脑产地问题我5月份买了一台联想笔记本电脑，制造商{联想（北京） </t>
  </si>
  <si>
    <t>目前世界上大部分的品牌笔记本电脑都是江苏昆山工厂代工的，也就是委托加工，也叫贴牌。比如国外的戴尔、惠普，国内的联想、神州等。所以你的电脑产地是昆山是完全合理的。</t>
  </si>
  <si>
    <t xml:space="preserve">求文综试卷今年至今为止那些文综模拟试卷难度适中，比较适合现在中等 </t>
  </si>
  <si>
    <t>黄冈试题，北京四中试题。比较好的，接近高考试题的，不妨再网查查</t>
  </si>
  <si>
    <t xml:space="preserve">请问以435765开头的银行卡号是哪儿的什么银行？越详细越具体越? </t>
  </si>
  <si>
    <t>4字开头的银行卡，是VISA卡。没有查到问题中“以435765开头”的银行卡；但是有同样以4357开头的银行卡，深圳发展银行的欧尚联名信用卡就是以435744开头的（参见下图）：图片为什么无法上传？</t>
  </si>
  <si>
    <t xml:space="preserve">网络连接的本地连接上有个三角黄色！的图标台式电脑从路由器上分出来 </t>
  </si>
  <si>
    <t>网络连接受限：1、重启路由器，或拔掉网线，再插上试试！2、根据路由器的网段，指定同网段IP地址！你可以CMD---ipconfig /all将里面的最后几项：（如）IP Address. . . . . . . . . . . . :  Subnet Mask . . . . . . . . . . . :  Default Gateway . . . . . . . . . :  DNS Servers . . . . . . . . . . . :  右击小电脑（网上邻居）---状态--属性--TCP/IP--属性--点使用下面的IP地址，将上面的内容依次填入，确定即可！</t>
  </si>
  <si>
    <t xml:space="preserve">偷渡我认识个朋友,组织他人去韩国,但他只是个下家,就给蛇头提供了 </t>
  </si>
  <si>
    <t>这很明显是"组织他人偷越国境罪",蛇头是主犯,你的朋友属于从犯.按照&lt;&lt;刑法&gt;&gt;第381条应处2年以上7年以下有期徒刑,并处罚金.由于你的朋友是从犯,罪责相对较轻应该在2-7年之间</t>
  </si>
  <si>
    <t xml:space="preserve">为什么舌头无舌苔，并带有轻微腐烂舌头上的舌苔掉完了，并带有轻微的 </t>
  </si>
  <si>
    <t xml:space="preserve">应该是地图舌吧。“地图舌”又叫剥脱性舌炎、糠疹舌炎、游走性舌炎或花斑舌等。由于舌面出现剥蚀现象，看起来有些像地图，故称之为“地图舌”。其实，这是舌头表面组织在频繁地“更衣”。每个婴儿对“地图舌”的表现是不同的，有能明显看出的，也有完全看不出的。舌上出现小块“地图”在婴儿出生两三个月后就会有，一般2-4岁最常见。“地图舌”初发时是小范围剥脱，没有定形红斑，微微突起，界限清晰，剥脱范围会逐渐扩大，向周围蔓延。有时也可完全恢复正常，但也可能会复发。一般剥脱严重时，对吃刺激性的食物如辛辣食品会感到不适，有时还会有烧灼感。 专家介绍，出现“地图舌”的原因尚能肯定，可能与炎症、体质、变态反应、锌缺乏、肠寄生虫病等有关，因此，当父母发现宝宝有了“地图舌”时也不能轻视，需到接受医生的诊断，仔细寻找病因。经医生检查后，如无特殊病情，一般不需治疗。家庭护理要点 1、 保持口腔清洁，还可用凉白开水或盐水棉签，每日3—4次涂口腔。2、 不吃辛辣、煎炸食物。少吃零食。平时应多吃新鲜的蔬菜、水果以及富含蛋白质的食物，如鱼、肉、蛋、豆等。3、 如是微量元素缺乏引起的，可适当补充一些锌。目前的锌制剂很多，如硫酸锌、葡萄糖酸锌、蛋白锌、铁锌氨基酸等，可以选用一种。4、 可以补充复方维生素B，帮助舌粘膜修复。5、 如果伴胃肠功能紊乱，可吃些调节脾胃的中药。 </t>
  </si>
  <si>
    <t xml:space="preserve">请教下蜜蜂的问题我想了解一下关于蜜蜂各档次的价格请详细回答,谢谢 </t>
  </si>
  <si>
    <t>满D：敏40的90W，敏41的100W1D：看掉什么，价格为30W左右2D：20-25W左右3D：15W4D：5W5D：3-5W6D：1-2W7-8D：5Q9-19D：垃圾招牌扔了20D：珍藏版</t>
  </si>
  <si>
    <t xml:space="preserve">ORCVSUD如果前期UD靠狗来rush后期配合ZZ和胖子毁灭我 </t>
  </si>
  <si>
    <t>对于狗流的rush我前面已经说过了，至于胖子和毁灭的对付，我认为毁灭不难，只要利用蝙蝠看准时机自爆就可以了，也可以在还没出毁灭的时候用狼7网雕像，先克制一下。至于胖子，数量少的话可以用步兵+狼7打，如果数量多的话，可以考虑用科多吞掉几个，或者转出牛头。由于飞龙本身的脆弱，再加上后期高等级不死英雄强大的魔法，所以不推荐重点使用。当然，开矿也是很重要的。</t>
  </si>
  <si>
    <t xml:space="preserve">【米兰3号】赌分的请进莱万特vs皇马==0出31我给你100分出 </t>
  </si>
  <si>
    <t>0</t>
  </si>
  <si>
    <t xml:space="preserve">怎么才能得到生命宝石??我看到很多人在卖,不会都是用RMB向系统 </t>
  </si>
  <si>
    <t xml:space="preserve">你好 透过NPC的制作功能，将生命宝石材料制作成生命宝石。 在背包中使用生命宝石增加卓越Ｓ级＋１２武器之附加属性之攻击力属性。 　　生命宝石的材料有强力水晶、生命卷轴、手续费２００万金币。 　　透过制作的功能产生，产生生命宝石后使用，针对装备的种类增加各种属性。 生命宝石需要极光水晶1个 + 生命卷轴1个 + 金币 2,000,000 每件装备只能镶嵌三块生命宝石。（和钻石的使用方法一样） 武器镶嵌一块追加5点攻击力，就象D级武器+3攻击力的属性一样。 镶嵌的武器会以绿色文字显示在武器的D级属性上方。 比如D级攻击力+3的武器，镶嵌一块生命宝石后，属性显示为： 攻击力+5 D级属性：攻击力+3 装备是主页上是说每件+2.4.6点防御的.可是内测时是加1.2.3点的.所以具体没试过还不清楚. 武器可以肯定是加5.10.15点攻击力的! 现在清楚了.装备是加3.6.9防的. </t>
  </si>
  <si>
    <t xml:space="preserve">内外盘问题.还有被动买卖成交么?还是不大懂.成交量看哪个指标好呢 </t>
  </si>
  <si>
    <t xml:space="preserve">在技术分析系统中经常有“外盘”、“内盘”出现。委托以卖方成交的纳入“外盘”，委托以买方成交的纳入“内盘”。“外盘”和“内盘”相加为成交量。分析时，由于卖方成交的委托纳入外盘，如外盘很大意味着多数卖的价位都有人来接，显示买势强劲；而以买方成交的纳入内盘，如内盘过大，则意味着大多数的买入价都有人愿卖，显示卖方力量较大。如内盘和外盘大体相近，则买卖力量相当。 例如：深康佳股票行情揭示如下： 委买价 委托数量 委卖价 委托数量 25.07 27 25.17 562 由于买入委托价和卖出委托价此时无法撮合成交，深康佳此刻在等待成交，买与卖处于僵持状态。 这时，如果场内买盘较积极，突然报出一个买入25.17元的单子，则股票会在25.17元的价位成交，这笔成交被划入“外盘”。或者，这时如果场内抛盘较重，股价下跌至25.10元突然报出一个卖出价25.07元的单子，则股票会在25.07元的价位成交，这笔以买成交的单被划入"内盘"。 </t>
  </si>
  <si>
    <t xml:space="preserve">求高手指教···········VMware虚拟机的几点疑虑1. </t>
  </si>
  <si>
    <t>虚拟机的硬盘占用硬盘空间,大小在安装虚拟机时设定,一般文件名为(*.vmdk).虚拟机的系统中毒不会影响到你的真实系统,所以一般用来测试软件,甚至病毒。你可以在虚拟机中安装好系统后,做一个快照(虚拟机-快照-生成快照),以后只要还原到快照（虚拟机-快照-还原到快照）就行了。怎么把pc里的文件复制到虚拟机里:1、直接和鼠标拖动文件到虚拟机里。（虚拟机-设置-选项-客户机隔离-取消“禁止从此虚拟机拖放”前的√）2、共享文件夹。（虚拟机-设置-选项-共享文件夹-添加）3、网络传送。（虚拟机上一个QQ，PC上一个QQ，同时网上传送，或把文件发到邮箱，再在虚拟机上进邮箱收。）4、刻录光盘，让虚拟机访问光驱。（CD-ROM设备-连接-使用物理驱动器）</t>
  </si>
  <si>
    <t xml:space="preserve">小弟菜鸟请高手给个练什么的建议我喜欢全力的。武器我想练，弓或者小 </t>
  </si>
  <si>
    <t xml:space="preserve">弓100 火100 雷100   小刀的话 也和弓一样  只是 不学弓学小刀  小刀技能主要学 击倒  扎   和那个 连环技能  远程 有技能点的话学  没有 可以不学   火学炎刃  咒顿 火富体 火灵户体 和最下面  一个  都要学满  雷 学  奔雷和鬼影   雷天闪  和最下面一个    热乎国弓的话  学  退魔  连环  战神  和带火药的那个  和最下面一个技能要满  其余仅公参考     </t>
  </si>
  <si>
    <t xml:space="preserve">老婆不漂亮，怎么和朋友介绍她呀！也不算差，就是第一眼不是很好，又? </t>
  </si>
  <si>
    <t>看来你不是很爱你的老婆哦，但是呢又不能说不爱，要不然你也不会想把他介绍给你的朋友了。但是你的虚荣心太强了，虚荣心强不一定都是坏事，但是在一点上你必须要战胜你的虚荣心才行，因为你选择了她，也想把她介绍给你的朋友，证明你更想和你她过一辈子，所以战胜你的虚荣心，以一种平常的心态去介绍把你老婆介绍给朋友就好。你的朋友也不会去注意你的老婆是否很漂亮，对不对？相反要是你的老婆很漂亮你就不会产生危机感吗？（最后一句是开玩笑的）</t>
  </si>
  <si>
    <t xml:space="preserve">试驾车可以买吗？本地明锐4S店开业一个多月，最近搞车展，顺口问了 </t>
  </si>
  <si>
    <t>最大的便宜就是价钱便宜，牌照保险是有的，省了心。最大的弊就是：不明车况。试驾的人很多是生手，损车比较厉害，主要是可能曾经频繁熄火，离合器也可能经常在半联动状态。一个好处是，时间并不是很长，损坏不至于很严重。要买的话要找专家给看看。</t>
  </si>
  <si>
    <t xml:space="preserve">哭求帐号一个，哪位好心人给我一个啊，感激不尽！～～～哭求帐号一个 </t>
  </si>
  <si>
    <t>actest1800yteron肯定能上！不过不到2分钟就得别踢！</t>
  </si>
  <si>
    <t xml:space="preserve">卡西欧的手表在香港买能便宜多少？ </t>
  </si>
  <si>
    <t>一定比你在大?買的便宜。看你買的?r格是多少了？我上次買一??阿迪達斯只有200元，是正宗的。</t>
  </si>
  <si>
    <t xml:space="preserve">现在还有人买G吗上班族，不买G实在耗不起时间了。现在一身绿，连小 </t>
  </si>
  <si>
    <t>不用担心万一买到黑G 因为所有卖G的都是黑G 买的几乎100%是黑G谁会辛辛苦苦的打钱去卖 有那时间还不如上班挣钱呢 亏死了 当然不排除有这种2人 另外如果你买的数额巨大 网易肯定会查到 然后你就悲剧了 但是如果分批分拨的买就没事 网易员工也是人 不可能每个玩家的每封邮件每笔交易都查 累死他 只能是找一些交易数量大的去检查 这样他查的即省事 同时也能显现出他的工作量 好向领导交差 所以你今天买个1000明天买个2000的就没问题 因为那么多卖点卡都是2500-3000的 每天那么多卖点卡的都没被封 你交易量比他们还少查不到你身上最后 不支持买卖G 那等于支持了盗号的生意 让他们更猖狂 如果所有人都不买G 盗号情况就没有生意了 也没人盗号了</t>
  </si>
  <si>
    <t xml:space="preserve">足彩思想家:大家看中央1台,非常棒. </t>
  </si>
  <si>
    <t>准备开打了，在做动员。</t>
  </si>
  <si>
    <t xml:space="preserve">电脑常死机怎办电脑经常死机. </t>
  </si>
  <si>
    <t>原来卡、死机或反应慢吗？死机或反应慢前你都做了什么操做？下载了什么插件或补丁？升级了硬件了吗？（如果卡前下载了软件或打了补丁全部卸载试试）请详细的说说行吗？如果有问题请追问我。简单的方法先软后硬，下载Win清理助手查杀木马，还原系统或重装，还是不行在查是不是硬件问题引起的。1、杀毒软件安装多，并且全部打开监控，少开监控或不开监控，经常查杀病毒就是了。2、软件或驱动与系统不兼容，重装或升级驱动。3、系统问题或有木马，查杀一下木马还原一下系统或重装（下载Win清理助手查杀木马）。4、内存、显卡，另外电压不稳也可以引起死机故障的发生（如果内存太小，加内存条）。5、一般常见的CPU或显卡等硬件温度过高最容易引起卡和死机。6、硬盘有坏道，用软件修复硬盘坏道，格式化硬盘重新分区重装，换硬盘。7、升级硬件引起不兼容死机。8、垃圾文件太多、磁盘碎片太多等。9、如果总是不行，建议检修一下去。使用系统自带的系统还原的方法：系统自带的系统还原：“开始”/“程序”/“附件”/“系统工具”/“系统还原”，点选“恢复我的计算机到一个较早的时间”，按下一步，你会看到日期页面有深色的日期，那就是还原点，你选择后，点击下一步还原（Win7还原系统，在控制面板然后设备和安全子选项然后备份和还原子选项）。</t>
  </si>
  <si>
    <t xml:space="preserve">厂房顶钢架外框是等腰三角形，AB=AC，立柱AD垂直BC,且顶角? </t>
  </si>
  <si>
    <t>这个是小学问题了,角B=角C=40度,角CAD=50度因为三角形内角是180度等腰三角形经过顶点的高与角平分线共线</t>
  </si>
  <si>
    <t xml:space="preserve">从后面插进阴道,对女人有害么?老公曾经从我后面插过我,感觉没有正 </t>
  </si>
  <si>
    <t>呵呵，可能是你还不习惯的原因吧，我以前有过这样的感觉，男朋友从后面插进去时总觉得有点痛，习惯就好了，现在我们都还经常喜欢这样来做，跟前面进的感觉不一样，比较刺激一点，感觉还是蛮舒服的哦希望你跟你老公在经过慢慢的体会实践中，找到性福的源泉~~~</t>
  </si>
  <si>
    <t xml:space="preserve">我家的门与地板都是仿红木颜色,请问用什么样的墙纸为好我家的门与地 </t>
  </si>
  <si>
    <t>朋友你好!    米黄,温馨不失清新,    浅蓝,宁静不失高雅,    淡粉,鲜艳不失浪漫    淡紫,庄重不失高贵.    .......</t>
  </si>
  <si>
    <t xml:space="preserve">急！！！小区内，开发商布的自来水管漏水，是谁负责！！前天刚换了个 </t>
  </si>
  <si>
    <t>这个应该找物业上的因为物业费是交给他们的，有什么问题他们肯定要负责解决</t>
  </si>
  <si>
    <t xml:space="preserve">请问用盗贼能偷到海神的破龙装和神器的吗?有人试过偷到吗? </t>
  </si>
  <si>
    <t>没去试过...只看见偷海神可能偷到三头龙戟...盗贼一般都是当作小号来练的话,90级差不多就够了..好象很少有人会把他练很高吧...这样的话砍海的小偷就不多了...但是理论上不能排除这种可能..我永远也忘不了,当初一片断言49蛋偷不到的时候,有人成功偷到了它..(49蛋还是丢地消失的特殊道具呢,照样有人偷到了哈)</t>
  </si>
  <si>
    <t xml:space="preserve">冲水马桶是在哪一年被发明的？ </t>
  </si>
  <si>
    <t xml:space="preserve">  英国诗人约翰·哈林顿于１５９７年发明了现在我们常见的、使用冲水马桶的ＷＣ。设计中包括一个蓄水池、一个储水箱和一个启动冲水系统的把手。这项发明对人类卫生文化的贡献是巨大的，在霍乱流行时期有效避免了瘟疫的大面积传播。这种被称为“ＡＪＡＸ”的发明被安装在了伊丽莎白一世位于里士满的皇宫内。但由于缺少排水系统，这项发明并未商业化。两个多世纪后，普通百姓才开始享受到这一发明。１７７５年，哈林顿的发明被亚历山大·卡明斯改进。１７７８年，塞缪尔·普罗瑟又为冲水马桶安装了球形阀门。 １９世纪，冲水马桶已在整个欧洲广泛使用。第一代马桶以其精美而繁琐的装饰而著称。到了１８８３年，托马斯·图里费德让陶瓷质地的冲水马桶实现了市场化，成为使用最广的卫生用具。当时，马桶甚至也变成了像高级餐具一样的物品，其外观越来越奢华。一直到了２０世纪这种趋势才被人们彻底摒弃，工业的发展更加趋向于对马桶工艺的改进。现在的冲水马桶已经变成了一件集巧妙设计、高科技和艺术造型于一身的物品</t>
  </si>
  <si>
    <t xml:space="preserve">我是今年参加文科高考的女生，平常看到男生就紧张害怕，成绩就不能很? </t>
  </si>
  <si>
    <t>考试有适度的焦虑是好事，适度紧张有利于提高大脑的兴奋度，发挥出正常水平。调节紧张的心理有三种常用的方法：（1）做深呼吸，尽量用小腹呼吸，速度要慢，而且要均匀，反复几次可以缓解紧张的心理。（2）肌肉放松法，用力攥拳头，然后慢慢释放，做几次很有效。（3）可以想想美丽的自然景色，大海、白云、蓝天等。</t>
  </si>
  <si>
    <t xml:space="preserve">为什么我刚才写的文章不见了??我刚才写的文章点发表后既没发表,草 </t>
  </si>
  <si>
    <t>你好：你可以到草稿箱里找找看，如果草稿箱内没有这篇文章，那就只好辛苦再重新写了！建议：今后写文章最好是在你的电脑桌面建一个文本文档，在文本文档中写完，再复制粘贴到博客的文章编辑框里发表就行，这样就可避免网络出现临时性问题时造成不必要的损失。怎样找到存入草稿箱的文章:如果对没有写完的日志需要将之暂时保存该日在进行编辑，    可以将没有写完的文章存储到“草稿箱”，需要时将文章再提取出来发表。登录新浪博客，输入“登录名”“密码”和“验证码”后点击“登录”。进入首页右上方的“管理博客”。进入“BLOG文章管理”。进入“草稿箱”。找到文章草稿可以对它进行编辑或发表。</t>
  </si>
  <si>
    <t xml:space="preserve">平安智富人生终身寿险(万能型,A,2004)与平安智富人生终身寿? </t>
  </si>
  <si>
    <t xml:space="preserve">建议以购买B款为好。A款和B款的区别 最低保额限制 身故保险金 危险保额 部分领取对保额的影响 追加保费对保额的影响 A款  年应交期交保费的5倍  身故当时保单价值的105%与身故当时基本保险金额二者较大者  基本保额-保单价值或保单价值乘以5%  保单价值和基本保额等额减少  基本保额按照追加保险金额等额增加 B款  年应交期交保费的2倍  身故当时保单价值 + 身故当时基本保险金额  等于基本保额  保单价值减少，基本保额不变  基本保险金额不变 </t>
  </si>
  <si>
    <t xml:space="preserve">此时的坚持，是为了下班时的喜悦！ </t>
  </si>
  <si>
    <t>工作是美丽的,奋斗是艰苦的，下班是快乐的，健康是幸福的.....</t>
  </si>
  <si>
    <t xml:space="preserve">专升本必须要英语等级证和计算机等级证吗？ </t>
  </si>
  <si>
    <t>不一定的！首先要看你所报的专业，其次要看你所报的学校的要求。祝金榜题名！</t>
  </si>
  <si>
    <t xml:space="preserve">高中化学将0.2mol/LNaA溶液和0.1mol/L盐酸等体积 </t>
  </si>
  <si>
    <t>答案为：D,NaA浓度是盐酸的2倍，等体积混和时有一半NaA没反应，一半的NaA反应生成的HA部分电离，c(A^-)&gt;0.1mol/L,c(HA)&lt;0.1mol/L,故A正确。反应的那一半为0.1mol/L,故c(HA)+c(A^-)=0.1mol/L,B也正确。根据正负电荷守恒C正确。弱酸强碱盐水解显碱性（pH&gt;7)，但钠盐溶解，应该是有多少钠离子就有多少A^-离子，与参不参与反应无关，所以c(Na^+)=c(A^-),故D错。</t>
  </si>
  <si>
    <t xml:space="preserve">【亮单半全场】给点力全部顶红 </t>
  </si>
  <si>
    <t>国米或许会出问题</t>
  </si>
  <si>
    <t xml:space="preserve">请教一个关于计算机图片的问题！宿舍没摄像头我买了单子去网吧拍了照 </t>
  </si>
  <si>
    <t>告诉你个简单的方法，传图片直接下载一个360浏览器或者傲游浏览器就可以直接截图了，至于你说的我也不打懂！我传图直接截图的，因为用QQ有时传不上，试试看吧</t>
  </si>
  <si>
    <t xml:space="preserve">请问清泉老师:000539,600000明天应如何操作 </t>
  </si>
  <si>
    <t>000539,补仓等反弹.600000 放量不正常,反弹后换股.</t>
  </si>
  <si>
    <t xml:space="preserve">道具服雪塔41层会不会刷1级的魔法师之鬼啊？迷惑中……41层雪塔 </t>
  </si>
  <si>
    <t xml:space="preserve">答案是更定的,时长都会有的东西,道具怎么会没 ~?那张卡看上去是2及的普卡,实际是6及,盟约没有高级的话,你就很难抓到1的`,就算被你看见也很那封进.,不过野生的很好抓,.. 这点是为什么,我也很迷惑.在41楼,该宠是与BOSS,混合出的,遇到BOSS不一定会有1及的出现,所以楼主,如果盟约在6及的话,不妨去抓抓,遇到BOSS千万别跑.抓到之后,马上逃跑或者登出,以免受伤... </t>
  </si>
  <si>
    <t xml:space="preserve">怎么入洞啊是哈本下面的洞 </t>
  </si>
  <si>
    <t>你必须是公会的会员，让你们会长领几个会员就可以去</t>
  </si>
  <si>
    <t xml:space="preserve">马上期末考了，考前要注意什么 </t>
  </si>
  <si>
    <t>1、不妨给自己定一些时间限制。连续长时间的学习很容易使自己产生厌烦情绪，这时可以把功课分成若干个部分，把每一部分限定时间，例如一小时内完成这份练习、八点以前做完那份测试等等，这样不仅有助于提高效率，还不会产生疲劳感。如果可能的话，逐步缩短所用的时间，不久你就会发现，以前一小时都完不成的作业，现在四十分钟就完成了。2、不要在学习的同时干其他事或想其他事。一心不能二用的道理谁都明白，可还是有许多同学在边学习边听音乐。或许你会说听音乐是放松神经的好办法，那么你尽可以专心的学习一小时后全身放松地听一刻钟音乐，这样比带着耳机做功课的效果好多了。3、不要整个晚上都复习同一门功课。我以前也曾经常用一个晚上来看数学或物理，实践证明，这样做非但容易疲劳，而且效果也很差。后来我在每晚安排复习两三门功课，情况要好多了。有些辅导机构会在考前有相应的讲座比如精锐，你可以去看看。</t>
  </si>
  <si>
    <t xml:space="preserve">我机器能否特效全开?请问这配置能否特效全开呢!?显卡:GeFor </t>
  </si>
  <si>
    <t xml:space="preserve"> 自己检测下不就知道了~~</t>
  </si>
  <si>
    <t xml:space="preserve">蝴蝶效应”是什么？ </t>
  </si>
  <si>
    <t>谓蝴蝶效应？先从美国麻省理工学院气象学家洛伦兹（Lorenz）的发现谈起。为了预报天气，他用计算机求解仿真地球大气的13个方程式。为了更细致地考察结果，他把一个中间解取出，提高精度再送回。而当他喝了杯咖啡以后回来再看时竟大吃一惊：本来很小的差异，结果却偏离了十万八千里！计算机没有毛病，于是，洛伦兹（Lorenz）认定，他发现了新的现象：“对初始值的极端不稳定性”，即：“混沌 ”，又称“蝴蝶效应”，亚洲蝴蝶拍拍翅膀，将使美洲几个月后出现比狂风还厉害的龙卷风！ 这个发现非同小可，以致科学家都不理解，几家科学杂志也都拒登他的文章，认为“违背常理”：相近的初值代入确定的方程，结果也应相近才对，怎幺能大大远离呢。desperate 的理解可能放在整体上，可是蝴蝶效应说的就是“一件事”对结果的影响，就象只改动了一点数据计算的结果都会相差十万八千里。“蝴蝶效应”之所以令人着迷、令人激动、发人深省，不但在于其大胆的想象力和迷人的美学色彩，更在于其深刻的科学内涵和内在的哲学魅力。而恰好就是这一点让人很难理解。</t>
  </si>
  <si>
    <t xml:space="preserve">怀孕6个月胎盘Ⅱ级我怀孕６个月多几天，去医院做Ｂ超检查，超声诊断 </t>
  </si>
  <si>
    <t>只有检查胎儿发育是正常的就没问题,胎盘级别为2级_3级都是成熟的,所以不用担心.6个月本来也基本成熟,2度是正常的.很多6个月的早产儿都养活了。</t>
  </si>
  <si>
    <t xml:space="preserve">感到生活没有意义,我该怎么办?怎么从这样的情绪走出来?任何事物都 </t>
  </si>
  <si>
    <t>不知你现在是在哪个阶段有的这种想法，是已经事业有成以后的空虚，还是事业彻底失败或是经受某种打击后的绝望。但是我估计每个人都会有过这种心理经历，无论他当时所处的环境是好还是坏。我也有过。其实也不知道自己当时是怎么走过来的，只知道不管怎样，生活还是要继续的。每个人在这个社会里是要有一定的角色和作用的，有时候一个人不只为自己活着，还要为父母，为自己的爱人和孩子或是朋友活着，他们都在依靠你同时被你依靠着，不只在物质更重要的还在精神上的互相依靠。这个世界有时是需要静下来好好想一下的，过去现在和将来。你可以找个时间，去陪一陪自己的父母，想一想自己的责任；或是请个假，出去散散心；或是发展点自己以前就有的某种爱好（每个人总得有点爱好的，这是我工作以来的心得。）；或是制定一个锻炼身体的计划，有计划地增强一下体质。总之，找到自己的位置，找到自己的责任和爱好。多找些事干吧，当你每天的时间是以小时或是分钟来计的话，你就不会有现在的这种想法了。</t>
  </si>
  <si>
    <t xml:space="preserve">在酒店卫生间中放杂物的工作间用英语怎么说? </t>
  </si>
  <si>
    <t>janitor's room 或者 storage.</t>
  </si>
  <si>
    <t xml:space="preserve">哪个口袋怪兽刚开始有犬犬选的告诉我啊？ </t>
  </si>
  <si>
    <t>没有吖.都是水,火,草,三种属性的魔怪.暂时没用犬类的</t>
  </si>
  <si>
    <t xml:space="preserve">大家来说说疼和痒的区别吧，用自己的话描述一下疼是怎样的，痒又是怎? </t>
  </si>
  <si>
    <t>疼是对身体神经造成强烈刺激，使之产生疼痛，痒是产生微刺激。</t>
  </si>
  <si>
    <t xml:space="preserve">关于双刀合成瑟鲁基之剑+瑟鲁基之剑的合成材料和地点，谢谢 </t>
  </si>
  <si>
    <t>就是在亚丁铁匠铺的铁匠那里合，需要两把瑟鲁基之剑和49个纯石（净化石）</t>
  </si>
  <si>
    <t xml:space="preserve">谁有当当网钻石VIP和卓越网SVIP啊？谁有当当网钻石VIP帐号 </t>
  </si>
  <si>
    <t>你可以到TB上找信誉好的，有代下的我当当只是黄金会员。卓越也是一般的VIP，嘿嘿，还在努力中</t>
  </si>
  <si>
    <t xml:space="preserve">我有鱼尾纹，请问注射抗衰老要多少钱？急急急 </t>
  </si>
  <si>
    <t>这个价钱要根据自己选择的方法了，如果是去美容院做手术或者打针，恐怕价格要好几千，甚至会上万，如果用土豆片贴脸的话，只有几块钱而已。如果是注射除皱，那么费用会相对贵一点了，正规的整形医院大概在4～11万都有。楼主你好 一般是整形医院才有资质做注射除皱，等级越高的整形医院做的费用会越高，如果你想要效果好一点，建议你到三级整形医院。地方不同价格就不同啊 我在北京做的注射去鱼尾纹 3次就花了18004，但是效果确实不错。你好，如果是正规的整形医院，注射除皱的费用大概在2-9万。</t>
  </si>
  <si>
    <t xml:space="preserve">【单子不大，胆子不小】－－－昱熹任九实买单；单子不大－－－－您可 </t>
  </si>
  <si>
    <t>波尔图3必死。矿 工3也活不成。</t>
  </si>
  <si>
    <t xml:space="preserve">宝宝不便便我的宝宝8月28日就满四个月了,一直是母乳喂养,从上个 </t>
  </si>
  <si>
    <t xml:space="preserve">　　通常３天以上不排便时称之为便秘。但是排便的次数或硬度有很大的个人差异，因此３天或４天不排便，只要精神好，食欲正常，就不必担心。不可用开塞露，有依赖性，偶尔可用肥皂头擦拭。 护理 　　１、婴儿的便秘喂以天然果汁、蔬菜汤，或逐渐的增加断奶食物都很有效果。 　　２、做日光浴，经常在户外、活动，入浴时进行腹部按摩都很有效果。 　　３、如果是婴儿，仅只用纸捻儿刺激肛门，就可产生便意。用柔软的纸，取１０厘米的长度，可以做成比较粗的纸捻儿。抹端沾上橄榄油或菜油，插入肛门３厘米。这时让婴儿仰挝，把腿抬高，臀部下方铺上尿布即可。 　　每日按时让孩子大便，以养成按时排便的习惯。这些方面全做到了，却仍然不能解决便秘问题，不妨可作两种粥，让孩子食用，看其效果如何。　　 　　香蕉冰糖粥：取香蕉3条约300克，糯米100克，冰糖100克。将糯米淘洗净，香蕉去皮，切段，两者加适量水煮成稀粥，再加入冰糖化开，让孩子经常食用，可起到润便，补虚的作用。　 　　红薯粥：取红薯500克，大米200克，少量白糖。将红薯洗净切块，与大米一起置锅内，加适量水煮成稠状烂粥，加入白糖，早晚让小儿温热食用，因为冷后再吃易引起胃部泛酸。常吃可起到健脾益胃、通大便的作用。 　　祝宝宝健康～～～～～～ </t>
  </si>
  <si>
    <t xml:space="preserve">美国网站会限制网民的言论自由吗？（当然不能是杀人放火之类的） </t>
  </si>
  <si>
    <t>互联网的作用就在于加强交流，交流肯定是全方位的。只有我们才把由别人发明的屏蔽功能和过滤功能在我们的土地上发挥到了极至。这是发明者没有想到的。</t>
  </si>
  <si>
    <t xml:space="preserve">26.腹痛，便脓血，赤白相兼，舌红、苔黄腻，属（方）之主治；腹痛? </t>
  </si>
  <si>
    <t>芍药汤白头翁汤</t>
  </si>
  <si>
    <t xml:space="preserve">网页上出现错误在淘宝网买东西，点立刻购买，出现网页错误。内容如图 </t>
  </si>
  <si>
    <t>可能是系统垃圾文件太多导致的，主要是上网产生的垃圾文件，清理下就好了。 打开一个网页，点击“工具”菜单/Internet选项/在“常规”标签下点击“删除cookies（I）”，“删除文件”弹出窗口，点击“确定”（包括脱机文件）。建议下载超级兔子清理系统垃圾（全选），三分钟就能清理完毕,然后在清理一下注册表的垃圾文件。下载网址： 如果故障依旧，请修复一下系统试试1、开机按F8进入安全模式后在退出，选重启或关机在开机，就可以进入正常模式（修复注册表）。 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在BIOS中设置光驱为第一启动设备插入原装系统安装盘按R键选择“修复安装”即可。5、如果故障依旧，建议重装。如果实在不行，建议选择修复安装，这样即修复了系统，又可使C盘的程序和文件不受损失。如果是IE损坏，请下载超级兔子在她的选项中有重装IE，建议重装IE。下载地址： 还不行给客服打电话咨询</t>
  </si>
  <si>
    <t xml:space="preserve">跪求游素兰旧版的倾国怨伶额，全集的啊，谢谢啦，本人邮箱.由于时间 </t>
  </si>
  <si>
    <t xml:space="preserve">我真心爱上了一个男孩，但是他对我的爱已成为过去~！这一次我是真的 </t>
  </si>
  <si>
    <t>有时候 人对爱情太认真 得到的会是反效果 既然你心里的话 告诉了他 那就没有什么好顾及的 你还是你自己 你还要生活下去 女人不是一辈子都要靠男人生活的 说不定哪一天 他会回来找你的 他觉得还是你对他好~</t>
  </si>
  <si>
    <t xml:space="preserve">双击文件夹打不开是怎么回事？无论什么文件夹，包括本地磁盘和回收站 </t>
  </si>
  <si>
    <t>首先检查一下你的速度设置的是否合适，在控制面板中打开鼠标设置,把双击速度调慢点,再点应用确定即可。可能是文件关联问题，将其改回即可。打开我的电脑/工具/文件夹选项/文件夹类型/在已注册的文件夹类型的下拉列表，找到打不开的文件夹并选中它，单击下面的“高级”按钮，在打开的对话框的右侧单击“新建”按钮，在打开的对话框的“操作”下输入“explorer”，在“用于执行的应有程序”中输入“explorer.exe”,确定返回上级窗口，再将“explorer”设为默认值即可。如果是文件关联问题，下载一个“sreng2”软件，修复即可。   解压后使用，打开软件，点击“系统修复”/文件关联/全选/修复/刷新或者重启电脑。 如果故障依旧，建议先查杀一下木马，修复一下系统试试。建议你下载恶意软件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如果正常模式恢复失败，请开机按F8进入到安全模式中使用系统还原）。 4、如果故障依旧，使用系统盘修复，打开命令提示符输入SFC /SCANNOW 回车（SFC和/之间有一个空格），插入原装系统盘修复系统，系统会自动对比修复的。 5、如果故障依旧，在BIOS中设置光驱为第一启动设备插入系统安装盘按R键选择“修复安装”即可。6、如果故障依旧，建议重装操作系统。双击磁盘打不卡可能中了U盘病毒可能中了U盘病毒，建议用下面的软件进行查杀：USBKiller 2.2正式破解版USBKiller（原Auto病毒专杀）软件简介：  USBKiller是一款专业预防及查杀U盘、移动硬盘病毒、Auto病毒的工具，具有以下特点：  1.独创SuperClean高效强力杀毒引擎,查杀auto.exe、AV终结者、rising等上百种顽固U盘病毒,保证95%以上查杀率  2.国内首创对电脑实行主动防御，自动检测清除插入U盘内的病毒，杜绝病毒通过U盘感染电脑  3.免疫功能可以让你制作自己的防毒U盘  4.解除U盘锁定状态，解决拔出时无法停止设备的问题  5.进程管理让你迅速辨别并终止系统中的可疑程序  6.完美解决双击无法打开磁盘的问题  7.兼容其它杀毒软件，可配合使用下载网址： 如果没有清理干净，可按下面方法做：如果“ f”文件夹是在D盘，操作如下：“开始”/“运行”，输入“CMD”，打开命令提示符窗口，在命令提示符窗口中输入命令： 1、输入D: 然后回车 2、输入rmdir /s  f 然后回车 3、当出现提示时，按“Y”，并回车 (其他盘符也可按照此方法做)</t>
  </si>
  <si>
    <t xml:space="preserve">电话怎分类好象移动,固定,联通,铁通之类的,到底都是些什么,又有 </t>
  </si>
  <si>
    <t>1998年以前，搞通信的公司有：电信、联通、吉通、卫通、铁通。98年后，电信拆分为电信、移动。同时，把电信的寻呼业务送给了联通。2001年，国家开始洗牌玩了。1. 把电信分为南电信（现在的中国电信，主营固定电话和宽带，后有小灵通）和北电信（现在的中国网通，同时把吉通并入中国网通，和中国电信一样的主营业务），形成南北对峙的局面，好像军阀割据一样。2. 移动、联通同时经营移动业务，联通可以经营宽带，但是，移动不可以。3. 南电信、北电信为了扩充地盘，在对方的区域也开始开展业务。形成了全国都有的局面。4. 因此，目前通信市场，四大天王是：中国移动（一年净赚400亿啊，全世界移动业最牛的，当然是第一）、中国网通（虽然不怎么样，但是，听说有后台，因此，是老二）；中国电信（垂死挣扎啊～～）、中国联通（好落在他们手里，唉，委屈了C网呀，G网也不会搞）。  5. 铁通、卫通还在下面，是小弟弟，这两个小不点，虽然营业额不大（还不到亿，属于千万级的地市级公司），但是，经常搞什么“不要钱也装电话”，对广大市民带来了好处，狠狠地打击了电信、网通等的电话价格，是国资委安排的“搅局”公司，对平衡市场价格、打破垄断有好处。</t>
  </si>
  <si>
    <t xml:space="preserve">什么时候放张翰郑爽背后的故事 </t>
  </si>
  <si>
    <t xml:space="preserve">还没放，问过导演说要到年后，正在排时间 </t>
  </si>
  <si>
    <t xml:space="preserve">经济类什么是同业拆借啊？ </t>
  </si>
  <si>
    <t>同业拆借是指金融机构(主要是商业银行)之间为了调剂资金余缺，利用资金融通过程的时间差、空间差、行际差来调剂资金而进行的短期借贷。我国金融机构间同业拆借是由中国人民银行统一负责管理、组织、监督和稽核。金融机构用于拆出的资金只限于交足准备金、留足5%备付金、归还人民银行到期贷款之后的闲置资金，拆入的资金只能用于弥补票据清算、先支后收等临时性资金周转的需要。严禁非金融机构和个人参与同业拆借活动。</t>
  </si>
  <si>
    <t xml:space="preserve">20的人类盗贼准备转宝藏，应该怎么练？如题 </t>
  </si>
  <si>
    <t>新人买把70W的弓（精灵或者黑暗精灵弓）在悲哀做骷髅任务打钱要赚250W左右，骷髅蓝了就去古镇杀守卫降级到20.9的样子赚够钱后，买刺猬套或者火蜥蜴套，突刺有钱的话米匕首，这时你应该在24左右有多的钱买一套精灵首饰（最好要买）先去废弃的兵营杀到26或者更高点，再从古村去遗忘神殿，一直在那混到34或者更高，觉得没经验了就换到克鲁玛之塔一直到40转职如果是新人有打钱过程，SP永远有多，尽情的学所有技能吧小号的话只学匕首系，不学弓，和其他被动（不急着学开锁，特技精通，和那个加肺活量的）必学的是，精通轻装，精通匕首，移动加速，致命威力，致命几率，致命爆破，其他在SP充裕的条件下学</t>
  </si>
  <si>
    <t xml:space="preserve">现在这游戏能玩吗?我下载了不能玩?有谁知道?谢谢这游戏现在能不能 </t>
  </si>
  <si>
    <t>不能玩　　现在是全国哀悼日　　到２１号０：００才能玩网络游戏～</t>
  </si>
  <si>
    <t xml:space="preserve">黑色固体有哪些?有哪些固体物质是黑色的?又有哪些是黄色的?有哪些 </t>
  </si>
  <si>
    <t>CuO,MnO2,C,FeO,Fe3O4，KMnO4是黑的 ,Na2O2,S，AgBr,AgI是黄色的固体 ,3价铁的溶液 如：FeCl3是黄色的溶液 ,Br2水是橙黄色的,I2水是深黄色的。</t>
  </si>
  <si>
    <t xml:space="preserve">微单,求推荐 </t>
  </si>
  <si>
    <t>还是推荐索尼奶昔5R。。。。</t>
  </si>
  <si>
    <t xml:space="preserve">对爱问大师推荐的一点建议。。。。。。不想多说废话。。。。。。建议 </t>
  </si>
  <si>
    <t>搞那么麻烦，澳盘本来就正向反向都说的通，细节决定成败，如果自己都没有心水，还买啥彩票~~</t>
  </si>
  <si>
    <t xml:space="preserve">CPB那个赋弹塑颜精华液好用吗？我想试试，说实话价钱有点贵所以怕? </t>
  </si>
  <si>
    <t>我和我妈都用呢，我用主要是它的保湿度很好很滋润，我妈用就是紧致皮肤抵制细纹的，总之综合起来值这个价钱。</t>
  </si>
  <si>
    <t xml:space="preserve">曼　联拜　仁皇　马胆！！！ </t>
  </si>
  <si>
    <t>皇马加个1好点。</t>
  </si>
  <si>
    <t xml:space="preserve">老鼠有被吓死的可能吗今天我把我家鼠笼放到地上，让狗闻闻，谁知不一 </t>
  </si>
  <si>
    <t>老鼠有被吓死的可能。但你的这只老鼠是死是活不能确定。</t>
  </si>
  <si>
    <t xml:space="preserve">琪琪宝贝画板跟聪宝宝画板哪个好 </t>
  </si>
  <si>
    <t>聪宝宝得比较好</t>
  </si>
  <si>
    <t xml:space="preserve">什么样的软件可以知道联系手机用户的所在地 </t>
  </si>
  <si>
    <t>你可以去google搜索该手机号码，搜索结果里面就会有手机归属地查询选项。</t>
  </si>
  <si>
    <t xml:space="preserve">请问学校附近或者学校里面哪里有得买邮票？？哪里可以寄信件？ </t>
  </si>
  <si>
    <t>邮票就在新华书店有卖，寄出去的话也在新华书店寄出去吧，有些是可以寄出去的文体店里面肯定有的，至于寄信件就要到有邮筒或邮箱的地方啦。</t>
  </si>
  <si>
    <t xml:space="preserve">windowsxpWINDOWSXP的最低硬件要求？ </t>
  </si>
  <si>
    <t>不过如果说你刚刚达到上面的要求，也建议你不要用XP，那种感觉是在折磨人，慢得如同老牛拉破车。我按照我平时的经验给你一个推荐配置，PIII1G以上CPU，最好是P4的，256M以上内存，最好是512M或1G的，跑起XP就叫一个爽，准备安装XP的分区建议你分配10G，否则你可能会象我以前那样被C盘空间弄得头疼。</t>
  </si>
  <si>
    <t xml:space="preserve">挺实在的一个问题请问同级别的普通怪和精英怪的能力如果按照级别来比 </t>
  </si>
  <si>
    <t>一般精英相当于高5级左右的怪，攻防血都差不多。但是boss就要比一般的怪高很多，10级都不只，主要是血多。但是到了高级副本就不一样了，MC的一个61级小怪足以灭掉一个2，30人的60级新手团，比其他副本的BOSS还厉害，不但血多，攻也高的变态。</t>
  </si>
  <si>
    <t xml:space="preserve">山东专业看血液病较好的医院是哪家呢？济南血液病医院好吗？ </t>
  </si>
  <si>
    <t>挺好的，这家医院设施环境都还不错，看病的人很多。</t>
  </si>
  <si>
    <t xml:space="preserve">伟嘉广告视频里的那只猫咪是什么品种啊？喜欢，想养一只！我问我爸， </t>
  </si>
  <si>
    <t>你爸爸说的是俗称，虎斑不是个分类，它只是对花纹的一种形容。很多品种的猫都有虎斑，如果都叫虎斑猫，那不是乱套啦。这只猫确实是美国短毛，你同学没说错。我唯一没弄清的是它和伟嘉包装上的猫咪是不是同一只。没记错的话伟嘉用过好多只猫咪做模特呢~有时候可能还从猫友俱乐部征小演员哦。题外话，伟嘉猫粮的视频广告一直拍的很不错哒</t>
  </si>
  <si>
    <t xml:space="preserve">帐号没绑密保卡被盗后被别人绑了怎么拿回？？ </t>
  </si>
  <si>
    <t xml:space="preserve">尊敬的客户:    您好！5173回复客服01很高兴为您服务！   建议您利用注册信息联系游戏官方找回。    如需帮助或投诉，请与我们客服中心联系，客服中心服务热线：0579-83225173 。真诚感谢您一如既往地对我们工作的大力支持与帮助!    祈望您心灵深处芳草永绿，青春常驻，笑口常开。祝您健康幸福！                                             </t>
  </si>
  <si>
    <t xml:space="preserve">电脑问题!今天打开电脑发现电脑的速度突然变慢了,然后用金山毒霸杀 </t>
  </si>
  <si>
    <t>我用的瑞星，以前也有过类似的情况。可能是因为升级时的数据瞬间丢失造成的。你点开开式菜单的杀毒软件程序，里面应该有一项添加和删除软件，需要重新启动一次！如果还不行你只能卸载用光盘重新装一次了。希望能有用，好运!</t>
  </si>
  <si>
    <t xml:space="preserve">在家里只有一个宽带的账号，有两台电脑，想同时上网，该怎么设置啊？ </t>
  </si>
  <si>
    <t>是不是ADSL啊？如果是就不用买路由了。一般的ADSL都带路由功能，你要查看一下说明书，使用它提供的用户名和密码登陆到ADSL的MODEM，有一个设置宽带上网帐号和密码的地方，填写你的上网帐号和密码；然后还要设置DNS，这个是电信局提供的，你要问一下。这样就行了，你的两台计算机就不用设置，开机就可以上网了。当然，两台计算机要连在ADSL上，还需要一台交换机，5口的就行了，100块钱左右</t>
  </si>
  <si>
    <t xml:space="preserve">000958如何操作？谢谢 </t>
  </si>
  <si>
    <t>这只不错,有上涨的趋势,要快进快出</t>
  </si>
  <si>
    <t xml:space="preserve">化学选择 </t>
  </si>
  <si>
    <t>一、D1、人造刚玉，主要成分为三氧化二铝；2、玛瑙是天然石英族矿石的一种，化学成分为SiO2。常用于 制作装饰品和工艺品；4、变色镜是在材料中加入卤化银， 强光刺激下分解为银与卤素，使玻璃着色，光照变弱后，又结合成卤化银，颜色变浅。二、A消除空气和水污染，说明的问题是该金属氧化物将污染物转化为污染小或无污染的物质，如CO2、H2O，A选项将SO2转化为SO3实质是加大了雨水的酸性，不仅没有消除污染，反而是使污染加重了</t>
  </si>
  <si>
    <t xml:space="preserve">怎么查会考分我不小心丢了会考准考证,怎么查成绩呢?有办法吗? </t>
  </si>
  <si>
    <t>去老师那里问自己的准考证号然后拨打1608160</t>
  </si>
  <si>
    <t xml:space="preserve">名侦探柯南的最好结局是什么？我知道名侦探柯南还一直在连载，只是想 </t>
  </si>
  <si>
    <t>因为本人主新兰，所以我所认为最好的结局就是灰原在最后与黑衣组织的对决中救了新一为他而死（不要说我黑），侦探团其他成员接受了柯南就是新一的事实，但他们仍是很好的朋友（忘年交之类的）， 毛利与妃复合，嗯，据说阿笠是大boss，那就是被绳之以法了吧如果你是主柯哀的，，，我觉得最好那就是兰牺牲了吧？三个人得爱情注定要有人牺牲，而在他们那样一个背景下，这种牺牲我觉得要是以生命为代价的，望采纳</t>
  </si>
  <si>
    <t xml:space="preserve">请问关于“流氓”一词来历我国1979年的刑法第一百六十条有一条罪 </t>
  </si>
  <si>
    <t>流氓，原指无业游民,现指不务正业，为非作歹的人</t>
  </si>
  <si>
    <t xml:space="preserve">苏格兰你应该好好看法国他老人家都2：0了近一个足以加油把苏格兰` </t>
  </si>
  <si>
    <t>有意思，真有你的，但愿吧。14场，你出3吧</t>
  </si>
  <si>
    <t xml:space="preserve">怀孕４５天，发现白带是暗黄色．．．怀孕４５天，早上起来发现白带是 </t>
  </si>
  <si>
    <t>应该不是吧怀孕早期如果出现阴道出血.小腹隐隐痛.腰酸及小腹下坠如果这些出现了就是表明先兆流产你可要小心了啊</t>
  </si>
  <si>
    <t xml:space="preserve">我有北京市商业银行的法人股，现在想转让，请问怎么转？在什么地方交? </t>
  </si>
  <si>
    <t>一般法人股是不能退股的，可以通过北京市商业银行过户给想买股份的人。另外，你购买股份时有没有签订协议，如果签订了，协议上会有相关规定。你也可以去北京市商业银行咨询，如果你确实要转让，他们应该会帮助你的。</t>
  </si>
  <si>
    <t xml:space="preserve">如何用ghost？我的windowsxp瘫痪了，需要在别的地方拷 </t>
  </si>
  <si>
    <t>从别人的光盘拷到自己的电脑上然后打开安装上就可以用了啊</t>
  </si>
  <si>
    <t xml:space="preserve">2009年6月8日搬家好不好？我的生日是1969年2月15日（农 </t>
  </si>
  <si>
    <t xml:space="preserve">你好！ 天气好，你有时间就好！不要迷信！ 不要相信一些人的忽悠！ 心情好、天气好、有时间就是搬家的吉日。 </t>
  </si>
  <si>
    <t xml:space="preserve">在某星球上的以初速度v竖直上抛一物体，经过时间t物体落回抛出点，? </t>
  </si>
  <si>
    <t xml:space="preserve"> 第一次水平抛出h＝1/2at^2   (t^2:t平方)可解得该星球重力加速度为a=2h/t^2    (1)第二次水平抛出，要使物体不落回，即物体围绕星球做圆周运动或逃离星球，保证物体不落回的最小速度是使物体围绕星球做圆周运动向心加速度为物体在此星球的重力加速度a＝Vo^2/R   将（1）式带入得Vo＝【√(2hR)】/t</t>
  </si>
  <si>
    <t xml:space="preserve">游戏里没人游戏高管解决下,在游戏3大主城里只有偶儿看见几个人经过 </t>
  </si>
  <si>
    <t>伤心啊 从早上到现在都是抱歉 激活失败。。。。。。激活码无法激活游戏。。。。。。。这游戏无敌了</t>
  </si>
  <si>
    <t xml:space="preserve">我是2006应届硕士生,请问哪家医院在招聘?我需要知道哪些医院要 </t>
  </si>
  <si>
    <t>你在招聘网上发布你的个人简历嘛，他们对你感冒会和你联系的！</t>
  </si>
  <si>
    <t xml:space="preserve">方大同和薛凯琪有没有可能在一起 </t>
  </si>
  <si>
    <t>我很喜欢方大同，很喜欢她的音乐的呢，不知道能不能在一起的呢，要是能在一起的话最好了</t>
  </si>
  <si>
    <t xml:space="preserve">请大家指教一下有关种植苦瓜的种植技术。包括在什么月份种植合适？还? </t>
  </si>
  <si>
    <t>　　根系发达，侧根较多，根群分布范围在1．3米以上，茎为蔓性，五棱，浓，有茸毛，分枝力强，易发生侧蔓，侧蔓又发生孙蔓，形成枝叶繁茂的地上部。子叶出土，初生真生对生，盾形、绿色。真叶互生，掌状深裂，绿色，叶背淡绿色， 5条放射叶脉，叶长18厘米，宽18—24厘米，叶柄长9—10厘米，柄上有沟。花为单性，雌雄异花同株。先发生雄花，后生雌花，单生。果实为浆果，表面有很多瘤状突起，果形有纺缍形，短圆锥形、长圆锥形等。皮色有绿色，绿白色和浓绿色，成熟时为桔黄色，果肉开裂，露出种子，种子盾形、扁、淡黄色，每果含有种子20—30粒，千粒重为150—180克。　　苦瓜整个生育过程需80—100天左右，在抽蔓期以前生长缓慢，绝大部分茎蔓在开花结果期形成。各节自下而上发生侧蔓，形成多级茎蔓。随着茎蔓生长，叶数和叶面积不断增加，在单株叶面积中，其开花结果期就占95％，由此可见，同化器官是在开花结果中后期形成。一般植株在第4—6节发生第一雄花；第8—14节发生第一雌花，通常间隔3—6节发生一个雌花，但在主蔓50节之前一般具有6—7个雌花者居多。从调整植株营养来看，除去侧蔓，有利于集中养分，提高主蔓的雌花座果率。　　苦瓜性喜温暖，耐热不耐寒，种子发芽适宜温度30-35℃，若在20℃以下，发芽就缓慢，种皮厚，经40一50℃温水浸种4—6小时后，30℃左右下催芽，两天开始发芽，两天半大部分发芽，13℃以下发芽困难。植株生长适温为20—30℃，以25℃为最佳。开花结果期适温为25℃左右。在15—25℃范围内，温度越高，越有利于苦瓜生长发育。多数认为35℃以上和15℃以下的温度不利于苦瓜的生育。对日照长短要求不严格，喜光不耐荫，开花结果期需要较强光照，有利于光合作用和座果率提高。苦瓜喜湿而不耐涝，生长期问需要85％的空气相对湿度和土壤湿度。对土壤适应性广，但以保水保肥好的、肥沃的壤土为宜。</t>
  </si>
  <si>
    <t xml:space="preserve">白妖放弃了弓拿起了刀?大家都知道很多白妖放弃弓而拿起了刀不明白的 </t>
  </si>
  <si>
    <t>妖精拿弓命中高是个优势,在任何一款游戏里,只要有妖精这个角色出现,武器首选几乎都是弓,但是在天堂里弓的伤害值和刀比起来是有差距的,而且打怪还要跑着打(如果近身打那么拿弓还有什么意义?),而且怪死后东西和钱很容易掉地上(现在挂机的多,也许还会被人拿走),拿弓的优势在于命中高,可以打距离战,虽然骑,黑攻击高,但是和拿弓的妖PK也是很无奈的,最后会被磨飞,因为妖精的魔法也占据了一定的优势,而且不用回魔. 妖精拿刀练级不错,学了大火以后清怪速度和弓比起来会有明显的差距,也不用水钱.有快感,但是拿刀和骑,黑,法PK,就是种很不明智的选择了,嘿嘿.</t>
  </si>
  <si>
    <t xml:space="preserve">肝硬化腹水严重吗 </t>
  </si>
  <si>
    <t>病情分析：肝硬化就是比较严重的疾病的，如果控制不好，是有可能导致肝癌的。至于治疗，主要是对因治疗，比如是病毒性肝炎导致的，就要及时抗病毒治疗指导意见：建议及时治疗，可以使用一些护肝药物，同时必要时可以抽取腹水</t>
  </si>
  <si>
    <t xml:space="preserve">谁能提供我一套房屋设计的软件装修，物品的摆放与布置， </t>
  </si>
  <si>
    <t xml:space="preserve">创想家居设计软件普及版（又称拖拖我的家），是国内第一个可视化家居DIY互动平台- 的家装DIY软件，是创想家装设计软件、家装销售软件、家装预算软件、家具销售软件、建材销售软件、洁具销售软件、灯具销售软件，橱柜软件、房地产销售软件等创想明天家居系列软件中唯一的家庭装修设计软件，是国内唯一完全自主知识产权，集三维家居设计、工程预算功能于一体的室内装修软件。任何用户不仅可以在几分钟内绘制精确美观的二维彩色户型图、平面图，而且可以立即生成逼真的三维虚拟现实空间，并可实时动态地调整材料和灯光效果。V9.5版是创想家居软件一个新的里程碑，全新的、快速高质量光能传递渲染器，使任何用户都能轻而易举做出专业水准的三维效果图。 下载地址： </t>
  </si>
  <si>
    <t xml:space="preserve">做了包皮手术以后做包皮手术已经一年多了，以前是包茎,龟头一直是包 </t>
  </si>
  <si>
    <t>我是医务人员,也曾做过包皮环切术,对你的感受深有同感.包皮环切术术后的头一年是适应期,相当敏感,如果这一年间没有接触异性,外露的龟头,会因为内裤的磨擦逐步适应,敏感度会慢慢下降到正常人水平.因此婚前手术是比较合适的.但是如果头一年间有性活动,肯定会出现出现抽动几下就射精的情况,长久这样会加重心理负担,担心出现早泄,如此反复会恶性循环.如果你已结婚或者有女朋友,建议你在做爱这前先通过手淫射一次,歇会儿再做爱,会延长时间的,树立了信心,解除心理障碍以后,很快就会适应了,而且慢慢的出现良性循环,越战越勇,这是我的经验,供朋友你考.祝你性福!</t>
  </si>
  <si>
    <t xml:space="preserve">在什么网站　能看到　当天的基金净值 </t>
  </si>
  <si>
    <t xml:space="preserve">夏天来了，穿什么鞋既舒服又时尚？宝人时尚拖鞋怎么样？ </t>
  </si>
  <si>
    <t>夏天当然要穿凉快、舒适的鞋出门啦！前两天我刚买了一双宝人时尚拖鞋，很漂亮，向你推荐，就是今年很流行的那种清爽又不失华贵的风格，搭什么衣服都好看，你自己去看看吧。</t>
  </si>
  <si>
    <t xml:space="preserve">39级转职找完天泪洞冥仙长还的去找谁呀？ </t>
  </si>
  <si>
    <t>先要自杀一次，自杀后再回到洞冥仙长那，接到任务寻找破阵平原最北面的鬼仙，将任务药丸给她后，再次回到洞冥仙长那就可以完成了</t>
  </si>
  <si>
    <t xml:space="preserve">我想在广州开一家60平方米左右的服装店，不知需要多少的投资，那里? </t>
  </si>
  <si>
    <t>我建议你最好采取加盟品牌服饰比较好，投资大概在二三十万左右。地段就要看你的服装针对的顾客群体，一定要考察详尽再做决定。上中国服装网看看先！</t>
  </si>
  <si>
    <t xml:space="preserve">海湾战争空战的特点是什么？我空军的差距大吗？听说海湾战争打的挺激 </t>
  </si>
  <si>
    <t xml:space="preserve">在1991年爆发的海湾战争中, 空中作战编队进一步扩大, 形成了以预警指挥机为指挥中心, 以攻击机为突击力量, 由护航机群、防空火力压制机群、空中加油机群、E-8A雷达监视机和空中救护机群等组成的功能齐全、编排合理的作战整体, 空中战场由空中力量单独进行的一统天下的局面被打破, 不但陆军的直升机参加了空袭作战, 而且海军的“战斧”巡航导弹、宇宙空间的侦察、情报卫星等航天武器也参加了空中作战行列, 使联合空中作战力量由过去各机种的小合成扩大到各军兵种、各种武器和作战力量之间的大合成, 从而使联合空中作战迈上了一个新台阶.双方作战距离越来越远 　　由于空中加油机的广泛投入作战使用和作战飞机的航程不断增大, 空中作战的距离越来越远, 较大规模的局部战争, 空中作战一般都在上千公里的战役全纵深进行。海湾战争中, 美空军的作战飞机主要部署在沙特阿拉伯, 英国空军的作战飞机主要部署在巴林, 他们赴伊科战区遂行作战任务, 一般都需往返飞行3000至4000公里左右。在战争初期, 美国B-52重型轰炸机还从美本土起飞, 往返飞行10000 多公里赴伊科战区遂行攻击任务。 　　目前, 美、俄、英、法和以色列等国都装备空中加油机, 具有较强的远程作战能力。印度和日本等亚洲国家也正在积极发展空中加油机增强其远程作战能力。美国空军还将“全球到达、全球作战”作为其战略运用方针。因此, 远距作战将是现代空中作战的一个重要特点。 　　空中战场正由空间向宇宙空间发展 　　随着航天技术的迅速发展, 军用卫星等航天设备在现代空中作战中的作用越来越突出。海湾战争中, 美国部署在宇宙空间的各种军用卫星为迅速夺取战争的胜利发挥了重要作用, 这给世界各国留下了深刻的印象。 </t>
  </si>
  <si>
    <t xml:space="preserve">怎样才能瘦手臂啊啊啊啊？？？？？求解！ </t>
  </si>
  <si>
    <t>拿一矿泉瓶水，不停的上下减肥手臂计划:减肥功效：锻炼手臂肌肉，使手臂肌肉紧实，消除蝴蝶袖困扰，并有美化身体线条的功能。1.先准备一瓶平时喝的矿泉水或轻磅的哑铃。双手握住瓶身，手臂向上伸直，将矿泉水高举在头上。2.两手肘弯曲，向后伸展，停留约五秒钟，再将矿泉水举回头上回到步骤1的动作，重复步骤1~2的动作十次。记得只有手臂动，背部要挺直，不要跟着后仰。可根据个人手感(稍微有重量，但不可过重)拿一瓶或两瓶矿泉水。臂间操:1.双脚打开，上身向前倾c2.双手放后，手指交握。3.脖子向前，双手伸直抬高，此姿势保持20秒，反复做二三次。这时膝盖绝对不能弯曲。</t>
  </si>
  <si>
    <t xml:space="preserve">怎么才能要下载的图片上写字？还能让它滚动起来说的清楚点有没有图片 </t>
  </si>
  <si>
    <t>你好！如何在图片上做滚动的代码！具体的操作方法是：先打开快捷文章发表框，在显示源代码前点一下，再把这个代码粘贴上去。代码：&lt;TABLE borderColor=#十六进制数 height=数字 width=数字 border=数字&gt;&lt;TBODY&gt;&lt;TR&gt;&lt;TD vAlign=top background=背景图片链接&gt;&lt;/TD&gt;&lt;/TR&gt;&lt;/TBODY&gt;&lt;/TABLE&gt;代码说明：代码的第一行图片框的属性，borderColor、height、width和border几个属性值可以进行修改，他们分别代表边框颜色，边框的高度，边框的宽度和边框的粗细值，其中边框颜色属性必须为十六进制数，或者为red、yellow、blue等。然后进入图片网站，复制你选中的图片地址，粘贴在背景图片链接前就行了，根据我个人的经验，中国图片网的图片才有效。重新在显示源代码前点击一下，图片成功出现，就可以自由自在地在上面编辑文字。文字编辑完后，在显示源代码前点击一下，然后在文字代码前加上下面这个代码：&lt;MARQUEE scrollAmount=1 scrollDelay=77 direction=up width=270 height=77onmouseout="this.start()" onmouseover="this.stop()"&gt;代码说明：1、width和height，表示滚动区域的大小，width是宽度，height是高度。特别是在做垂直滚动的时候，一定要设height的值。2、direction。表示滚动的方向，默认为从右向左：←←←。可选的值有right、down、up。滚动方向分别为：right表示→→→，up表示↑，down表示↓。把这两个代码结合起来使用，就出现了《渔歌子—伤落花》那样的效果。希望各位博友都能设置出美丽而有特色的页面，如有疑问，欢迎再来交流。</t>
  </si>
  <si>
    <t xml:space="preserve">我家客厅想做一个吧台，不知道怎样做面积在16平米左右，想在吧台上 </t>
  </si>
  <si>
    <t>邻居做了吧台,从她们家学习了几个感受:1、吧台与房子共它家具，包括门，包括墙面，甚至包括橱柜、吊顶、卫浴用品等的颜色搭配问题，因为你做吧台，就已经把房子分了层次，千万别弄一大堆颜色，让客人眼前一乱事小，你们家住的时间长了会觉得眼晕就麻烦了啊。2、吧台上所有物品本身颜色和与墙面颜色是否搭配问题，尤其是电视后面，如果你做背景墙或电视墙或灯池的话。3、吧台上所有物品的材质和风格问题，简约就简约，复古就复古，轻松就轻松，千万别四不像！呵！希望能对你有所帮助！</t>
  </si>
  <si>
    <t xml:space="preserve">中国为何到目前为止还没造出航空母舰？是技术水平没有达到还是我们没 </t>
  </si>
  <si>
    <t>前面的“六星上将”已经写得较好了。总结起来不过一下几点：1、时机。台湾几次耽误我们造航母。2、经费。前几年经费不够。3、工业。前几年工业不过关。但核心是：4、思维。我们是大陆军主义。当年为到底是买苏27还是T80几乎翻脸，要不是林虎、刘华清等人的一力坚持，可能我们今天就有许多没用的T80。如今虽然思维改变不少，但阻力依然强大。</t>
  </si>
  <si>
    <t xml:space="preserve">植发效果可以保持终身吗？头顶的头发，都快秃了 </t>
  </si>
  <si>
    <t>植发手术，需要从患者自身后枕部提取毛囊，这个部位的毛囊具有先天不受人体雄性激素影响的特性，移植之后同样具有这样的属性。由于毛囊不受人体雄性激素的影响，不会再次出现萎缩、闭合，甚至坏死的情况，新长出的头发可以周而复始的生长，不会再次出现脱发的情况。植发手术提取的毛囊，多半是头部后枕部的毛囊单位，这一部分的毛囊单位具有不易受到人体DHT影响的特性。可以看到很多头严重的发友，即使头顶完全稀疏，后枕部的毛囊也不会脱落，就是因为这个原因。毛囊是决定头发能否健康生长的根本，毛囊与头发的关系就好比树根与树叶的关系，如果树根坏死了，即使我们施再多的肥也是没有任何效果的，而树叶最终就会脱落。所以想要彻底治愈脱发，我们就需要让脱发部位重新拥有毛囊，而这就需要植发手术才可以实现。</t>
  </si>
  <si>
    <t xml:space="preserve">在我们国家是不是只有中国石油中国石化中海油可以进口原油 </t>
  </si>
  <si>
    <t>好像不止吧，应该还有其他企业的，比如光汇石油等。</t>
  </si>
  <si>
    <t xml:space="preserve">全球变暖与地球自转速度全球变暖将导致地球自转速度发生怎样的变化？ </t>
  </si>
  <si>
    <t>全球变暖不会影响地球的自转速度呀。潮汐才会影响地球的自转速度。</t>
  </si>
  <si>
    <t xml:space="preserve">孕后期，还用吃叶酸吗？还有其他要注意的吗 </t>
  </si>
  <si>
    <t>可以继续吃叶酸，1、孕妇要时时注意保护自己的腹部，避免外界撞击，避免摔跤。　　　　2、孕妇应该保证每天1—2小时午休，总睡眠时间每天8—9小时。　　　　3、每天保证一定的运动量，这样可以帮助孕妇正常分娩。　　　　4、距预产期2周时，可以修产假，以避免早产。　　　　5、生活要有规律，稳定情绪，充满自信地度过这个时期，顺利分娩。</t>
  </si>
  <si>
    <t xml:space="preserve">慈禧垂帘听政的地点在哪里？ </t>
  </si>
  <si>
    <t xml:space="preserve">铝和水反应时必须______,铁和水反应时必须_______,由? </t>
  </si>
  <si>
    <t xml:space="preserve">铝和水反应时必须__高温加热____,铁和水反应时必须_红热的铁和水蒸汽在高温条件下______,由此可见铝的化学性质比铁__活泼___ </t>
  </si>
  <si>
    <t xml:space="preserve">腿部皮肤护理的问题？我的腿上皮肤一到冬天就成了鱼鳞状的，请问怎样 </t>
  </si>
  <si>
    <t>是干燥引起的，用凡士林润肤露吧，洗澡时不要用碱性香皂，也不要每次洗澡都擦拭香皂。</t>
  </si>
  <si>
    <t xml:space="preserve">什么时候公侧啊　还要激活码　怎么玩啊 </t>
  </si>
  <si>
    <t>明天就公测了撒，激活码是内测的东东！</t>
  </si>
  <si>
    <t xml:space="preserve">七个月大的婴儿身上出现小红点,顶端有白色小泡是怎么回事?近日发现 </t>
  </si>
  <si>
    <t>儿童新陈代谢率高，容易出汗。盛夏酷暑，气温升高，加上衣着不当、量大和哭闹等原因，汗液分泌增多，如果护理不当很容易生痱子。　　儿童的痱子表现与成人有所不同，变化较大。新生儿或婴儿生的痱子多为细小透明的小水泡，颜色发白，分布密集，俗称白痱子。多发生于孩子突然出大汗、穿戴过多、强烈日光曝晒或服用退热药以后。白痱子一般不痛不痒，无明显不适，1-2天后可自行吸收，留下少许白色糠状鳞屑。一般不需特殊处理。　　大一些的孩子，痱子表现与成人相似，表现为皮肤表面红色小丘疹或丘疱疹，常突然出现并迅速增多。有的融合成片，以脸、颈、胸及皮肤皱折处为多，伴有明显瘙痒感和灼热感，汗液浸湿后可有刺痛。孩子因此烦躁不安，睡眠时惊哭，乱抓乱挠。这种类型的痱子最为多见，俗称红痱子。　　对此，应注意保持皮肤清洁，每日数次用温水洗澡，洗澡后将身体擦干，局部搽痱子水等搽剂。此等药水对皮肤略有刺激，搽后可有暂时疼痛，孩子因此会哭闹，但很快就会消失。为防止过敏，这些搽剂不宜随便使用或频繁更换。使用新牌号的搽剂，应先在局部试验一下，证实没有过敏反应再用。　　痱子继发细菌感染，红色丘疹顶端出现黄色脓头，即为脓痱子。如处理不及时，感染范围扩大，可形成皮肤疖肿，伴有发热、局部疼痛等症状。此时，除了注意保持孩子皮肤清洁外，应给予抗感染治疗。疖肿早期不宜挤压，尤其是头面部血管丰富，与颅内交通，疖肿受到挤压，细菌极可能趁机进入颅内，造成危险的颅内感染。疖肿局部可用硫磺鱼石脂软膏外敷。待疖肿成熟后，采取切开手术，将脓液引流出来。　　此外，脓痱子还可继发或诱发脓疱疹甚至败血症、肾炎及化脓性脑膜炎。所以痱子虽小，却不可轻视。盛夏酷暑，应未雨绸缪，采取有效防治措施。　　首先，应适当控制孩子户外活动时间和活动量，居室内注意保持通风凉爽。每日为孩子洗1-2次澡。水温不宜过冷或过热。过冷使皮肤毛细血管骤然收缩，汗腺孔闭塞，汗液排泄不畅，致使痱子加重；过热则刺激皮肤，使痱子增多。　　其次，孩子夏天衣着应宽松、肥大，经常更换。衣料应选择吸水、通气性好的薄型棉布。不要让孩子成天光着身子，以免皮肤受到不良刺激。　　第三，注意饮食卫生。给孩子吃些清淡易消化的食物，营养适当，可多补充富含蛋白质和维生素的食品。饮食中还应补充适量盐分，适当喂服藿香茶、绿豆汤、金银花露等防暑降温饮料。　　第四，加强皮肤护理，保持皮肤清洁。不要给孩子多搽粉类爽身用品，以免与汗液混合，堵塞汗腺口，导致出汗不畅，引起痱子。还要勤剪孩子的指甲，保持双手干净，以免因痱子瘙痒抓挠皮肤引起细菌感染。</t>
  </si>
  <si>
    <t xml:space="preserve">我要换房子！！！卖个房子不容易啊！！！ </t>
  </si>
  <si>
    <t>主要是信息不对称！</t>
  </si>
  <si>
    <t xml:space="preserve">叶绍翁的简介40字左右 </t>
  </si>
  <si>
    <t>字数多于您要的40字,但我觉得对了解叶绍翁是有帮助的,故选来供你参考.叶绍翁  南宋中期诗人。字嗣宗。祖籍建安（今福建建瓯），本姓李，后嗣于龙泉(今属浙江)叶氏。生卒年不详。他长期隐居钱塘西湖之滨，与葛天民互相酬唱。　　叶绍翁是江湖派诗人，他的诗以七言绝句最佳，如《游园不值》:"应怜屐齿印苍苔,小扣柴扉久不开。春色满园关不住，一枝红杏出墙来。"历来为人们所传诵。其他如《夜书所见》写儿童夜挑促织，景象鲜明，反衬出客中的孤寂；《嘉兴界》写江南水乡景色，颇饶风味；《田家三咏》写田家的生活片断，平易含蓄，词淡意远，耐人寻味。另外，周密《齐东野语》载其咏史诗《汉武帝》一首，颇尽讽刺揶揄之能事。　　叶绍翁诗集《靖逸小集》，有《南宋群贤小集》本。他别著《四朝闻见录》，杂叙宋高宗、孝宗、光宗、宁宗四朝轶事，颇有史料价值，有《知不足斋丛书》本、《丛书集成》本。</t>
  </si>
  <si>
    <t xml:space="preserve">角色死亡后通过什么方式可以将HP,MP一次性恢复？ </t>
  </si>
  <si>
    <t xml:space="preserve">角色死亡后可以通过完美复活恢复HP及MP，也可在墓地NPC“墓地传送师”或亚特兰蒂斯广场的治疗者“萨比娜”处进行恢复，30级以下玩家治疗免费。 </t>
  </si>
  <si>
    <t xml:space="preserve">自考法律专业和律师专业有什么区别？哪个专业好，它们以后各自可以从? </t>
  </si>
  <si>
    <t>专业培养目标和课程设置都不同法律专业，其实就是法学专业，主要学习法律的基本理论，涉及部门法和程序法的，讲理论的多律师专业注重实操，课程名称多是叫XX实务可以从事什么工作？司法考试通不过，啥法律方面的工作都做不了。</t>
  </si>
  <si>
    <t xml:space="preserve">大家来谈谈骗子如何骗人昨天一个人和我组队的，他让我把面具放在地上 </t>
  </si>
  <si>
    <t>很简单!你门组的对可能是共享的!他当然能捡到</t>
  </si>
  <si>
    <t xml:space="preserve">这个肚子地图上怎么没有,里面有BOSS吗? </t>
  </si>
  <si>
    <t>您好，您的问题解答如下：对不起，您所说的地图并没有BOSS，但是有3星怪红血球医生，所掉稀有为红血球盾。游戏爱问专家组：eveloving</t>
  </si>
  <si>
    <t xml:space="preserve">魔兽争霸客户端在哪下载谢谢帮我找个能下在的网站就行我是实在找不到 </t>
  </si>
  <si>
    <t xml:space="preserve">讯雷搜索: </t>
  </si>
  <si>
    <t xml:space="preserve">问为什么插座能用插座照明能用手电钻但哟用电锤切割机有好几个都一样? </t>
  </si>
  <si>
    <t>你好.如果你说的跳闸确实是漏电保护器而不会把空气开关误称为漏电保护器（对不起，经常因这概念不清而使沟通显得混乱），插座能用照明、能用手电钻是因为这几样电器不漏电；而“用电锤切割机有好几个都一样外面的漏电保护器就跳了”，是这些较旧较“脏”的电动工具的绝缘已变差（很小的漏电）。漏电保护器的正常承载电流规格一般是15--30--40A甚至更大，漏电保护的动作电流是30mA（即0。03A漏电跳闸）普通电动工具的工作电流一般不会超过，除非几件较大功率的同时使用在最小规格的漏保上（15A以下）而导致过流跳闸（自检）；但很小的漏电电流却会使它立即跳闸。这与这些工具工作时外壳、钻头接地有关。仅供参考</t>
  </si>
  <si>
    <t xml:space="preserve">请问如何转学？秋季想把孩子转到郑州来上小学，不知郑州有哪些小学不 </t>
  </si>
  <si>
    <t>你好！为规范学籍管理，防止流生。一般转学的操作流程是由就读学校出据联系单，学生家长去联系孩子的新就读学校，通过入学考试后，再由新就读学校出据接收单，然后回原就读学校开出转学证明，并提供学校的学习档案等，前往新学校报到注册。至于借读费用，各学校没有自主权，都按照相关的文件精神执行。</t>
  </si>
  <si>
    <t xml:space="preserve">蒸桑拿的时候做面膜效果好不好？我知道做发膜的效果超好，不知道面膜 </t>
  </si>
  <si>
    <t>做桑拿时，汗水直往外冒，可以把面膜里的水分迅速带走，肌肤吸收到的有效成分会减少，效果较差。桑拿浴后，蒸去皮肤表层的脏东西,皮肤的好，做美容面膜能美容且保养皮肤,是最有效的。</t>
  </si>
  <si>
    <t xml:space="preserve">急！急！急！我的女友不知道听到周围的人说什么了，说一提文凭就感到 </t>
  </si>
  <si>
    <t>压力，这就是所谓的世俗啊，也许你不会觉得什么，但她心里总是以为是什么什么样的，文凭很重要吗？是！是必要的吗？是！是必须的吗？不定。看她想不想和你在一起，文凭不是一切，有能力就行了，而且，你说女孩子要那么高的文凭干嘛，还让不让我们男人混了，男人才是一切支柱！</t>
  </si>
  <si>
    <t xml:space="preserve">大航海时代OL中如何使用任务委托书在大航海时代中每次完成任务有时 </t>
  </si>
  <si>
    <t>1 委托书是用来刷任务用的.例如:你点了任务介绍人后看到任务但是你又做不了或不想做的情况下,使用道具"委托书"就可以把任务刷新一次,就会有其他任务出现!2 接任务是根据玩家相关职业技能等级尔定的,例如:商人就是看你的贸易等级,军人看战斗等级,冒险家看冒险等级!3 可以接到其他职业的任务但是初期建议不要接其他职业的任务!</t>
  </si>
  <si>
    <t xml:space="preserve">关于乳母补钙的问题~请教达人，请问乳母还用补钙吗？ </t>
  </si>
  <si>
    <t>一般来说，吃母乳比吃奶粉的小孩更容易缺钙。因为配方奶粉里面根据小孩的需要都按比例添加了各种维生素和微量元素的成分。而母乳喂养的婴儿的钙的摄取主要取决于母体对钙的吸收。所以母乳喂养的婴儿更应该补钙。</t>
  </si>
  <si>
    <t xml:space="preserve">幼儿园园长遇到发展瓶颈，应该参加什么幼儿园园长培训？ </t>
  </si>
  <si>
    <t>这是现在很多幼儿园园长遇到的很现实的问题，4月19日在北京大学百年大讲堂。未来之路-- “新形势下中国幼儿园特色发展与管理”园长高峰论坛。这个应该很合你的胃口，全国各地教委学前教育负责人，各地幼儿园园长、副园长，预计规模2000人；当然了，还有很多教育专家，包括知名学者于丹。4月18日（周一）会议接待及签到（北京大学百周年纪念讲堂）； 4月19-21日正式会期（周二—周四，主课程3天2晚）； 4月22日（周五）自费参与集体考察幼儿园、旅游或自由活动。 会议地点：北京大学百周年纪念讲堂</t>
  </si>
  <si>
    <t xml:space="preserve">1级穴熊的出现在什么地方？~在那个洞走了1个小时了连个毛都没有~ </t>
  </si>
  <si>
    <t xml:space="preserve">1楼 楼梯口进去点就有了 一般20分钟就可以有一只了还有另一个 螃蟹也有1级的我捉了两个小时捉了10多只 好的不好找捉了只3D 2敏1魔的 被人连盗号一起拿走了 闷不过还是挺容易出现 1楼的自己运气问题而已 </t>
  </si>
  <si>
    <t xml:space="preserve">华硕n56和华硕n550哪个值得入手呢？？4gi7版本。外加12? </t>
  </si>
  <si>
    <t>N550是新出的，N56是旧款的，肯定是N550好，N550的价钱大概是8600，不带固态，固态自己加，没有120的固态，只有128的</t>
  </si>
  <si>
    <t xml:space="preserve">完美100级后怎么办完美100级后是不是很无聊啊!要是去杀人可以 </t>
  </si>
  <si>
    <t>魔兽世界很容易就满级了，但还是那么多人玩，为什么？就是因为，满级后了，有更多的时间去做别的，不用升级了，多爽，你可以去刷fb，可以去pk，可以带美女玩，可以自己去收材料作装备……一切的一切，都是那么闲适，因为不用去练级了~~~</t>
  </si>
  <si>
    <t xml:space="preserve">left的对应词 </t>
  </si>
  <si>
    <t>left(左）的对应词是right(右）</t>
  </si>
  <si>
    <t xml:space="preserve">有没有自动盗取QQ聊天记录地软件？在我的电脑上别人能看到我已经删 </t>
  </si>
  <si>
    <t>有两个方面:你删掉了?是指qq安装目录里的文件  以你qq号码为文件夹里面的所有文件?如果是那他使用了数据恢复软件!不要以为删除就删除了!可以恢复的!如果没有删掉!可以通过一个qq离线登录器登录你的qq(不用密码就可以登录,但是那台电脑要不能上网)解决办法:下载一个文件粉碎机(google上查,很多的)聊完q就删除(用文件粉碎机)以你qq号建立的文件夹!</t>
  </si>
  <si>
    <t xml:space="preserve">厦门开车到南充全程高速怎么走 </t>
  </si>
  <si>
    <t>在厦门站乘坐K904/K901次列车 , 在赣州站下车乘坐T128/T125次列车 , 在南充站下车</t>
  </si>
  <si>
    <t xml:space="preserve">龙骨汁液不小心弄到脸上怎么办？我不小心把龙骨汁液弄到脸上一起过敏 </t>
  </si>
  <si>
    <t>是全草中曾分离出卅一烷和β-谷甾醇，没有毒，只是你的皮肤不适应而已，用清水清洗，不要用化妆品了。过段时间就好了。</t>
  </si>
  <si>
    <t xml:space="preserve">请问音乐达人这首歌叫什么？不要离我的温柔太远这样会让我多愁善感一 </t>
  </si>
  <si>
    <t xml:space="preserve">王帆云《情人还是朋友》试听 下载  </t>
  </si>
  <si>
    <t xml:space="preserve">10KV线路的寻址器原理如何？ </t>
  </si>
  <si>
    <t xml:space="preserve">你好!    推荐参考资料: 配电系统用户供电可靠性管理案例     2000年初春的一个清晨，**电力局**副局长合上99年配电系统用户供电可靠性分析报告，陷入了沉思。省内AA局城区配电网99年率先达到了国家创一流供电企业的标准：99.98%，BB局也达到了99.964%，而本局99年的城区可靠率是99.852%，怎样能够迅速、有效地提高本企业的可靠性呢？这真是个煞费思量的问题啊…… 　　供电的中断，不但会引起工农业生产的经济损失，而且会影响人民的和社会的安定，市场经济决定了电力企业必须向电力用户提供优质、可靠的电力，这是企业利益所在，也是树立良好的企业形象、履行服务承诺制度、更好地为社会服务的重要内容。 　　配电系统用户供电可靠性是衡量供电系统对用户持续供电的能力的一个主要指标，它指在统计期间内，10 kV配电网对用户有效供电时间总小时数与统计期间小时数的比值：　　供电可靠率＝（1－∑(每户每次停电时间)/总用户数/一年的小时数）*100％。　　说白了，供电可靠率就是考核供电企业对用户的停电时间的指标。供电可靠性管理就是要提高这个指标。　　这个指标是供电企业的一项重要技术经济指标，体现了配网技术、装备水平和企业管理水平，反映了城市总体经济发展水平。由于送配电系统增长水平远远低于用户容量的增长水平，在今后很长的一段时期内，配电系统必将获得迅速的大规模的发展，而配电系统可靠性工作是现代化配电系统管理的重要手段，无疑也会获得重大的发展。 　　很多西方国家的电力行业中，试行引入市场竞争机制，其竞争的焦点是电力的质量和电价，即电力的可靠性和经济性。据国外资料统计，近年日本、法国、英国、美国配网的平均每户停电时间分别为9分钟、94分钟、77分钟、58分钟。而且象美国，对于可靠性的计算是算到用户低压侧的，与国外先进水平相比，国内可靠性管理的差距还比较大。　　我国的配电系统供电可靠性管理工作起步比较晚，80年代在全国35个重点城市和沿海开放城市试行和推广后，逐渐推广至全国。进入九十年代后，国家电力公司在可靠性方面的管理大大加强了，提出可靠率指标是“创一流”供电企业的考核指标，各地电力局都深挖潜、严格控制，涌现了一批达到一流标准的电力局，如淄博局、济南局、绍兴局、石家庄局等，他们的指标都达到或超过了达到了99.98%，也就是说，用户一年的停电时间都在104分钟以内。　　这其中也有DD局，但是想想DD局的实际情况，**局长觉得不大可能：“可能在中国，你定出一个怎么样的指标也会有人能实现吧！但我们局，要是能够达到这个指标，一定要是实实在在的。”他想。 　　他微微闭上眼睛，几年来的可靠性管理工作一幕幕地浮上了眼帘……　　1997年初，**局由局长带队，到山东省电力集团公司下属已经创一流的淄博、临沂、日照、济南电力局参观学习，感觉到96年99.728%的可靠率与这些先进局的差距很大，如最高的临沂局，96年可靠率是99.99%，也就是一年对用户停电只有52分钟。学习人员多次和各个局的可靠性管理人员探讨，感觉到3个突出的特点：1.他们对计划停电控制得非常紧，普遍实行了带电作业，把可能会影响用户的停电压缩到了最低；2.建立了坚强的配电网络，基本上所有线路都能实现互供，这样，在一段线路停电检修时，其他的线路可以由另一侧线路进行倒供电。3.基础管理扎实，对设备是“应修必修、修必修好”，对用户是经常上门服务，指出他们管理上的不足，并帮助整改，使得用户影响的事故基本不发生。这些局长期有序地管理好基础资料，能及时、有效地进行分析。另外，由于这些局都是内陆电力局，全年很少受雷害的影响，不像**局，每年一打雷，线路就跳闸，用户就要停电，算是他们占了地利的条件。　　回来以后**副局长就分管全局的可靠性管理，怎么办？ 　　为了适应全面加强配网管理的目标，他向局长建议成立配电部，很快由12位工作骨干组成的配电部就成立了。事实证明，成立配电部是适应管理方向的正确举措。　　然后，他认为首先要选好可靠性管理工作班子。他决定在全局对可靠性实行分层管理，就是全局设一位可靠性综合管理人员，负责对全局可靠性实施分析、控制。每个运行单位设立一位可靠性管理的人员，负责对本区域可靠性实施分析和控制。他想：这些人必须具有细心、认真、聪明、能吃苦的素质。经过摸底，他大胆地启用了5位在配网工作了24年的本科毕业生，领衔成立了局供电可靠性管理小组。　　下一步就是要制定好管理的规范，他组织局可靠性专责编写了《**局供电可靠性管理办法》和《**局供电可靠性管理实施细则》，很快全局的可靠性管理就走上了正轨。　　他又组织专责分析96年停电时户数的组成，发现96年用户平均预安排的停电时间占用户平均停电时间总数的67%，故障停电占30%，他觉得必须抓住这两大块。基于控制住这两大块的思路，他组织完善了考核制度。用制度约束生产环节，有效地控制时户数。他督促职能部门拟出切实可行的考核办法，控制停电时户数异常增加，激励停电时户数有效减少。　　具体控制上，主要做了3件事：1. 推进可靠性管理与安全管理一样真正做到全员化。进行了4次专题培训，使得所有有关人员心往一处想，劲往一处使。另外，班组直接对进行设备运行维护，需要进行有针对性的岗位培训，让一线班组有效贯彻管理意图。一方面整理了配电部的有关文件，另一方面让配网各环节人员周知，不断提高人员素质。2.控制好计划停电。需停电作业的工作安排多项同时进行，做到施工扩改与计划检修协调一致、统一管理。加强工程管理，严把质量关；加大对我局内部运行单位和施工单位考核力度。3.及时进行事故抢修。实行24小时抢修制度，昼夜值班；执行周密的倒供电方案，一旦发生事故，尽快转移负荷，隔离故障点，使停电范围降为最小；对故障点抓紧抢修，架空线路抢修控制在12小时内，中心城区还准备了300多米的电缆和备用变压器，对不能在24小时内恢复供电的电缆故障用户进行保供电。　　另外，他和局长商量，提出要引进带电作业，使得大量的停电工作可以带电进行。经过局多次会议的讨论，决定积极稳妥地引进带电作业，当年就聘用了刚退休的全国带电作业权威石家庄电业局***老师来负责引进的全面工作。　　下了这几剂猛药后，当年可靠率从96年的99.708%上升到99.818%。相当于每个用户全年少停电9小时40分钟，科学管理让**局尝到了甜头。　　98年**局将可靠率定为99.85%。怎样努力达到这个指标呢？**副局长和专责们开动脑筋，积极寻找办法。　　首先，确立了逆推法来进行控制，即导出各运行部门的生产控制指标，分解到每条线路。按照分解的指标，实施停电工作计划。让所有成员，对供电可靠率指标看得见，摸得清。将可靠性管理工作，从以前的单纯数据统计，实现向实质性管理控制的转化。继续高度重视计划停电工作的控制与管理，发布了《**局配网计划停电管理办法》，精心安排计划停电，要求各运行部门在停电申请里注明停电工作会影响的时户数。单次停电影响超过300时户的，要由主管生产局长审批停电计划。将一切可以配合停电的任务同时安排，计划停电的控制达到了“吝啬”的程度。同时大力加强基础管理，摸清了全局可以互供的用户和自备发电机用户，及时通知他们在线路停电时不受影响，减少线路停电影响的时户数。比如加强每张操作票记录停、送电时间，尽量将倒负荷时间压缩在3分钟以内。严格控制停送电时间。规定计划停电工作，必须提前一天送交（或电话传达）工作票，设备停电以后10分钟内，应具备工作许可的条件，杜绝检修人员没有到达现场、工作票没有填写的现象。　　完善管理制度，加强考评奖罚。对提高供电可靠性有贡献的（如完成考核指标、有效减少停电时间和次数、有效缩短工期、开展带电作业卓有成效、有效减少事故停电）的实行奖励，对于重复停电、检修质量差、延误施工工期、延误送电时间、完不成考核指标的进行处罚。　　另一方面，在***老师的牵头下，带电作业项目进展得很顺利，完成安全考核后，**局于98年6月正式开展带电作业，积极推广带电作业，充分利用带电作业进行带电清扫、接引、断引工作。能进行带电作业的工作绝不允许停电作业。当年共开展带电作业62次，共节省3927时户，相当于城区每户少停2个多小时。带电作业为省电力集团等电位作业填补了一项空白，是**电力局为用户服务的新举措，提高了社会综合效益。　　在电网建设方面，努力增强线路互供能力。加大了**城网的中低压改造力度，推进架空线电缆化，并在此基础上开展了一些配电网的自动化尝试。98年**局共投资2000多万元改造配电网，使得当年配网互供能力从基本上没有达到了22%。　　再就是紧密结合配网安全管理和运行管理，重视从同类故障、统计数据中发现问题，提出保障配网安全运行的主动性、针对性强的对策，并监督落实整改措施。针对97年气候因素、外力影响、用户影响、开关事故和98年15个配网典型事故进行了认真分析。这些针对性强的治理措施有：1.加强设备巡视工作，测量设备接头温度，记录抄报高峰负荷。完善配电线路巡视制度，使用线路巡线记录手册，做到人到位，心尽责。要求运行班组每月巡视市中心区线路一次，郊区、农村线路每季要巡视一次，各单位领导定期抽查巡线到位率。2.在10kV线路上装设故障寻址器。方便故障查询。3.架空线路安装带有自动检测和隔离故障点的柱上开关，保证非故障地段的供电可靠性。4. 制作标示牌、进行专项宣传控制外力影响事故5.加强用户管理，完善**局《10kV用户配电设备管理办法》，专门成立**局用电检查室，指导用户管理好设备，消除不安全因素等。 　　经过这样的管理，98年**市供电可靠率为99.889%，与97年供电可靠率99.818%相比，相当于每个用户少停6.22小时。　　98年这样的大力管理之后，**副局长觉得可靠性管理在一定程度上缺乏后劲，截至98年底，全局配网用户的互供率仅22%，许多线路一年一度的定期检查，就要影响每户停电2小时，再说每年台风、雷电都对配网架空线路造成70100条次的停电，折合每户会停电5小时，这样将来怎样能够达到99.98%的可靠率啊？ 　　怎么走？只有大力优化网络、建环网、线路之间实现互供，建设灵活、可靠的配电网络。而这些都要停电才行，是为了将来可靠性高而进行改造呢？还是为了目前可靠性高而停滞配网的建设呢？这中间有个平衡的问题。但是退一步，是为了进两步。要跳高，就要身轻如燕。**副局长觉得即使牺牲了99年的可靠率，也要为21世纪打造坚强的配网。经过和局长商量，明确了99年为“配网改造年”，并确立了一系列的改造目标：1.市区内任何一条110KV送电线路或任何一台110kV主变压器因故停运时，保证用户不停电。2. 在负荷密度高的地区，新建变电站，开关站。开关站间实行“手拉手”，用箱式变电站代替杆架式配电变压器等。3.市区主干配电线路的70%电缆化。4.新建10个电缆环网，新增双电源受益用户500户。5.在配网改造设备选型上，加强调研和评估，严把质量关，选用可靠性高的设备，如GIS开关、微机保护设备、真空开关、新式跌落保险、新型线夹等。　　经过全体配电职工一整年的拼搏努力，精心策划、精心施工、精心控制，全面达到或超过了年初制定的目标。99城区配网改造计划投资5774万元，实际完成投资5690万元。总共对市区21条架空线路进行了电缆化改造，共拆除架空线14580米，新敷设电缆41590米，新建16个环网，架空线下地和电缆化改造项目受益的用户有800户左右，互供率提高到74%。 　　假设不改造**局的可靠率可努力达到99.85%，改造后估计以后几年可靠率将维持在99.92%以上，这样，平均每年可以少停电6.13小时，**市城区每度电对工农业生产总值的贡献是15元左右，这样改造后相当于每年可多销售电力80万元，对社会贡献产值1882万元，社会总体经济效益十分可观，意义非常深远。　　硬件上去了，同时还要加强软件建设，99年**副局长结合企业质量体系文件的建立和宣贯ISO9002标准，引入系统工程思想，组织拟定可靠性管理程序文件。用执行贯标程序文件的方式对管理的目标、范围、细则等加以规范、明确，程序文件可有效约束各级人员的管理思想、管理观念、管理方法，使之满足ISO9002标准的要求，严格按程序文件办事，实施规范化，克服随意性。并按照程序文件的要求及时建立质量记录，做到有据可查，追溯失控环节。制定周密的实施计划，并进行宣贯直达所有相关人员。在计划的控制过程中，注意做到了可靠性计划数据的共享性、动态应变性和模拟预见性。始终维护了计划的权威性和一贯性，对于3个浪费时户数的单位加以曝光，进行了处罚。经过一年的程序文件的运作，使得**局比较成熟的可靠性全面管理系统运作得更加高效、严谨。　　再者，99年**局带电作业继续带来了良好的效益，全年共进行了137次带电作业，共节省7787时户，相当于使所有用户全年平均少停电4.66小时。　　由于有97年以来计划停电、故障抢修、基础运行的过硬管理，虽然99年改造项目比98年多了120%，但计划停电时户数只增加了40%。另外**号、***号两个台风正面吹袭**市，占了**局全年停电时户数的15%，其全年配网可靠率指标仍达到了99.852%，在省内列第7位，确属来之不易。　　窗外吹来了和煦的春风，**副局长的思绪又回到了今年的工作。是啊，2000年可靠率指标已经定为99.93%了，可靠性工作怎么开展呢？经过几年的管理，他深深认识到供电可靠性管理工作必须多管齐下、软硬兼施、高瞻远瞩，有全盘控制的决心和手段，并向全员灌输极限式的精益求精的精神。　　不容易！**副局长想起国家电力公司可靠性中心的**老专家来视察时说的话：“在供电可靠性管理领域，我们国家比国际先进水平落后20年”。我们要在510年间向目前的国际先进水平靠齐，是多么艰巨的任务啊！　　“明知山有虎，偏向虎山行！”**副局长想。就是要有敢于追求一流的雄心壮志!开春的工作一定要布置好，手下的几位得力干将是供电可靠率提高左思右想、献计献策的工作先锋，他很想听听他们在这两个月里作了什么思考，是要和他们好好研究一番了……　　本案例是一个综合案例，涉及电力行业适应社会主义市场经济的改革问题，用户供电可靠率指标管理工作的有序组织、有效控制。讨论参考题：你如何看待供电系统用户供电可靠性指标管理的意义？ 你对**局2000年的可靠性管理工作有什么建议 ？ 你认为应该怎样防止电力企业片面追求供电可靠率指标？ 更多相关:  </t>
  </si>
  <si>
    <t xml:space="preserve">甲亢突眼的发病原因?为什么会得甲亢突眼？ </t>
  </si>
  <si>
    <t>　你好：甲亢突眼的原因有许多种，炎症、肿瘤、外伤等均可引起。然而，甲亢并发突眼是多见的。甲亢引起的眼部改变，一类是良性突眼，患者眼球突出，眼睛凝视或呈现惊恐眼神。　　另一种是恶性突眼，可以由良性突眼转变而成，恶性突眼患者常有怕光、流泪、复视、视力减退、眼部肿痛、刺痛、有异物感等，由于眼球突出，使眼睛不能闭合，结膜、角膜外露而引起冲血、水肿、角膜溃烂等，甚至失明。　　甲亢突眼多数与甲亢同时发生，但又有部分患者却在甲亢缓解、或治愈甲亢后、或发生甲减后，突眼出现、加重或恶化。如用西药他吧唑等治疗，病情好转了，但突眼却加重了，又如甲亢以131碘治愈了，甚至出现甲减了，可是突眼却加重了，甚至形成恶性突眼。      单纯性突眼的原因主要是交感神经兴奋，还有甲状腺激素的作用导致眼外肌和提上睑肌张力增高。而浸润性突眼除上述原因外，眶内软组织肿胀、增生和眼肌的明显病变使眼球明显突出，活动受限。患者往往有眼内异物感、眼部胀痛、畏光、流泪、复视、斜视、视野缩小及视力下降，严重者眼球固定、角膜溃疡或全眼球眼炎，甚至失明。      你好，甲亢突眼的原因有许多种，炎症、肿瘤、外伤等均可引起。然而，甲亢并发突眼是多见的。甲亢引起的眼部改变，一类是良性突眼，患者眼球突出，眼睛凝视或呈现惊恐眼神。2、另一种是恶性突眼，可以由良性突眼转变而成，恶性突眼患者常有怕光、流泪、复视、视力减退、眼部肿痛、刺痛、有异物感等，由于眼球突出，使眼睛不能闭合，结膜、角膜外露而引起冲血、水肿、角膜溃烂等，甚至失明。</t>
  </si>
  <si>
    <t xml:space="preserve">关于狮鹫的电容问题各位老大，小弟昨夜好不容易花钱买了艘狮鹫级护卫 </t>
  </si>
  <si>
    <t>要处理这个问题,你可以安上个电容回充器,这样可以极大缓解电容不足的情况.或者换个耗电少的武器跟修理器.还有就是学习提高电容回充技能.别的就没有了</t>
  </si>
  <si>
    <t xml:space="preserve">早上起来肚子像断了一样？我吃了晚饭后，干了很多事才睡觉，但是每次 </t>
  </si>
  <si>
    <t>你好，请问大便情况如何，您的情况说明可能是患有肠炎，建议要保持饮食卫生，先到医院做个便常规检查看看。  您如果有医学上的问题，而不想去医院就诊，可以到 有专业的医生为您解答。</t>
  </si>
  <si>
    <t xml:space="preserve">手雷的问题？为什么手雷一拉就响？它的引爆装置是什么做的？告诉一下 </t>
  </si>
  <si>
    <t>根据发火的种类分为摩擦发火和穿刺发火还有打击发火.所谓一拉发火就是拉发,常见与老式的,就是和火柴一个道理的.也是摩擦发火.需要磷.火绳上有涂层.不过怎么做不能说.军事机密......</t>
  </si>
  <si>
    <t xml:space="preserve">你被西瓜皮害过不？说说你的恨... </t>
  </si>
  <si>
    <t>话说某一天，恒志走在大街上，突然脚下一滑，壮观地摔在了地上的同时，也传来“哎哟喂——”一声嘶心裂肺的惨叫声，恒志叫嚣道：“原来是块西瓜皮，你这块大胆的西瓜皮，你竟敢让我滑倒，你活得不耐烦了吗？”西瓜皮也不甘示弱地爆发：“你不就摔一下嘛，烦不烦啊？我还被你踩了呢！导致我现在伤残，你把医疗费直接汇到我的户头。。。。” 西瓜皮还没说完，恒志就没影了。。。。。。。。。</t>
  </si>
  <si>
    <t xml:space="preserve">似乎现在就有一部份人由于上班环境的因素而导致心态不佳,怎办?其实? </t>
  </si>
  <si>
    <t>如果改变不了现状就改变自已调整自己的心态调整的结果是什么人和人是不一样的有的是换了环境有的是窝一辈子因为饭碗不好找或者自己能力不佳只好窝着了但是窝着的,有好有坏好的是多年的媳妇敷成婆,弄个一官半职的坏的是到岁数退了休,拿着退休金去找乐无外乎这两种结果但是现在人的压力太大了多是银子太少造成的有一项调查很说明问题在远郊区县的人要比城市里的人快乐指数高很多因为他们的压力小什么样的岁数操心什么时候的事二十多岁操心感情问题,今天和你好,明天和他好的.三十多岁操心工作和孩子问题.自己什么时候升官,孩子上什么学校，四十多岁开始撕下虚伪的面具在单位里能争就争,能抢就抢也敢说也敢干了.还美其名曰：＂我都这样了，还怕什么呀＂五十多岁的人开始操心去哪休养了．办个正式退休．退休工资比上班不少拿．那才真是美．在上班的这段日子里．最累的就是工作干成熟练工种，却又没了进展的那一种．愈闷啊</t>
  </si>
  <si>
    <t xml:space="preserve">我想使用游戏里的道具商城，如何购买道具？ </t>
  </si>
  <si>
    <t>游戏内的道具商城是通过玩家充值购买游戏中的欢跃币，需要重新进入游戏，才可以购买道具。</t>
  </si>
  <si>
    <t xml:space="preserve">谷丙转氨酶是84该怎么办？ </t>
  </si>
  <si>
    <t>转氨酶增高说明些什么某机关体检后发现，血清转氨酶（ALT）超过正常值者较多，机关领导认为可能是食堂存在食品及餐具污染问题。为此，该机关为全体干部接种乙肝疫苗。在接种乙肝疫苗时，经常有人讲：“我常在外面饭馆吃饭，所以要打乙肝疫苗。”“我常到外地出差，所以要打乙肝疫苗。”      以上种种对肝炎的认识不够全面和。因为，病毒性肝炎分别由甲、乙、丙、丁、戊、庚等多型肝炎病毒引起。而“病从口入”是病人的粪便污染了双手、饮水和食物，病毒被人吃了进去。经消化道传播，只有甲型肝炎和戊型肝炎。要防止病从口入，接种甲肝疫苗能够预防甲肝（戊肝无疫苗），而不是注射乙肝疫苗。乙型、丙型、丁型、庚型肝炎主要经血液传播。      单纯转氨酶偏高（肝功能异常）还不能确定是病毒性肝炎，确定患上肝炎必须同时具备以下三点才成立。即有肝炎的症状、体征（如低烧、厌油、恶心、呕吐、乏力、食欲差、肝脏肿痛等）和临床诊断（如急性黄疸型、慢性迁延型等）；血清转氨酶增高；病原学诊断（有抗甲肝抗体是甲型，乙肝病毒表面抗原、e抗原和核心抗体阳性是乙型）。再者，个别人单纯转氨酶偏高，不排除在检测前因饮酒过量、剧烈运动、上夜班、感冒或口服某些药物等因素干扰。      如果单位有感染病毒性肝炎的人，就要加强食堂卫生和食品卫生。炊事员必须到卫生防疫机构进行体检、培训，有健康证和卫生许可证，并注射甲肝疫苗。不制作、销售凉拌菜，禁止生食、半生食水产品。彻底灭蝇灭蟑。在外就餐要实行分餐制或公筷制。      部分病毒性肝炎可以通过日常生活密切接触传播。除集体预防接种甲肝、乙肝疫苗外，办公室要定期消毒电话、电灯开关和门扶手，定期清洁电脑键盘、鼠标、显示器。使用电脑前后或食前便后应洗净双手。不得公用茶具、餐具和擦手毛巾。      特别需要接种乙肝疫苗的人群除新生儿、儿童以外，以下人群要接种乙肝疫苗。1、乙肝表面抗原阳性者的配偶及密切接触者；2、医院及服务行业工作者；3、准备拔牙、手术、输血、血透析和针刺者；4、准备文身、美容、修脚及理发刮胡须者；5、静脉吸毒者、同性恋者或性乱者。</t>
  </si>
  <si>
    <t xml:space="preserve">中国的龟类有多少种4种 </t>
  </si>
  <si>
    <t>中国现存40种龟鳖动物仅有6种是中国学者在1934—1997年间发现并命名的，它们是：大头乌龟、潘氏闭壳龟、金头闭壳龟、周氏闭壳龟、砂鳖、小头鳖。</t>
  </si>
  <si>
    <t xml:space="preserve">乡镇卫生院的从业人员资格准入制度 </t>
  </si>
  <si>
    <t>那也要有资格证才可以的，要不是不能在卫生院的。</t>
  </si>
  <si>
    <t xml:space="preserve">我的上司:有请语福缘兄弟胜负彩49期:一。0.900同球半/两球 </t>
  </si>
  <si>
    <t>我晕，把自己的初步分析打字大半天结果回答是爱问要重新登陆就看不到内容了。下面就把直接结果发这里。49期:一。 0.900 同 球半/两球---1.030----3做胆，独赢输半博全看好下盘。 二。 0.910 同 平手--------1.020----13，独赢看好主队最多走盘。 三。 1.070 同 受让半球----0.860----10，独赢暂不介入。 四。 1.080 同 半球--------0.855----31，可以单博3，独赢看好上盘。五。 1.030 同 半球--------0.900----13，独赢放弃。 六。 0.900 同 平手--------1.030----30，独赢放弃，（注意此场和第二场有混淆，可以对换，假如此场双方实力差不多就不变。反之同第二场互换。）七 。0.990 受让平手/半球--0.945----10，独赢暂放弃。八。 1.090 同 半球/一球---0.845----3，独赢看好开单。九。 1.010 同 球半/两球---0.925----3，独赢上盘，大球重心。十。 0.785 同 一球--------1.170----31，独赢下盘。壹。 1.170 同 半球--------0.785----30，独赢放弃。贰。 0.885 同 半球--------1.050----13，独赢暂放弃 叁。 0.770 同 半球/一球---1.190----30，独赢不介入。肆。 0.795 同 球半--------1.160----31，独赢下盘。 个人初步观点，明天再定夺。</t>
  </si>
  <si>
    <t xml:space="preserve">为什么老片子看了N多遍都不厌？上午又看了一遍《地道战》，就是看不 </t>
  </si>
  <si>
    <t>兄弟！人老了，学会怀旧了！不服不行啊！</t>
  </si>
  <si>
    <t xml:space="preserve">噶好的天气，大连附近有哪些特色旅游景点值得去玩呢？我要准备出门啦? </t>
  </si>
  <si>
    <t>大连市内你可以去老虎滩，圣亚海洋世界，星海广场，劳动公园等。金石滩你可以去的地方就是海边，一些场馆设施，比如说蜡像馆，生命奥秘馆等。发现王国貌似已经闭园了，因为天气冷了。旅顺也是一些纪念馆，蛇馆什么的。现在这个季节来大连就可以看到很美的秋色，银杏树叶掉落的街道，经典的202有轨电车你也可以坐坐看。还有很多我想不起来的～</t>
  </si>
  <si>
    <t xml:space="preserve">我想问一下各位，寄样品到国外，主客人付运费，有几种方法呀？我司要 </t>
  </si>
  <si>
    <t>我本人认为最快捷又低廉的样品费/快递费收取（支付）方式是使用网上实时支付，下面介绍三家在国内比较受欢迎的做外贸不可缺少的国际化的网络银行：1、moneybookers（这个一定要注册，客户把钱转到你的moneybookers后，你是能直接把钱转回到国内你的一本通帐户里的，客户转钱给你不收你的费用，你转钱回国内，不论资金多少，都只收1.8欧元。注册的时候一定要真实姓名，跟你身份证的一致，地址也跟你身份证的一致，还要留下你的生日，注册资料一定要记住，也一定要真实，一经注册就不能改了，并且要经过身份确认，确认方法我QQ上再跟你说，如果你英文能看得懂就先注册。请用yahoo或hotmail等国外的邮箱注幔蛭诘挠氏溆惺笔詹坏焦獾男牛鴐oneybookers是用你的注册邮箱作为用户名的，并且你每收到一笔钱都会收到一封通知信），下面这个是注册页面： 2、E-gold（这个不用注册，国际贸易中一般不会有客户会用这个支付的，因为它是匿名的，不过很受国人欢迎） 3、ikobo（这个一定要注册，方法同moneybookers类似，你也可以从国内的ATM中取钱的，不过取出来的是人民币，而moneybookers转到国内的是外汇资金，ikobo在北京设有办事处），下面这个是注册页面： 4、Paypal（这个可以注册，但它的身份确认麻烦些，要用信用卡，并且目前不能直接把钱转回国内，不过我想也快了，因为它是ebay的子公司，主要就是负责ebay的在线支付的，现在ebay收购了国内的易趣，所以我想paypal在国内直接支取款迟早会解决的，目前当当支持paypal支付，所以我paypal里的钱都直接用于当当购物了，呵呵，很合算），下面这个是注册页面： 以上三个我建议注册的网络银行都是以邮箱作为用户名的，每收到一笔款都会有信件通知你，所以一定要用国外的能收到国外来信的邮箱注册，注册资料一定要真实，一个人只能有一个帐户，一台电脑只能注册一个帐户。</t>
  </si>
  <si>
    <t xml:space="preserve">毛拔掉会再长吗？男的，我眼睛周围一圈都长了看得见的细毛了，虽然说 </t>
  </si>
  <si>
    <t>朋友你好！眼睛周围毛发如果不是很多的话可以不予理会，因为毛发的生长能力是很旺盛的，越拔就越多，不影响美观的话最好不用管它。</t>
  </si>
  <si>
    <t xml:space="preserve">奥数题试求出这样的四位数,它的前两位数字与后两位数字分别组成的二 </t>
  </si>
  <si>
    <t xml:space="preserve">设数字前后分别为x,y~ 可得方程(x+y)^2=100x+y~ 所以可化简为x^2+2(y-50)x+(y^2-y)=0 要使方程有解~则(b^2-4ac)〉=0，所以4（y-50)^2-4(y^2-y)&gt;=0 所以y&lt;=25 又可解出x=50-y+或-根号2500-99y 且已知x为整数~所以分别带入0 1 4 5 6 9 发现y只能取25 所以可得x=30或20 所以此数是3025或2025~ </t>
  </si>
  <si>
    <t xml:space="preserve">请问这游戏的背景是什么呢？ </t>
  </si>
  <si>
    <t xml:space="preserve">创世纪元第一章：“天魔之战”天界、魔界、人间界，自创世之初便已同立于世，千年来互无交集、相安无事。创世纪元1539年，一双未知的魔掌开启了魔界与天界的通路，导致天、魔两界激发了彼此旷日百年的，尽管天界最终以胜利者的姿态将魔界封印，但看似强大的天界早已被百年战争消耗得外强中干，这就是史上著名的——“魔界封印战”。创世纪元第二章：“预谋”创世纪元1866年，魔界封印战留在人们脑海中的印记已近模糊，故事讲到这里，本应结束……但魔物天性凶恶，是欲望、侵略、复仇等负面情绪的化身，蛰伏在暗处的他们策划着解除封印、统治三界的计划。创世纪元第三章：“肆虐”创世纪元1868年，时隔329年后，魔掌再次出现，这一次他开启了魔界通往人界的通道。觊觎人界已久的魔物倾巢而出，强悍的力量和残酷的手段使人界军队连连败退，肆意凌虐着这片美丽的祥土。创世纪元第四章：“圣子降临”创世纪元1876年，今天，已经是人、魔战争的第8年，魔界铁蹄多年的掠夺，使人界的生灵早已奄奄一息。恰逢此时，恢复生气的天界派遣使者降临人界，不断帮助人界训练“斗战天神”阻挡魔界的进攻，而战争的天平也因天界的介入逐渐倒向了人界。至此，天、人两界的结盟关系顺利达成，比“魔界封印战”更加旷世的“三界之战”正式打响。创世纪元第五章：“阴谋”创世纪元1876年，强大的魔界终不敌天、人两界联手后的强悍。魔界内部淡淡透出投降和解的呼声，但这一切却因魔界使者的意外暴毙戛然而止……   </t>
  </si>
  <si>
    <t xml:space="preserve">望高手进来看看,我的天堂不能玩了,谢谢我现在只要一进天堂,就会回 </t>
  </si>
  <si>
    <t>升级显卡驱动程序，这个问题主要是游戏程序访问了显卡中被保护的存储区，导致发生冲突。还有一个办法，如果你每次都是在选择人物后进入游戏才出问题的，说明游戏内的显示场景可能会导致如上冲突，你可以换台机子登陆进去后，将角色移动到别的地方然后在回来登陆一下看看。</t>
  </si>
  <si>
    <t xml:space="preserve">有没有人用过排油素和欧美妮美白???效果怎么样???有没有副作用? </t>
  </si>
  <si>
    <t>要买的时候看仔细点 `免得买些假的`` 效果还算可以把</t>
  </si>
  <si>
    <t xml:space="preserve">罗宝线最早和最晚的发车时间是？ </t>
  </si>
  <si>
    <t>国贸站 最早6：55，结束 00：06 ；罗湖站最早发车时间6：30.结束时间为23：006：40 最早。11：30是最晚的。</t>
  </si>
  <si>
    <t xml:space="preserve">一道数学题在一次宴会上，凡出席宴会的每一个人都要跟其他所有的人握 </t>
  </si>
  <si>
    <t>假设有x人，那么每个人要和x-1人握手，所以一共是x(x-1)次；但这是有重复计算的（比如第一人和第二人握手、第二人和第一人握手是一样的，但计算了两次），所以真正的次数是x(x-1)/2，所以x(x-1)/2=136x(x-1)=272x=17</t>
  </si>
  <si>
    <t xml:space="preserve">一般人的学习时间段在什么时候效率最高 </t>
  </si>
  <si>
    <t>早晨6点多，空气清新，思路清晰，而且很安静</t>
  </si>
  <si>
    <t xml:space="preserve">孩子非常爱哭怎么办我家宝宝四岁半了，他别爱哭，遇到一点不顺心的小 </t>
  </si>
  <si>
    <t>孩子的哭有它正面的意义，但哭得不是时候就要找出原因：天生情绪本质负向、惯用哭来达成目的、语言表达能力不够、大人对孩子太凶、或者被忽略的孩子等等，都比较容易表现出爱哭的倾向，你的孩子爱哭是属于哪种原因呢？找出来才有办法协助他。</t>
  </si>
  <si>
    <t xml:space="preserve">烦恼的初中生!!!我是一名初中生,今年就将毕业了,因为我的成绩很 </t>
  </si>
  <si>
    <t>对不起!这个我不知道.但我很理解你的心情,我会支持你的,加油!</t>
  </si>
  <si>
    <t xml:space="preserve">团队有啥用？副本是什么？哪能领？怎么领？70级能在团队干什么？做? </t>
  </si>
  <si>
    <t>团队有啥用？副本用副本是什么？，做完后会有２－８个装备，和道行哪能领？天墉城有个道人旁边怎么领？如果你是团长，你点那个ＮＰＣ，点不要创建副本</t>
  </si>
  <si>
    <t xml:space="preserve">请问怎么建公会啊？？？详细点告诉好吗》》？？？ </t>
  </si>
  <si>
    <t>6个朋友去科城一个房间一起去成立，麻烦你多看看主页与论谈</t>
  </si>
  <si>
    <t xml:space="preserve">请教烟台的工资水平？本人名校计算机系本科毕业，日语一级，对话流利 </t>
  </si>
  <si>
    <t>资历不错，工资大概在5000左右，但是要看你是在国企还是外企了。</t>
  </si>
  <si>
    <t xml:space="preserve">大型犬的食量是多少？养大型狗的来看看请问你知道大型犬成年犬，一顿 </t>
  </si>
  <si>
    <t>如果你的狗狗体重在60斤以上，那么它的胃口会很大，一般来说，它一顿可以吃掉半斤左右的食物。千万不要让它随意吃，因为狗狗都是没有节制的，吃多了对狗狗反而不好。建议一天吃1-2顿，但是不管怎么喂，狗狗的肚子都是吃不饱的，总会找你要零嘴吃。^_^</t>
  </si>
  <si>
    <t xml:space="preserve">我要提问题？攻击元素对武士来说有用吗？如果有用，哪加什么元素才好 </t>
  </si>
  <si>
    <t>当然有用的~如果你够了40级+点的话建议你加破坏 元素只是打怪升级才能显示出作用~例如你去祖玛的话可以用火元素或者暗黑元素，那里的怪物都弱暗黑和火。真天和黑度你可以用火 神圣 风 幻影 去牛洞可以使用神圣 冰。这些元素的东西一般都是武器或者首饰防具所带的~所以本身你升级加点不需要加元素</t>
  </si>
  <si>
    <t xml:space="preserve">嘿嘿~需要大家帮忙哦！！！说了大家可不要笑我哦，一个网友的生日快 </t>
  </si>
  <si>
    <t xml:space="preserve">送该他一个，属于你们才知道的[约定]///让他知道，你还记得你们从网络中，相识 相知  相互关心，到现在成为里知己~~~~~  这会让他，感动的！！！！建议你去试试看//OK </t>
  </si>
  <si>
    <t xml:space="preserve">中指指甲总是从上面中间裂开？今年４３岁，男人，近来，中指指甲总是? </t>
  </si>
  <si>
    <t>您好，请您详细参考一下。短的人心脏较弱,很容易感染到从腹部到腰部,以及下半身的疾患.如果这种指甲的尖端平平而嵌到了肉里去的话,可能易患神经痛,风湿等疾病. 　　指甲下半部狭窄的人,脊以及其他的骨骼都容易感染疾病,特别是那些指甲非常柔软的人,钙总是非常缺乏. 　　贝壳型指甲的人,对脊髓及神经系统方面的小毛病要倍加注意. 　　指甲上白点太多为神经衰弱的症候,有黄色细点,表示是患了消化系统的疾病.指甲上起小细粒是药物中毒或是体内有寄生虫现象. 　　指甲下端的半月形如果很大,是表示血液循环快速.如果小,就是血液循环不好,到 了极度贫血的时候,半月形就会完全消失. 　　指甲上有直线,是操劳过度及用脑过度的证明. 　　指甲上起横线是危险的一种病态开始的时候,横线只在指甲的最下端露出来,随着指甲的生长,而逐渐向上移动,精于此道的人能推断出发病的可能时期。 　　1、健康人的指甲色泽粉红。把十个指甲放在阳光下观察，手指上下移动，如指甲表面有闪耀的反射，那就显示整体健康处于极佳状态，体内各器官的功能都完好正常。 　　2、指甲表面出现棕色的纵纹或纵裂，由指尖向指甲根部延伸，那就显示患有肠道炎症病变或预示维生素缺乏和缺铁等症。指甲部分发白表示缺锌。普通发白表示贫血。指甲上出现带棕黄色的条纹，那是肝脏生病讯号。不过，值得注意的是，此棕黄色条纹要同时显现在十个手指甲上，才是肝病；单独出现并不能作为诊断的依据。 　　3、指甲上若有许多顶针样的小坑内陷，多半是银屑病的晚期病症表现。 　　4、指头有肿胀，指甲上有紫晕，很可能是肺部疾病。指甲变薄变脆，甚至裂开，显示呼吸系统和循环系统有疾病。 　　5、指甲的中间内陷，形同羹匙状，显示已患有糖尿病、贫血、甲状腺功能亢进或营养不良等症。 　　6、指甲下面见到有暗红紫色血斑，常表示患紫癫、血液病等。</t>
  </si>
  <si>
    <t xml:space="preserve">我的背景音乐为什么不自动播放? </t>
  </si>
  <si>
    <t>你只要找到歌曲的地址就可以设成背景自动播放的哦~ 方法如下： 新浪博客是不支持电脑中已下载的音乐上传作博客背景音乐，只能是在网上寻找相对应成功有效的音乐链接地址（URL），音乐链接地址一般可以在百度、搜狗、一搜、雅虎等音乐搜索引擎中找到，然后将其输入播放器或写入代码中实现音乐播放。音乐播放URL最好是填写mp3格式的音乐url地址，否则有可能无法保证音乐能正常播放。 一、使用博客自带音乐播放器设置背景音乐： 个人首页定制播放器   控制面板添加编辑背景音乐（音乐列表中可以放入多达 100 首歌曲链接）：   新浪博客“背景音乐播放器”功能简单介绍：   播放器使用方法：   使用博客里的播放器，实现自动播放音乐： 进入音乐列表编辑，改动第一首音乐的链接地址，变成无效的链接地址从中间删掉一些字符。 例如： 把“  改成：  于是把正确地址“discol/lj33”部分给删除了，变成了一个错误的、网上不存在的音乐链接地址。 因为地址不完整、完全不存在，播放器不能正常成功播放，于是便开始自动播放第二首，而且是连续播放。 二：使用音乐代码设置首页背景音乐（只能一首歌曲）： 登录个人BLOG，然后按如下步骤： 控制面板→首页内容维护→自定义公告栏→点选显示源代码→最后输入： &lt;embed src=音乐链接地址 width=0 height=0 type=audio/mpeg loop="true" autostart="true"&gt; 支持的音乐格式: wma　mp3　rm　ra　ram　asf　mid. 音乐链接地址（URL）一定要在网上找到成功有效的，以播放速度快、品质高的MP3链接为上选。一般在音乐搜索引擎里可以找到（比如百度、雅虎、搜狗等等） width和height为播放器宽度和高度，可以灵活设置到适合的数字，比如190 和 60. autostart="true"为自动播放,autostart="false"为不自动播放. loop="true"为连续循环播放,loop="false"为不循环播放. loop可以等于一个整数,比如loop="3",就是音乐循环播放3次. 你试试吧~很简单的！</t>
  </si>
  <si>
    <t xml:space="preserve">现在在的解答该了``但怎么选答？？答案上又没有数字`就算知道答案 </t>
  </si>
  <si>
    <t>晕啊是不是答案1答案2答案3答案4左边叫你数数笨蛋！</t>
  </si>
  <si>
    <t xml:space="preserve">交流电怎么转换直流电？ </t>
  </si>
  <si>
    <t>1整流--即把交流调整成直流，将交流的正玄波x轴下方波形调整到的X轴上方并保留原来x轴上方的波形，电流是连续的为全波整流。将交流的正玄波x轴下方波形去除只保留x轴上方原有的波形，电流不是连续的的为半波整流。整流后的电流还只是脉冲的。需要元件二极管。全波整流用4个二极管半波整流用一个二极管做2滤波--把波形调整成平稳的直流，用电容可以解决</t>
  </si>
  <si>
    <t xml:space="preserve">什么是虚拟光驱 </t>
  </si>
  <si>
    <t xml:space="preserve">    虚拟光驱是一种模拟（CD-ROM)工作的工具，可以生成和你电脑上所安装的光驱动能一模一样的虚拟光允，一般光驱能做的事虚拟光驱一样可以做到，这的工作原理是先虚拟出一部或多部虚拟光驱后，将光盘上的应用软件，镜像存放在硬盘上，并生成一个虚拟光驱的镜像文件，然后就可以Windows95/98/NT中将此镜像文件放入虚拟光驱中来使用，所以当您日后要启动此应用程序时，不必将光盘放在光驱中，也就无需等待光允的缓慢启动，只需要在插入图标上轻按一下，虚拟光盘立即装入虚拟光驱中运行，快速又方便。虚拟光驱的特点及用途 虚拟光驱有很多一般光驱无法达到的功能，例如运行时不用光盘，即使没用光驱也可以，同时执行多张光盘软件，快速的处理能力、容易携带等。虚拟光驱具有以下特点及用途：（1）.高速CD-ROM虚拟光驱直接在硬盘上运行，速度可达200X；虚拟光驱光驱的反应速度非常之快，播放影象文件流畅不停顿。一般硬盘的传输速度为10-15MB/S左右，换算成光驱传输速度（150K/S）等于100X。如今主板大都集成Ultra DMA硬盘控制器，其传输速度更可高达33M/S(220X)（2）.笔记本最佳伴侣虚拟光驱可解决笔记本电脑没有光驱、速度太慢、携带不易、光驱耗电等问题；光盘镜像可从其它电脑或网络上复制过来。（3）.MO最佳选择虚拟光驱所生成的光盘（虚拟光盘）可存入MO盘，随身携带则MO盘就成为“光盘MO”，MO光驱合一，一举两得。（4）.复制光盘虚拟光驱复制光盘时只产生一个相对应的虚拟光盘文件，因此非常容易管理；并非将光盘中成百上千的文件复制到硬盘，此方法不一定能够正确运行，因为很多光盘软件会要求在光驱上运行，而且删除管理也是一个问题；虚拟光驱则完全解决了这些问题。（5）.运行多个光盘虚拟光驱可同时运行多个不同光盘应用软件。例如，我们可以在一台光驱上观看大英百科全书，同时用另一台光驱安装“金山词霸2000”，用真实光驱听CD唱片。这样的要求在一台光驱上是无论如何也做不到的。（6）.压缩虚拟光驱一般使用专业的压缩和即时解压算法对于一些没有压缩过的文件，压缩率可达50%以上；运行时自动即时解压缩，影像播放效果不会失真。（7）.光盘塔虚拟光驱可以完全取代昂贵的光盘塔，可同时直接存取无限量光盘，不必等待换盘，速度快，使用方便，不占空间又没有硬件维护困扰。安装虚拟光驱后的表现 安装虚拟光驱系统后，使用者可在Windows95/98/NT系统平台上看到一个甚至多个光驱盘符，而且每个虚拟光驱就像真的光驱一样，无论是用MS-DOS模式、还是资源管理器，甚至在控制面板里，也会看到这个盘符，它们就是与真的光驱一样的虚拟光驱祝你好运^_^</t>
  </si>
  <si>
    <t xml:space="preserve">法师的诱惑的问题法师的诱惑几级的都能召唤几级的怪啊!具体是什么怪 </t>
  </si>
  <si>
    <t xml:space="preserve">级低的就不说了 ,直接从24级说 第1:24级招青铜兽. 第2:26级招滚刀手和圣甲虫. 第3:28级招石人. 第4:31级招魔甲虫. 第5:32级招铜锤手. 第6:33级招地下魔域的火烈鸟(不是通天的,通天的招不起) 第7:41级招守护者. 其实还有很多的,也不一一列出,上面我说这些是主要的. 你的诱惑之光最好练到3级,那样才可以招5个宝宝. 1级诱惑之光只可以招2个宝宝. 2级诱惑之光可以招3个宝宝. 3级诱惑之光就可以招5个宝宝了. </t>
  </si>
  <si>
    <t xml:space="preserve">马自达3雨刮片尺寸多少？ </t>
  </si>
  <si>
    <t>推荐一个不错的网站给你，途悦网，商城的中直接输入车型可以找到对应车型的雨刮器尺寸，你也可以拨打客服电话询问客服，他们会告诉你！</t>
  </si>
  <si>
    <t xml:space="preserve">参谋和参谋长有什么区别～～我弄不清楚。爸爸虽然给我讲过，但不知道 </t>
  </si>
  <si>
    <t>参谋长是司令部里所有参谋的顶头上司。担任参谋的都是军官中的佼佼者，有作战参谋、侦察参谋、通信参谋、后勤参谋等分工，各自分管一片。参谋长则要综合各个参谋那里上报的信息，向主官汇报并提出自己的建议，同时要在各参谋的协助下将主官的决策形成具体的命令下达部队。参谋长的级别比主官低半级到一级。例如团长是上校，而团参谋长可以是少校或中校。</t>
  </si>
  <si>
    <t xml:space="preserve">账号无法登陆如题，在用户登陆界面无法登陆，输入错误密码会提示密码 </t>
  </si>
  <si>
    <t xml:space="preserve">敬的客户:    您好！5173回复客服05很高兴为您服务！    请您不要着急！由于您提出的问题需联系客服处理，建议您提供5173用户名再次提问，客服将联系您查询原因。                                                  </t>
  </si>
  <si>
    <t xml:space="preserve">穿了耳朵几个月后耳朵肿了怎么办?穿了耳朵几个月了.这几天右耳就有 </t>
  </si>
  <si>
    <t>发炎了，吃点消炎药或者抹点酒精消消毒</t>
  </si>
  <si>
    <t xml:space="preserve">重注国猪1千已下在信它一次!!!!!!!!! </t>
  </si>
  <si>
    <t>加油，祝您好运</t>
  </si>
  <si>
    <t xml:space="preserve">每天喝姜糖茶会不会上火？ </t>
  </si>
  <si>
    <t>个人见解，会不会看你自己选了。市面上产品那么多，你找到不好的，上火都是小事情了。教你怎么去网上（我只在网上买，因为宅...)选吧。姜糖茶的糖，是黑糖比较好，我不想说原因。这个问题你问下朋友或者到网上查就有答案，打字好累的。我们国内对食品的标准你也是知道的，所以我只能说选姜糖茶最好选进口的。进口的，分为姜汁黑糖，南姜黑糖，纯黑糖，杂七杂八（添加）黑糖等。质量好的来自台湾和日本，台湾相对好些，价格上40-100元/250g不等。不管你去淘宝天猫还是京东，除了价格做导向，注意看下厂址，厂址不是台湾那就是...你知道啦。淘宝/天猫打着台湾进口的好像蛮多，据我所知，好像只有4家是正品，确实是台湾进口的。好像是 童尼 几木朵 呃 其他两家我忘记了饭吃多你会不会撑？但是每天还是要吃饭啊。像姜糖茶这种东西，你要是每天大量喝，不上火才奇怪。就像菊花降火，清心明目，你每天喝上四五杯，管包你手足冰凉，宫寒，月经不调什么的。姜糖茶说起来好像是保健品，实际上我们一直都有喝，像你小时候感冒家里可能就加一块老姜跟红糖一块煮，喝了火辣辣的，感冒什么的全都跑掉。市面上姜糖茶比较好的，像姜汁黑糖，南姜黑糖，四物红糖.....你要是每天都喝的话，建议你喝童尼姜汁黑糖，这个不辣，性温，口感还不错。一天一块，不要过量。要是你本身就比较虚，就是受凉脚凉什么的，可以选南姜黑糖，我只喝过童尼的，因为是台湾进口的，还蛮好喝。我自己也尝试煮过，不是甜到腻就是辣到喉咙痛...欸最后，我是中医粉，所以还是比较姓中医理论的，有些人体质真的就是肝火旺啊，没吃上火的东西就已经是满脸痘痘，口腔溃疡什么的。这样的妹子，还是乖乖的，除来亲戚或者冬天喝下姜汁黑糖，其他时候还是喝些清心明目的降火花茶吧。</t>
  </si>
  <si>
    <t xml:space="preserve">帮忙估价1区90级1838/1245/682/224/206的纯? </t>
  </si>
  <si>
    <t>您好，您的宠稳掉１血２魔因为不知道您宠的技能怎么样和在哪个区所以大约估价在１００Ｗ～１５０Ｗ左右</t>
  </si>
  <si>
    <t xml:space="preserve">补充诗句:(),我以我血溅轩辕. </t>
  </si>
  <si>
    <t>这首诗是鲁迅的《自题小像》全诗为：灵台无计逃神矢，风雨如磐暗故园。寄意寒星（草字头加一个全字）不察，我以我血荐轩辕。轩辕，即轩辕黄帝，中华民族的始祖，在这里代指中华民话。我以我血荐轩辕的意思就是我要用我的血来表达对中华民族的深爱。荐：表达。</t>
  </si>
  <si>
    <t xml:space="preserve">怎么知道怀孕了？ </t>
  </si>
  <si>
    <t xml:space="preserve">要知道自己是否怀孕，一般怀孕前(即下个月月经期10天后可开始出现反应)一般内分泌会引起变化,月经停止,恶心.呕吐,排尿增多,体温增高，乳房变化等。 如何及早发现怀孕 　　如何及时、准确地判断自己是否怀孕是一件非常重要的事情。这样不但可以在不需要生育时及时做人工流产，还可以及早发现并避免宫外孕等意外情况的发生。在最早的时间里发现自己已经怀孕的征兆并不难。你要注意的是： 　　一．是否月经停止? 　　月经停止是怀孕最显著也是最早的信号。你的月经期或许会因为营养、饮食、心情、甚至工种突然改变等种种原因出现暂时的紊乱。但是，如果你何男友近期有过同居的事实，月经期没有任何诱因的推迟了十天，这就应当引起你的高度警惕了。这个时候，你极有可能怀孕了。如果继续停经14天以上，应立即到化验检查。 　　二．你是否出现了“早孕反应”？ 　　如果你的月经期本来就很紊乱，月经已经停止了数周，已经怀孕了自己还不知道的话，到了怀孕的第六周，就会出现恶心、呕吐、乏力、嗜吃酸辣、生猛等所谓的“早孕反应”。 　　三．是否出现了排尿增多？ 　　怀孕8周以后，由于增大的子宫压迫膀胱，会反射性地引起排尿增多，有时甚至高达一小时几次、十几次。排尿的次数增多，但尿量并不增多，并伴有轻度的头晕、恶心等症状。 　　四．是否出现了体温持续轻度增高？ 　　正常情况下，年轻女性在排卵期前期体温较低，排卵期后体温较高。如果你的月经期已经推迟了数周，并且感觉到没有诱因的心跳略快，就需要到药店买一支体温计测量。假如测量结果是一连20天体温都比平常略高，并且居高不下的话，你就极有可能怀孕了。 　　五．乳房是否出现明显变化？ 　　假如你的工作强度大，生活节奏快，已经怀孕了八个星期尚不自知的话，乳房的异常变化对你也是一个重要提醒。怀孕八周以上，乳房会出现胀、麻和微痒感，乳头上的颜色也会日渐加深，乳晕周围会出现深褐色粗大结节。 　　六．是否用“早孕试纸”化验呈阳性？ 　　早孕试纸是一种长条状试纸，在一般的药店和诊所都可以买到，市场价在5元钱左右。因其价格低廉、实用、准确率高而深受打工姐妹的欢迎。早孕试纸可在停经后自己检测。使用前，先将自己的双手及用来检测的杯子清洗干净，然后，用干净的杯子盛尿液少许，将试纸按箭头所指处插入尿液之中三秒钟，然后抽出放在杯子边缘等待片刻。如果是怀孕了，试纸上就会呈现出两条紫红色的短线；如果没有怀孕，试纸上则呈现出一条紫红色的短线。 　　当然，需要说明的是，如果出现以上几种情况，也并不一定是怀孕的表现。恶心、呕吐也可能是由肠胃炎引起；排尿增多也可能是由尿路感染引起。早孕试纸如果出现两条紫红色的短线，也可能是因为你的操作失误。但是，假如你和男友有同居历史并且接连出现以上几种情况，你很大可能已经怀孕了。 </t>
  </si>
  <si>
    <t xml:space="preserve">童鞋们，推荐一些好看且励志的欧美电影吧，感激不尽！ </t>
  </si>
  <si>
    <t>当幸福来敲门天堂电影院阳光小美女贫民窟的百万富翁我的名字叫可罕生活多美好杀死一只知更鸟辛德勒的名单飞越疯人院自闭历程.......</t>
  </si>
  <si>
    <t xml:space="preserve">关于图片的问题怎么才能存会动的图片啊.看到好看的可存不来.教教我 </t>
  </si>
  <si>
    <t>在gif图片上点鼠标右键，选择另存为，之后选择地址，然后保存。（需要搜索，可以在baidu选择高级搜索，然后图片规格限制为gif图片，这样有较大几率收集到gif，也就是你说的会动的图片，但不是所有的gif都会动）</t>
  </si>
  <si>
    <t xml:space="preserve">跪求天下贰登陆界面时候放的曲子是什么？真是太让人陶醉了！ </t>
  </si>
  <si>
    <t>《墨水》，天下贰的音乐真的没的说，从品质大片品位都堪称超级一流！</t>
  </si>
  <si>
    <t xml:space="preserve">心跳过慢吃什么菜好呢?是多蔬菜好呢?还是荤菜? </t>
  </si>
  <si>
    <t>你如果有心跳过慢的症状，光靠吃菜是很难有明显效果的，你可以吃中药《生脉饮》，能有效保护和提高心脉的功能。</t>
  </si>
  <si>
    <t xml:space="preserve">新车漆面如何保养？ </t>
  </si>
  <si>
    <t>新车的漆面: 汽车漆面的厚度仅为20μm（20μm＝1／50mm），莫氏硬度仅为0.4至0.6,相当于2至4H铅笔芯，必须如同少女呵护肌肤那样精心护理，方能永葆新车锃亮鲜丽的色彩。为此，在使用养护中要注意以下几点： (1）车辆使用前、中、后，要及时地清除车体上的灰尘，尽量减少车身静电对灰尘的吸附。 (2）雨后及时冲洗。雨后车身上的雨渍会逐渐缩小，使雨水酸性物质的浓度逐渐增大，如果不尽快用清水冲洗雨渍，久而久之就会损害漆面。 (3）洗车时，应待发动机冷却后进行，不要在烈日或高温下清洗车辆，以免洗洁剂被烘干而留下痕迹。平常自己动手冲洗车辆要用专用洗涤剂中性活水，不得使用碱性大的洗衣粉、肥皂水和洗涤灵，以防洗掉漆面中的油脂，加速漆面老化。如在洗车场洗车，应防止洗车员使用脱蜡洗涤剂，以免漆面受到伤害。特别是行驶在沿海或污染严重地区的车辆，应坚持每天冲洗一次。 (4）擦洗车辆要用干净、柔软的擦布或海绵，防止混入金属屑和沙粒，勿用干布、干毛巾、干海绵擦车，以免留下划痕。擦拭时，应顺着水流的方向自上而下轻轻地擦拭，不得画圈和横向擦拭。 (5）对一些特殊的腐蚀性极强的痕迹（如沥青、鸟粪、昆虫等），要及时清除。对此，必须用专用清洁剂清洗，不可随意使用刀片刮或用汽油消除，以免伤害漆面。 (6)注意不要将带有油污的脏手触摸车身漆面或用油抹布随意擦洗漆面，不要将粘有油污的工具或含有有机溶剂的擦布置于车身上，以免产生化学反应。 (7)漆面若无明显划痕，不要轻易进行二次喷漆，以防止漆色不合或结合不好。 (8)车辆长期停驶，应停在车库或通风良好的地方，冬天应用专用车身罩覆盖。临时停放时，要选择阴凉的地方。 (9)防止对车身漆膜进行强烈冲击、磕碰和划痕。如发现漆面有伤痕、凹陷或脱落应及时进行修补，最好是到美容店修补。 (10)对镀光金属件的清洗，应使用炭精清洗剂，定期对其上蜡进行保护。 (11)对车身装饰件的清洗，要用质量较好的洗涤剂，上蜡时不要擦抹过重，避免穿透漆层而露原形。 不定期对漆面进行上蜡保护并定期(每季度一次)到汽车美容店进行养护，及时恢复车身漆面的亮丽光泽度。除此之外，还可粘贴汽车漆面保护膜。3M漆面保护膜(犀牛皮)为无色透明的漆面保护膜，具有超强韧性。可用于保护车身保险杠、引擎盖、前后车门、后视镜等烤漆漆面，保护车漆面不被轻微擦撞而剐伤掉漆。</t>
  </si>
  <si>
    <t xml:space="preserve">挖掘机有多大的力气如果用铁链扎住挖掘机的力臂硬要开动能不能把铁链 </t>
  </si>
  <si>
    <t>铁链的拉力小于挖掘机的功率，铁链就会崩断；反之就会崩坏挖掘机的零部件，或憋的发动机自己熄了火（死机）。用电动机作动力会使过流跳闸或烧毁电机电缆。</t>
  </si>
  <si>
    <t xml:space="preserve">万圣节活动详情是啥啊？ </t>
  </si>
  <si>
    <t xml:space="preserve">“不给糖吃就捣乱”万圣节活动特辑      “不给糖吃就捣乱”这句话相信很多玩家都在上见到过。万圣节是西方小孩非常喜爱的节日，在这个节日期间，他们可以随意敲开邻居家的门，大喊一句：“不给糖吃就捣乱！”这样邻居只能乖乖的交出已经准备好的糖果。      《人生OL》里也不例外，在下周的万圣节期间，游戏中同样准备了万圣节活动，完成任务即可领取万圣节奖励，同时如果你见到了GM的话，也可以对他大喊一声：“不给糖吃就捣乱！”^^!活动1： 『万圣节嘉年华』活动时间：10月26日—10月31日          全天活动内容：      一年一度的搞怪、欢乐万圣节马上就要到啦，《人生OL》第一个万圣节嘉年华也将在浪漫庄园地图举办哦！活动期间，所有玩家都可以在主城领取万圣节任务，前往浪漫庄园地图，参加在那里举行的，在嘉年华。届时，嘉年华区域内将出现大量红色彩蛋，收集一定数量的彩蛋，即可在嘉年华兑奖员处领取节日奖励哦！为了确保大家及服务器的安全，嘉年华限制入场人数为200哦！晚了就要排队啦！这个万圣节，让我们一起在人生OL搞怪吧！活动介绍：1、万圣节期间，在浪漫庄园地图将开放特殊万圣节彩蛋；2、您可以在主城NPC“小小南瓜使者”处领取万圣节任务，任务指引用户进入浪漫庄园地图，寻找节日npc "万圣节使者"；3、采集所得物品，可以在万圣节npc"小小南瓜使者"处换取奖励；活动奖励：30个万圣节彩蛋=南瓜梦幻亭X130个万圣节彩蛋=怪叔叔X120个万圣节彩蛋=双倍经验卡X320个万圣节彩蛋=双倍技能卡X35个万圣节彩蛋=南瓜糖10个万圣节彩蛋=10000家园财富礼包活动2： 『小梦发糖果』活动时间：10月26日—10月31日          每天 19:00 – 20:00活动奖励发放时间：11月1日活动内容：万圣节到了，我们的GM小梦为大家准备了特有的节日糖果和礼物，欢迎大家在活动期间前往我们的小梦博物馆领取哦！数额有限，千万别错过咯！同时，大家也可以互相上门索要万圣节礼物，被“讨债”最多的玩家，我们将根据家园人气排行进行评选及奖励发放哦！活动介绍：1、 GM将在小梦博物馆不定时随机摆放一定量奖励商品柜2、 玩家可以在活动期间，前往小梦博物馆使用很少的金额购买道具3、 道具为万圣节饲料，万圣节肥料，南瓜糖，一次1个，定价为14、 玩家同时可以使用好友门，互相拜访5、 活动结束后，将对服务器查询人气最高的玩家，发放奖励活动奖励：多种万圣节神秘礼物注：万圣节活动将在服务器更新之后开启，请各位玩家在更新之后参与万圣节活动。&gt;&gt;&gt;点击抢注属于你的人生账号&lt;&lt;&lt;&gt;&gt;&gt;精彩田园测试专题内容&lt;&lt;&lt;&gt;&gt;&gt;新手全攻略，手把手解决您的人生疑问&lt;&lt;&lt;首款模拟人生网游《人生OL》官网地址: 《人生OL》官方论坛: </t>
  </si>
  <si>
    <t xml:space="preserve">帮忙撰写英文书信~根据以下提供的材料组织一篇函电，须具备函电的基 </t>
  </si>
  <si>
    <t>　　　　　　　　　　　　　A ompany,　　　　　　　　　　　　　No. 123 45th Boulevard,　　　　　　　　　　　　　Brooklyn, New York　　　　　　　　　　　　　USAAttn: B Co. Ltd.No. 67, Changning Rd.Shanghai 000000P.R.C.Dear Sir,   We are pleased to be informed of the name and address of your company by J&amp;M Co. Ltd. U.S.A. From the information we have obtained, we believe that your company is one of China's important potential purchasers of cotton cloths.　   As cotton cloths are within our sphere of business, we would very much like to establish a direct business link with your company. Please find enclosed with this letter a brochure of our products and a price list. We hope they will facilitate your understanding of our cotton cloth exports. We will send you our offers and samples by air mail on receiving your detailed inquiries.   Yours faithfully,   E. B. Smith   (Signature)   Chief Sales Inspector   A Company</t>
  </si>
  <si>
    <t xml:space="preserve">只想问下，那么多人卡号了就不管？ </t>
  </si>
  <si>
    <t>我的号也被卡了...从昨天就进不去了....</t>
  </si>
  <si>
    <t xml:space="preserve">绝对菜鸟问题～～老是听人说种地，请详细解释下传说中的种地到底是什 </t>
  </si>
  <si>
    <t>额……种地就是用种子在怪物身上播种，打死怪物后收割可以得到果实，再用果实和npc换取材料。种子有级别限制，种地的时候有2个条件：一是要在购买种子的领地种，二是人物，怪物级别不能与种子相差5级，后者只影响播种成功率。播种后系统会提示是否成功，播种失败还可以再次播种。成功了怪物也不会变成蓝色。但是基本操作和收集是一样的，种地必须有收割机~500元一个从庄园管理员处购买，怪死了立刻收割即可得到果实。选择与自己级别相符的种子，才能多收获果实。种子分改良和不改良的，改良种子不影响成品材料的掉落，但成功率极低，并且不存在只适合倍血怪的说法，种单血怪和倍血怪都是收割一个果实，成功率25%；不改良种子播种成功后不掉落成品和材料，但是在适合你级别的范围内100%成功。</t>
  </si>
  <si>
    <t xml:space="preserve">我买的是海尔原装的电脑，配置是512内存，处理器是奔D双核2.8? </t>
  </si>
  <si>
    <t>那是你的系统里沉积了大量的垃圾文件，使得系统变慢的，你可以用超级兔子优化一下，要是不会的话，也可去我的空间，有个简单的清除系统垃圾的小程序</t>
  </si>
  <si>
    <t xml:space="preserve">01年10月30日的两厢富康？有一台2001年10月30日富康轿 </t>
  </si>
  <si>
    <t>你好！依你所述车型，如此车无大事故，无大碰撞，发动机运转正常，手续齐全的情况下，此车目前综合市场行情约在3.8-4万元左右，此价格仅供参考。感谢您关注、信任艾普二手车。</t>
  </si>
  <si>
    <t xml:space="preserve">这个宝宝能要吗?大家好．我１月１７日做的药流，没流干净，于是２月 </t>
  </si>
  <si>
    <t>最佳答案: 你好！首先祝你早生贵子！我来给你谈谈关于孕妇“人工流产后怀孕”的问题。人工流产与正常生产分娩相同，都要在子宫内留下相应的创伤。而且流产后还要进行刮宫处置，对子宫损伤较大。这些创伤需要至少3个月的时间才能修复。另外，由于妊娠、流产、刮宫等，人体的生理周期也发生了变化，其完全恢复也需一段时间。　　所以，从子宫创伤的修复和人体生理周期的调整等角度来看，都不宜在流产后马上怀孕。应让子宫和身体通过一段时间的调整、休息，得到充分的恢复，这样才能保证下次妊娠的高质量。　　但如果休息不到3个月就怀孕了，也不一定要中止妊娠。可在医生指导下等待自然分娩，因为不等于没有经过3个月的休息，母亲、胎儿就一定有问题。　　尽管如此，通过3个月左右的恢复仍然非常有意义，这样可以放心地受孕、分娩。3个月的时间也是短暂的，可以通过这段时间调整情绪、恢复身体，准备下次妊娠。以上回答如满意，请不要辜负我的一片好意，及时采纳为答案。</t>
  </si>
  <si>
    <t xml:space="preserve">求救！处女号的航海图在哪？那个航海图藏在什么位置？我只知道坐标， </t>
  </si>
  <si>
    <t>这任务是在沉船收集4样东西的是吧，满久前做的了，记不清楚了。  靠海港近的那沉船，东西在船仓里中间层（杂货拦里和船尾桅杆支座上）。 离的远的那沉船一张在船仓尾中间层，另个在这船底的沙子上。</t>
  </si>
  <si>
    <t xml:space="preserve">我想问一下：双鱼座女生配什么星座的男生最合适？以前的答案都不太详? </t>
  </si>
  <si>
    <t>小仙女般的双鱼座等待梦中王子。　　双鱼座的女性神秘、浪漫、感性、女性化，而且充满诗意。她渴望住在神话的城堡中，有俊伟的王子相伴。她有无穷的创造力、想像力和直觉的智慧。总之，她是个有无人能解的魔力的小仙女。　　不幸的是，许多男子没法满足她的期望，迫使她不是保持距离，就是发挥自己的想像力来弥补对方的缺点。迟钝、举止失当的男性最令她受不了，只想要逃开。事实上，她这麽做是明智的。　　理想上，双鱼座的女孩希望找到能让她忘掉今夕是何夕的伴侣，至少也要不时接到对方表达爱意或献小殷勤。她倾心的对象是能化腐朽为神奇的王子型人物。最好有用不完的点子，把无趣的一面完全排除在两人的小天地之外。所以她的理想对象必须具备多彩多姿的想像力。　　她觉得自己容易受伤害，常在身边筑起一道墙保护自己。由於双鱼座有神秘的特质，她会把自己的恐惧深埋在心中。心弦被触动的一刹那，她会变得害羞胆怯，害怕自己得不到同样深厚的回报。　　双鱼座的女性能创造最浪漫的亲密关系，让伴侣情不自禁地深深爱她。她唯一的问题就是对爱情神话的强烈渴望，可能令世上每一位男子都满足不了她的期望。　　凡间的王子并不多，超凡绝俗的爱情也不寻觅。不过双鱼座的女性可以靠自己。发挥创造神奇经验的本领，让想像力冲向极致，先创造特独的个人世界。同时，她应该打破王子公主的迷思，跳出令沉醉的神话传说。别再把自己的梦加在对方身上，因为没有人能扮演她梦中的完美偶像。把梦想留在梦中，活在现实世界的她，需要更务实的择偶精神。 双鱼座女子与十二星座种男人白羊座　　有时候他对你的情绪不耐烦,而你总是会因为他的粗心大意而觉得沮丧。金牛座　　他忠实的爱让你觉得温暖而有依靠,但偶尔的大发雷霆和牛脾气,你就必须忍耐一下罗。双子座　　跟他在一起,你可能受伤的机会很大,你总在担心自己是否只是他一时的玩伴而已。巨蟹座　　这样的男人可能是最能给你安全感的,你们的情绪总能彼此配合、了解。她也会耐心的培养你「金钱观念」。狮子座　　你们的星相并不合,但彼此之间都有极大的吸引力。国王般的狮座令你倾心,而你的温柔完全满足他男性的虚荣。处女座　　他是个良师益友型的男人,他或许不能配合你的浪漫,却能给你实际的安慰和帮助。天秤座　　开始的时後,彼此或许会互相吸引,但是你的幻想在他的理性分析之下,会变得荒谬又太情绪化。天蝎座　　他浓烈的情爱完全符合你的起伏汹涌的情绪,是可以轰轰烈烈爱一场的对象。射手座　　他是直率耐心的。因此,许多时候你们都完全不能配合,或许保持朋友的关系会比较理想。摩羯座　　在许多方面你们访得很好,而且有着互补的作用。这是可以成为你精神支柱的男人。水瓶座　　他会试图去理解你的喜怒哀乐,但步调上依然难以配合,你也无法适应水瓶座男子的漠然态度。双鱼座　　两只鱼的搭配,自然「永浴爱河」的机会很大。就怕情绪暗潮汹涌时,两人会游向相反方向。 巨蟹座－－合适度９０％天蝎座－－合适度９０％金牛座－－合适度７０％摩羯座－－合适度７０％双鱼座－－合适度７０％白羊座－－合适度５０％狮子座－－合适度３０％天秤座－－合适度３０％水瓶座－－合适度３０％双子座－－合适度１０％处女座－－合适度１０％射手座－－合适度１０％</t>
  </si>
  <si>
    <t xml:space="preserve">右肾有多枚直径6mm的结石怎么治？ </t>
  </si>
  <si>
    <t>肾结石的治疗不仅包括消除结石，保护肾功能，而且应尽可能找到并解除病因，防止结石复发。    1．一般治疗1)饮水：患者每日应大量饮水，以维持每日2～3 升尿量，并尽量做到睡前饮水和夜间起床时饮水。   (2)饮食调节：采用低嘌呤、低钙、低磷、低草酸的饮食，限制高蛋白、高脂肪饮食，增加纤维素食品摄入。   (3)急性肾绞痛的治疗：当肾绞痛发作时，可使用阿托品、哌替啶、吗啡、山莨菪碱、黄体酮和地塞米松等治疗，较好的消炎、解痉止痛作用。   (4)排石治疗：包括中、西药，解痉，利尿，针灸等，对结石排出有促进作用。   (5)控制感染：根据细菌培养及药物敏感试验合理选用抗菌约物。   (6)预防结石药物：包括：①降低结行盐或酸饱和度的药物，如噻嗪类(降低尿钙和草酸)、磷酸纤维素(减少肠道对钙的吸收)、正磷酸盐(提高血磷，间接降低尿钙)。此外，碱性药物可增加尿中胱氨酸和尿酸的溶解度。口服别嘌呤醇，可降低血尿酸水平及促使尿酸排泄而治疗尿酸结石。②增加尿抑制结石形成药物，如镁剂、枸橼酸钾、正磷酸盐等。③干扰成石促进因素的药物，如乙酰半胱氨酸、丙氨酸等。   2．体外冲击波碎石(ESWL)    (1)治疗指征：一般认为适用于直径小于2．5 cm的肾结石(孤立肾者应小于2 cm)，结石远端无尿路梗阻，患侧肾功能良好。并注意禁忌证。    (2)治疗方法：目前以低电能、少冲击次数，分次疗程为宜。双肾结石原则为分侧碎石，先碎阻塞尿路侧；同侧肾、输尿管结石，应先处理输尿管结石，解除梗阻后，再治疗肾结石。治疗间隔应大于2周，孤立肾结石、小儿肾结石应适当延长间隔时间。    ESWL的并发症：可分为两类，一是冲击波本身引起的副损伤，二是碎石和排石过程引起的尿路梗阻，尿路感染。在ESWL过程中，应牢记患肾更易受损的概念，盲目追求将结石粉碎，短期内反复多次冲击，必然造成肾脏累积性损伤，保护肾脏是ESWL治疗肾结石需要遵循的一条重要原则。    3．腔内手术    (1)经皮肾镜取石或碎石术(PCNL)：适用于&gt;2．5 cm的肾结石、ESWL残留结石或未被粉碎的结石；移植肾、马蹄肾、旋转异常的肾结石亦可实施PCNL术。既往曾行开放手术者也可施行，特别要注意拟定穿刺径路，避免损伤邻近脏器。对于大结石需与ESWL并用时，宜采用PCNL、ESWL再行PCNL的顺序。碎石方法有气压弹道碎石、超声碎石、液电碎石、激光碎石等。    (2)微创经皮穿刺输尿管镜肾结石取石或碎石术(mini—PCNL)：该手术具有取石率高、恢复快的优点，而且创伤小及并发症少，必要时同时治疗某些上尿路疾病如肾盂输尿管连接部梗阻等。也可以同时多通道微创经皮肾穿刺取石。    (3)经尿道输尿管镜肾结石碎石术：适应证：①肾外型肾盂，且结石位于肾盂；②肾上盏结石，则上盏与输尿管腔相对较直，结石的长径≤3 cm，且为单个结石；③同时并有输尿管结石。    4．腹腔镜下肾盂切开取石适于肾外型肾盂孤立结石。多采取腹膜后径路。   5．开放手术        (1) 肾盂切开取石术：适用于&gt;1 cm的肾盂结石，或易从肾盂钳取的肾盂肾盏结石。肾盂肾盏内多发性小结石、结石碎屑、小盏内不易钳取的结石及残余结石可用凝块法肾盂切开取石术。    (2) 肾窦内肾盂切开取石术：适用于肾内型或结石较大经肾盂切开取石易造成肾盂撕裂者。肾盂切开难以取出大结石，也可采用肾盂切开、气压弹道碎石取石术。    (3) 肾实质切开取石术：适用于鹿角形肾盂肾盏结石或肾盏内的多发结石、经肾盂无法取出或不易取净的结石。需广泛切开肾实质，则要求肾脏局部低温。    (4) 肾部分切除术：对局限于肾上盏或肾下盏的多发结石，特别是肾盏颈部有狭窄时，肾切开取石或肾盂切开取石都不易取尽结石，此时可行肾部分切除术，将肾上极或肾下极连同结石一并切除。    (5) 肾切除术：结石引起肾严重破坏、功能丧失，或合并肾积脓时，而对侧肾功能良好者，可切除患肾。消除结石梗阻，恢复、改善肾功能是肾结石治疗的最根本目的。目前国内外对肾结石的治疗主要采用：①药物治疗、②ESWL、③腔取石或碎石术、④腹腔镜下切开取石、⑤开放手术。治疗应尽可能选择方便、创伤小、效果好、并发症少的方案，同时还应注意减少结石复发率。近十余年来，尿石症的治疗有突破性进展，EswL是适合多数患者方便、安全、有效的重要治疗方法，已在临床广泛应用。研究表明ESWL并非无创，反复多次治疗，对肾组织有一定损伤，甚至可造成肾功能的不可逆丧失。治疗后特别是石街形成引起的严重梗阻，不及时解除，会带来严重后果。腔内手术具有创伤小，除石率高，恢复快等优点，符合手术日趋“微创化”的发展方向。存在结石形成的梗阻因素，手术中应一并解除。积极寻找结石形成原因，采取预防复发措施。手术取石约有3％～10％的结石残留，多不影响肾功能。术后结石复发率较高，达18％～60％，ESWL次数不宜超过5次，否则影响肾功能。</t>
  </si>
  <si>
    <t xml:space="preserve">我到底是一个怎样的人？我是心里有疾病么？大家好，来这里寻求大家的 </t>
  </si>
  <si>
    <t>不论在什么单位，总会遇到这样那样的困难以及与同事之间的不和谐的，但总不能改变他们啊，要自己去适应，有的人，本身就不喜欢跟他们同流合污，而选择自己创业，但创业是需要勇气和资本的，你不行就创业吧，做自己的事业，这样怎么都是快乐的，从地摊生意开始，另外，你有那么多时间打游戏，为什么不多积累技能和知识呢，有那么多时间泡网，那么为什么不开网店呢。跳槽是没意义的，也许新单位的人更令你讨厌，别指望上班是件快乐的事情，不过就是生存而已，就业的目的就是生存嘛，而真正快乐的事很多，只是你不去发现而已。</t>
  </si>
  <si>
    <t xml:space="preserve">定焦镜头和长焦广角镜头有什么区别 </t>
  </si>
  <si>
    <t>定焦镜头是不能变焦的，也就是画面不能拉近、推远。这类镜头大多光圈很大，是拍人像的首选镜头。广角长焦是说一个镜头的焦段比较长，既有广角又有长焦的镜头，是拍摄风景的首选镜头。例如焦距28－200mm镜头，广角端就是28，长焦端就是200</t>
  </si>
  <si>
    <t xml:space="preserve">买东西,怎样划价还不被挨骂?我一直以来,都不会划价.比如说要价2 </t>
  </si>
  <si>
    <t>去第一家的时候不要还价，当你快走了的时候卖主一般会说一个他想卖给你的价……你不要回头，这时的你已经对这个东西有点底了，所以当你去其它家的时候稍微压一点价就行了，因为你去的前几家卖主说的价肯定是有赚的嘛！！！有时候不是很想买就不要还价了，免得遭骂！</t>
  </si>
  <si>
    <t xml:space="preserve">人活着是为了什么？？？？？？我为什么活着？？？？ </t>
  </si>
  <si>
    <t xml:space="preserve">    要弄清人活着是为什么，首先应弄明白人是什么。  人不过是茫茫宇宙中一个小小的地球上的生物中的一种罢了，是宇宙的物质际会而成的一种特殊的物质形态。只不过这种物质构成有了生命，有了较高级的思想。人类和其他物质有一样的特征，产生、灭亡、转化等。他的意义就是体现了宇宙之中物质的一种转化和存在。他不可能影响宇宙的根本。而且将来消灭或转化为其他形态后，人类也就消失了。（当然不排除其他星球上有类似人的动物。）有了思想的人们面对这茫无边际的宇宙和自己可悲的命运,十分不甘心,极力想找到自己生存的“伟大意义”,以区别于其他的物质其他的生物。但是理智告诉我们：人会和其他的物质其他的生物有本质的相同点,只不过思维稍微高级一点,但却无法跳出宇宙，这个事实。所以"人为什么活着"这个命题,如果你想针对宇宙、自然，就只能是妄想。如果你把这个命题相对化，不是针对宇宙，而只是针对人类自己（包括“我”）的生存延续问题，这个命题才具有意义。再说，一个人的出生并不是你自己的意志，是人类、父母把你生下来的，所以你的临世不可能有你自己的出生目的。你的出生“目的”是大自然、人类、父母“强加”给你的。所以个人的人生观必然和人类、父母的“目的”有共同的切合点，形成个人人生观当中的“社会意识”（后边将谈及）部分——延续人类。所以，不管你意识到没意识到，人活着的目的只能是：如何使人类自己（包括“我”）在宇宙中存活的长一些，好一些。人类，包括整个人类社会（大我）和“我”自己（小我）这样两个端点，所以不同的个人的人生观也就在这两个极端之间选择着：    １、以自己个人为中心，为标准。活着就是一切，一切都是为了我活着。我的欲望第一。（可以“小我”代称）    ２、以社会为己任。我是人群、氏族、父母生养的，所以我同样是他们中的一分子，没有他们就没有我。所以我要讲回报讲责任。也要为人群社会及亲友尽责尽力。（暂以“大我”代称）尽管因为个人的生物本能具有先天的自我性，从而形成了个人人生观中的“小我”部分。但社会意识（“大我”）一定会通过社会、环境的影响注入个人的人生观中，只是程度不同罢了。个人世间处事时，总是在小我、大我两者之间权衡的（尽管有时是下意识的），只因个人的条件不同，认识不同，就有人侧重于自我，有人侧重于社会。 实际上两种绝对极端的人是很少很少的，甚至于没有。目前流行的人生答案中有所谓价值说、所谓心理平衡说，也无非是在这两极之中找“平衡”和“价值”罢了。譬如，“只要自己快乐满足就是了”的说法。似乎以个人为标准，但也有人为别人为社会服务感到了愉悦，所以持这种论点的人也存在那两个极端的差异。应该明确一点，“小我” 追求自我价值、自我快乐满足，如果能以合理合法，不主动掠夺伤害他人的原则来约束自己，这样的“自我者”也是可肯定可尊重的，特别有些人在社会上奋斗时碰扁了，只得回头缩在自己的圈里。因为自我的生活就是整个人类的生存组成的一部分，个人生存的好也是整个人类生存的好的一部分。我们不要否认这种“小我”的生存意义。在积极的人生观和消极的人生观中,也有大我与小我之分。例如，目前流行的“追求人生自我价值的实现”之说，是一种积极向上人生精神。但是，他们在“自我价值”的判断上，也同样存在为小我还是为大我的选择。如果是极端小我主义者，这种人有时将十分可怕，他有时为了自我价值的实现不择手段，不惜牺牲其他人甚至是整个人类社会的利益；如果是大我主义者，往往会鞠躬尽瘁、舍己为人，将是难得的好人。  又例如消极的人生观——各种宗教的关于人生的答案。面对人类存在的相对性和“我”死亡的必然性，心理羸弱的人会非常恐惧，于是，各种宗教应运而生，以来世、天堂、灵魂、极乐世界等虚幻的东西来麻醉这些恐惧的心理。说到底，这只是一种麻醉，可做一种“心理疗法”，心理脆弱的人不妨一试。但是你如果当真，“一醉不醒”，那将浑浑噩噩了却自己一生。辜负自己作为“人”在宇宙中走一遭的唯一机遇啊！。 作为社会，作为“别人”，当然喜欢大我之人了。当大我之人多了，这个社会就温暖了。但是人的本能的生存需求和理智的局限性决定了，小我是不会不存在的！特别是当社会处在极不公平的时候，心理的不平衡和自卫的需要，还会使小我主义非常凸现。但是我又相信，随着人类理智的发展进步，人人为我、我为人人的思想终究会占上风。世上多数人意识到的“人生意义”，诸如说人是为追求金钱、名利、事业、艺术、爱情、快乐满足．．．而活着等等。其实这些吸引着“我”为之努力的东西，是由个人的爱好、特长、欲望、能力、倾向、环境、感情等决定取舍或侧重的。现实中一个人会选择其中的一项或多项作为自己奋斗和追求的目标，成为富翁、军事家、画家、雕匠、棋迷、情种、义侠、、、许多人就是把这些追求认作自己的人生目的的。这些东西有所谓“生不带来死不带去”的特点。这也就常使我们哀叹、怀疑为之努力有没有意义。其实这些“目的”不是最终意义的，它们只是副属于个人浅层的认识、直接的欲求，应该称之为“生活样式”或“生活道路”比较恰当，也可称之为“第二层次人生目的”。应该看到，这些第二层次人生“目的”，构成生活的具体内容，只要为之有“度”，可使得生活绚丽多姿，激励人的生活的积极性。如果否认它们就可能会消极人生无所作为。这些人生“样式”，受第一层次人生目的的制约，在大我、小我的权衡上不同会导致徊异结果。例如金钱，权衡有道，则会是金融家、富豪；违法失道，则会身败名裂。例如爱情，梁祝之爱可余音人世，强奸夺爱会伤人害己。以上我罗嗦的是：人活着的意义在之于人类（包括“我”）的延续，在于如何使人类自己（包括“我”）在宇宙中存活的相对的长一些，生活得好一些。这是大自然、人类、先辈和“我”的人生意义切合点，是自然和理念的共鸣。（好多人是意识不到的）。人，要明白自己是个什么，不要以为自己是个人就无比崇高不切实际，或者因为免不了“一堆黄土”而浑浑噩噩无所追求。对自己不要太刻薄，也不要太迁就，根据自己的爱好、能力、感情、环境条件，力所能及地为自己为别人为社会作事，把自己有限的一生过得有滋味些吧！.</t>
  </si>
  <si>
    <t xml:space="preserve">左腹疼而且还一直拉肚子吃了拉肚子药也不管用 </t>
  </si>
  <si>
    <t>你好根据上述描述您的情况应该是由于肠痉挛等引起的建议首先清淡饮食和晨起喝淡盐水等同时建议必要时可以口服654-2片和肠炎灵等药物的</t>
  </si>
  <si>
    <t xml:space="preserve">成人高考在哪报考？那些培训班是教育中心认可了的吗？ </t>
  </si>
  <si>
    <t xml:space="preserve">你在北京? 北京广播电视大学 </t>
  </si>
  <si>
    <t xml:space="preserve">请教一个法语句子Unecouched'airchaudenalt </t>
  </si>
  <si>
    <t>在高海拔处的一股热气层使使空气更冷，而且增加了地面的污染。</t>
  </si>
  <si>
    <t xml:space="preserve">游戏进不去，老是显示“GameGuard的更新没有完成。请暂时中? </t>
  </si>
  <si>
    <t>先重启下机器，如果不行，在关闭360和一切杀毒软件，不运行任何程序，还有看你是否是最新登陆器，还不行的话就卸载重装，最好装系统</t>
  </si>
  <si>
    <t xml:space="preserve">怎么样把音乐添加到音乐库中 </t>
  </si>
  <si>
    <t>一般博客不支持中已下载的音乐上传作博客背景音乐，所以首先要在网上寻找相对应成功有效的音乐链接地址（URL），音乐链接地址一般可以在百度、搜狗、一搜、雅虎等音乐搜索引擎中找到，然后将其输入播放器或写入代码中实现音乐播放。音乐播放URL最好是填写mp3格式的音乐url地址，否则有可能无法保证音乐能正常播放。使用博客自带音乐播放器设置背景音乐，简单地说，就是将音乐链接地址输入“控制面板”中的“我的音乐”链接中。下面以新浪博客为例详细说明，其他网站博客的设置方法也是大同小异，可以互通：个人首页定制播放器 控制面板添加编辑背景音乐（音乐列表中可以放入多达 100 首歌曲链接）： 新浪博客“背景音乐播放器”功能简单介绍： 播放器使用方法： 使用博客里的播放器，实现自动播放音乐：进入音乐列表编辑，改动第一首音乐的链接地址，变成无效的链接地址。比如从中间删掉一些字符。例如：把“ 改成： 于是把正确地址“discol/lj33”部分给删除了，变成了一个错误的、网上不存在的音乐链接地址。因为地址不完整、完全不存在，播放器不能正常成功播放，于是便开始自动播放第二首，而且是连续播放。</t>
  </si>
  <si>
    <t xml:space="preserve">怎样选择？当您面临一个相对重要的事件时，您会曾样面对？请用简单的 </t>
  </si>
  <si>
    <t>“一颗红心，两种准备！”谢谢您！！！</t>
  </si>
  <si>
    <t xml:space="preserve">喝蜜对皮肤有用吗前几天在超市里买了一瓶蜜来喝,听说对皮肤好,本来 </t>
  </si>
  <si>
    <t>应在每天清晨起床后，用一杯温一开水加一茶匙纯蜜，空腹喝下，会起到很好的美容及身体保健作用。</t>
  </si>
  <si>
    <t xml:space="preserve">女人是否都很任性?似乎这是一种普遍现象. </t>
  </si>
  <si>
    <t>女孩子的任性也不是对任何人的。只有在对自己喜欢或者对自己在乎的人面前才会变得任性。</t>
  </si>
  <si>
    <t xml:space="preserve">请问拥有英特尔&amp;reg;酷睿&amp;#8482;2双核台式机处理器比以? </t>
  </si>
  <si>
    <t>由于改变了设计思路，大幅减少了流水线长度，所以酷睿能够在低主频的情况下获得高性能。而低主频的好处就是降低了功耗，使CPU发热量减少，不再需要恐怖的散热系统和供电系统，风扇转速的降低和数量的减少，电脑也变得安静一些。</t>
  </si>
  <si>
    <t xml:space="preserve">性交时被顶的好痛肚子觉得涨涨的，有点疼，那是什么原因，你们有这种 </t>
  </si>
  <si>
    <t>有的妇女在做爱时或之后会发生小腹疼痛，究其原因，可能主要由以下几个方面造成：1、外来压力刺激。从解剖学角度而言，女性的尿道、膀胱底部与阴道相邻，子宫及其附件与阴道的关系十分密切。做爱时，由于受外界的压力刺激和性欲亢进时的充血，生殖器官以及盆腔组织器官会出现不同程度的收缩、痉挛，从而发生腹痛。2、做爱急躁粗暴。在房事过程中，男子过于急躁粗暴和挤压，导致女性腹部压力增高，腹腔内的肠管运动受到刺激，引起肠管逆行蠕动，可发生腹部疼痛。3、前列腺素影响。在男子的精液中含有一种叫前列腺素的物质，这种物质可刺激妇女子宫收缩，尤其是妊娠后的妇女。</t>
  </si>
  <si>
    <t xml:space="preserve">半路夫妻幸福吗?我的两个领导都是已经离婚的,他们两在一起同居,但 </t>
  </si>
  <si>
    <t>半路夫妻情更深呀.况且是都没有了原来的老婆.我分析是:     一是还没有感情基础.是充忙结婚的.     二是把夫妻当成了领导了.谁也不服谁.     三是还在想念自已的原配.不够协调.     四是家中还有反对的群体存在.怕他们说忘恩负义.     五是性格和兴趣.看问题 角度不同.差异较多.  我想想只有这样的半路夫妻才会感情不太深了.你说对吗??</t>
  </si>
  <si>
    <t xml:space="preserve">问下帐号问题问下大家我网通的玩了个8区号由于得买统一（10元一月 </t>
  </si>
  <si>
    <t>劝你最好不要去找什么交易平台去卖，能自己卖就自己卖150的话高了点  100可能会卖的出去主要不是满级的，而且装备太差，专业技能也没满</t>
  </si>
  <si>
    <t xml:space="preserve">各位老师们，我持有的002024和600638高度被套，咋办呢现? </t>
  </si>
  <si>
    <t>002024均线支撑有力，建议16，7----17，2附近可以适当补仓，摊低成本，可以长期持有，600638上升通道完好，可在箱体适当做高抛低吸，可中线持有！！！！！</t>
  </si>
  <si>
    <t xml:space="preserve">在温度特别高的情况下。。。U盘会不会使用到烧掉的可能呢 </t>
  </si>
  <si>
    <t>不会，温度特别高也要看高到什么程度？环境温度也不会超过五~六十度吧？如果U盘不能用了，而且是表面特别汤手，那是U盘里面的元件短路损坏了。</t>
  </si>
  <si>
    <t xml:space="preserve">啥时能玩啊!!我等了N年了 </t>
  </si>
  <si>
    <t>兄弟，我们那些朋友都说等到５月１号，如果不出公测的话，那我们不会再等拉，希望大家等多几天，５月１号不出大家一起去玩别的，</t>
  </si>
  <si>
    <t xml:space="preserve">下面二支股票下周如何操作600586金晶科技600680上海普天 </t>
  </si>
  <si>
    <t>600586 应折机出局.600680 视大盘而动.</t>
  </si>
  <si>
    <t xml:space="preserve">我冲好了钱，金币没给我，不是VIS先冲了15块，金币给我了，后来 </t>
  </si>
  <si>
    <t>大哥  我冲了好几张30了  都给我了  这是为什么啊?</t>
  </si>
  <si>
    <t xml:space="preserve">谁能给我一个剑侠情缘的秘芨呀 </t>
  </si>
  <si>
    <t>好像是Shift+F6还是F7,从左上角看到有一个不断变化的数字。然后再按Shift+G,就应该可以无敌了。</t>
  </si>
  <si>
    <t xml:space="preserve">关于防御,所有玩家都希望得知的问题,高手请进!角色的防御如何分档 </t>
  </si>
  <si>
    <t>是百分比的计算,50雷防就是别人打你,你雷防为0时掉1000血的话,50雷防就是掉500血,好象就是这么计算的,毒防的话是按每次掉的血乘以毒防百分比的.</t>
  </si>
  <si>
    <t xml:space="preserve">请教专家产后小腹经常腹痛我爱人生小孩已经5个月，因为月子里有一次 </t>
  </si>
  <si>
    <t>不用太担心吧 那也许是体质虚弱的表现 生小孩是很消耗体力的 不过还是应该加强营养 注意休息3个产后不适调理法　　1、体虚　　分娩时失血过多、用力、疼痛、创伤，都会导致气、血、津液的耗损，就是体质再好也会感到从未有过的虚弱。虚弱会带来一系列的不适症状，如眩晕、出汗、便秘、小便不利等等。　　调理法：　　中药膳食可以帮助新妈咪的身体尽快恢复，可以在的指导下，选用党参、黄芪、当归、麦冬、枸杞、山药、桂圆、核桃仁、黑芝麻、莲子等煮粥或煲汤喝。　　2、血淤　　分娩时胞宫的脉络被损伤，导致脉络淤阻不通，旧血停留，经气郁滞。从而出现腹痛、小腹硬满、恶露不尽等淤血停滞的症状。　　调理法：　　经常对腹部施以自我按摩，可以促进血脉流通；也可以采用桃仁、黄酒、玫瑰花、三七、鸡冠花等进行食疗。　　3、体虚而易感　　由于气虚血弱而致身体对环境的适应能力下降，产后经常怕冷怕风，容易患感冒，关节冷痛。　　调理法：　　以往民间的很多产后禁忌就是针对这一点而形成的，所以新妈咪还是应该科学地看待这些禁忌。不是不能洗澡和洗头，而是要水温适度。要避免身体被冷风吹，避免盆浴。月子里也可以外出，条件是在气温适宜的时候，但不能身体带汗，尽可能地多穿一件外套。也可以刷牙，但要用温水，做家务用水时要尽量使用温水。　　8个常见产后病患调理法　　1、眩晕　　分娩时用力伤气和失血过多，使血液不能送达脑部而感到头晕目眩，伴食欲不振、恶心、发冷、头痛等症状。一般在产后几天内，随着气血逐渐恢复会慢慢好转，不过有时也会持续一段时间。　　调理法：　　不要急于下床，产后至少要卧床休息一天。起来活动时要有人陪护，尽量放慢动作以免晕倒摔伤。可以服用乌鸡白凤丸，也可在家采用食补，如取羊肉500克洗净切片，取黄芪50克、当归50克、大枣10个、生姜1块，用慢火炖烂，吃肉喝汤。　　2、出汗　　由于产后需要排出体内积存的大量水分，所以新妈咪出汗是正常的。但汗液会很快带走体表的热量，因此要注意保暖，不能贪图凉快而一味地减衣服。如果出汗过多，感觉到口干舌燥，或者超过一周仍然汗出不止，说明是气虚不能固表，可以通过服用中药来调理。　　调理法：　　可以服用玉屏风散(丸)，也可以服用浮小麦羊肚汤，即取浮小麦50克用纱布包好，羊肚200克切片，加水后放在一起煮熟，喝汤吃肚片，会起到一定效果。　　3、便秘和痔疮　　分娩耗伤气血津液，肠道缺少推动力和滋润，再加上产后卧床时间长，导致气机不畅，所以新妈咪常常会出现便秘。产后超过3天未解大便，就表示出现了便秘。大便干燥、坚硬，排出异常困难，很容易引起痔疮，增加痛苦。加上分娩时会阴伤口的疼痛，一想到排便就会有一种恐惧感，也促使便秘形成一个恶性循环。　　调理法：　　产后，首先要预防便秘的出现。如果新妈咪在产前就有便秘的习惯，产后应该及早下床活动。饮食上避免辛辣刺激食物，多吃富含粗纤维的蔬菜等，要注意多喝白开水。注意养成定时排便的习惯，形成条件反射。可以服麻仁润肠丸等润肠类中成药，还可以选择药膳，如取核桃仁5个捣烂；桃仁20克去皮捣烂；黑芝麻20克炒熟研烂；蜂蜜50毫升(找到两样以上即可，配齐更好)，与适量粳米煮粥，早晚喝。　　4、小便不利　　产后气虚，导致排尿功能障碍，发生排尿困难，小腹胀满急迫，坐卧不安，或小便次数增多，甚至日夜数十次，或排尿不能自行控制。　　调理法：　　如果新妈咪在产后不能自行排尿，帮助新妈咪坐起，尝试听流水声音以刺激排尿。也可以用温热的生理盐水冲洗外阴，对小腹施以按摩，并点按关元穴(肚脐下三寸)。如果症状几天后没有缓解，在中医的指导下服用益气利尿的中药，或服用补中益气丸，也有一定的效果。　　5、腹痛　　产后小腹出现阵痛或隐痛，疼痛发作时能摸到收缩发硬的子宫，大多属于宫血瘀阻。如果受寒引起恶露排出不畅，会使疼痛更为加重。　　调理法：　　注意保暖，保证充足的休息，尽早下床活动，以刺激肠蠕动和气血运转。益母草冲剂也有一定的效果，可以每次服用一袋半，每天两次，或取山楂30克、红糖30克、干姜面5克用水煎，一天分两次服用。体质虚弱的产妇，可以吃传统的百补鸡，方法为党参、白术、茯苓、炙甘草、熟地、白芍各10克；当归20克，川芎6克，洗净后用于净纱布包裹浸湿；然后取肥母鸡1只，把500克精猪肉切碎、500克猪骨打碎，将鸡、猪肉、骨、药包一起放入锅中，加水适量，用武火烧开，打去浮沫，加入葱、姜少许，再用文火烧至鸡肉烂熟，去药包，吃肉喝汤。　　6、恶露不尽　　恶露是产后排出的血水，一般在三周内排干净，也有一些新妈咪因身体较虚弱会延至六周才净。如果超过六周仍然淋漓不断，称为恶露不尽，大多数是由于寒气凝滞、血淤不通造成的。常伴有腰酸痛、下腹坠胀冷痛。恶露排出不畅，会影响子宫复旧，甚至会影响全身恢复。　　调理法：　　过去中医讲究产后服用生化汤，几乎成为月子里的一道程序，因为生化汤能帮助产后气虚寒弱的新妈咪尽快排出恶露，效果是很明显的。因此，可以居家做一些生化汤粥，如取当归15克、川芎10克、桃仁10克、干姜7克(用火烤黑)、甘草3克，加水和少量黄酒煎煮，取汁去渣，再和淘洗干净的粳米50-100克煮为稀粥，放入红糖适量，每天喝1-2次，趁温热喝下。　　提醒一点，生化汤不适用于产后仍然表现出火热症状体质的新妈咪，服用之前还应该请教中医。中成药生化丸也有一定效果。　　7、四肢疼痛　　又称为产后身痛或产后风，产后风寒湿邪很容易袭入经络关节，造成四肢关节疼痛。做家务接触冷水，往往会落下手指关节疼痛的毛病，衣裤单薄可以引起膝关节、肘关节疼痛，鞋袜不暖则容易患足跟痛。　　调理法：　　如果能够积极地预防，可以尽可能避免产后四肢疼痛的出现。如果出现症状，尽快予以治疗也不会留下什么后患。首先，要保证疼痛部位不再受寒，多吃一些含钙高的食品，如牛奶、黄豆制品、虾仁；或适量服用钙剂，如葡萄糖酸钙、乳酸钙等，疼痛就会慢慢缓解。如果疼痛没有改善，可以服用中药，但最好有中医指导。　　8、四肢疼痛　　如果在产前没有做好乳房保健，如注意乳头卫生，避免乳头破损；或在产后乳汁淤积，没有及时排空，如果同时又有细菌侵入，乳腺往往就会造成急性炎症。表现为乳房胀痛、乳汁结块排乳不畅、发烧和怕冷。如果未能及时治疗，就会继续发展成乳房脓肿，最后脓肿破口流出脓液。　　调理法：　　产后尽量采取母乳喂养，喂奶后要用吸奶器排空剩余乳汁，注意不要让宝贝养成叼着乳头睡觉的习惯。情绪不畅也会造成泌乳功能失调或乳汁淤积，所以要学会调节自己的情绪。另外，过多的进食高热量和辛辣刺激性食物易使脾胃热盛，诱发乳腺炎，饮食要尽量清淡和营养平衡。　　乳房肿痛可采用油木梳背部由乳房四周向乳头方向刮摩；也可外用如意金黄散和米醋调开涂抹乳房，随干随换；或把仙人掌去刺后捣成泥外敷，一天2-3次；也可以服用中药粥，方法是蒲公英60克、金银花30克先煎汤，再下粳米100-150克在汤中熬成粥，不拘时喝。早期症状不重时可以坚持喂奶，但如果乳房红肿疼痛症状加重，甚至形成脓肿则应停止喂奶，立刻到医院就医。</t>
  </si>
  <si>
    <t xml:space="preserve">我家的小狗生病了，夜晚咳喘？我家的小狗生病了，夜晚咳喘，胸前长了 </t>
  </si>
  <si>
    <t>10年的老狗相当于70岁的老人啊。可能是天冷受凉了，给它穿件衣服，喂点感冒药可能会好的。</t>
  </si>
  <si>
    <t xml:space="preserve">工行现货白银手续费是多少？工行现货白银手续费能降低吗？ </t>
  </si>
  <si>
    <t>工行的纸白银是没有手续费的，点差是0.04元/克。</t>
  </si>
  <si>
    <t xml:space="preserve">扫描隧道显微镜就是STM吗 </t>
  </si>
  <si>
    <t>是的，扫描隧道显微镜(Scanning Tunneling Microscope)，缩写为STM.</t>
  </si>
  <si>
    <t xml:space="preserve">魔兽世界估计什么内测？？？？？？ </t>
  </si>
  <si>
    <t xml:space="preserve">  根据威迪旺（暴雪老板）消息，，应该是10月压盘，11月上市内测，按照一般规律内测2-3个月，预计在明年1-2月份可以公测，也就是寒假。  不过北美内测应该在11月就结束了，不出意外，11月就开到北美公测服务器去体验体验了。  至于中国大陆嘛，我想最快也要元旦吧，个人希望在春节左右，嘻嘻，放假时有的玩了。 ：）  去看新浪游戏魔兽世界专区呀~~~~~~~  参考文献：新浪游戏魔兽世界专区 </t>
  </si>
  <si>
    <t xml:space="preserve">一打开网页就弹出的窗口?现在我在开机第一次打开网页时,就会自动弹 </t>
  </si>
  <si>
    <t>建议安装一下插件直接清除，如3721等，如果你的傲游，下载一下清除烦脑就可以了。</t>
  </si>
  <si>
    <t xml:space="preserve">氧立得制氧机不制氧我买了台氧立得制氧机A2000,但不制氧。过滤 </t>
  </si>
  <si>
    <t>如果还在保修期内，可以拿到销售点要求修理或调换。如果已经超过保修期了，可以拿到专业电器修理店维修。如果对销售店的处理不满意，可以向消协和工商局投诉。</t>
  </si>
  <si>
    <t xml:space="preserve">明日走势如何？明日大盘走势如何？ </t>
  </si>
  <si>
    <t>连续上涨，需要调整。</t>
  </si>
  <si>
    <t xml:space="preserve">有一邻居跟我借钱.答应每月一分利.请问这属于高利贷吗.现行高利贷? </t>
  </si>
  <si>
    <t>借贷的利率只要超过或者变相超过国家规定的利率，即构成高利贷。如果你们间订立了这样的借款合同，该合同不受法律保护！如果他到时候不给你那么多利息，你告到法院，法庭是不会支持你的诉讼的！</t>
  </si>
  <si>
    <t xml:space="preserve">肚子上长毛肚脐上面和肚脐下面一条线上长毛，大约有一个食指的长度（ </t>
  </si>
  <si>
    <t xml:space="preserve">    正常现象，没难看的，请放心好了。祝你快乐。</t>
  </si>
  <si>
    <t xml:space="preserve">我好喜欢PAPA的中国风情比萨，都是用什么材料做的啊？ </t>
  </si>
  <si>
    <t xml:space="preserve">1、饼皮材料 ：干酵母3克,中粉200克, 糖4小匙 盐2/3小匙,黄油25g披萨汁：糖2/3大匙,盐1/6小匙 黑胡椒 1/6小匙,披萨草2/3小匙，以及刨好丝的马苏里拉奶酪100g2、温水溶于酵母，搅拌均匀，与面粉，糖，盐,黄油混合成面团 3、揉好的面团，盖上保鲜膜，放一旁发酵。也可以放微波炉，再放一杯开水进去，产生热气和湿气，帮助发酵（不过PIZZA饼皮要求没有那么严格，根据自己口感把握需要发酵的程度就可以了）面团放一旁发酵了，开始准备PIZZA汁和其他材料了。这些是PIZZA汁的材料：洋葱1/4个，蒜头3瓣（洋葱和蒜头可以根据喜好适当增减），橄榄油8克（可以用黄油或者色拉油代替），番茄沙司2大匙、水3大匙，（注意噢，番茄沙司和番茄酱不是同一个东西！），糖1/2大匙 盐1/8小匙 黑胡椒 1/4小匙  牛至叶（PIZZA草）1/2小匙4、洋葱蒜头剁碎（剁得碎一点比较好）5、炒锅加热，放入橄榄油，将剁碎的洋葱，蒜头放入，炒香（颜色开始变黄）；将番茄沙司，水，糖，盐，黑胡椒，PIZZA草全部加入，待开，关火即成PIZZA汁6、准备的PIZZA饼皮上要加的材料,切丝的马苏里拉奶酪（80克），红椒丝，火腿丝，甜玉米粒 （自家喜欢什么就加什么吧，多少也自己把握，这些是比较随意的）7、面团取出，滚圆，放PIZZA盘上松弛10分钟8、待面团松弛完成，用手推啊推，直到将起推到盖满PIZZ盘，成一个饼。边上稍注意一点，给推个边起来。上面用牙签扎孔。9、PIZZA汁抹到面饼上，边缘就不抹了。抹好之后，铺一些奶酪丝，差不多10-15克左右就好了。10、准备的材料除了剩下的奶酪丝以外，全部铺到饼皮上。饼皮边缘刷上鸡蛋液11、烤箱预热200度PIZZA入烤箱中下层，200度，上下火15分钟取出，将剩余的奶酪丝铺上，入烤箱，再5分钟左右，奶酪丝化掉，即可  </t>
  </si>
  <si>
    <t xml:space="preserve">复仇者联盟怎么样“？ </t>
  </si>
  <si>
    <t>非常不错，作为娱乐片来说。每一个角色的特点都被表现的很好，钢铁侠的洒脱不羁、队长的战士风范、雷神的高傲自大、绿巨人的愤世嫉俗、乃至鹰眼的箭、黑寡妇的性感、独眼老大的气派……感觉唯一不足的是3D效果不是特别出彩。其他都很好，值得一看，再看。</t>
  </si>
  <si>
    <t xml:space="preserve">猜歌曲名*。*！只是我还放不开对你太依赖只是我还不能够释怀只是我 </t>
  </si>
  <si>
    <t>《放开》爱乐团</t>
  </si>
  <si>
    <t xml:space="preserve">感情问题，请教大家！有一个男生很爱我，为了我去上海工作，他愿意去 </t>
  </si>
  <si>
    <t>如果和他在一起让你感觉很累、很痛苦，那么你就要好好想想，自己是不是该下个决定了。为了爱一个人而改变自己？这一说法其实真的不该被认同，因为每个人都有属于自己的本色，让这个人彻头彻尾的改变成别人喜欢的样子，是很难的，毕竟这些习惯、爱好、性格等等都是从小时候就有的，要改变也只是表面，从根上彻底的翻个， 那根本不实际，就算是狠下心改了，那么这个人还是他自己吗？不是了，是一个连自己都不熟悉的陌生人。所以支持你不愿意改变的想法，人不仅是为爱的人而活，更要为自己而活。这个男人应该还是比较专横的，希望自己关心的人，按自己拟好的模子去做，可是出发点也许是好的，但方法却用错了。是否和一个人在一起，首先要考虑的条件就是，和他在一起是否令你开心快乐，如果没那种感觉，他只带给你压迫感，那么就要好好考虑一下了，因为如果选择了他的话，这种压迫感可能会永远伴随自己了</t>
  </si>
  <si>
    <t xml:space="preserve">我非常喜欢涂指甲油，但是听说里面含有有毒物质怕伤害到指甲，请问有? </t>
  </si>
  <si>
    <t>爱美女性请尽量少用指甲油，一定要使用时，应选用正规厂家生产的优质指甲油。同时，晚上应及时清洗掉指甲油，减少指甲油在身体上停留的时间。涂指甲油和清洗指甲油时要在通风的环境，减少挥发性物质的吸入。你可以去看看绯丽美妆，020-85551162。</t>
  </si>
  <si>
    <t xml:space="preserve">52级以后哪些任务需要那些药草还有就是可以在哪些地方挖，说清楚点 </t>
  </si>
  <si>
    <t>青草 50个木蝴蝶 5个千金子 5个在那里刷就不知道了,忘记了.你打怪看到就挖吧.青草打到就留着,或者去收吧.</t>
  </si>
  <si>
    <t xml:space="preserve">遇到感情问题，超烦到现在都还喜欢他（交往了不到一个月而已啦），可 </t>
  </si>
  <si>
    <t>也许人都有一种好胜心理吧，得不到的东西都要想方设法去得到，不然总会感觉失去了什么；有专家说爱情就象小时候与伙伴争玩具一样，争完了也只会扔一边去，重新寻找新的玩具；但争不到玩具的那一个孩子觉得很委屈，明明是自己的呀，怎么就是抢不到？要摆脱这种心态，也许只有在更有诱惑力的对象出现在你的面前，比他还要强一百倍时，你就会彻底放下他了！所以，你没必要继续和他一起，还不如重新寻找比他更优秀的男朋友吧！</t>
  </si>
  <si>
    <t xml:space="preserve">你好牛呀我那些股票如何操作，都观望吗？600458，600869 </t>
  </si>
  <si>
    <t>这两股观望一下吧，你其他的股票还有哪些的，我记不得了</t>
  </si>
  <si>
    <t xml:space="preserve">金庸小说中提到"侠之大者，为国为民"，这是由书中的哪位人物提出的 </t>
  </si>
  <si>
    <t>金庸小说中提到"侠之大者，为国为民"，这是由书中的哪位人物提出的？----郭靖。</t>
  </si>
  <si>
    <t xml:space="preserve">天津哪家医院肠胃科比较好! </t>
  </si>
  <si>
    <t>滨江医院，很专业的，离滨江道不远很小的时候就听大人们说，肛肠病就到滨江医院千万别信电视广告上的什么：大胡同医院、华北医院…  那些小破地方…祝病患早日康复啊</t>
  </si>
  <si>
    <t xml:space="preserve">没有电流就一定没有安培力吗有一根导线在磁场中切割磁感线，但是没有 </t>
  </si>
  <si>
    <t>没有，根据F=IBL，没有电流L=0,所以F=0。没有安培力。</t>
  </si>
  <si>
    <t xml:space="preserve">弓箭能挂机吗？我是渝洲豪情的~~我新玩这个的2D游戏的~~什么都 </t>
  </si>
  <si>
    <t>弓箭手是可以挂机的，而且从挂机效率来讲弓箭手的效率是很高的。至于小秘书，只要把自动锁怪，自动攻击，自动拾取，自动返回挂机地点的勾都勾上，然后选择1个练及的地点就可以了，技能上面放几个耗蓝少的技能，不然蓝很容易跟不上，主要还是依靠物理攻击（暗弓主要依靠技能攻击），等到42及以后建议搞1套吸血带闪的装备挂机就更轻松了红都不用带的。</t>
  </si>
  <si>
    <t xml:space="preserve">公司花钱建的网站算是固定资产吗？ </t>
  </si>
  <si>
    <t>网站建设费3570元金额不大，可以直接计入管理费用或营业费用。如果建设费金额较大的话，可以记入“长期待摊费用--网站建设费”，然后分期摊销。</t>
  </si>
  <si>
    <t xml:space="preserve">魔兽世界怎么安装啊??装好客户端1.52版本后是只要装1.80版 </t>
  </si>
  <si>
    <t>安装游戏客户端,运行launch.exe,输入账号密码,进入人物列表,点击重新启动,然后就等待,直到显示更新完成按钮</t>
  </si>
  <si>
    <t xml:space="preserve">脑筋急转弯什么人在刀尖上走？ </t>
  </si>
  <si>
    <t>溜冰运动员。</t>
  </si>
  <si>
    <t xml:space="preserve">白云深处有人家(打一七言唐诗) </t>
  </si>
  <si>
    <t xml:space="preserve">山在虚无缥缈间 </t>
  </si>
  <si>
    <t xml:space="preserve">猪肉涨价到底是到什么时候的才会是结束啊？ </t>
  </si>
  <si>
    <t>涨到多数人买不起时，没人吃的起。</t>
  </si>
  <si>
    <t xml:space="preserve">患了白癜风可以喝酸奶吗？ </t>
  </si>
  <si>
    <t>你好！白癜风患者可以喝酸奶的。平时多吃一些含有酪氨酸及矿物质的食物，肉（牛，兔，猪瘦肉），动物肝脏，蛋（鸡蛋，鸭蛋，鹌鹑蛋），奶（牛奶，酸奶），菜（新鲜蔬菜，以及萝卜，茄子，冬笋，木耳，海带等）豆（黄豆，豌豆，绿豆，豆制品），花生，黑芝麻，核桃，葡萄干，螺，蛤等贝壳类食物。同时，应忌食辣椒，酒类，无论是啤酒还是白酒；忌食西红柿，因西红柿含有大量维生素C。而维生素C能中断黑色素的合成，从而阻止了病变处黑色素的再生。其它含有维生素C多的食物如桔子，柚子，杏，山楂，樱桃，猕猴桃，草莓，杨梅等尽量少食或不吃。</t>
  </si>
  <si>
    <t xml:space="preserve">怎么才能让肚子上的肉肉变少呢？ </t>
  </si>
  <si>
    <t>腹部法 大腹便便的肥胖者要消除腹部多余的脂肪，可以把以下动作单独或结合进行锻炼，每天做一次，每次15分钟左右，坚持三个月定能获得显著效果。１.仰卧举腿：躺于地板或床板上，双腿伸直，并拢，运用腰腹部力量尽可能把双腿抬起，直抬过头顶，使腰背和臀部离开床板向上挺直，然后轻轻地放下距地板一厘米处，依此反复进行。２.仰卧起坐：两手换于头部，身体伸直或屈膝，连续做坐起、躺下的动作，反复进行。３.仰卧屈体：运用腰腹部力量向上举腿，同时双臂向前平伸屈体，使双臂与双腿在屈体过程中相碰，连续进行几次。４.转臂划圆运动：身体放松，直立，两腿分开与肩同宽，两臂向前平举，从左至右，再从右至左方向划圆，左右交替各做30次,每日２至３遍手臂向上划圆时吸气，转至向下划圆时呼气，做到呼吸调匀，动作不宜过快，速度适中，坚持几个月，可消除腹部脂肪。５.女性腹部减肥操：人背脊要直，坐着或站立均可，自然缩回腹部，坚持大约50秒，然后放松，每次做20分钟，做此运动时，呼吸保持正常，不可停止呼吸，每天重复多次，定会收到较好效果。走路缩腹小腹变平 从胸腔吸气，是大多数人习以为常的呼吸方法，不过，健美养生专家建议，想减肥的人应该尝试"腹式呼吸法"。腹式呼吸的方法很简单：吸气时，肚皮涨起；呼气时，肚皮缩紧。虽然刚开始可能不太习惯，甚至突然变得不知道该怎么呼吸，但腹式呼吸法对于练发声的人而言，却是必要的训练，因为它一方面有助于刺激肠胃蠕动、促进体内的废物排出，另一方面也能使气流顺畅，增加肺活量。想要体态更苗条美丽，关键在于"缩腹"。整天坐在办公桌前的上班族，都经常抱怨自己小腹太大，甚至在涂抹了一大堆燃脂、瘦身产品之后，还是没有消退的倾向。 其实只要平常走路和站立时，用力缩小腹，配合腹式呼吸，让小腹肌肉变得紧实，就能达到瘦身的功效。也许前一两天会觉得很辛苦，走两步路就又不自觉地突出小腹，但只要随时提醒自己，几个星期下来，小腹就会逐渐趋于平坦。第一组：仰卧起坐（一） 　　 平躺于地，双手交叉置于胸前，双腿微弓，如一般仰卧起坐，起身然后躺下，重复数次。至于次数则可视个人体能来决定。体力较差或久未运动者，可借助于其他帮助，如借助衣柜抽屉勾住双脚，或请人帮忙按住脚背，以便起身。另外双手向前平伸，或轻置脑后，都能帮助运动者轻易起身，虽然效果不如双手交叉于胸前的好，但很适合已有啤酒肚的初运动者练习。 　　 第二组：仰卧起坐（二） 　　 将双脚交叉抬高做仰卧起坐。难度较第一组高，效果亦较第一组强。若想加强上腹肌，此组是较为理想的运动。此外，亦可利用圆凳子，取代双腿抬高的姿势：取高矮适中的圆凳一个，双脚搁于其上，与身体保持90度直角，此种做法可以减轻初运动者的负担，但效果与双腿抬高交叉者相同。 　　 第三组：曲膝抬腿（一） 　　 平躺于地，双手紧贴地板，双腿曲膝抬高（愈胖的人，膝盖可愈弯），再放下，反复数次，有助下腹肌的锻炼。 　　 第四组：曲膝抬腿（二） 　　 坐于地板上，以臀部为支点，双臂撑住地面，双腿弯曲抬高，再放下。肥胖男子可利用此法来有效地收缩小腹。 　　 第五组：侧腹肌训练 　　 一手置于耳后，一手紧贴地面，分别往左右方向做仰卧起坐，反复数次。在做此组运动时，背部必须紧贴地面，侧 起身的臀部亦只能略为抬起，不可离地面过远，否则易导致背部受伤。 　　 第六组：侧身曲膝抬腿（一） 　　 利用无把手的长沙发椅，侧身双腿自然垂落地面，双手交叉胸前，曲膝抬腿。同样地，臀部必须紧贴椅面，即便是侧面抬腿也需与椅面尽可能保持平行，勿抬过高。重复数次后做另一侧 。 　　 第七组：侧身曲膝抬腿（二） 　　 侧躺于地，弯曲手肘，以支撑头部，然后单腿曲膝抬起，放下，重复数次，再做另一侧。 　　 此组运动除可锻炼侧腹肌外，亦可结实臀部肌肉，很适于一般欲保持身材的男子练习。 　　 第八组：悬吊抬腿运动 　　 利用公园里的单杠或双杠，双手拉住单杠，然后膝盖微弯抬起，再反复。运动时切勿双腿晃动，也勿打直。此运动是很好的强化腹肌运动。诚心为您回答，希望可以帮助到您，赠人玫瑰，手有余香，如若对回答满意，给个好评吧O(∩_∩)O~</t>
  </si>
  <si>
    <t xml:space="preserve">请问为啥DH一和人族对付就死?我用DH和人族打对方如果出MK或A </t>
  </si>
  <si>
    <t>1.敏捷型英雄护甲比较高，不会那么容易挂。2.如果对方首发或者次发mk，DH可以考虑技能用抽魔，mk会很头痛。因为mk贫魔，会变成一个高级步兵。事实上，在可以召中立英雄的地图上，hum VS NE不会次发mk，因为被DH的抽魔限制了，而会出娜嘉海妖3.低等级的英雄血少防低，这不是玩星际，英雄的等级很重要。4.ne一定要用勤用保存权杖，DH红血的时候另外一个英雄把DH保存回去。5.大决战前把钱用光，特别是要用医疗卷轴（中立商店买，最好n个，部队普遍黄血时使用）和守护卷轴（中立商店买，一个足矣，开战的一刹那使用）可以大大加强单位的存活率。</t>
  </si>
  <si>
    <t xml:space="preserve">140平方米的房子怎么装修好看点而且价格低? </t>
  </si>
  <si>
    <t>对于没有看到面积，没有了解业主需要的时候，任何估算的方式都有些不太准确，所以我将中会出现的最基础内容和价格写在上面，这样您可以根据您的需要来选择其中的内容，同时我不希望这些内容被反复转载，因为市场在变，价格也在不断的变化中。任何复制文章的人请注意，再复制请选择这个，因为2008年从材料到人工都有很大的涨价趋势！！如果您需要只属于您的报价内容，可以再与我联系。第一，墙基层处理，估计每平米3元。产生这部分费用的原因是：走电线后的墙体弥补，墙缝隙处理，保温层间隙弹性腻子，建筑穿门洞修补，对于特殊需要位置的整体挂布，的确良就行，丝格布更好。小提示：如果您的基层相当的好，这部分钱可以省下。这一部分在装修的报价中是看不到的，一般情况下会做到墙体涂料中，或者墙面基体修补中，一般的标明方式：墙体找平修补，以实际发生量计算。但是对于一般做过水电开槽或者内墙保温等方式下，都要整体施工。第二，墙体涂料粉刷，1.美巢墙衬加富亚六合一植物漆，每平米37元。2.美巢墙衬加多乐士漆，每平米30元。3.美巢墙衬加普通漆，每平米27元。4.821腻子加普通漆，每平米25元。小提示：如果您使用底漆模式，那么可以使用821腻子粉。如果不是，那么尽可能不要使用821腻子，因为821腻子粉容易起泡脱落，颗粒大。墙体尺寸一般是按地面积乘以3.5为墙体面积，但是一般会多一些，所以乘3.2就可以了，不过为了准确还是以现场情况处理。挑选涂料的基本办法：打开盖后，真正环保的乳胶漆应该是水性无毒无味，一段时间后，正品乳胶漆的表面会形成很厚的有弹性的氧化膜，不易裂，用木棍将乳胶漆拌匀，再用木棍挑起来，优质乳胶漆往下流时会成扇面形。用手指摸，正品乳胶漆应该手感光滑、细腻。在选购时要看一下成分，优质涂料的成分应是共聚树脂或纯丙烯酸树脂。别忘了看产品的保质期。同时我并不是一定要介绍美巢，对此很多朋友说过我，我只是认为比较好用，现在的壁贝，立邦，盛邦的墙衬也都不错，涂料是我个人爱好第三，地砖每平米大约为105元费用的组合部分：{包括踢脚线，600*600普能精工玻化砖，如果您要选择一些知名品牌恐怕要贵一些。辅料为325.5普通水泥、白水泥、中砂、108胶、勾缝剂}因为会出现裁砖、破损等情况，所以地砖面积应该加3%--8%。小提示：瓷砖挑选的简单方法：从包装箱中任意取出一片，看表面是否平整、完好，釉面应均匀、光亮、无斑点、缺釉、磕碰现象，四周边缘规整。釉面不光亮、发涩、或有气泡都属质量问题。再取出一片砖，两片对齐，中间缝隙越小越好。如果是图案砖必须用四片才能拼凑出一个完整图案来，还应看好砖的图案是否衔接、清晰。把这些砖一块挨一块竖起来，比较砖的尺寸是否一致，小砖偏差允许在正负1毫米，大砖允许在正负2毫米。一些朋友会选择二级市场的品牌，也给大家一种选砖的方式，选择好自己要的，用手摸边看平整度，再拎一下基础重量，再到一级品牌的地方拎一下，如果差不多就可以了。第四，木地板使用强化木地板每平米大约85元如果要与客厅地面找平，可以使用自流平水泥或者地宝，每平米大约加10元，总价每平米95元。地板报损加8%--10%。小提示：记得在地板下一定要多铺设一些防虫药，同时在铺设前用盐水擦一下地面也可以很好的起到长时间防虫的作用。同时一直到防潮问题所迷惑，所以建议在铺设下面的地垫时一定要用宽胶带彻底密封，这样会让您的地板更加好用。第五，厨房卫生间墙地砖每平米大约95元报损与地面可以相同（墙面用普通工艺镶贴各种瓷片每平方米需普通水泥11kg、中砂33kg、石灰膏2kg。柱面上用普通工艺镶贴各种瓷片需普通水泥13kg、中砂27kg、石灰膏3kg。）挑选方式可以参考地砖的方式。对于花砖如果数量不多可以要，现在流行铺设腰线，这个费用会单独计算第六，卫生间设备每套大约3500元（坐便器、洗手盆、龙头、洗浴套件、镜子、纸盒、皂盒、毛巾杆、托盘、地漏、浴霸）。小提示：现在市场有一些比较便宜的卫具，但是质量相当的差，所以建议不要使用太便宜的，对于浴霸如果资金够还是去国美等电器市场去买吧，建材市场的真的有点靠不住。地漏的问题建议使用四防地漏，这样的防臭效果会好很多。1.卫生间包管每米85元轻钢龙骨基础，单面水泥版封包，毛面外露；或者使用轻体砖堆砌，素灰浆拉毛后挂丝网，与地面缝隙水泥封补，不含贴封砖。2.现在一些业主喜欢使用手盆加浴室柜的方式，比较大气但是要根据卫生间空间决定，材料分为两种A，橡木纯实木浴柜，加手盆、龙头等估计费用为2500元左右。B，PVC板加手盆、龙头等估计费用为1500元左右3.亚克利浴盆估计为1000元。4.整体玻璃浴房估计为3500元。第七，厨房橱柜每延米大约950元比较好的配置方案为：整体露水荷板，人造大理石台面，台面下做衬板，水晶角，普通的不锈钢双盆，瓷蕊铜质龙头。水晶板、亚克力、烤漆等，但是不包括品牌，同时如果喜欢可以加拉兰1.樱花拉兰不锈钢材料的估计为400元左右。2.一般会对立管包起来，个人建议要做成活包扣板，每套估计180元，有利用日后维修第八，吊顶1.铝扣板1.0厚每平米95元，边条每米10元（不足1米按1米计算），报损大约为10%如果面积合适会比较节省2.塑钢板每平米50元，边条每米10元（不足1米按1米计算），报损大约为7%.3.因为一些家庭的卫生间或者厨房顶部会有下水管线，所以不能吊平顶，所以会出现梯形，在施工中称之为包管每一组为100元。4.木龙骨石膏板平顶80元每平米材料及工艺做法：木龙骨石膏板平顶，无造型；接缝处石膏绷带处理，不包括顶面批灰及乳胶漆；（１）木龙骨用膨胀栓固定，栓距≤600MM；（2）石膏板外露钉冒刷防锈漆；石膏板为龙牌9MM纸面石膏板；按展开面积计算。5.轻钢龙骨石膏板平顶100元每平米材料及工艺做法：轻钢龙骨吊件吊平顶，无造型；木龙骨石膏板平顶，无造型；接缝处石膏绷带处理，不包括顶面批灰及乳胶漆；石膏板外露钉冒刷防锈漆；石膏板为龙牌9MM纸面石膏板；按展开面积计算。6.木龙骨石膏板直线造型吊顶100元每平米材料及工艺做法：木龙骨石膏板造型吊顶接缝处石膏绷带处理，不包括顶面批灰及乳胶漆；（１）木龙骨用膨胀栓固定，栓距≤600MM；（2）石膏板外露钉冒刷防锈漆；石膏板为龙牌9MM纸面石膏板，造型处多层板或大芯板施工；按展开面积计算。7.木龙骨石膏板曲线造型吊顶130元每平米材料及工艺做法：木龙骨石膏板造型吊顶接缝处石膏绷带处理，不包括顶面批灰及乳胶漆；（１）木龙骨用膨胀栓固定，栓距≤600MM；（2）石膏板外露钉冒刷防锈漆；石膏板为龙牌9MM纸面石膏板，造型处多层板或大芯板施工；按展开面积计算。8.木龙骨石膏板灯池造型吊顶150元每平米材料及工艺做法：木龙骨石膏板造型吊顶接缝处石膏绷带处理，不包括顶面批灰及乳胶漆；（１）木龙骨用膨胀栓固定，栓距≤600MM；（2）石膏板外露钉冒刷防锈漆；石膏板为龙牌9MM纸面石膏板，造型处多层板结或大芯板施工；按展开面积计算。第九，阳台墙地砖每平米70元1.对于一些老楼，最好对阳台下板做保温层，木龙骨框架，内衬保温板，12MM石膏板封面；墙面刷乳胶漆或贴砖费用另计，每平米80元。2.阳台墙体最好不要使用胶霸，不环保也容易脱落。第十，阳台衣架巧太太每套260元，安装人员单收10元，总价为270元，记得索要保修凭据，因为这些东西是由厂家保修的。第十一，室内门1.复合实木，每套大约1500元，{包括门套，百乐门锁，加厚合页，门吸}2.免漆门，每套大约为950元，{包括门套，百乐门锁，加厚合页，门吸}为了可以更好的使用，最少使用三套合页这样更加稳定3.实木门，每套大约为1600元，{包括门套，百乐门锁，加厚合页，门吸}4.钢木门，每套大约为850元，{包括门套，百乐门锁，加厚合页，门吸}小提示：以上套装门如果做上亮，每套150元左右。5.镁铝合金推拉，每平米210元，但是如果用镁铝合金做门每套差不多要750元。6.包平板门，每扇420元左右工艺为：门为原门（原门木龙骨不变形的情况下）原门油漆面处理干净，饰面三厘板饰面，实木收边；混油刷硝基漆8遍，清油刷硝基清漆14遍或同质聚脂漆4遍（二底二面）；门扇尺寸规格900*2000MM；不含五金（合叶，门吸，门锁，轨道等）。7.新做平板门，每扇450元左右工艺为：门为大芯板衬底，龙骨间距不大于250MM，饰面三厘板饰面，实木收边；混油刷硝基漆8遍，清油刷硝基清漆14遍或同质聚脂漆4遍（二底二面）；门扇尺寸规格900*2000MM；不含五金（合叶，门吸，门锁，轨道等）。8.新做实木门，每扇750元左右工艺为：门为双层大芯板衬底，龙骨间距不大于250MM，饰面三厘板饰面，实木收边；混油刷硝基漆8遍，清油刷硝基清漆14遍或同质聚脂漆4遍（二底二面）；门扇尺寸规格900*2000MM，门确定标准厚度：42~45MM；不含五金（合叶，门吸，门锁，轨道等）。第十二，卫生间门建议使用微分子结构，可以很好的起到防水性，每套大约950元{配件与套装门相同}现在有一些朋友为了节省空间也会使用推拉门，塑钢每平米200元左右，铝镁合金每平米190元左右第十三，包哑口、门口、窗口1.新做门套、窗口、哑口（只限于装修中木工现场制作门配套）估计每米为120元左右工艺：大芯板衬底，用与饰面板材同一木质的实木门套线和收口线条；门套线宽度小于55MM,厚度小于12MM;混油刷硝基漆8遍，清油刷硝基清漆14遍或同质聚脂漆4遍（二底二面）；墙体厚度≤280MM.2.套装门使用的哑口，窗口估计单边包为每米55元，双边包为每米85元工艺：大蕊板衬底，成形板包制。第十四，卫生间防水每平米75元。1入户时检查原地面防水情况，使用新型（环保）乙烯酸乳涂料和聚安脂防水涂料；2在地面基础平整情况下，进行施工，每2~6小时一遍，共3遍。324小时防水试验无渗漏，水泥砂浆铺垫保护层；4此价格不包括毛坯房等特殊地面处理。第十五，电力改造1.（混凝土墙开凿线槽）单价：37元/米材料及工艺做法：1普通PVC线管布线，不含面板（不足1米按1米计算）；2布线2。5平方塑铜线，空调4平方塑铜线；3如不许埋管，可采用护套线。2.（砖墙开凿线槽）单价：30元/米材料及工艺做法：1普通PVC线管布线，不含面板（不足1米按1米计算）；2布线2。5平方塑铜线，空调4平方塑铜线；3如不许埋管，可采用护套线。3.（轻体墙开凿线槽）单价：28元/米材料及工艺做法：1普通PVC线管布线，不含面板（不足1米按1米计算）；2布线2。5平方塑铜线，空调4平方塑铜线。包含内容：{供电线路，电线管、万能角铁（30×30，40×40）、膨胀螺栓M8、镀锌管接头、锁紧螺母、接线盒、塑料护口、铁壳软管、管卡子、圆钢条 φ6~φ8mm、电焊条、镀锌铁丝、铝条、圆锯片（砂轮片）、机油20#。照明2.5mm2铜芯双包电线BVV2×2.5mm2，BVV2×1.5mm2 （开关）。空调等设备4~6mm2铜芯电线BVV2×4mm2。进户线不小于10mm2。弯曲系数1.6，黑胶布2卷/100m，穿电线用24#细铁丝： 0.2kg/100m。}小提示：一般开关工作电流10A，1.5匹以上空调选用15A插座，1.5匹以下空调选用10A插座，安装高度不低于2.2m。插座回路漏电开关额定电流16A-20A，照明回路断路器10A-16A，空调回路16A-25A，总开关带漏电型32A-40A。开关离地1m，插座离地30-50mm第十六，水路改造1.（开槽镀锌管）单价：39元/米材料及工艺做法：兰色标致热镀锌管，白管件，施工采用麻合铅油，不使用生料带；不含节水门；工程不足1米的按1米计算。开槽处使用防水涂料封闭2.（不开槽镀锌管）单价：30元/米材料及工艺做法：兰色标致热镀锌管，白管件，施工采用麻合铅油，不使用生料带；不含节水门；工程不足1米的按1米计算。3.（混凝土墙开凿线槽开槽PPR管）单价30元/米材料及工艺做法：金德标准PPR4、6分水管，管件同样使用金德管件，施工采用热熔机热熔对接，使用生料带；不含节水门；工程不足1米的按1米计算。开槽处使用防水涂料封闭。4.（砖墙开凿线槽）单价25元/米材料及工艺做法：金德标准PPR4、6分水管，管件同样使用金德管件，施工采用热熔机热熔对接，使用生料带；不含节水门；工程不足1米的按1米计算。开槽处使用防水涂料封闭。1.所有PPR管线如果出现与其它管线发生搭接时过桥每支5元包含内容：镀锌钢管Dg15、Dg20、Dg25。镀锌弯头Dg15、Dg20、Dg25。橡胶板。水管封口胶带。机油。镀锌管箍Dg15。木螺钉 L32~50mm。大便器存水弯Dg100。镀锌活接头Dg15、Dg25。管卡子。大便器胶皮碗。螺纹截止阀门（J11T-16Dg15）。水箱进水嘴 Dg15。铸铁下水管Dg50。存水弯（生铁）S型Dg50。供水管、水阀、各种弯头、排水铸铁管、地漏。损耗量5%}第十七，电路安装单价1元/个电器控制箱、开关盒、插座、安全保护开关。五眼单插座、三眼单插座、双插座、空调机插座、插座板。品牌建议使用松本电工、国际电工TCL、百胜电工、奇胜电工，西门子也是不错的选择，只是容易出现假货，对于不太了解市场的业主要谨慎灯具安装，每套20元。第十八，水路安装1.浴缸安装（不带裙边）单价：100元/套材料及工艺做法：地面做防水后铺砖，略高于室内地面；新下水管和原下水管交接处用玻璃胶密封牢固，便于地漏堵漏时察觉；观察口尽量放大，做到与地面平行，下端开孔，以便跑水时察觉；建议客户使用专业不锈钢下水管，经常疏通；浴缸配件由业主提供。2.浴缸安装（带裙边）单价：80元/套材料及工艺做法：地面做防水后铺砖，略高于室内地面；新下水管和原下水管交接处用玻璃胶密封牢固，便于地漏堵漏时察觉；观察口尽量放大，做到与地面平行，下端开孔，以便跑水时察觉；建议客户使用专业不锈钢下水管，经常疏通；浴缸配件由业主提供。3.普通淋浴安装单位：20元/套4.面盆安装（清工辅料）单价：20元/套材料及工艺做法：面盆和配件由业主提供；内容含龙头安装，打嵌防水胶，上下水管连接，试水。5.坐便器安装（清工辅料）单价：30/套材料及工艺做法：坐便器和配件由业主提供；内容含打嵌防水胶，上下水管连接试第十九，灯具大约为3000元{镜前灯、客厅大灯、卧室灯等}一般中小型公司是不收安装费的，因为这部分钱已经在电力改造中。第二十，石膏、木质顶线1.木制顶角线单价（元）：38元/米材料及工艺做法：椴木实木木线规格60MM~15MM；混油刷硝基漆8遍，清油刷硝基清漆14遍或同质聚脂漆4遍（二底二面）。2.石膏线（素线）单价（元）：13元/米。材料及工艺做法：石膏线为不超过80~150MM的素线；墙面打孔埋木楔，汽钉固定；快干粉补缝，饰面乳胶漆同顶面。业主制定品牌价格另计。4.石膏线（花线）单价（元）：15元/米。材料及工艺做法：石膏线为不超过80~150MM的素线；墙面打孔埋木楔，汽钉固定；快干粉补缝，饰面乳胶漆同顶面。业主制定品牌价格另计。4.泛太平洋石膏线（素线）单价（元）：28元/米。材料及工艺做法：泛太平洋石膏线（素线）宽小于等于80MM素线；墙面打孔埋木楔，汽钉固定，快干粉补缝；饰面乳胶漆同顶面。经太平洋定做石膏线价格另计。5.泛太平洋石膏线（素线）单价（元）：30元/米。材料及工艺做法：泛太平洋石膏线（素线）宽小于等于80MM素线；墙面打孔埋木楔，汽钉固定，快干粉补缝；饰面乳胶漆同顶面。经太平洋定做石膏线价格另计。6.金漆石膏线单价（元）：150元/米材料及工艺做法：石膏线为不超过80~150MM的素线；墙面打孔埋木楔，汽钉固定；快干粉补缝，饰面乳胶漆同顶面。业主制定品牌价格另计。第二十一，家具打造（要说明一点，我不赞成业主找装修来制作家具，因为做家具并不会比买便宜，之所以把价格也要写在上面，只是因为一些业主会使用实木制作家具或者特殊形式的家具，所以把基础价格写在上面）1.一些家庭开始使用地台的方式地台单价（100元）：单位：平米材料及工艺做法：木龙骨或大芯板开条基底上铺大芯板，高度为100—200MM；2木龙骨约为25*35规格，木网格规格300*300MM。2.暖气罩（不含百叶）单价（元）：240元左右/平米材料及工艺做法：1门为大芯板衬底，，饰面三厘板饰面，实木收边，含手工椴木百叶；2混油刷硝基漆8遍，清油刷硝基清漆14遍或同质聚脂漆4遍（二底二面）；高度能达到游仞截门正常维修及整体暖气拆改更换；高度小于等于1000MM，厚度小于等于350MM。3.暖气罩（含百叶）单价（元）：280元左右/平米材料及工艺做法：1门为大芯板衬底，，饰面三厘板饰面，实木收边，含手工椴木百叶；2混油刷硝基漆8遍，清油刷硝基清漆14遍或同质聚脂漆4遍（二底二面）；高度能达到游仞截门正常维修及整体暖气拆改更换；高度小于等于1000MM，厚度小于等于350MM。4.项目：含侧柜暖气罩单价（元）：300元左右/平米材料及工艺做法：1门为大芯板衬底，，饰面三厘板饰面，实木收边，含手工椴木百叶；2混油刷硝基漆8遍，清油刷硝基清漆14遍或同质聚脂漆4遍（二底二面）；3高度能达到游仞截门正常维修及整体暖气拆改更换；高度小于等于1000MM，厚度小于等于350MM。5.项目：窗帘盒单价（元）：100元左右/米材料及工艺做法：1门为大芯板衬底，，饰面三厘板饰面，实木收边，不含轨道；2混油刷硝基漆8遍，清油刷硝基清漆14遍或同质聚脂漆4遍（二底二面）；3负责安装窗帘杆。6.项目：普通窗帘盒单价（元）：75元/米。材料及工艺做法：1门为大芯板衬底，，饰面三厘板饰面，实木收边，不含轨道；2负责安装窗帘杆。7.项目：衣柜单价（元）：450元/平米材料及工艺做法：1柜体框架为大芯板，柜门大芯板条为龙骨衬底，饰面三厘板饰面，实木收边；2混油刷硝基漆8遍，清油刷硝基清漆14遍或同质聚脂漆4遍（二底二面），内部无饰板，打磨清油两遍；3合叶，轨道拉手等五金件由客户提供。柜子厚度≤600mm。8.项目：衣柜（内衬宝丽板或贴波音软片）单价（元）：450元/平米材料及工艺做法：1柜体框架为大芯板，柜门大芯板条为龙骨无造型，饰面三厘板饰面，实木收边；2混油刷硝基漆8遍，清油刷硝基清漆14遍或同质聚脂漆4遍（二底二面），内部无饰板，打磨清油两遍；3合叶，轨道拉手等五金件由客户提供。柜子厚度≤600mm；4内部背板，侧面及底板贴宝丽板或贴波音软片，层板实木收边。9.项目：吊柜单价（元）380元/米材料及工艺做法：1柜体框架为大芯板，柜门大芯板条为龙骨衬底，饰面三厘板饰面，实木收边；2混油刷硝基漆8遍，清油刷硝基清漆14遍或同质聚脂漆4遍（二底二面），内部无饰板，打磨清油两遍；3理石台面等五金件由业主提供；。4柜子厚度≤500mm，高度小于1000MM，不足一米按一米计算。第二十一，垃圾清运400元，这个问题很多人都提到过，一般的装修公司并不管运走垃圾，如果不是只是放在门外的话，那么没必要给，一定要装修公司给运走，对于业主来说找车等事情都麻烦，而装修公司太容易了。第二十二，清洁费200元，很多的装修公司现在会与一些做卫生的有联系，价格大约从150-300元不等，打扫的不错，业主再亲手打扫也就容易多了。第二十三，管理费1800元。一般的装修公司在管理费上只写明一般日常性管理，这是很含糊的说法，一定要在合同中标明都有什么样的细节管理，如果做不到就扣他们钱。我所为您提供的是一个基础报价，相对的价格还是合理的，但是为了防止造价中的差距，所以我强调为基础报价，但是就算是套用的一种预算方式，我也会根据您的尺寸做相应的调整，所有的价格与市场的波动有很大关系，地区不同价格也会有所不同，而且如果您找到的是一家一级资质的装修公司，那么会比这个价格更高一些。</t>
  </si>
  <si>
    <t xml:space="preserve">家畜的常见病 </t>
  </si>
  <si>
    <t>家畜有很多的传染病,比如说猪病的,猪水肿,猪链球病,猪丹毒等等,还有很多关于牛的,羊的,兔的,其中还有寄生虫病...很多,你要具体的问那些病,请提问才好,</t>
  </si>
  <si>
    <t xml:space="preserve">放屁次数多好不好?我三个月前住院直肠开刀.最近一段时间每天放屁( </t>
  </si>
  <si>
    <t xml:space="preserve">长放屁一是因常吃一些产气的食物，例如地瓜、 洋葱、高丽、豆类及其他豆制品，所以会有放屁的情形，另外则有可能罹患 「激躁性大肠症候群」，此症临床上也会有腹痛、腹涨以及放屁等现象产生。在饮食上建议您少量多餐，不要暴饮暴食，吃东西时，宜细嚼慢咽，以免一起吃下太多空气，而容易产气的食物也要避免食用。每天喝杯优酪乳，有助于改变肠胃道细菌。 .1少吃产气的食物,如蕃薯或豆类. 2.养成正常排便的习惯. 3.多吃纤维质多的食物. 该放屁时就得放,只不过如有注意平常饮食及排便习惯. 那时常因为腹内气体太多而胀气痛苦不堪,自人工肛门关闭后,只要身边有人放屁就会将心比心的说:"放屁是好事,不然会很难过!" 呵呵,没什么大不了的.也别太放在心上.的确会很难堪,但都是没有办法的事. 在饮食上建议你少量多餐，不要暴饮暴食，吃东西时，宜细嚼慢咽，以免一起吃下太多空气，而容易产气的食物也要避免食用屁的产生来自三个途径：（1）吞咽食物时，空气随之进入消化道；（2）肠道中食物经细菌发酵产生的气体；（3）血液中气体渗入到肠道内。 人每天约有7~10升气体进入肠子，但大部分被肠壁的血管所吸收，从肠道排出的大约有0.5升 屁是身体排放的废气，大部分是二氧化碳、氢气和甲烷。 屁的产生，是因为我们吃的食物，有些未被分解。未被分解的部分，包含纤维和糖类，就成为大肠菌的食物。大肠菌饱餐后就会排气，这些气体在体内累积，造成一股气压。当压力太大时，就会被排挤出体外，形成了屁。 屁的多少与人们的饮食有关。有些人爱吃洋葱、生姜、生蒜、薯类、甜食、豆类和面食，由于上述这些食物含有可产生大量氢和二氧化碳、硫化氢等气体的基质，所以食后往往会废气大增，不断放屁。 屁的多少还与人的消化机能强弱有关。消化不良时，肠道细菌发酵快，容易产生气体而使人排屁。调查发现，一个人每天放屁大约14次。每天，每个人释放的废气，大约500毫升左右。 屁虽臭，但放屁是一种正常的生理需要，它对人的健康有利。一个人一天到晚不放一个屁，这对健康不利。一年到头绝不放屁的人，极有可能是胃肠道出了毛病。 高蛋白饮食，在腐败时会产生大量硫化氢(臭鸡蛋的味道)，所以有特别的臭味。一般吃得越香(肉类、油炸食品)，放屁就越臭。如果是吃得差些(粗米淡饭)臭味就小些。有人吃白薯多了，虽也放屁，但并不太臭，因糖发酵主要是产生二氧化碳气体。如果屁多，且经常有臭味，则说明蛋白质饮食吃得过多了，肠胃负担太重了，应减少或立即改为素食，以防止发生肠胃疾病。 肠胀气 通常肠子会存在着一定量的气体，它有时候从肠底部偷偷地「随风而逝」，排出体外，亦叫「放屁」或是上升到胃部打出噎来。一个令人惊讶的研究数据：饮食正常的健康人每天从直肠排气的次数有10-18次之多！而排气过量的人：每天有140次！ 肠气的成因： 1)吞咽空气 在多数的情况下，肠部气体过量的原因是您吞咽大量的空气或是肠内的细菌制造出太多的气体。就前者来说，每个人在吃东西时都会吞咽一些空气下去，但是紧张型的人则是大口地吞下大量空气。不过人在平静或松懈的时候也可能吞咽太多空气，譬如，假牙配戴不当时唾液会分泌较多，空气因而随着唾液吞咽下去：感觉恶心时也会常咽口水，使得大量的空气进入胃里：此外，以吸管喝饮料，嚼口香糖，吸吮糖果、抽烟、喝碳酸饮料解渴，或服用小苏打粉治疗消化不良，也都会使肠内的气体含量多。 2)食物造成 肠内气体过量如果不是由吞咽空气所造成，很可能是因为吃下去的甘蓝菜、花菜、烤豆子〔谑称「响果」，吃越多，屁放越响〕、碗豆、芽甘蓝、桃子、苹果、瓜果类及洋葱等食物，被肠内的正常细菌处理后发了酵。此外，肠内气体过量也可能是因为饮食中突然增加了大量如麦麸的不溶性纤维。如果您不是以渐进的方式增加麦麸的吸收量，肠子会反应不良而形成大量气体。 3)肠失调症 其中最重要的是肠部过敏或痉挛〔见「肠过敏症候群」篇〕、胆囊疾病〔可能是吃进去的脂肪消化不良〕、及体内无法吸收乳糖。最后一项是指身体缺乏消化乳糖〔存在于牛奶及乳制品中的糖〕所必需的乳糖(酉每)，消化不良的糖类因而被细菌发酵产生胀气。 </t>
  </si>
  <si>
    <t xml:space="preserve">我该怎么办?我在新手学院玩收集达35级,准备转服,可是本周时间用 </t>
  </si>
  <si>
    <t>我建议你还是赶快转吧，要不然又要从25级开始了啊</t>
  </si>
  <si>
    <t xml:space="preserve">冒险者可以学会计吗？请教各位告诉不专职学会计的方法！ </t>
  </si>
  <si>
    <t>每个职业都有一个自己的特有技能 冒险是操帆 商人是会计 军人是炮术这些技能只有转职后才能学你可以转职学了再转回你以前的职业 不过就没有技能优待了</t>
  </si>
  <si>
    <t xml:space="preserve">我该怎样去理解这段感情？有点凄凉的故事，请给您的真知灼见！女友出 </t>
  </si>
  <si>
    <t>该珍惜的时候珍惜，该放弃的时候放弃。感情的事情不要这么拖拖拉拉，有感情也会变成遗憾，与其这样，不如洒脱一些。既然过去你认为她不值得你珍惜，那么现在离开不正是你想要的结果么？或许你可以找到更适合的女孩一起生活。幸福的生活 不是两个人有多相爱，而是两个人是否适合。像你们这样的感觉 不合拍，很难有幸福可言。建议，告诉她马上回来，你们可以重新开始。要么从此不再往来。就你们这样纠缠下去，这辈子就完了，注定是在遗憾和痛苦中过活。</t>
  </si>
  <si>
    <t xml:space="preserve">各位大侠，请教关于Robcad的问题，这个软件应用广泛吗？ </t>
  </si>
  <si>
    <t>各行业都面临着在制造系统中缩短时间和提高灵活性的巨大压力，因此在作出成本高昂的采购和安装决策之前，需要确保该系统中的每一个方面都已经过验证~~Robcad 是一款工作单元仿真工具，能够让您开发、仿真、优化、验证和离线设计多设备机器人和自动制造流程，这一切都在经过配置的产品和资源数据的上下文中进行。通过在三维环境中对整个制造单元和系统构建这种完全可动的数字样机，可为优化流程以及计算开发时间表各阶段（从概念形成到付诸实施）的周期时间提供一个平台~~应用挺广泛的呀~~【亲，如果对你有帮助的话，麻烦点下“有用”--“打赏”谢谢了~~】</t>
  </si>
  <si>
    <t xml:space="preserve">请问冬菇就是香菇吗？ </t>
  </si>
  <si>
    <t xml:space="preserve">冬菇只是香菇的一种。 香菇，又称复蕈、香菌，是世界著名的食用菇菌，在蘑菇中数香菇的食用价值和食疗价值最高。香菇因营养丰富、肉质嫩滑、风味独特，早被人们冠以“山珍”美誉，是烹制高档菜肴的上乘材料。长期食用香菇，还可以预防肝硬化，抑制胆固醇，促进人体新陈代谢。香菇按不同季节分为冬菇、秋菇和春菇，其中以冬菇最好；按不同质地又分为花菇、厚菇和薄菇，当中以花菇最好。识别优质的冬菇和花菇，可看到菇盖（又称菇伞）大且肉厚浑圆，盖边完整，色泽鲜明，气味香浓，菇柄切口粗圆紧贴菇盖底部；冬菇菇盖表面少皱，花菇菇盖少裂纹。香菇基本上是干制品，优质的香菇菇体干硬不发软。 </t>
  </si>
  <si>
    <t xml:space="preserve">看图认物十三这又是哪国的什么坦克？（人名命名的） </t>
  </si>
  <si>
    <t>巴基斯坦的“阿扎拉（AL-Zarrar，又译为阿兹拉）”坦克，阿扎拉是巴基斯坦古代的一位英雄。用英雄的名字命名坦克，可以看出巴军希望新型坦克像其民族英雄一样英勇善战。</t>
  </si>
  <si>
    <t xml:space="preserve">婚姻法 </t>
  </si>
  <si>
    <t>我国《婚姻法》的主要内容包括：结婚；家庭关系；离婚。（1）结婚是指男女双方依照法律规定的条件和程序，确立夫妻关系的法律行为。（2）家庭关系包括夫妻关系、父母子女关系和其他家庭成员关系。（3）离婚是指夫妻双方依法解除婚姻关系的行为。</t>
  </si>
  <si>
    <t xml:space="preserve">清泉点评之68“量价法则”在量价关系中，对量与价的相互对应关系及 </t>
  </si>
  <si>
    <t>学习,慢慢学习!</t>
  </si>
  <si>
    <t xml:space="preserve">怎样用电脑录音听说用电脑可以录音,可是我该怎么作到呢?在下请教了 </t>
  </si>
  <si>
    <t>双击托盘区音量图标，打开“音量控制”对话框，依次点“选项”－“属性”，选中“录音”，然后将“麦克风”勾选，点“确定”，在弹出的“录音控制”界面里，把“麦克风”下面的“选择”打上对号。之后依次点“开始”－“程序”－“附件”－“娱乐”－“录音机”就可以将系统自带的录音机打开，插好麦克风之后就可以进行录音了。录制完毕，点“文件”－“保存”，将所录制的音频文件保存即可。</t>
  </si>
  <si>
    <t xml:space="preserve">我想买一台21的电视，我在中关村附近请问去哪里买电视比较便宜哪些 </t>
  </si>
  <si>
    <t>去中关村鼎好电子城西面的中芯数码国美店！那里有。海信、长虹、创维、TCL、搞活动时460元你就能买一台哦！如果你幸运的话！不知你是否同意我的看法！希望给予回复！谢谢！</t>
  </si>
  <si>
    <t xml:space="preserve">电脑蓝屏是怎么回事？在网吧玩的时候老是蓝屏…… </t>
  </si>
  <si>
    <t>软硬件都有可能的。。蓝屏会有代码。。把代码抄下来。。就是那个0x000110000类似的那个。。。然后代码百度就好了。。每一个蓝屏代码对应的故障原因不同的。。。。</t>
  </si>
  <si>
    <t xml:space="preserve">74的双大家提下建议怎样变的完美M80多L60多(不带装备)大家 </t>
  </si>
  <si>
    <t>我看楼主还是忍忍 再升1级 那样75可以用游龙了 敏捷高了不只一些 要洗很多的</t>
  </si>
  <si>
    <t xml:space="preserve">儿童验光一定要散瞳吗~~? </t>
  </si>
  <si>
    <t>最好是散瞳，散瞳有助于准确地验光，区分真假近视。能更好的对症治疗。建议儿童首次验光散瞳，一直提高验光准确定，二是区分真假近视。</t>
  </si>
  <si>
    <t xml:space="preserve">读圣贤书所谓何事?别抄别人的,说自己的. </t>
  </si>
  <si>
    <t>今日读圣贤书，正是为修心而养性。古圣贤书能流传至今，自有其存在的价值与不朽的影响力，其文化思想未必能与时俱进，但其中发人深省的道理与智慧，远远的超越了时代的变化。我等读圣贤书，吸收其精华，分析其糟粕，取他人之长，补自己之短，增长自我的见识与学识，为读书之根本也。</t>
  </si>
  <si>
    <t xml:space="preserve">000939凯迪电力13.7的本，后市如何操作？ </t>
  </si>
  <si>
    <t>000939凯迪电力 表现震荡消化获利盘味道浓厚,理应择机高抛低落?M向才回补.目前及时列13.00止损位操作.</t>
  </si>
  <si>
    <t xml:space="preserve">我该怎么做?我和婆婆发生了矛盾,婆婆还骂我,骂得很难听的,可是老 </t>
  </si>
  <si>
    <t>你老公这样做我很不赞成,我也是结婚的人,无论是老人还是自己的媳妇,谁有错就要指出来,不能因为她是老人,不管对错一味的迁就,站在中间的立场,寿顺老人的方式有很多种,不是对他的迁就就是寿顺的表现,而且如果因为你没有道歉对你不理不睬,更不加理予,你好好和他谈谈,典型的大男子主义!</t>
  </si>
  <si>
    <t xml:space="preserve">描写的分类语文教学中如何把握学生的心理状态?中考语文阅读的方法? </t>
  </si>
  <si>
    <t xml:space="preserve">现代文阅读在语文试卷中占很大比重，考生应予以充分重视。其课程目标主要有：在通读课文的基础上，理清思路，理解主要内容，体味和推敲重要词句在语言环境中的意义和作用；对课文的内容和表达有自己的心得，能提出自己的看法和疑问；在阅读中了解叙述、描写、说明、议论、抒情等表达方式；欣赏文学作品，能有自己的情感体验，初步领悟作品的内涵，从中获得对自然、社会、人生的有益启示；对作品的思想倾向，能联系文化背景做出自己的评价，对作品中感人的情境和形象，能说出自己的体验；品味其中富有表现力的语言，了解常用的修辞，体会其表达效果；注意从科技作品中领会所体现的科学精神和科学思想方法；区分观点和材料（道理、事实、数据、图表等），发现观点与材料之间的联系，并通过自己的思考做出判断。  本文，分别按中考语文现代文阅读中的三种文体――记叙文、说明文、议论文分析其复习要点。 一、记叙文 记叙文阅读主要测试初中毕业生对记叙性文章整体或部分的阅读、理解、分析等方面的综合能力，具体有这样几点：能整体感知文章内容，分清记叙文的要素、人称、顺序；理顺文章段落、层次、结构关系，明确详写、略写与中心的关系；找出重点段落、关键语句，探究文章的中心，理解重点词句的深层含义，理解语句在上下文中的含义；区别文章中记叙、描写、说明、议论、抒情几种不同的表达方式，理解其在文中的表达作用；结合文章的内容、情感、价值观谈看法，或引申出别的话题，考查学生与作者、文中人物、自己的多层次对话的能力，考查学生质疑、迁移和鉴赏、创新的能力。  记叙文阅读注重人文精神的渗透，突出文学因素，注重陶冶学生的道德情操，塑造学生健康的人格。要突出对阅读材料的整体理解，即依据文章的特点，抓住文章的主旨、思路、篇章结构及表现方法这些全局性的问题。由课内延伸到课外难易相当的文章是命题的一般原则。 二、说明文 说明文阅读部分的考试，是以日常学习中掌握的说明文的特点和有关知识为基础，在通读全文的前提下，整体感知说明的内容，明确说明的对象，把握其基本特征或特质，综合运用各种能力回答问题。具体来说有以下几点：理解说明内容、明确说明对象和把握说明对象的特征或特质，并完整、准确、简洁地表述，准确概括中心思想；了解说明的顺序，主要掌握时间、空间、逻辑三种说明顺序，并能领会说明顺序的综合运用；了解说明的方法，主要了解常见的几种说明方法，能从文中辨别并简要说明其在文中的作用；了解说明文语言的特点，主要体会语言的准确性。 近年来的中考题，说明文阅读部分主要考查学生对说明文（段）的理解、分析及综合能力。其中对语言的品析和结构的整合成为考题中的重难点。在选材方面，关注社会、自然、人生的热点问题，注重渗透人文精神、科学精神和科学思想方法；在设题方面，题干中逐步淡化了对文体知识概念的考查，而是结合文章内容和中心进行设问，尤其是出现了一些具有灵活性、趣味性、针对性的表述题，甚至是开放性的探究题，联系生活实际更加紧密。这样的导向体现了中考淡化文体意识的原则，可以较全面地检查学生的知识水平和阅读能力。 三、议论文 议论文阅读部分的考查，以辨析论点、掌握论据、理清论证结构、分析论证方法为主，其设题方式主要有：针对论点设题，包括总论点和分论点；针对论据设题，包括理论论据和事实论据，概述论据和具体论据；针对论证方法设题，常见的方法包括道理论证、事实论证、比喻论证和正反对比论证；针对文章结构段落设题，包括对某些在结构上起关键作用的重要句子和重要段落的理解。 近年来中考议论文阅读部分的命题仍然以课外文字材料为主，命题材料大多涉及备受关注的社会生活问题，蕴涵丰富的人文精神，考查学生的情感态度和价值观，考查对文章整体内容的感知、理解和领悟能力。在语文课堂教学中开展"研究性学习"应特别强调培养学生的问题意识 近一年的尝试大大提高了学生学习语文的兴趣与探究意识,其中感受最深的是学生问题意识的重要.问题意识是"主体在认知活动中,经常意识到一些难以解决的,疑惑的实际问题,并产生一种怀疑,困惑,焦虑,探究的心理状态,这种心理状态会不断驱使人们积极思维,不断提出问题与解决问题".问题意识与创新意识紧密相关.学习中"问"字之重要正如郑板桥所言:"学问二字,需要拆开看,学是学,问是问.……有学无问,虽读书万卷只是一条钝汉耳.""问题是科学家思想的焦点,科学家的任务就是运用已有的科学知识去提出问题并解决问题",爱因斯坦曾如此看重问题且把自己的才能归功于"问题":"我没有什么特别的才能,不过喜欢寻根刨底地追究问题罢了."他还说,"提出一个问题比解决一个问题更重要.因为后者仅仅是方法和实验的过程,而提出问题则要找到问题的关键,要害."由此可见"问题意识"对于培养真正有创新能力的人的重要.在语文教学过程中常常会发现这样的情况,成绩好的学生问题总是很多,而基础较差的同学总是找不出学习中的问题,"问题"与思考同在,没有独立思考对所学知识整理分析就不可能有真正的学习.因此教师要紧紧抓住课堂教学这块领地培养学生的问题意识进而发展他的探究意识,要着力营造宽松,民主,平等,和谐的课堂教学氛围,破除传统的"师道尊严"思想的束缚,让学生有发问的"安全感",敢于向权威,书本和教师的观点挑战,同时还应精心设置问题情境,以"置疑"开路,在无疑处生疑,养成学生多思善问的好习惯,从而培养他们的求异思维,更好地养成研究性学习的好习惯,不断提高自己的学习能力. </t>
  </si>
  <si>
    <t xml:space="preserve">我现在急需买几个胸挂式麦克风？可不知有什么牌子？哪种牌子好？价格? </t>
  </si>
  <si>
    <t>无线胸麦有很多种，一种是V段的，一种是U段的，区别是U段要比V段抗干扰要强，打个比喻，就是相当于收音机里的FM和AM，价格区别也很大，一般演唱会，晚会用的都是U段的。还有就是有一拖一的，一拖二的，我不知道你要哪种，一拖一的比较便宜，有德国的森海塞尔100系列4000元左右，300系列6000元左右，500系列10000元左右，还有奥地利的AKG在4000左右，SONY和松下的就比较贵了，日本铁三角有一款一拖二的比较便宜才6000，我觉得还是森海塞尔的好一些，这些都是演播室里用的，还有摄象机用的就要看你的机器是什么型号的了。演播室和摄象机它们的接收机不一样，一种是台式的一种是挂式的，你自己选吧！</t>
  </si>
  <si>
    <t xml:space="preserve">我孩子一岁了，最近晚上入睡非常困难，而且夜里一醒就哭，特难哄，怎? </t>
  </si>
  <si>
    <t>那孩子肯定是缺少某种东西了,去医院问一下医生吧.我听说过一个土方,用蝉的皮煮水给宝宝喝.</t>
  </si>
  <si>
    <t xml:space="preserve">老是弄不好面筋,有谁知道怎么做. </t>
  </si>
  <si>
    <t>面筋的制作方法： 1.面粉用80粉温水和面，上劲，醒一醒，然后用清水洗面团，一定要洗干净水要清，得到面筋。 2.炸面筋，用3-5成的温油炸，取大拇指大小的面筋入锅炸至金黄色成球状即可。 3.关键是油温不能高，炸制时间要稍长点。这样面筋离锅后不瘪。弄不好，也许不是你的错，因为市售面粉都加了东西，都没面筋了。要想做出好面筋，还是自己用纯麦加工了的好。</t>
  </si>
  <si>
    <t xml:space="preserve">为什么我学了狂白虎变。属性是变身状态下不减少攻击？我今天学的狂白 </t>
  </si>
  <si>
    <t>也 问了下知道的人,才知道,这个原来可以算个BUG了SS仙魔白虎变的技能属性反了,但其他技能都很正常听说国际版的也是一样反的</t>
  </si>
  <si>
    <t xml:space="preserve">邵佳一为什么不能踢上主力！ </t>
  </si>
  <si>
    <t>得不到教练的赏识</t>
  </si>
  <si>
    <t xml:space="preserve">重庆能够彻底治愈尖锐湿疣的治疗方法是什么 </t>
  </si>
  <si>
    <t>病理活检：镜下见主要有乳头瘤样增生，棘层增厚，棘层上部和颗粒层出现凹空细胞，这些空泡化细胞较正常细胞大，核浓缩，核周围有透亮晕。真皮内血管扩张。此种空泡细胞较正常大，胞浆着色淡、中央有大而圆，深嗜碱性的核。通常真皮水肿、毛细血管扩张以及周围较致密的慢性炎性浸润。Bushklwnsin巨大型尖锐湿疣，表皮极度向下生长，代替了其下面的组织、易与鳞状细胞相混，故须多次活检。若有慢慢发展之倾向，则为一种低度恶变的过程，即所谓疣状癌。临床上最常见的诊断方法有哪些?2、女性生殖道镜检查，这种诊断方法操作起来比较简单，而且比较实用，特别在尖锐湿疣的早期阶段，禸眼观察极易和假性湿疣混淆，造成误诊。女性生殖道镜检查可以帮助将二者区别开来。</t>
  </si>
  <si>
    <t xml:space="preserve">凯越的蓄电池多久需要更换？ </t>
  </si>
  <si>
    <t>一年多一点，13000公里左右</t>
  </si>
  <si>
    <t xml:space="preserve">以十四行诗闻名的新诗人： </t>
  </si>
  <si>
    <t>以十四行诗闻名的新诗人：冯至..............</t>
  </si>
  <si>
    <t xml:space="preserve">请大家帮我解决我的发型？我头型有点软、头发还贴着头，额比较窄、但 </t>
  </si>
  <si>
    <t>好在你加了个男的。不属于可爱型、应该是秀气型吧我以为是女孩子，但是你的发质跟我的是一样的，所以我一直都烫头发，你也可以去烫头发啊，不要太夸张的，看韩剧《强敌们》他的头发仅供参考哦</t>
  </si>
  <si>
    <t xml:space="preserve">卡昂2:2里昂，双方梅花箭竹，20分钟进4个球，牛！不知还有没有 </t>
  </si>
  <si>
    <t>看法甲不如看中超</t>
  </si>
  <si>
    <t xml:space="preserve">下午2元买的一单竞彩4C1，能红不？澳联应该是过了，就看德乙了 </t>
  </si>
  <si>
    <t>两场全错，，，，，，，，，，，，，，，，，，，，</t>
  </si>
  <si>
    <t xml:space="preserve">女孩子适合学计算机吗？学完以后，好就业吗？一般企业愿意招收女技术 </t>
  </si>
  <si>
    <t xml:space="preserve">学习首先要你自己有兴趣，兴趣是学习最好的导师，这样你才会努力！一般人认为IT行业是男性的天地，其实不是这样的。不管是在学校还是在社会上，很多女生表现出来的能力都要超过男生，对计算机工作而言，女生更为细致，特别在代码编程方面有一种大部分男生不可比拟的优势。而且，很多女生，因为认识到社会上存在的这种偏见，学习起来更为刻苦和努力，表现的更为优秀。所以要相信自己没问题！顺便帮你推荐一个学校，武汉北大青鸟徐东校区还不错哦！可以去了解一下！ </t>
  </si>
  <si>
    <t xml:space="preserve">青春痘怎么办脸上长了痘痘有一年多了药吃了洁面乳一直用一直换不见效 </t>
  </si>
  <si>
    <t xml:space="preserve">檫什么都没有效，用的不好会留下疤痕，最好是锻炼身体。多流汗。患了痤疮（青春痘），应该常用温水、含硫香皂洗脸，每日洗数次，以减少皮肤的油腻。皮肤的油腻减少，灰尘等脏东西落在皮肤上被粘着的机会亦就减少，这就能效地防止皮脂腺口的堵塞和细菌的继发性感染。另外不要用手挤压痤疮，不用油脂类化妆品，不随便外用油膏，不要用肤氢松、肤乐乳膏、恩肤霜等类固醇激素的外用药膏，否则会引起类固醇激互性痤疮，亦不要用溴、碘类药物，否则会引起疣状丘疹，起增殖性痤疮。要少吃脂肪和糖类食品，少吃油炸食品及葱、蒜、辣椒等刺激性食物，多吃水果和蔬菜，防止便秘和消化不良，这些对减轻痤疮都有一定帮助。 </t>
  </si>
  <si>
    <t xml:space="preserve">半球盘谁会热?是切尔西阿森纳?还是其他球队? </t>
  </si>
  <si>
    <t>暂看阿森纳可胜，切尔西不胜。继续观察</t>
  </si>
  <si>
    <t xml:space="preserve">在电脑休眠和待机的状态下能挂机吗？为什么我每次这样设置宽带就断了? </t>
  </si>
  <si>
    <t>休眠和待机都是会断网的，直接关显示器就行，要是时间不长让显示器休眠好了</t>
  </si>
  <si>
    <t xml:space="preserve">金莲花的药用价值？ </t>
  </si>
  <si>
    <t xml:space="preserve">    金莲花 属清热解毒药。味苦性寒，具有清热解毒的作用，主要用于咽喉肿痛、痈肿疮毒、口疮、目赤等症。金莲花一般不适合长期饮用，仅适用于咽喉肿痛较轻的人饮用，特别需要提醒的是，虚寒体质及月经期内不能饮用。否则，可能会出现不良反应。     金莲花和叶子均可生食，尤其花朵?в形⑻鸺暗孳晕叮浅？煽凇＝鹕?花沙拉都是用現?窕叭~子，另加生鮮蔬果再淋上千?u醬，是一道好吃又好看的養生開胃沙拉。   我们常见的是用金莲花泡茶喝，可改善扁桃腺发炎等症状。</t>
  </si>
  <si>
    <t xml:space="preserve">生辰八字算命 </t>
  </si>
  <si>
    <t>存在自有道理，仁者见仁，智者见智，无须辩论！</t>
  </si>
  <si>
    <t xml:space="preserve">一个人的时候你会干些什么？ </t>
  </si>
  <si>
    <t>某年某月的某一天，我一个人独自在虚无缥缈的网络上游荡，犹如行尸走肉一般，灵魂脱离了躯体，我找不到方向，仿佛世界都是灰暗的，我找不一丝的阳光跟暖意，直到遇到了你——风生水博客。你用你博大的胸怀容纳了我，让我在黑暗的世界里看到了一丝的光芒，是你照亮了我请进的方向。 在风生水博客，我渐渐的找到了自我，在这里我可以将我的喜怒哀乐全天候的记录，在这里我可以认识到数十万博友，他们来自世界各国，五湖四海，在这里到处充满了家的温馨，在这里，我们可以畅所欲言，毫无顾忌，就像家人，兄弟姐妹一样，没有猜疑，没有妒忌，只有关怀与关心。亲爱的朋友，你是否曾经有跟过我同样的遭遇：每天穿插在匆忙行走的人海，但却找不到属于自己的方向，每天两点一线的为生活而奔波，却找不到一丝慰藉….那么请加入风生水博客吧，风生水博客 ，一个真正的手写天地，在那里有数十万的博友，在那里你可以尽情的挥洒属于你的人生，它犹如冬日里的一缕阳光，黑暗里的指明灯，必定给你一个与众不同的世界。</t>
  </si>
  <si>
    <t xml:space="preserve">英语“holiday”的含义！请教英语高手holiday的中文含 </t>
  </si>
  <si>
    <t>holiday在英文里讲话的时候用的话,是用来说节日的。像国庆节就是一个holiday.像六一儿童节就是一个holiday.像春节就是一个holiday.像端午节就是一个holiday.但是假如说是寒暑假的话,这就不是一个节日了,也就不能用holiday这词了。要说寒暑假的话,这词就是: cation的意思是假期。虽也能用于节日的时候,但它是一个广义的词。像summervacation:暑假像springbreak:春假。像wintervacation:寒假。</t>
  </si>
  <si>
    <t xml:space="preserve">用友软件的电算化中可否将事业单位的会计期间设成13个 </t>
  </si>
  <si>
    <t>最好能在结账前出报表。另外可以取支出借方本期（本年）发生额，但前提是凭证要做对，方向不可乱。</t>
  </si>
  <si>
    <t xml:space="preserve">我是1972年1月14日生是什么星座 </t>
  </si>
  <si>
    <t>您好，如果您的生日是阳历生日，那就是摩羯座。下面分享一下星座的划分，希望对您有用（全都是按阳历划分哦）划分及诞生石 白羊座3月21日-------4月19日 诞生石： 钻石 金牛座4月20日-------5月20日 诞生石： 蓝宝石 双子座5月21日-------6月21日 诞生石： 玛瑙巨蟹座6月22日-------7月22日 诞生石： 珍珠 狮子座7月23日-------8月22日 诞生石： 红宝石处女座8月23日-------9月22日 诞生石： 红条纹玛瑙 天秤座9月23日------10月23日 诞生石： 蓝宝石 天蝎座10月24日-----11月21日 诞生石： 猫眼石射手座11月22日-----12月21日 诞生石： 黄宝石摩羯座12月22日------1月19日 诞生石： 土耳其玉 水瓶座1月20日-------2月18日 诞生石： 紫水晶双鱼座2月19日-------3月20日 诞生石： 月长石</t>
  </si>
  <si>
    <t xml:space="preserve">交行申购回来的钱只能拿到活期利息了？4月25日申购，4月27日晚 </t>
  </si>
  <si>
    <t>7天通知存款是最好的选择。30日存，5月8日取出来再买货币基金。1.6的利息</t>
  </si>
  <si>
    <t xml:space="preserve">怎么提分手怎么才能委婉的分手。。。 </t>
  </si>
  <si>
    <t>可以先俩人分开一段时间，然后你不主动找他，其实不爱了自然俩人会疏远，感情会冷却。而对方也能感觉得到感情有问题了。当对方问你怎么不理他时，你就说感觉俩人不适合在一起，觉得很累，想分手这样大家都好，如果他是个通情的人，自然会同意的。</t>
  </si>
  <si>
    <t xml:space="preserve">我该怎么办？帮帮我不是钱的问题我7月末在网上购买了一台乐邦牌的糊 </t>
  </si>
  <si>
    <t>这个跟厂家是没有任何关系的，因为你买东西的时候是在网上店铺来购买的不是在直销厂买的，网上店铺的东西（商品）有可能被卖家给修改过了，所以说　厂家有理由不给你提供这些服务　算了　还是买个教训　　　　买东西的时候要到出名的商店或直销商去买　　　　买东西要看货，好了在签单．．．．．．．</t>
  </si>
  <si>
    <t xml:space="preserve">单位要搞评聘,要求写述职报告,应该写些什么?怎么写呢? </t>
  </si>
  <si>
    <t xml:space="preserve">一、述职报告的性质、种类述职报告是领导干部向所属的干部和职工或向上级组织和领导陈述自己任职一定时期内的工作情况的自我评述性报告。述职报告的种类很多，从时间上分有任期述职报告、年度述职报告、临时述职报告；从范围上分有个人述职报告、集体述职报告；从内容上分则有专题（单项）述职报告、综合述职报告。 二、述职报告的写作格式1、标题　有四种写法：一是只写“述职报告”四个字；二是“ＸＸ年任ＸＸ职务期间的工作汇报”的公文写法；三是“ＸＸＸ（姓名）ＸＸＸ（职务）ＸＸ会议上的汇报（或报告）”的写法；四是新闻标题式的写法。2、署名及日期　可以写在题下，也可以写在正文后。3、正文　述职报告的正文包括三部分内容。第一部分是任职概况和述职评估，包括何时任职、工作变动情况、背景情况、岗位职责、目标及对个人尽职的总体估价、确定述职范围和基调。第二部分是尽职情况，这是述职报告的主体，主要写工作实绩、经验和问题。对于核心内容的写作，多数是按性质不同分成几个方面（可列小标题）来写，每个方面可先写实绩，后写认识和做法；也可先写认识和做法，后写实绩。但不管怎么写，都要实现个人的工作能力和管理水平，尤其是在处理敏感、棘手问题方面，以及突发事件或重大事件方面，更能表现出个人的素质、才能和领导水平。在具体业务工作中，党的方针、政策和上级的批示、部署的任务，是如何在自己分管的部门或单位得以贯彻实施的……等等。第三部分是今后的设想和决心，要从实际出发，对今后工作在分析的基础上作出战略性规划，表明尽职的态度。三、述职报告写作应注意的事项    在写作述职报告时，要实事求是，严肃认真，客观公正。要注意论断准确，重点突出，有针对性，既不要脱离自己的职责范围和工作目标，又要分析概括，不能写成流水帐；既要突出政绩，又要评价正确、适当，不能故意夸大或缩小；缺点和不足的地方也要说够、说充分。 </t>
  </si>
  <si>
    <t xml:space="preserve">西红柿汁弄到衣服上了怎么洗？ </t>
  </si>
  <si>
    <t>清洗果汁的办法：在洒上果汁的地方倒上一匙白醋，我们可以看到果汁的痕迹在慢慢消失。10分钟后拿一盆热水和一块肥皂，把白背心泡在水中5分钟。5分钟后，象平时洗衣服一样搓洗，需要注意的是，用这种办法清洗洒在衣服上的果汁一定要及时。否则，可能会达不到理想的效果。陈迹可先用5%的氨水中和果汁中的有机酸，然后再用洗涤剂清洗.</t>
  </si>
  <si>
    <t xml:space="preserve">请介绍一下焊接的原理：为什么焊接后元器件会牢牢的粘在一起？松香是? </t>
  </si>
  <si>
    <t>锡的熔点为232度，相对较低、因高温损伤电子元器件的可能性较小，且在一般环境下不会融化，因此电子元器件的引线一般都用锡做焊接剂。焊接原理是融化的锡液凝固时将被焊物紧紧包裹，松香等助焊剂在焊接时所起的作用是随着高温挥发清除了被焊物表面的氧化物质，从而使得锡与被焊物接触更紧密、更牢固。</t>
  </si>
  <si>
    <t xml:space="preserve">这是什么植物?求解答…… </t>
  </si>
  <si>
    <t>这是曼陀罗花和它的果实（亲，如果您对答案满意，请别吝啬，随手设为“好评”哦）</t>
  </si>
  <si>
    <t xml:space="preserve">介绍一本小学数学计算技巧的书计算能力很差,我听说有那种数学技巧的 </t>
  </si>
  <si>
    <t>《心算速成》</t>
  </si>
  <si>
    <t xml:space="preserve">女朋友睡眠问题?我的女朋友最近睡眠出现一个问题:入睡后,偶尔回忽 </t>
  </si>
  <si>
    <t>这个反映应该算很正常的..有的时候..我看我男朋友睡觉的时候也会这样..打个哆嗦..然后继续忽忽大睡...别太担心..有的时候我也会梦见下楼梯..下的很快..有的时候还会梦见从高处掉下来..以前看心理学的书..说是现实生活中的生活节奏太快..有些过于紧张..或是遇到了什么棘手的问题..所以你不必太紧张的..没事和女朋友多交流..多沟通一下..</t>
  </si>
  <si>
    <t xml:space="preserve">残疾证怎么办理?什么条件可以办理残疾证?在那里办?越详细越好,介 </t>
  </si>
  <si>
    <t>原籍办理，带上国家认可的医院出具的伤残鉴定书，身份证（复印件），照片，户口本，街道办或者村委会证明，到县或者区民政局办理，由残联发证。具体：1：材料准备：一寸近期免冠的照片三张，身份证和一张身份证复印件，单位证明（街道办或者村委会证明）。2：到你所在的区一级的民政部门，填一张申请办证的体检表，再到民政部门所指定的医院，鉴定残疾等级（有鉴定费）。3：体检回来后民政部门根据医院鉴定的结果，认定你是否符合办证的资格，如果你符合条件，再填《残疾证申请表》。4：区民政部门再报市残联审批、办理（需要1个月左右）。残联再通知你去取(免费）。</t>
  </si>
  <si>
    <t xml:space="preserve">为什么我不能在仓库里存钱？我按数字键它都显示0。 </t>
  </si>
  <si>
    <t>你因该点自己包包上的那个钱的按键..</t>
  </si>
  <si>
    <t xml:space="preserve">火柴盒能用来做哪些有用的东西？ </t>
  </si>
  <si>
    <t>火柴盒能用来做哪些有用的东西？主要是当玩具用吧比如代替积木．</t>
  </si>
  <si>
    <t xml:space="preserve">怎样化装才能使眼睛看起来更大,更漂亮?0分 </t>
  </si>
  <si>
    <t xml:space="preserve">先确认哪一种眉形最适合你，然后用镊子在你的眉尾处钳出最理想的眉弓??注意在两条眉毛之间交替地钳眉，一次钳掉一两根，以便使两条眉形极为对称。 *重要的是要选择合适的眉笔出自然的形态，用轻柔的笔法画出最自然的眉形才是最完美的。 *如果你有较娴熟的技巧，可用睫毛夹卷曲睫毛会产生绝妙的效果，它会使你的眼睛看上去更大些。尽可能地把睫毛夹放在睫毛根部，轻轻夹紧，小心地不要移动睫毛夹，否则会弄伤眼睑，握住睫毛夹约10秒钟，然后松开。 *打上眼影，让色彩有渐渐的变化。选择色调自然的，在眼睑处涂上中性色作底色，再在眼窝处涂上较深暗色的眼影。 *强调了眼睛上部之后，现在你需要注意你眼睛下部的形态，用柔软的睫毛笔在眼的下部睫毛根处画眼线。 *最后一步是上睫毛油，使每一根睫毛变得又浓又长。 让眼睛变大的时髦妆技 你是单眼皮、或是嫌自己眼睛不够大吗？利用彩妆技巧，真的能让眼睛变得大又深邃？撇开整形手术不谈，其实要让眼睛变大并不难，只要平常多利用些眼影、眼线、睫毛膏等基本彩妆品，再加上假睫毛来辅助，花小小的10分钟，就能创造修饰与时尚兼具的时髦妆容。 尤其即将进入秋冬季节，眼部彩妆更是整体妆容最重要的一环，就让我们教你几项让眼睛看起来又大又有神的小小秘诀，不论是单眼皮、双眼皮不够明显、或是小眼睛的女性都可以试试，你会发现，原来自己也有一双这么迷人、可以散发电力的双眼！ Tips1：选色秘诀 若要使眼睛更有神，眼影色的挑选绝对是重要的，使用咖啡色调的眼影能使眼睛放大、具有深邃的视觉效果、如果选择桃红、紫色调则可增加眼睛的明亮度。 Tips2：上妆技巧 若是单眼皮，一般来说比较容易浮肿，应该避免眼影多色重叠的妆法，并且避免使用浅色系如白色、淡粉红色等眼影。 </t>
  </si>
  <si>
    <t xml:space="preserve">珠海冬天气候怎样?适合穿什么衣服?我要去珠海念书.不知道那边冬天 </t>
  </si>
  <si>
    <t>我要去珠海念书.不知道那边冬天穿什么衣服,所以正发愁该带什么衣服去.有哪位好心人知道的话,麻烦告诉我一下.谢谢了!!! 答：珠海位于广东省珠江口的西南部，在北纬21°48′一22°27′、东经113°03′一114°19′之间。珠海市区内陆部分地势由西北向东南倾斜，有山、海、丘陵与平原。地势平缓，倚山临海，海域辽阔，百岛蹲伏，有奇峰异石和秀美的海湾、沙滩。珠海属亚热带海洋性气候，常受南亚热带季候风侵袭，多雷雨。年平均气温22.3℃，最低气温2.5℃。年降雨量为1770.4毫米，其中4——8月占全年降雨量的76％。 所以珠海冬天，有一件薄毛衣，和一件羽绒服足以过“冬”了！</t>
  </si>
  <si>
    <t xml:space="preserve">我在结婚前做过两次流产,如果在做B超检查时,,能检查出来吗?我在 </t>
  </si>
  <si>
    <t>　　全息数字超声等仪器检查，常规或经阴道探测子宫及附件，可以检查出陈旧性流产。不过，射线类的最好都不要做，多做对胎儿影响比较大。　　一般你丈夫不会让你做这样的检查，除非你习惯性流产，如果怀孕你要非常小心了，因为万一再次流产，医院就会提供你曾经流产的证明来说明你流产的原因。　　不过，无论如何，你丈夫不知道你过去那些事，你千万不要说出来，对你将来婚姻生活的影响非同小可的。这样善意的欺骗，对大家都好，省得你痛苦他也痛苦。</t>
  </si>
  <si>
    <t xml:space="preserve">了解发动机的质量可靠性 </t>
  </si>
  <si>
    <t>发动机在出厂的时候已经经过严格的检测的基本上都是可靠的</t>
  </si>
  <si>
    <t xml:space="preserve">关于离婚方面的法律问题？（1）假如双方达不成协议，一方坚持离婚， </t>
  </si>
  <si>
    <t>可以到法院提起诉讼，但是这种情况法院在第一次受理时一般都要退回，理由就是夫妻感情没有破裂，但你第2次提起诉讼时，你应当举出更多离婚的理由及证据，如果理由和证据充分的情况下，法院应该会作出判决。</t>
  </si>
  <si>
    <t xml:space="preserve">关于加技能经验的“上品粘粘草”“上品粘粘草”是加技能经验5000 </t>
  </si>
  <si>
    <t>使用上品沾粘草后，随即增加人物拥有的，未到上限的技能的经验值5000，已经到上限的技能不会被增加，所有技能都到上限沾粘草不能使用。例如：你目前是见习，因果技能的目前经验是1790/1800，吃了沾粘草后经验变成6790/--，当你晋职成正职后，经验就变成了6790/7200。如果因果技能已经到上限1800/--，不会被增加技能经验。</t>
  </si>
  <si>
    <t xml:space="preserve">晒单必死博尔顿15日19:45切尔西102阿森纳15日22:00 </t>
  </si>
  <si>
    <t>那还晒它干嘛?呵呵.好运!</t>
  </si>
  <si>
    <t xml:space="preserve">福建省厦门事业单位考试主观题类型是不是有三种？案例写作，公文写作? </t>
  </si>
  <si>
    <t>公文写作可能不会，但可能有改错。其他的材料作文可以自己发挥，写成议论文或申论形式都行，800字左右，只要不要离题就可以。</t>
  </si>
  <si>
    <t xml:space="preserve">数学求证:四个连续整数的乘积与1的和必是一个完全平方数. </t>
  </si>
  <si>
    <t>求证:四个连续整数的乘积与1的和必是一个完全平方数设四个连续整数是n-1,n,n+1,n+2(n-1)*n*(n+1)*(n+2)+1=(n^2+n)(n^2+n-2)+1=(n^2+n)-2(n^2+n)+1=(n^2+n-1)^2所以四个连续整数的乘积与1的和必是一个完全平方数</t>
  </si>
  <si>
    <t xml:space="preserve">变速箱是如何变速的工作原理是什么 </t>
  </si>
  <si>
    <t>就是根据齿轮大小不同，咬合后转速就不同的原理实现的，手柄变换位置，实现不同大小的齿轮咬合而实现速度变换。</t>
  </si>
  <si>
    <t xml:space="preserve">fifa2005几号发布 </t>
  </si>
  <si>
    <t>2004.10.15</t>
  </si>
  <si>
    <t xml:space="preserve">怎样证明党员身份，党员如何转接组织关系 </t>
  </si>
  <si>
    <t>有党员证应该就能证明党员身份了吧，至于党组织关系的转接，在全国范围内可以直接相互转移党组织关系的党组织 　　（1）县级及县级以上地方各级党委组织部；（2）中央直属机关各部门、中央国家机关各部门及中央一级人民团体的机关党委；（3）省、自治区、直辖市直属机关党委（工委）组织部；（4）省、自治区、直辖市各工作委员会组织部（处）；（5）新疆生产建设兵团政治部组织部、各农业师（管理局）政治部（处）；（6）中国人民解放军师（旅）或相当于师以上政治部或其组织部门；（7）铁路系统的各铁路局党委组织部。 转接操作步骤　　1、党员经所在党支部同意，由党支部开出从支部到上一级党委（党工委）的组织关系介绍信。 　　2、党员持支部开出的介绍信到上一级党委（党工委），党委（党工委）核实后，根据支部开出的介绍信，分三种不同情况开出相应的介绍信。（1）如果党员转往该党委（党工委）下属的其他支部，则开出从党委（党工委）到转入支部的介绍信；（2）如果党员转往市内其他党委（党工委），则开出从所在党委（党工委）到转入党委（党工委）的介绍信，党员持介绍信，到转入党委（党工委）办理；（3）如果党员转往市外有关单位，则开出从党委（党工委）到市委组织部的介绍信。 　　3、党员持党委（党工委）开出的组织关系介绍信到市委组织部。市委组织部经核实后，根据党委（党工委）开出的介绍信情况，开出从市委组织部到市外相应有转接权限党委组织部门的介绍信； 　　4、党员持市委组织开出的组织关系介绍信到市外相应有转接权限的党委组织部门，该组织部门开出从组织部门到转入党委（党工委）的组织关系介绍信； 　　5、党员持市外有转接权限党委组织部门介绍信到转入党委（党工委），该党委（党工委）根据介绍信情况，开出从党委（党工委）到转入支部的介绍信； 　　6、党员持转入党委（党工委）开出的介绍到转入支部报到。具体的可以进输入“党组织关系转接”进入百度百科看看</t>
  </si>
  <si>
    <t>韩服白妖练级问题~~~本人练了个敏妖，现在35级。防</t>
  </si>
  <si>
    <t xml:space="preserve">我在韩1区49及体妖你要有3兔子 就去火山 经验现金都不错等你到了45 及 把兔子卖了 买点装备 练3杜宾狗这样升级更快 狗练大了在卖 狗比兔子值钱的 45 及的能卖160 万我就是这样升级打钱的 马上就50 及了 你的如果是安全号 的话 就换个体妖吧 学风 打钱不比敏妖 少 而且还有前途 </t>
  </si>
  <si>
    <t xml:space="preserve">在西安能买到有座位的从宝鸡到杭州的火车票吗? </t>
  </si>
  <si>
    <t>你要是买学生票可以买到，我就买过普通票也可以买到，从宝鸡到西安中间只有2站</t>
  </si>
  <si>
    <t xml:space="preserve">提升摆摊数量需要鱼证，具体每个等级需要多少个。有哪个朋友给说下行? </t>
  </si>
  <si>
    <t>主要是看你的职业　一般是矮人的话自己本身带４个，然后升到５格的时候需要10000个证　　升到６格的时候需要20000个　再往后就看你还能不能弄那么多了　自己找ＮＰＣ看</t>
  </si>
  <si>
    <t xml:space="preserve">这首歌叫什么？？？有一句歌词是这样的：我现在还是深深地深深地爱着 </t>
  </si>
  <si>
    <t>歌曲：我会好好的 歌手：王心凌 专辑：cyndi with u 下载地址： 我会好好的花还香香的 时间一直去回忆真美丽 我是想着你一直想着你 你在我心底变成了秘密 不要说你爱我你想我 如果你的心里没有这么做 只是勉强的敷衍我 我知道了会很难受 我要你默默走不回头 我会清楚明白你要的是什么 无须勉强的安慰我 说奇怪的理由 到现在还是深深的 深深的爱着你 是爱情的友情的都可以 那是我心中的幸福 我知道它苦苦的 ---- 要给你远方的祝福 我知道它苦苦的</t>
  </si>
  <si>
    <t xml:space="preserve">尺好象断了,接上凑合一百万吧字一 </t>
  </si>
  <si>
    <t>跳</t>
  </si>
  <si>
    <t xml:space="preserve">做好的油发肉皮怎么再加工成美味佳肴油发肉皮是做好的，是不是可以做 </t>
  </si>
  <si>
    <t>油發肉皮本身?]有味道，可放些在??龋???得很白很?猓虺床?r加點下?炒都很好吃，但炒菜?r要先把肉皮，用水煮或泡?再下?炒?容^好吃。</t>
  </si>
  <si>
    <t xml:space="preserve">400块买了1加一套D顶装备合适不？？？？？？？？ </t>
  </si>
  <si>
    <t>以1：0.2来说就亏了，1：0.3的话合算关键是天币会贬值</t>
  </si>
  <si>
    <t xml:space="preserve">帮忙解答下会计的题，越详细越好4、企业首次计提坏账准备年度的应收 </t>
  </si>
  <si>
    <t>1、首次计提坏账准备年度的应收账款余额为00元，应提坏账准备：1000000*4%=40000元借：资产减值损失 40000贷：坏帐准备 400002、第二年发生划账损失6000元，会计分录借：坏账准备 6000贷：应收账款 60003、第二年年末应收账款余额1300000元，应提坏账准备：1300000*4%-40000+6000=18000元借：资产减值损失 18000贷：坏帐准备 180004、第三年发生坏账损失3000元，会计分录借：坏账准备 3000贷：应收账款 30005、上年已转销的应收账款中有3400元本年度又收回，借：应收账款    3400贷：坏账准备  3400同时：借：银行存款  3400贷：应收账款  34006、该年度末应收账款余额为800000元，应提坏账准备：800000*4%-40000+60000-18000+3000-3400=-20400    借：坏账准备 20400贷：资产减值损失 20400</t>
  </si>
  <si>
    <t xml:space="preserve">公司装修的发票都开建材可以吗公司装修的所有费用统一找了一家公司开 </t>
  </si>
  <si>
    <t>只要这家公司同意给你单位开发票，就可以入账，没有关系的。</t>
  </si>
  <si>
    <t xml:space="preserve">你和朋友吃饭时希望妻子给你打电话吗？ </t>
  </si>
  <si>
    <t>我想应视情况而定:如果是同上级领导在一起吃饭,一般最好别去打扰,他们可能研究工作等方面的问题;如果是与朋友和同学等在一起吃饭时,你可打电话提醒他吃药,或是少喝点酒,或是早点回家,或是回家路上要小心等等.使他真正感受到家庭的温暖及爱人的关心和体贴!</t>
  </si>
  <si>
    <t xml:space="preserve">iphone4S没备份可以降级吗？怎么做才能降级？ </t>
  </si>
  <si>
    <t>苹果4也一样的ios7恢复到ios6的方法：          1.首先要到官方下载旧的ios固件版本，建议iphone5用户选择6.1.4版的系统固件。         2.开启iTunes工具，然后将iphone5连接到电脑上。         3.点击侧边栏上，设备区的iphone5图标，然后按住Shift并点击“恢复（Restore）”。                  4.这时会有一个文件选择界面弹出，在下列框中选择你预先下载好的ios系统固件。         5.系统恢复需要一段时间的等待，大约要几分钟的时间，然后你就可以像原来一样使用iphone5了</t>
  </si>
  <si>
    <t xml:space="preserve">怎样写文章 </t>
  </si>
  <si>
    <t xml:space="preserve">怎样在博客发表文章 第一步：登陆博客（用户明、密码、验证码） 第二步：点击页面右上方的“发表文章” 第三步：输入文章标题 第四步：编写文章内容或发表图片、视频等文件 第五步：在文本框的下面填写“标签”（即：文章内容的关键字） 第六步：编写完毕点击“发表文章”（或保存到草稿箱中） 第七步：返回首页看效果 </t>
  </si>
  <si>
    <t xml:space="preserve">关于伤残我爸爸在工地干活由于踩得梯子坏了从两米多高摔了下来现在在 </t>
  </si>
  <si>
    <t>由于撞击，鼓室积血，可能引起外伤性传导性听力损失，但多于3周内自行吸收或经咽鼓管排出，听力可逐渐改善。一般不会构成残疾。听力损失GB/T16180-2006 ：五级：双耳听力损失≥81 dB；六级：双耳听力损失≥71dB；七级：双耳听力损失≥56dB；八级：双耳听力损失≥41dB或一耳≥91dB；九级：双耳听力损失≥31dB或一耳损失≥71dB；十级：双耳听力损失≥26 dB，或一耳≥56 dB；颅骨四处骨折，你的叙述太简单了，这是很麻烦的事，毕竟颅骨骨折的存在提示伤者受暴力较重，主要是合并脑损伤机率较高。所以你目前应申报工伤认定，至于伤残评定要等治疗结束后病情稳定后进行。</t>
  </si>
  <si>
    <t xml:space="preserve">哪里有狼犬丹尼的种子,一定要能下,能看.谢谢不要推荐btchin </t>
  </si>
  <si>
    <t>btchina的种子不是错的已经下载过了</t>
  </si>
  <si>
    <t xml:space="preserve">妈妈这样教育我，让我感到很害怕妈妈总是对我灌输一些她的理论和思想 </t>
  </si>
  <si>
    <t>你好,这位朋友,从你的表述中，我感受到你几点矛盾：第一、  心里存在真爱的期望，妈妈强调没有真爱，相信有还是没有，你矛盾，因为证明这两种信念哪一个是正确的证据不足；第二、  想自己去追求自己的幸福，可是你又害怕太多的不确定，对自己想要的幸福是什么样的不明确；第三、  你想摆脱妈妈的“裙带”，可是这个“裙带”太牢固，你的力量还不够强大，对妈妈的依赖太强，对脱离妈妈的未来存在一定的恐惧；你妈妈心中的真爱是什么样的？你自己理想中的真爱是什么样的？你妈妈的婚姻情感是什么样的？妈妈为什么灌输这样的思想给你，她在情感生活上遭受过什么样的创伤？妈妈这样教育你，是她太担心你会受伤害，她希望你会幸福，也在努力的为你这样做，她没有预料到她的思想给你带来的结果。首先，你要告诉妈妈她为你好为你着想的心思你明白，也很感谢妈妈这么多年来为你所做的，但是她的观念、思想让你很难受，告诉妈妈你的内心感受，不要抱怨妈妈的是非；第二、你和妈妈依恋的太亲密，你现在已成年，具备思考问题的能力，也需要思考的空间，要与妈妈拉开距离，分开到你感觉舒服的界限；第三、你要培养控制自己的现在、未来的能力，自己的幸福要自己去追求，如果你有喜欢的人，喜欢做的事要努力大胆的去开始，为自己制订一个近期中期远期目标，为自己的幸福做一个详细的规划，一些细节会不停的改变，但是方向不会改变；第四、为什么会为一点小事和对方分手，是在抗拒妈妈的安排，自己不喜欢对方，不知道如何解决冲突，还是自己心里根本就是对男人的抵触？这么多年形成的生活模式要打破会有一定的难度，改变的过程也许给你带来很大的痛苦，但是改变后的生活模式会给你带来更多的快乐和祥和，从现在开始还来得及，如果你再这样自怨自艾，或许你的生活会循环妈妈的生活模式，在自我抱怨和叹息中渡过。祝好！                                      金子</t>
  </si>
  <si>
    <t xml:space="preserve">百度创始人百度的创始人是谁？具体 </t>
  </si>
  <si>
    <t>2000年1月由李彦宏、徐勇两人创立于北京中关村</t>
  </si>
  <si>
    <t xml:space="preserve">vista系统现在能不能用官方智力辅助或者飞人外挂今天我试了下怎 </t>
  </si>
  <si>
    <t>官方辅助版本是老版本~~!  要用辅助到&lt;黑暗教主&gt;的资料下!!很好用!!飞人挂可以用~~!</t>
  </si>
  <si>
    <t xml:space="preserve">销售收入存货比指标数值多大为正常？ </t>
  </si>
  <si>
    <t xml:space="preserve">存货周转次数=销售收入÷存货 存货周转天数=365÷（销售收入÷存货） 存货与收入比=存货÷销售收入 存货周转天数是企业一定时期(通常为1年)内销售成本与平均存货之间的比例关系。通常用存货周转次数和存货周转天数两种方式表示。存货周转天数这个数值是越低越好，越低说明公司存货周转速度快，反映良好的销售状况。该比率需要和公司历史上的数据及同行业其他公司对比后才能得出优劣的判断。存货周转天数加上应收账款周转天数再减去应付账款周转天数即得出公司的现金周转周期这一重要指标。 　　存货周转天数表示在一个会计年度内，存货从入账到销账周转一次的平均天数（平均占用时间），存货周转天数越短越好。存货周转次数越多，则周转天数越短；周转次数越少，则周转天数越长。存货周转次数表示一个会计年度内，存货从入账到销账平均周转多少次。存货周转次数越多越好。 </t>
  </si>
  <si>
    <t xml:space="preserve">为什么豆奶粉一冲水老结块？一冲水搅拌，但还是有结块的么，怎么办？ </t>
  </si>
  <si>
    <t>建议：1、先用较少的温开顺将豆奶粉调成一定的糊状，但不要太稠。2、采用温度较高一些的开水边搅拌边进行冲，这样一般就不怎么结块了。3、主意：水温不要太低，尽管厂家说可以......</t>
  </si>
  <si>
    <t xml:space="preserve">哪里可以学针炙 </t>
  </si>
  <si>
    <t xml:space="preserve">北京针灸骨伤学院介绍 　　北京针灸骨伤学院位于北京市朝阳区花家地小区。现地址为北京市朝阳区望京中环南路６号。校园占地１０公顷，建筑面积９万平方米。 　　北京针灸骨伤学院是一所为了适应国内外对针灸和中医骨伤科高级专门人才的需要，于１９８４年筹建、１９８６年正式建立，面向全国招生的外向型高等中医院校，是卫生部属１４所医学院校之一，现归国家中医药管理局领导。 　　学院设针灸学系、中医骨伤科学系、研究生部、国内进修部和国外进修部。附设５００　张床位的附属医院和卫生学校各一所。针灸专业和中医骨伤科专业均为本科５年制，研究生３年制，兼办专科生３年制。在校生设计规模为７００人，其中本科生４５０人，　研究生９０人，国内进修部６０人，国外进修部１００人。１９９０　年在校学生４２８人，其中本科生２７３人，研究生１１人，专科生１４４人。 　　学院在建院初期，坚持以育人为宗旨，加强师资队伍建设，认真组织教学，充实改善办学条件，注重学生专业技能训练，培养良好的医德医风。现有教师２３０人，其中教授级２３人，　副教授级５２人，几年来主编中医骨伤和针灸学系列教材１９部（已出版１４部），出版７３部参编专著。发表学术论文１７１篇，有１５　项科研成果获院级以上奖励。为促进针灸、中医骨伤科学的对外交流，接待了２０多个国家、地区２００多位学者来院访问和进修，　派遣数十名教师和医师出国讲学、医疗和培训。新建教学实验楼１．３７　万平方米，实验室（标本室等）１５间。全校仪器设备９５５台（件），价值３２０多万元。新建图书馆４５４８平方米，设计藏书２５万册，　现有图书４万册，期刊５５０种。电化教学室正在装备系列摄录像器材。现有教学录像片５００余部，拥有一间标准演播厅。 </t>
  </si>
  <si>
    <t xml:space="preserve">新买的卡丁车,如果一直不用,会不会过期?我买了一部,还没打开,想 </t>
  </si>
  <si>
    <t xml:space="preserve">当然会的,只要一买就算时间了过一个月就过期,可以去去官方网站看看 </t>
  </si>
  <si>
    <t xml:space="preserve">怎么安装独立显卡？我想装一个独显，要怎么安装呢? </t>
  </si>
  <si>
    <t>1,关闭电源 2,打开机箱 3,看看主板说明书有没有显卡转换硬跳线,如果有按照主板说明书上的方法转换跳线位置,如果没有,那就继续 4,把独立显卡安装到主板上,安装牢固 5,关闭机箱 6,把显示器的视频线插到独立显卡的插头上 7,打开电脑,按Del进入BIOS 8,在BIOS的advance setup里选择显卡类型,一般应该是vadio card on board.选择disable。BIOS版本不同，名称有的也不太相同。开机启动的设置一般都在第二个页面中，你找到名称为BOOT的页面。一般会在它里面 9,退出BIOS，记着要按F10保存后退出 10，重新启动计算机 11，进入windows，安装独立显卡驱动，安装完毕重新启动计算机 12，进入windows，完毕</t>
  </si>
  <si>
    <t xml:space="preserve">蜀山古道1层我玩到蜀山古道一层的时候开不了通往2层的机关，也就玩 </t>
  </si>
  <si>
    <t>蜀山故道一层：     进入后让龙葵领队，打开石阵后从下到上按第1——4——7——3——2——5的顺序分别打开小路上的机关（让人物站在机关上面即可），这样就可以进入蜀山故道二层。蜀山故道二层：     1、左路上面向右找到记录点后向左下走让第二个活动的石柱撞击人物，可打开一个机关。     2、然后从左边爬上长藤在记录点上保存后，向右走碰第三个，打开一机关——然后再次爬上长藤在记录点上保存，——向右在碰第四（不含左上的那一个）个，打开一机关——然后再次爬上长藤在记录点上保存——碰第六个（不含第四个左上的那一个），打开一机关——然后再次爬上长藤在记录点上保存，一直向前走即可。以上如有错误，请谅解。</t>
  </si>
  <si>
    <t xml:space="preserve">星辰变要拍成电影，是真的嘛？ </t>
  </si>
  <si>
    <t>听说是跟湖南卫视签了合作的协议，不过男女主角还没选，应该是真的。</t>
  </si>
  <si>
    <t xml:space="preserve">求BL,BZ,AKS任务顺序，全称，攻略 </t>
  </si>
  <si>
    <t xml:space="preserve">冰雪的牢城(BL) 风鸣之塔(AKS) 然后就可以去砍牛了砍牛任务为六曜之塔砍牛之前记得要取得精灵水镜,精灵水镜的取得方法请参照任务六曜之塔 </t>
  </si>
  <si>
    <t xml:space="preserve">初二物理计算题，急！1、火车以72km/h的平均速度沿平直铁路匀 </t>
  </si>
  <si>
    <t>1.解:72km/h=20m/s  6cm=0.06m   由子弹在垂直方向与列车运动方向运动的时间相等列方程     2.4/V=0.06/20     得V=800m/s2.设上山速度为3V，则下山速度为5V，依题意，上山路程为54V，下山路程为90V。  回来时，上山改为下山。    则t=90V/3V+54V/5V       =40.8(分）3.设一楼到二楼的距离是S ,依题意，V电梯=S/1 =S    V人=S/3  则人沿电梯走动的速度是V电梯+V人=4/3S  时间t=S/4/3S=0.75(分)  解物理题要按物理的思路和方法,祝你进步!</t>
  </si>
  <si>
    <t xml:space="preserve">济南哪里有卖孙燕姿&lt;完美的一天&gt;MV?有谁知道哪里有卖,请告诉我 </t>
  </si>
  <si>
    <t xml:space="preserve">现在好像还没有，再等等吧 </t>
  </si>
  <si>
    <t xml:space="preserve">水价会上涨吗 </t>
  </si>
  <si>
    <t>会慢慢小幅度的涨，不会一下子涨很多。</t>
  </si>
  <si>
    <t xml:space="preserve">游戏问题我下载客户端后运行EXE时出现脚本错误进游戏出现appn </t>
  </si>
  <si>
    <t xml:space="preserve"> 请向客服区反映  </t>
  </si>
  <si>
    <t xml:space="preserve">兄弟们问一下大师要多少分啊现在很担心啊不要积分到了大师水平博彩水 </t>
  </si>
  <si>
    <t xml:space="preserve">男性   女性 新手 500分以下 新手 学弟 501 — 1500分 学妹 学长 1501 — 5000分 学姐 学者 5001 — 10000分 学者 大师 10001 — 20000分 大师 智者 20001 — 30000分 智者 圣人 30001 — 50000分 圣人 先知 50001 — 80000分 先知 神 80001 — 100000分 神 神机真人 100001 — 130000分 风神 天外飞仙 130001 — 150000分 水神 智慧天尊 150001 — 200000分 月神 文曲星 200001 — 300000分 雅典娜女神 紫微星 300001 — 600000分 紫微星 爱问之星 600001分以上 爱问之星 </t>
  </si>
  <si>
    <t xml:space="preserve">为什么找不到收藏的图片？在购物网站上看到了喜欢的东西，点击物品下 </t>
  </si>
  <si>
    <t>只能在相关的网站上查找。网站上有类似于“我的收藏”的提示，点击便可。</t>
  </si>
  <si>
    <t xml:space="preserve">用记事本记事怎样另起一行 </t>
  </si>
  <si>
    <t>哈哈，回车呀，就是enter键～～按一下另起一行，按两下另起两行呀～格式/自动换行勾上也能自动换行的～</t>
  </si>
  <si>
    <t xml:space="preserve">黄豆怎么做好吃啊？ </t>
  </si>
  <si>
    <t xml:space="preserve">用大豆可烹制出各式美味可口的菜肴来。大豆菜看烹调技巧的要点是：　　一、原粒黄豆的烹制　　原料黄豆常用于焖猪手、排骨。烹制时，先把黄豆洗净，放大锅内用慢火炒香，以占除豆腥味。再用冷水浸泡15分钟后与爆炒过的猪肘块或排骨块在锅内同炯至粘即可。亦可直接将黄豆同蚝油及其他调料炯成甘香柔韧的蚝油豆。黄豆还是熬制素上汤的主要材料，烹制素菜往往离不开素上汤。　　二、豆腐的烹制　　作为原料，黄豆的最佳形态是豆制品。豆制品菜式品种变化多，其中使用率最高的豆腐，菜式变化也最多。　　1、焖制 　　把切成人块的豆腐放进180C度高温的食用油4—3价至表皮稍硬、色泽金黄,然后炒香蒜茸、姜丝、菇丝、肉丝，加进汤水和调料，放进炸过的豆腐略焖成菜，即为芳香味浓的红烧豆腐。豆腐改炸为煎或飞水亦可。番茄炯豆腐，加儿段翠绿的葱度点缀，色泽十分艳丽，不仅味道可口，而且很有营养价值。　　2、蒸制　　将切成扁长方块的豆腐、薄火腿片(可用西餐火腿代)、冬菇片梅花间竹地在碟上排上二三行，用中火蒸八分钟，伴以熟青菜，撒上葱花、胡椒粉，烧上热油，淋上靓生抽等调味料，便是造型美观、味道鲜美的“麒麟豆腐”。　　“老少平安”是典型的家常菜，制作也非常简单：在鲮鱼茸中加入调料搅拌成鱼胶，再掺进豆腐重新拌匀，平铺在碟上蒸熟，加上葱花、胡椒粉和熟油便可。　　3、炸制　　豆腐切成方块或菱形块，裹上干淀粉，放进180度的热油中炸至表皮酥脆，就可以制成各式脆皮豆腐菜式。把炸好的豆腐按长方形或方阵形、葵花形、山形等排在碟上，然后浇上芡或带副料的芡，芡要稠些，便可烹制出脆皮蚝油豆腐、脆皮鲜虾豆腐、脆皮三丝(鲜)豆腐、脆皮五柳豆腐……　　4、煎制　　客家名菜东江酿豆腐即为例。豆腐切成长方块或三角块，在中间挖出方孔，填进肉馅，煎至肉馅金黄色，转放在有绍菜热底的沙锅内加入汤水、调料炯制而成。　　5、烟制　　经过初步熟处理(炸、煎或飞水)的豆腐放在沙锅内，加入虾米、冬菇、鲜鱿、带子、虾球、汤水、调料，制成海鲜豆腐煲。　　6、烩制　　蒸熟的鲸鱼，拆肉去骨，与豆腐烩成“豆腐鱼茸羹”，此羹香滑清鲜，四季皆宜。烩制时要配以菇丝、姜丝、韭黄等副料。　　7、滚制　　“豆腐鱼头汤”是家喻户晓的传统菜。它以气味清香，滋味鲜甜，汤色奶白为特色。制作时注意：鱼头要煎透，用滚水，火要猛。　　以上所说只是豆腐菜的基本制法，由此可演变出五花八门的美味菜式。另外，去除豆腐豆腥味有两法：飞水，水温约为90度，水温过高豆腐成蜂巢不滑；也可用油炸。　　三、豆芽的烹制　　黄豆发成豆芽后会新增维生素C，但豆芽越长维生素C的含量越少。　　黄豆芽摘去豆瓣和根便称为银针，银针质地脆嫩，是上等原料。银针可制作“银针韭黄炒鸡丝”、“鼎湖上素”等名菜，也是“红烧鸡煲翅”的必备佐料。　　黄豆芽则可烹制“大豆芽菜炒猪肠”、“豆芽炒牛肉”等家常莱，烹制时锅内洒点醋，即可增香，又利于保护维生素C。还要记住，炒黄豆芽时，不可太早放盐。豆芽菜中“锅仔芽菜煮猪红”是一道滋味清爽的新潮流行菜。大豆芽蒸肉饼则是一道精工细作菜，豆瓣与猪肉剁成肉饼，而剩下的便是银针“一料两吃”，甚妙。　　　四、其他大豆制品的烹制　　1、豆腐干可卤制，也可切片炒或切丝煮。豆泡可用于煎酿也可焖鱼。　　2、腐竹(又称文竹) 是支竹羊脯煲、白果支竹猪肚煲的重要原料。腐竹烹制时要先用油炸过，用水煮软再焖。甜竹(油皮)用来炯鱼，别具风味。　　3、百页可炒丝，也可做成素鸡素肠。　　4、豆腐脑加蜜糖或糖浆便可直接食用，而豆浆则要煮透才可喝。 </t>
  </si>
  <si>
    <t xml:space="preserve">请问那里有浏览天堂2服装穿上身上的浏览图啊.我曾经在PC网那里见? </t>
  </si>
  <si>
    <t xml:space="preserve"> 以上是BC级装备效果</t>
  </si>
  <si>
    <t xml:space="preserve">2000年前生产的汽车尾气是否要达到现行国家尾气排放标准如果有一 </t>
  </si>
  <si>
    <t>GB17691-2005(排放标准)是这样规定的：在用排气污染物排放限值    装用点燃式发动机的在用汽车，排气污染物排放限值下表：在用汽车排气污染物排放限值(体积分数)车型  类别  怠速  高怠速  CO(％)  HC(×10-6)  CO(％)  HC(×10-6)1995年7月1日前生产的轻型汽车  4．5  1200  3．0  9001995年7月1日起生产的轻型汽车  4．5  900  3．0  9002000年7月1日起生产的第—类轻型汽车1）  0．8  150  0．3  1002001年10月1日起生产的第二类轻型汽车  1．0  200  0．5  1501995年7月1日前生产的重型汽车  5．0  2000  3．5  12001995年7月1日起生产的重型汽车  4．5  1200  3．0  9002004年9月1日起生产的重型汽车  1．5  250  0．7  200注：1)对于2001年5月31日以前生产的5座以下(含5座)的微型面包车，执行1995年7月1日起生产的轻型汽车的排放限值。如果检测污染物有一项超过规定的限值，则认为排放不合格。对于使用闭环控制电子燃油喷射系统和三元催化转化器技术的车辆，如果检测的过量空气系数(λ)超出标准中第4．3条中的要求，则认为排放不合格。请对号入座。</t>
  </si>
  <si>
    <t xml:space="preserve">轻度脂肪肝怎么办？轻度脂肪肝怎么办，有没有什么方法可以治好轻度脂 </t>
  </si>
  <si>
    <t xml:space="preserve">   得了轻度脂肪肝怎么办?   一般而言，脂肪肝属可逆性疾病，早期诊断并及时治疗常可恢复正常。正常人的肝内总脂肪量，约占肝重的5%，内含磷脂、甘油三酯、脂酸、胆固醇及胆固醇脂。脂肪量超过5%为轻度脂肪肝，超过10%为中度脂肪肝，超过25%为重度脂肪肝。当肝内总脂肪量超过30%时，用B超才能检查出来，被B超检查确诊为“脂肪肝”。而脂肪肝患者，总脂量可达40%-50%，有些达60%以上，主要是甘油三酯及脂酸，而磷脂、胆固醇及胆固醇脂只少量增加。轻度脂肪肝的治疗是多方面的，应针对病因，并根据病人的具体病情进行综合治疗，才能奏效。单纯性脂肪肝是疾病的早期阶段，如能早期发现、及时治疗，是可以完全恢复正常的。脂肪肝分轻度、中度和重度，轻度脂肪肝是治疗脂肪肝的最佳时期。旨日清缓释茶就是在解决轻度脂肪肝的问题上效果比较显著的一个产品。相对于常规的方式来说，旨日清更安全和有效，且操作起来更为方便。旨日清缓释茶可在人体内合成糖蛋白，全面调节机体免疫机制，刺激机体产生内源性干扰素和肝细胞再生素，特有的印度秘方配合茶中的茶多酚可以迅速清除内脂堆积，疏通蛋白、脂肪排泌障碍，从而达到缓释治疗脂肪肝的目的。   既然你问到了轻度脂肪肝的治疗方式，那在此也介绍一下一般治疗轻度脂肪肝的几种方法吧。   得了轻度脂肪肝怎么办？   一、治疗：   运动种类：脂肪肝的人主要选择以锻炼全身体力和耐力为目标的全身性低强度动态运动，也就是通常所说的有氧运动，比如慢跑、中快速步行、骑自行车、上下楼梯、爬坡、等。不过一般在都市生活的人群，连休息都是奢望，更别谈抽出时间运动了。    二、饮食治疗：   应该是叫做饮食辅助疗法更为确切一些，饮食治疗是大多数脂肪肝病人治疗的基本方法，因为在饮食方面多多的注意，确实能暂时控制脂肪肝的恶化，但决不可过于依赖饮食，认为饮食可取代常规药品。众所周知，热能的来源为食物中的蛋白质、脂肪和糖类，其需要量与年龄、性别和工种等因素有关。过高的热能摄入可使人的体重增加、脂肪合成增多，从而加速肝脏细胞脂肪变性。因此，应该制定并坚持合理的饮食制度，瘦肉、鱼类、蛋清及新鲜蔬菜等富含亲脂性物质的膳食，高纤维类的食物有助于增加饱腹感及控制血糖和血脂，这对于因营养过剩引起的脂肪肝尤其重要。    三、茶疗：    到目前为止，尚无防治脂肪肝的有效药物。一般常选用保护肝细胞、去脂药物及抗氧化剂等，但应在医生指导下正确选用，切不可滥用。目前最受专家推崇的就是健康茶疗，旨日清缓释茶可在人体内合成糖蛋白，全面调节机体免疫机制，刺激机体产生内源性干扰素和肝细胞再生素，特有的印度秘方配合茶中的茶多酚可以迅速清除内脂堆积，疏通蛋白、脂肪排泌障碍，从而达到缓释治疗脂肪肝的目的。</t>
  </si>
  <si>
    <t xml:space="preserve">七个月的宝宝，怎么还没长牙？宝宝七个月了，还没长半颗牙，是不是哪 </t>
  </si>
  <si>
    <t>乳牙一般在出生后4－10个月开始萌出，最迟在2岁到2岁半乳牙全部出齐。长牙慢、晚可能受遗传的影响，也可能与缺钙有关系，建议您给宝宝服用鱼肝油，如果情况还没有改善，可以带宝宝去医院检查一下。</t>
  </si>
  <si>
    <t xml:space="preserve">请问北京烟花爆竹销售网点在哪里？我妈过几天生日，需要买些烟花爆竹? </t>
  </si>
  <si>
    <t xml:space="preserve">首先祝你妈生日快乐！我倒是知道一个地方有卖烟花爆竹，你可以过去看看，我还有他们的名片，我把电话给你131-469-16701 </t>
  </si>
  <si>
    <t xml:space="preserve">招商银行什么时间创建的？同题！ </t>
  </si>
  <si>
    <t xml:space="preserve">招商银行发展大事记 1987.4.8  经中国人民银行批准，招商银行正式成立，股东为招商局集团。  1987.10.28  出台《蛇口工业区住房抵押贷款办法》，开始办理购房抵押（按揭）贷款。  1989.1.17  中国人民银行批准招商银行扩股增资，实收资本从人民币1亿元增加到4亿元，股东增加到七家。  1989.5.23  国家管理局批准招商银行在国内金融界首办离岸金融业务。  1990.8.19  中国人民银行批准招商银行设立第一家分行——上海分行，该分行于1991年4月29日正式开业。  1991.7.31  招商银行作为牵头银行为深圳东鹏实业有限公司盐田港工程发放银团贷款。  1991.9.16  招商银行证券业务部正式开业。  1991.12.28  中国人民银行批准招商银行设立第一家境外机构——香港代表处，该代表处于1992年8月28日正式成立。  1993.3.27  中国人民银行批准招商银行第二次扩股增资，实收资本增加到28.4亿元，股东增加到90家。  1993.6.5  招商银行首次在境外发行5000万美元三年期可转让大额浮息存款证。  1993.11.28  招商银行总行从蛇口迁址深圳市区。  1994.4.1  招商银行全面开通银行汇票业务，实现全面通汇。  1994.10.28  招银证券公司正式成立。  1994.11.24  招商银行与深圳华为技术有限公司举行买方信贷签字仪式。  1995.1.1  招商银行各支行、办事处正式启用联网终端进行会计记帐。  1995.7.3  招商银行正式推出集本外币、定活期储蓄于一体的“一卡通”。  1995.10.18  招商银行正式推出客户终端、图文电话、电话银行等电子化业务新产品。  1995.11.22  招商银行暨威士国际组织在深圳联合举行“一卡通”互连卡首发新闻发布会。招商银行成为港澳台和大陆第一家参加互连卡的银行。  1996.3.7  招商银行与深圳市邮电局在深圳签署协议，合作推出电子邮箱、电子数据（EDI）系统、客户终端等三项新技术和委托收款业务。  1996.6.26  招商银行人民币万事达信用卡首发式暨新闻发布会在深圳举行。  1996.6.28  招商银行实现“一卡通”全国通存通兑。  1997.1.28  招商银行正式实施信贷弹性授权管理办法。  1997.3.26  招商银行深圳地区同时获得英国BSI太平洋有限公司、中国船级社质量认证公司颁发的ISO9001质量体系认证证书。  1997.6.28  招商银行“一卡通”、信用卡加入深圳金融电子结算中心POS直联网络。  1997.7.31  招商银行在国际金融市场成功发行1亿美元5年期浮动利率债券（FRN），并在卢森堡证券交易所上市。  1997.9.23  招商银行南京分行与汇苏省交通厅签订银企合作协议，承诺在“九五”期间向江苏省交通系统提供总额为50亿元人民币的贷款。  1998.1.20  招商银行实现“一卡通”ATM全国联网。  1998.3.18  招商银行在国内率先成功建数据仓库系统，这在我国还是唯一一个建成的数据仓库系统。  1998.3.28  招商银行“一网通——企业银行”业务正式开通。  1998.4.6  招商银行“一网通——网上支付”业务投入运行，从而成为国内首家提供INTERNET网上支付服务的银行。  1998.4.7  招商银行“同一客户身份证项下卡折、卡卡自动转帐服务”分别在深圳、广州地区系统内试运行。  1998.6.15  中国人民银行批准招商银行扩股增资，增加14亿元股本金。  1998.9.16  招商银行西安分行首家自助银行在西安开业运营,这是我国西部地区设立的第一家自助银行。  1998.10.22  招商银行“一卡通”自助缴费系统在深圳地区正式运行。  1998.11.10  招商银行电话服务中心（Call Center）正式立项，成为国内首家开发Call Center的金融机构。  1998.12.24  招商银行北京、上海、沈阳、武汉分行和大连支行同时获得英国BSI太平洋有限公司、中国船级社质量认证公司颁发的储蓄业务ISO9001质量体系证书。  1998.12.22  招商银行“一卡通”实现全国POS消费联网。全行首次统一形象、统一策划、统一行动的“一卡通”全国消费联网宣传促销活动拉开序幕。  1998.12.23  招商银行在西门子设备上开发的自助银行产品：ATM、自助存款机、西门子自助终端，以及完全自行研制的新版触摸屏自助服务终端试运行取得成功，并全行正式运行。   </t>
  </si>
  <si>
    <t xml:space="preserve">《念奴娇赤壁怀古》－－多情应笑我是什么句式？倒装？谢谢！ </t>
  </si>
  <si>
    <t>多情的意思是多愁善感，多情应笑我一句是倒装句式，正常语序应为：应笑我多情。整句话意思为：该笑我太多愁善感了</t>
  </si>
  <si>
    <t xml:space="preserve">我用工行牡丹灵通卡在网上购买汇添富焦点基金，申购费是多少？优惠吗? </t>
  </si>
  <si>
    <t>到今年9月之前打8折，一般申购费为1。5％，8折后1。2％</t>
  </si>
  <si>
    <t xml:space="preserve">蜀山神话游戏里都偶哪些职业？ </t>
  </si>
  <si>
    <t>剑仙　　  剑仙门派历史 　　剑仙是修真界最古老，影响力最大的门派。相传掌门白眉祖师得到太极灵宝真君点化，在梦中经历五大劫难而得道创派。 　　白眉率先察觉了血魔的阴谋，飞升异界寻找克制血魔的方法，不久后将神谕烙在大荒城的天照石上，并由此引发了仙魔大战。此役决定了剑仙在修真联军的领导地位，也谕示着每一位剑仙都肩负着率领修真联军对抗血魔的重任。 　　门派特色 　　作为正道大宗，剑仙以强大的御剑术成为五大门派的中坚力量。他不仅能远程御剑伤敌，还能以减速咒法化解攻势，甚至破空瞬移，甩开对手。在珠仙的保护下，剑仙能使用大范围剑阵伤敌，将御剑术的威力发挥到极致。珠仙　　  门派历史 　　天瑶珠仙在创派之前就与望月剑仙有着千丝万缕的联系。掌门圣姑飞升后，继任掌门赵心岚错误地认为摆脱剑仙的束缚才能光大珠仙派，从而与剑仙渐渐疏远。血魔的爪牙影子道人乘虚而入，挟持了赵心岚，魔化珠仙弟子，将珠仙一脉推向了毁灭的边缘。 　　危急之下，赵心岚之妹赵心钰带领珠仙弟子来到望月城，促成剑仙珠仙联手，从影子道人手中夺回天瑶湖。 　　门派特色 　　向来不好争斗的珠仙，往往以另一种方式取胜。珠仙能给队友疗伤、增加攻击防御，还能布下各种奇门阵法，极大地强化队伍或杀伤敌人，所以她总是能得到队友的青睐。此外，珠仙还能使对手昏睡，不战而胜。月神　　  门派历史 　　月神祖师静月水仙在南海修行多年，她飞升时留下了一座芷云宫以及宫内无数的珍宝。此后，芷云宫历尽荣辱，三次易主，终于在静月水仙弟子，芷云双子的努力下重现辉煌，开创了月神派。 　　然而好景不长，恶妖鲛人在血魔的操纵下率芷云棋阵围攻芷云宫，危难中芷云双子命凤无双带领月神弟子暂避大荒城。月神弟子们将带领着修真各派重返芷云，踏上共抗血魔的。 　　门派特色 　　以敏捷的身法和多变的战斗技巧著称。尽管月神在近战和远战都有不俗表现，但是她以特有的法术控制着战斗的主动权，比如使用各种陷阱控制对手，或者隐身遁行与对手周旋，如果你发现她的存在，那是因为她的月轮已经划开了你的喉咙日神　　  门派历史 　　日神在很久以前就在北冥山研修密宗佛学。那时，极寒妖兽万载烛阴龙乱世，古日神掌门心眼禅师燃尽生命将烛阴龙封印在神庙中，日神派也不得不迁移到万佛山。 　　在漫长的岁月里，万佛山日神内部渐渐产生了分裂，秉承密宗的大藏禅师遭到邪恶的烈火禅师陷害，带着弟子回到了北冥山，重新开始密宗修炼，成为北冥日神。 　　仙魔大战后，封印多年的万载烛阴龙渐渐复苏，日神不远万里来到大荒城，探索天照石中隐含的万载烛阴龙的秘密。 　　门派特色 　　密宗苦行炼就了他钢铁般的身躯和意志。他总是冲在第一线，以金刚不坏之身化解敌人的攻击，保护队友，日神无愧为修真界最强的战士。如果要与日神为敌，一定要与他保持距离，因为号称近战宗师的日神从不会让靠近的敌人全身而退灵者　　  门派历史 　　灵者由御魔者灵尊创派，但因为迥异的修行方式受到正道修真者的排斥，使之濒临毁灭。后来，灵者遇到了被夺去仙品的中天宫星宿神大罗法王。在大罗法王的领导下，灵者奠定了通灵御鬼的修行方式，从而迅速发展起来，成为修真界仅次于剑仙的门派。 　　血魔颠覆三界的阴谋触动了灵者的根基，愤怒的灵者加入了修真联军。然而灵者表面上共抗血魔，实际上另有打算。 　　门派特色 　　深谙通灵御鬼之道的灵者是修真者中的异类。他没有强健的身体，却能够召唤地狱深处的恶鬼为自己作战，同时用剧毒和鬼符法折磨对手。与灵者作战就像是与一个手里握着自己心脏的人战斗一样。</t>
  </si>
  <si>
    <t xml:space="preserve">英语六级的复习请教英语六级真题应该做最近几年的比较有指向性呢?有 </t>
  </si>
  <si>
    <t>把最近5年内的仔细作几遍就行了，但是一定要仔细，掌握住考试的大环境。</t>
  </si>
  <si>
    <t xml:space="preserve">现在养热带鱼还要加温吗 </t>
  </si>
  <si>
    <t>大多数热带鱼都不用加温了，（七彩，罗汉，鹦鹉等高温鱼除外）室温就可以了。</t>
  </si>
  <si>
    <t xml:space="preserve">脑出血后遗症有什么治疗的相关药物？脑出血已经一年，血已经溶，造成 </t>
  </si>
  <si>
    <t>据证当滋补肝肾，兼以活血为当，适当加以针灸以调整经气，可有效果</t>
  </si>
  <si>
    <t xml:space="preserve">阳江哪里有漫步者耳机专卖店哇？或者是耳机店？[疑问][抓狂] </t>
  </si>
  <si>
    <t>石桥铺有！ 泰兴好像是2楼有个专卖店！</t>
  </si>
  <si>
    <t xml:space="preserve">窈女上图11029期想说什么都可以！欢迎评价！买彩花的是小女子的 </t>
  </si>
  <si>
    <t>多特是个1啊姐姐！</t>
  </si>
  <si>
    <t xml:space="preserve">魔兽世界登陆显示无法连接，请稍后再试这个问题，有跟周二更新有关联 </t>
  </si>
  <si>
    <t>服务器0点就关闭了，你也不看看通知！！！</t>
  </si>
  <si>
    <t xml:space="preserve">高中毕业生有什么出路? </t>
  </si>
  <si>
    <t xml:space="preserve">    你在哪个城市的啊？如果是在大城市的话，我想找份好的工作会比较难，如果可以上大学就争取，如果实在是不行的话，那就找党校拿个文凭，同时还要学门手艺或者技术，现在找工作没有知识不行，但是文凭也很重要；如果有能力的话，可以自考，这样的文凭会更好些！当然，如果有本事，有信心，有胆量可以自己去闯荡，但是这毕竟是很困难的，如果不行，那还是脚踏实地比较好！希望我的回答对你有帮助！我也是高中毕业的，现在拿到了大学文凭，还考了会计证，相信你也一定行的，加油！</t>
  </si>
  <si>
    <t xml:space="preserve">求“购物车”JSP源代码 </t>
  </si>
  <si>
    <t>找孙秀丽！！！</t>
  </si>
  <si>
    <t xml:space="preserve">地理问题什么洋流经过西班牙？ </t>
  </si>
  <si>
    <t>应该说只有加那利寒流经过西班牙附近海域。</t>
  </si>
  <si>
    <t>下列有机化学反应一定没有副反应发生的是()A.2</t>
  </si>
  <si>
    <t>2-溴丁烷和NaOH的醇溶液共热,产物有两种：1-丁烯或是2-丁烯</t>
  </si>
  <si>
    <t xml:space="preserve">鼻子上的黑头该怎么消除啊。。。 </t>
  </si>
  <si>
    <t>出油多会导致你的毛孔堵塞  不能很好的吸收   后续一系列痘痘黑头毛孔出大等问题都会随之而来   黑头也是需要针对性的护理你好，你的肌肤是不是比较出油亲 每个人的肌肤情况都不是一样的 所以护理也要有技巧 平时脸上是出油还是干燥</t>
  </si>
  <si>
    <t xml:space="preserve">最好女性来回答每次她到我家里来，如果我不去和她身体接触的话她会主 </t>
  </si>
  <si>
    <t>女人就是这样</t>
  </si>
  <si>
    <t xml:space="preserve">求猎人BB捕抓地点``谁可以告诉我荆棘谷的虎王坐标 </t>
  </si>
  <si>
    <t>这个不用知道坐标```离藏宝又不是很远```还有一个任务要你去杀虎王的```问问人就知道了```</t>
  </si>
  <si>
    <t xml:space="preserve">十二指肠癌怎么治疗更好?现在还是早期,请求大家帮忙!谁给回个帖子 </t>
  </si>
  <si>
    <t>介绍一种可以不进行手术治疗癌症的方法。神奇的《中华气功医学》               ——唯一可以攻克癌症的医学目前在世界上，还没有一种医学可以宣布已经攻克了癌症。我们在这里可以负责人的说：对于某些患者来说癌症不再是不可治愈的了。实践中，那些身体机能没有遭到破坏的癌症患者，在经过《中华气功医学》的治疗以后，现在已经走上了健康之路。《中华气功医学》是中华民族的瑰宝。他是在中华民族当中出现和应用治疗最早的医学。《中华气功医学》出现的时间在历史上可以追溯到伏羲时期，这个时期要比神农氏所确定的《和中药学》的时间要早。《中华气功医学》的之所以能够攻克癌症，是因为有着自己的独到之处，有与其它医学不同的特点，尤其是在对癌症的治疗上，有其它医学所不可比拟的优点。主要表现在：一、  治疗程序现代医学对癌症治疗的程序是大家所公认的，并且也是唯一可以为大家所能够接受的一种治疗程序。（一）现代医学对癌症治疗的程序是：1、  手术       手术的目的是尽可能的全部清除恶性肿瘤和病变的部位。但是在临床的实践中很难达到非常理想的效果。2、  进行放、化疗     放、化疗目的在于杀灭残存的癌细胞，但是在临床的实践中，即使是抑制恶性肿瘤生长的难度都非常大。实际上患者忍受巨大的痛苦，只能是起到延缓癌细胞生长的速度而已。3、  渡过存活期存活期是现代医学衡量癌症治疗效果的标志，存活期越长说明对癌症的治疗效果就越好。尽管是癌症患者能够拥有人生的时间，但是其结果仍然还是逃脱不掉被癌症夺去生命，只不过是为癌症患者设定了生存的时间而已。4、  存活期结束    在存活期虽然患者非常痛苦，但就是在这种痛苦的条件下，也无法保证患者继续生存下去，只好恋恋不舍的告别人生了。最终还是被癌症夺去了宝贵的生命。从以上的治疗程序可以看到，现代医学治疗程序，在癌症面前表现得无能为力，还是不能够从根本上挽救患者的生命。（二）在对偏离了健康朋友的调理上，《中华气功医学》的调理程序与现代医学的程序相比，有着非常大的区别。其中某些程序是用现代医学无法解释，是人们难以理解的。《中华气功医学》的调理程序是：调理（调整人体潜在的能力，唤醒沉睡中的功能，，理顺紊乱的人体各种机能，从而达到清除已经发生了的病变。）1、  调整人体潜在的能力  《中华气功医学》认为：人至所以能够生病，是由于人身体和精神长期处于某种特殊的状态时，而这种状态恰恰又能使人体的机能降低。因此疾病就可以乘机侵入到人体当中使人患病。根据上述原因《中华气功医学》首先是控制恶性肿瘤的发展。方法是调整人体的功能，2、唤醒沉睡中的功能调动和唤醒人体潜在的功能。在防止病情进一步恶化的同时，为下一步治疗做好准备。在这个程序进行的过程中，患者应当有身体变得轻松，精神状态改善等感觉。3、提高身体的素质人是一个巨大而且完整的整体，具有许多意想不到的功能。排异就是其中一种功能。因此《中华气功医学》的第二个治疗程序就是，发挥排异的功能。在治疗过程中通过治疗人员的努力，和患者一起调动人体的排异功能，对侵入人体的赘生的恶性肿瘤进行清除。经过这一个阶段的治疗，患者可以感觉到病变部位的症状有所减轻。2、  吸收阶段经过上面的一系列程序的治疗，虽然赘生的恶性肿瘤被清除了，患者的身体条件改善了。但是在人体的内部仍然还有残余癌细胞的存在。因此《中华气功医学》这个程序就是调动人体的免疫功能，来消除残余的癌细胞和清除其他剩余的毒素。以此来保证根除恶性肿瘤复发的根源。经过以上三个程序的治疗，患者可以感觉到，受恶性肿瘤所困扰的一切症状都逐渐的消失了。3、  痊愈康复 虽然赘生的恶性肿瘤被清除了，但是被赘生肿瘤所侵害器官的生理功能需要进一步的恢复。因此《中华气功医学》的第四个程序就是：利用人体的再生能力，修复被赘生肿瘤所侵害部位的病灶。使已经受到损害的器官得到全面的修复。使其能够恢复正常功能。从上述治疗程序的安排可以看出；《中华气功医学》是在清除赘生恶性肿瘤的同时也对残余的癌细胞和其他毒素进行清除，因此可以完全彻底的消除癌症对患者的威胁。从而确保了治疗的效果，杜绝了癌症复发和扩散的根源，有力的保证了远期的治疗效果。二、治疗手段现在人们所看到的，现代医学的治疗主要是、也必须是在器械、工具和药品的参与和帮助之下才能够进行治疗。如果没有器械则：手术，注射就无法进行。如果没有药品就根本谈不上对疾病进行治疗。因此现代医学的治疗手段是在采用器械、工具和药品的条件下才能够完成的。而《中华气功医学》的治疗手段则完全相反：《中华气功医学》的治疗不是采用器械、不采用工具、更不采用任何药品。《中华气功医学》在对患者的治疗当中依靠的是一种在平常状态下：人们看不见、摸不到、而又确确实实存在的物质，这也就是人们经常说起的“生物场”。 生物场是一种在特殊状态下的物质。实际上《中华气功医学》的治疗手段，就是运用这种特殊状态下的物质，对患者进行治疗的。《中华气功医学》为了对患者进行治疗，他所建立起来的生物场，必须满足以下几点要求： （一）、“生物场”必须具有一定规模1、所建立起来的“生物场”，其覆盖的范围一定要广泛。也就是建立起来的“生物场”能够保证充斥到所在空间的各个角落。2、建立起来的生物场除了要求覆盖范围广以外，还必须具有一定的强度。也就是“生物场”所具有的“能量”应当足够大。只有这样才能够为患者提供服务，才能够有效的为患者治疗疾病。（二）“生物场”的信息1、《中华气功医学》所建立起来的为患者提供治疗疾病的生物场，必须是一个健康的“生物场”。绝对不允许因为治疗者本身的原因（如情绪、身体的情况和状态等）对患者产生不良的作用，以免影响治疗的效果。2、这个“生物场”不仅仅只是一个单一的、静止的、健康的场。而应当是能够携带和容纳一种或者若干种信息的“生物场”。（三）变化的信息1、“生物场” 可以根据不同的患者、不同的疾病，改变“场”内的信息。2、对同一个患者，可以根据治疗的不同时期，治疗的不同阶段的需要，来调节“生物场”的信息中华气功医学在临床上，既不用借助任何物品，也不依靠药物，依靠的仅仅是“人”来进行治疗；依靠的是这个人对中华气功医学理解，掌握的程度以及本人的功能和能力，给另外一个被治疗人（病者）在特定的环境下直接的进行治疗。这就是中华气功医学治疗独有的特点。因为《中华气功医学》在临床治疗的手段上，不依靠器械、工具和药品。只是，也仅仅是依靠具有特殊能力的人。依靠这个人的能力（量）来营造和形成一个良性的外部生物场，来为患者进行治疗。《中华气功医学》的这种治疗手段完全是在看不见、摸不到的情况下进行的。这就是《中华气功医学》让人们难以置信的、琢磨不透的治疗手段。三、治疗方法《中华气功医学》在对恶性肿瘤治疗时，采用了在现在人们暂时还无法理解的非常神秘的治疗方法。就是非接触治疗的方法和接触治疗的方法。1、非接触的治疗方法非接触的治疗方法是在治疗的过程中，治疗者和患者没有任何接触。具体的做法是，患者和治疗者面朝同一个方向。俩个人之间有一段距离，也就是处于非接触状态。患者坐在治疗者前面，由治疗者运用《中华气功医学》的原理对患者进行治疗。在整个治疗过程中，治疗者和患者不进行任何接触。都是在静静的“坐”着。在这段时间里双方都不需要做任何动作。2、接触治疗的方法经过非接触治疗的方法以后，根据治疗的需要，由治疗者用“手”或者“指”，对治疗所需要的部位进行点、按、抚、摩、拍。经过上述过程以后，就完成了一次治疗。合计治疗时间大约在40分钟左右。这样的治疗每天一次，经过3—5个月时间的治疗，全部治疗就可以结束了。也就是患者已经痊愈了。正是由于这种异于常规的治疗方法。事业使在人难以理解的同时还感觉到非常神秘。实际上《中华气功医学》的这种治疗方法的原理非常简单。有一定常识的人都知道，“生物场”和其他“场” 一样，只要是具有一定的强度，那么这个“场”就具有穿透的能力。所以虽然治疗是在非接触的状态下，但是对恶性肿瘤同样可以进行治疗。四、温馨的治疗环境良好的治疗环境，对于疾病的治疗和患者的康复，都是有着举足轻重的作用。因此怎样才能够创造一个温馨的治疗环境，是至关重要的。目前现代医学对恶性肿瘤治理的方法主要是：手术和放、化疗。实际上在现代医学对癌症治疗的过程中，必须在特定的环境中，病人在痛苦的条件下，被动的接受治疗。因此给患者在精神上和身体上造成了巨大的压力和创伤。而由于《中华气功医学》在治疗时不需要器械、工具和药品，所以在治疗的过程中患者听不到手术的刀、剪声，看不见吊瓶的影子，没有针刺的痛苦。在40分钟左右的时间里，患者可以在轻松的条件下，在没有任何约束的条件下，无拘无束的、舒服的、舒适的、舒畅的、安静的采取卧位或者坐位，接受治疗。正是由于上述条件，所以就形成和造就了，温馨的治疗环境。在这样温馨环境的治疗下，对患者的康复和痊愈有着意想不到的效果。五、  神奇的治疗效果经过我们三十多年临床应用和实践的结果证明了：《中华气功医学》不但可以治疗一些常见病和多发病，对癌症同样有很好的治疗效果。在经过治疗以后痊愈的患者年龄，从22岁到77岁之间的各个年龄阶段的病例中，包括有：子宫，食道，胃、肺、胰腺等部位多名恶性肿瘤的患者。这些经过治疗以后痊愈的患者，现在仍然幸福的和家人生活在一起。《中华气功医学》治疗的效果是非常神奇的。他具有非常好的治疗效果，具有特殊的疗效。到目前为止，现在世界上还没有一个国家，没有一种医学能够宣布癌症是可以治愈的。但是在中国，《中华气功医学》就可以宣布癌症是完全可以治愈的。六、中华气功医学的治疗1、治愈的确认1）患者自我感觉良好，身体状况大有改善，原有病变引起的的症状已经消失。2）经过省一级或以上的医院检查确认：原来癌变部位的恶性肿瘤已经消失。根据上述条件就可以确认患者已经痊愈。2、患者治疗条件（1）、根据我们三十多年来经验，以及在临床应用和实践应用的观察。患者如果是经过了手术或者进行放、化疗以后。在采用《中华气功医学》进行治疗时，尽管是尽了最大的努力，但仅仅是减轻癌症对患者的折磨、只能延长患者的存活期。而治愈率却远远低于10%。因此经过手术或者进行放、化疗的患者不适于采用中华气功医学进行治疗。  （2）、患者在没有手术和进行放、化疗时，经过《中华气功医学》努力的的治疗，其治愈率在一般情况下可以达到70%。如果患者治疗的及时，身体素质也比较好，那么治愈率可以达到80%以上。任何医学对疾病治疗成功的把握都不可能100%、同样任何医疗和医疗方法都存在着风险，尤其是对一个病入膏肓的患者更是存在极大的风险。《中国气功医学》的治疗也是同样的存在着风险。因此希望已经进行过手术或者进行放、化疗的患者，一定要认真的考虑并且慎重的对待，不要因为选择不当而影响和延误了自己宝贵的治疗时间。七、忠告和建议恶性肿瘤的患者是不幸的，尤其是下面三种情况之一的患者更是最为不幸的。因为他们已经很清楚的知道自己目前的处境，也知道自己的今后。1、  由于恶性肿瘤生长的部位比较特殊，因此不能够进行手术治疗，或者进行放、化疗的患者。2、  由于患者自己身体的条件不适于，或者不允许进行手术治疗和进行放、化疗的患者。3、  明明知道自己已经患有了恶性肿瘤。但是出于某种特殊情况考虑，坚决拒绝实行手术，拒绝进行手术治疗，或者进行放、化疗的患者。（比如香港艺术界的大姐大梅艳芳女士和红楼梦当中林黛玉的扮演者陈女士等。）对于以上三种特殊情况下的患者，在等待结果的同时，不妨采用《中国气功医学》进行治疗。因为在避免进行手术治疗和进行放、化疗的同时，也给自己争取到了70%—80%步入新生活的机会。</t>
  </si>
  <si>
    <t xml:space="preserve">庆铃600p高压油泵蜡堵怎么办 </t>
  </si>
  <si>
    <t>阿里巴巴庆铃600P高压油泵总成,油泵、油嘴,这里云集了众多的供应商,采购商,制造商。这是庆铃600P高压油泵总成的详细页面。类型:燃油泵,品牌:原厂,型号:8-97252341...</t>
  </si>
  <si>
    <t xml:space="preserve">孕三个月了!老是高烧一样?一直以来就觉得口干舌燥,睡一觉起来觉得 </t>
  </si>
  <si>
    <t>没事的，怀孕后嘴都会发苦的，我也是这样，天热了多喝点水多吃点水果，四个月后注意补钙和补铁就可以了，祝好</t>
  </si>
  <si>
    <t xml:space="preserve">外汇期权交易是？ </t>
  </si>
  <si>
    <t>买进期权与卖出期权：买进期权是指和约持有者有权利以执行价格买进一定数量的外汇。卖出期权是指和约拥有者有权利以执行价格卖出一定数量的外汇。 履行和约：外汇期权的持有者，有权利决定是否“履行”和约，或听任合同到期而不执行。履约价格或执行价格：即期或远期和约上的价格都是反映当时的市场价格。外汇期权中，未来结算所履行的价格称为履约价格或执行价格。履约价格决定于和约签定的当初，可能完全与即期和远期汇率不同。 到期日：外汇期权和约有一个最后的到期日。期权的持有者如果希望履行和约，必须在和约到期前通知另一方。到期日表示为某年、某月、某日的某个时间。平价：如果期权的履约价格等于当时的即期汇率，称为即期-平价。如果履约价格等于当时对应的远期汇价，称为远期-平价。折价：对于期权的持有者来说，当履约价格优于即期汇率时，即为即期-折价。对于远期-折价亦然。溢价：比较容易分析，溢价就是指对于期权的持有者来说，当履约价格不如即期汇率时，即为即期-溢价。</t>
  </si>
  <si>
    <t xml:space="preserve">有没有人用过阿迪锅,怎么样啊?真的是一锅多用,有没有什么缺陷呢.? </t>
  </si>
  <si>
    <t>我看那玩意儿不怎么样!费劲!那个锅盖吧,盖着挺麻烦,广告上说不溢汤,可是煮粥的时候还是扑出来了.有的时候做好了饭,放了气,那个锅还是打不开,还要用筷子把浮子扎下去才能打开,我姥姥根本都不敢用.老爸老妈被广告迷惑了,我说不让买他们非要买,买回来了,没看出有什么好处,我们家原来焖饭都用砂锅,这个阿迪锅内胆说不是"特氟龙"的,可是看着那样子,至少和"特氟龙"有亲戚.总之吧,没有一锅多用的,我们家买这个东西就是用来焖饭的.</t>
  </si>
  <si>
    <t xml:space="preserve">为什么我的帐号激活不了,说帐号不存在,我都升请了三歌新号了加一个? </t>
  </si>
  <si>
    <t>你先看看你有激活码吗，再想想有没有记错帐号或密码。不行用你的会员上的通行证。</t>
  </si>
  <si>
    <t xml:space="preserve">玩游戏为何电脑变慢网速一切正常，但一启动QQ游戏后电脑就慢了，一 </t>
  </si>
  <si>
    <t xml:space="preserve">玩卡或死机等故障的解决方法：1、建议你在玩游戏的时候，关闭一切程序软件的运行。2、关闭杀毒软件的监控功能，并且只用一款杀毒软件。3、加大虚拟内存，并经常优化系统，及时清理系统垃圾文件，使系统保持活力。4、有时显卡驱动不支持这款游戏软件，请升级显卡驱动。如果是显卡不支持这款游戏软件，更换显卡。5、如果是上网玩游戏，网速慢也是发生卡的原因之一（或网卡过热）。6、电脑的总体配置稍低，玩大型游戏或某些特殊的游戏有些吃力。7、玩游戏时CPU占用率高，CPU风扇散热不好也可导致卡或死机故障的发生。8、 这款游戏软件与系统不兼容，先将游戏软件卸载，在重新下载安装游戏软件或新版游戏软件，如果还出现卡或死机故障，则是游戏软件本身有错误或不适应你的系统就不要使用了。显卡驱动程序故障：显卡驱动程序故障通常会造成系统不稳定死机、花屏、文字图像显卡不完全等故障现象。显卡驱动程序故障主要包括显卡驱动程序丢失、显卡驱动程序与系统不兼容、显卡驱动程序损坏、无法安装显卡驱动程序等。对于显卡驱动程序故障一般首先进入“设备管理器”查看是否有显卡的驱动程序，如果没有，重新安装即可。如果有，但显卡驱动程序上有“！”，说明显卡驱动程序没有安装好、驱动程序版本不对、驱动程序与系统不兼容等。一般删除显卡驱动程序重新安装，如果安装后还有“！”，可以下载新版的驱动程序安装。如果无法安装显卡驱动程序，一般是驱动程序有问题或注册表有问题。如果需要驱动，建议安装驱动精灵2008 ，安装之后，使用其自动更新驱动功能，它会自动下载并安装最新版本驱动，包括网卡、声卡、显卡、USB等，免去寻找和安装之苦。 驱动精灵2008 Beta4  </t>
  </si>
  <si>
    <t xml:space="preserve">十二生肖什么动物最开心？猜生肖 </t>
  </si>
  <si>
    <t>是今年的“猪”最开心啊。</t>
  </si>
  <si>
    <t xml:space="preserve">请问下现在CEX一套要多少CT？9件 </t>
  </si>
  <si>
    <t>　　平均下来４０Ｗ／件，就是３６０Ｗ可拿下。</t>
  </si>
  <si>
    <t xml:space="preserve">请教期货专家：期权！各路期友请进前辈们，中国现在能进行期权交易吗 </t>
  </si>
  <si>
    <t>目前国内没有推出期权交易品种，据说上海期货交易所和郑州商品交易所都在针对所上市的商品做期权合约的设计工作，具体上市日期未定。</t>
  </si>
  <si>
    <t xml:space="preserve">关于升谷玉的问题升1。8版前我升谷玉很好升。前两天看过一个朋友的 </t>
  </si>
  <si>
    <t>1.8升刀难度提高了</t>
  </si>
  <si>
    <t xml:space="preserve">面对这样的情况，我该怎么办我和她是在大学相识｀相知｀相爱的，毕业 </t>
  </si>
  <si>
    <t>兄弟如手足 老婆如衣服 谁动我衣服 我断谁手足 感情的事情 没有人能够说得清楚的 特别是两地分居的一段感情 聚少别多 感情难免会淡了 而长厮守在一起的日怎么着也会日久生情 所以你朋友和他发展成这样也就不奇怪了而你呢 我觉得这个女孩你其实并不了解他 至少是毕业以后这一年的时间里你们变得陌生了 所以她不是你目前的结婚对象 学者忘记吧 趁着年轻 在你的城市里再找一个相伴一生的人从新开始吧</t>
  </si>
  <si>
    <t xml:space="preserve">《格列佛游记》的简介200字左右 </t>
  </si>
  <si>
    <t xml:space="preserve">《格列佛游记》是斯威夫特的代表作，是一部远远超出“儿童读物”范围的奇书。分书由四卷组成，每一卷中，主人公梅尔·格列佛都要遇到难以想像的情况，这位英国外科医生出身，升任船长的冒险家分别在小人国、大人国、飞岛国等游历，构成了《格列佛游记》的四个部分。第一卷中，格列佛游历的是小人国，这里的居民只有格列佛的十二分之一大。小人国的国王只因经他的臣民高出一个指甲，就自认为是顶天立地的统治者，而官员只要跳绳跳得高，就可以封官加爵。格列佛在大人国看见的是贤明的君王和完备的法律制度，并借大人国国王之口，对英国的弊政予以指丽。第三卷写的是格列佛以勒皮他游历为中心，兼及阿尔尼巴比、拉格奈格、格勒大锥、日本四个地方的游记…… 《格列佛游记》是一部融讽刺和冒险于一体的小说，在这些作者虚构的国度中，有着18世纪英国社会 的浓重痕迹。作者通过主人公途经不同国度的游历，揭示了当时英国社会的种种矛盾，并对英国的政治制度作了辛辣的讽刺。 </t>
  </si>
  <si>
    <t xml:space="preserve">从小营亚运村到玉渊潭公园坐多少路公交车 </t>
  </si>
  <si>
    <t>在惠新东桥西坐944或944支到航天桥南下车过马路到玉渊潭公园的西门。</t>
  </si>
  <si>
    <t xml:space="preserve">我晕啊！我有一个人物现在不能玩，说你的账号没有激战：英雄之路的权 </t>
  </si>
  <si>
    <t>《激战:英雄之路》将于本周四（2007年3月22日）12：30～本周六（2007年3月24日）12：30进行维护。    本次维护工作将涉及到部分地图的调整，为保护用户角色的数据正常，我们将暂时关闭《激战:英雄之路》。在维护期间，玩家将无法进入《激战:英雄之路》，希望广大玩家互相通知。这是官方的消息,看来大家都要等到星期6中午再玩了.</t>
  </si>
  <si>
    <t xml:space="preserve">复印机的工作原理是什么？ </t>
  </si>
  <si>
    <t>现有长沙创友数码科技（理光总代理），销售二手复印机。质量优质价格优惠。优质原装耗材。有兴趣的朋友不妨咨询下。还有淘BAO店哦！淘宝搜索店铺创友数码科技就能找到了。店里价格非常优惠，店家服务也非常周到！店家有一款理光C2050只要两千多，推荐！1.模拟复印机的工作原理 模拟复印机的工作原理是：通过曝光、扫描的方式将原稿的光学模拟图像通过光学系统直接投射到已被充电的感光鼓上，产生静电潜像，再经过显影、转印、定影等步骤，完成整个复印过程。 2.数码复印机的工作原理 数码复印机的工作原理是：首先通过电荷耦合器件(即CCD)将原稿的模拟图像信号进行光电转换成为数字信号，然后将经过数字处理的图像信号输入到激光调制器，调制后的激光束对被充电的感光鼓进行扫描，在感光鼓上产生静电潜像，再经过显影、转印、定影等步骤，完成整个复印过程。数码式复印机相当于把扫描仪和激光打印机融合在一起。</t>
  </si>
  <si>
    <t xml:space="preserve">浪漫是什么？和你一起慢慢变老，坐着摇椅慢慢聊。 </t>
  </si>
  <si>
    <t>浪漫就是在你意想不到的时候给你一个意想不到的惊喜！    浪漫就是用你意想不到的方式，让你感到对你的爱！浪漫就是把两颗相爱的心用一跟小箭穿在一起！浪漫就是一个眼神一个动作都能擦除爱的火花的默契！浪漫就是执子之手白头到老！</t>
  </si>
  <si>
    <t xml:space="preserve">猜猜看十二生肖中有“三字格”的习惯用语，巧妙比喻人的行为特征。你 </t>
  </si>
  <si>
    <t>比喻粗心大意的人——马大哈比喻吝啬钱财的人--铁公鸡比喻外强内弱的人__-纸老虎比喻不受欢迎的人---黄鼠狼比喻不得长久的人---丧家犬</t>
  </si>
  <si>
    <t xml:space="preserve">为什么喜欢一个人看见他笑便满足 </t>
  </si>
  <si>
    <t>因为你喜欢他</t>
  </si>
  <si>
    <t xml:space="preserve">顽固性痤疮医生请救救我的脸。痤疮，已经四五年了。最开始并没有好好 </t>
  </si>
  <si>
    <t>你好，建议先口服米诺环素胶囊，皮肤病血毒丸，同时外用硼酸溶液湿敷，湿敷后外用阿达帕林凝胶治疗，有条件可以到医院配合激光治疗</t>
  </si>
  <si>
    <t xml:space="preserve">汽车皮带问题汽车连接发电机的皮带为什么带齿，而有的确是普通皮带。 </t>
  </si>
  <si>
    <t>主要是为了减少包角系数，可以用在较小的皮带轮上，并且减少了弯曲引起的传动阻力，增加了摩擦面积不容易打滑。相比普通3角带，弯曲时减小了橡胶挤压的功、增加了空气接触表面使得温升较小，因为橡胶怕热，所以使用寿命较长。</t>
  </si>
  <si>
    <t xml:space="preserve">刚装XP问题刚买的XP盘上带有病毒,请问用瑞星杀后此盘能正常使用? </t>
  </si>
  <si>
    <t>不能，光盘是只读文件，是不能修改的。你可以把光盘文件复制下来都去掉只读，然后杀毒再刻盘才能用。</t>
  </si>
  <si>
    <t xml:space="preserve">红米手机用着怎么样卡不卡谁知道 </t>
  </si>
  <si>
    <t>不卡超级好用！我买的时候才1100元！实惠阿！（赠人玫瑰 手有余香，我回答了你的问题,如果你很满意，请点击“好评”，如果不满意，你可以追问我。O(∩_∩)O谢谢。）还好的啊，只要不乱下东西就好了啊</t>
  </si>
  <si>
    <t xml:space="preserve">前列腺囊肿都有哪些症状 </t>
  </si>
  <si>
    <t>前列腺囊肿的常见症状有尿急、尿频、排尿费力、尿线细、排尿困难及尿潴留等；压向直肠时可引起排便困难。前列腺囊肿的早期无症状，在前列腺炎的症状上表现有不适，下腰痛，肛门和睾丸疼痛，大便时痛，症状逐渐加重。尿液可混浊，出现尿频、尿急和尿痛症状，附睾常可受累，肿大发硬，表面不规则，轻度压痛，可引起尿道狭窄，排尿困难。</t>
  </si>
  <si>
    <t xml:space="preserve">2013，求考研用书，陈振明《公共管理学》电子书版准备考矿大的行 </t>
  </si>
  <si>
    <t>上考研论坛里面找吧，华中师范大学行政管理也定了这本参考书，里面有很多关于这本书的资料。我曾经在里面下载了，只可惜文件丢失了，不然也可以传给你。你自己去看看吧。</t>
  </si>
  <si>
    <t xml:space="preserve">关于独一味软胶囊前几天我坐朋友车后来翻车了,我骨头有点受伤吧~不 </t>
  </si>
  <si>
    <t>独一味软胶囊具有活血止痛、化瘀止血作用。说明书上标注可用于多种外科手术后的刀口疼痛、出血但外伤骨折，筋骨扭伤，风湿痹痛等也是该药的适应症所以你这种情况是可以用的</t>
  </si>
  <si>
    <t xml:space="preserve">MS怎么样升级快一点了，单打还是组队？我是MS，怎么样升级快一点 </t>
  </si>
  <si>
    <t>组队刷副本吧！这样装备跟的上，单打一段时间装备就跟不上了，还要单独去打装备。组队最好是铁三角——牧师，法师，战士。这样最快。200%的经验是你在下线后把人物放在旅店或者主城中，任务的状态会自动到休息状态（人物头像上会有类似睡觉一样的Z字型标志），一般情况下12小时就会有2格的双倍经验。双倍经验有封顶制度，也就是人物打怪升级（不包括任务经验）不到两级，并且任务经验不双倍。一般人物放9天双倍经验就满了。也就不会在加双倍经验的数值，请大家注意。</t>
  </si>
  <si>
    <t>衣服的</t>
  </si>
  <si>
    <t>友们,你们不觉得金山太吃人吗?我看金山也该改改了!对于我们学生来说,金山现在的消费实在是太高,承受不了啊!别的我就不说了,就说合装备吧,我们真的不敢合啊!一个月就那么点钱,本来合装备就花了很多钱了,可是还不一定能成功,要是失败一次就赔好几十甚至好几百,哭啊!!我的意思是金山能不能改改,合装备100%成功,铁匠直接就告诉我们合的那种装备需要什么东西和多少剑侠币,只要我们把他要的东西放进去就能合出来,这样该多好啊!!!</t>
  </si>
  <si>
    <t xml:space="preserve">000998下星期一的压力点支撑点是多少 </t>
  </si>
  <si>
    <t>压力位在21.3   支撑位在19.5    拿着吧  好运</t>
  </si>
  <si>
    <t xml:space="preserve">推荐一些3岁小男孩爱看的动画片 </t>
  </si>
  <si>
    <t>《喜洋洋与灰太狼》 《猫和老鼠》 《奥特曼》 《猪猪侠》  《大耳朵图图》  《大头儿子 小头爸爸》这些我侄子都很喜欢哦！ 你参考下。</t>
  </si>
  <si>
    <t xml:space="preserve">我要有钱就这么买一单14场欧冠胜负彩请赐教！！！本期对阵及用户投 </t>
  </si>
  <si>
    <t xml:space="preserve">好单！！！！要永远相信自己，别人的意见只做参考01 巴萨 VS 切尔西 310========3102 索非亚 VS 不来梅 003 拜仁 VS 里斯本 3========3104 莫斯巴 VS 国米 0========3005 利物浦 VS 波尔多 306 罗马 VS 奥林匹 3107 埃因霍 VS 加拉塔 31=========1008 矿工 VS 瓦伦西 30==========1009 里昂 VS 迪那摩 310 皇马 VS 布加勒 3=========3111 哥本哈 VS 曼联 1012 阿森纳 VS 莫陆军 3113 汉堡 VS 波尔图 310===========3014 AC米兰 VS 安德莱 3==========31  </t>
  </si>
  <si>
    <t xml:space="preserve">集体土地证能贷款吗我们家是集体土地证，想拆房重做开个超市，但限于 </t>
  </si>
  <si>
    <t>人行新规定的政策是可以的。各家银行执行起来有难度。。。你再等等</t>
  </si>
  <si>
    <t xml:space="preserve">全景无盲区监控是安防监控中的一大难题，该如何解决？有了解过该行业 </t>
  </si>
  <si>
    <t>斯迈尔特（株洲）科技有限公司总部设在中国株洲国家级高新技术产业开发区留学人员创业园，现有员工81人，全部具有大专以上学历，其中海外留学回国人员8人，博士、博士后及教授级高级工程师3人。公司主体从事从事远程全方位可视化安全保障监控技术的市场化应用开发、智能绿色物联网应用系统与末端产品研发、智能消防指挥系统与末端产品研发。此外，公司还从事计算机及嵌入式专业技术软件开发、生产与销售，技术外包服务与培训，进出口贸易。公司研发的“智能消防指挥与安全管理系统”，己列为2010年湖南省信息产业发展专项重点扶持项目。</t>
  </si>
  <si>
    <t xml:space="preserve">主兵刀副兵可否选杖请高手解答另外求高手刀专精加点方法和一键连击设 </t>
  </si>
  <si>
    <t xml:space="preserve">现在不选就比较好的 因为它还有很多武器还没出完 我以前试过了 升级超慢啊所谓技能专精专精不过是完美将游戏技能树换了个名称而已　　现在正式看到了，果不其然，就是别称的技能树　　技能嘛，只要给钱就可以学，你学到多少级都无所谓　　从长远看，大家的钱都会足够把所有能学的技能都学到最高级（只要你级别够）　　但是技能专精点，则是宝贵的，不容浪费的，因为你多少级别段数决定了你有多少点　　经过本人实证，以刀为例，10级从习刀者变成刀兵，获得1点专精点　　然后刀兵每升一段，可以获得1点专精点，这样到刀兵9段总共获得10点专精点　　20级刀兵升刀骑，获得x点专精点，然后每升一段获一点，总共刀骑获得（x＋9）点专精点　　30级刀骑升刀尉，获得y点专精点，然后每升一段获一点，总共刀尉六段获得（y＋6）点专精点给你张连击图．自己参考吧！ </t>
  </si>
  <si>
    <t xml:space="preserve">用GHOST恢复系统时GHO文件和GHOST不在一个盘教程上有" </t>
  </si>
  <si>
    <t>使用TAB键移动光标 移动到所在分区时回车可以进入该分区 再使用方向键移动到所在文件夹回车 ，在后面选择恢复所在分区可使用 CTRL+O选择</t>
  </si>
  <si>
    <t xml:space="preserve">买DELL好还是组装机好？DELL有3年保修服务包括意外事件可以 </t>
  </si>
  <si>
    <t>你要是闲麻烦，而且对电脑不怎么熟悉的话还是买DELL比较省心。但是花同样的钱，自己攒的机子肯定比DELL的性能好多了。自己不会买可以找个懂行的朋友一起去呀，肯定有帮助。</t>
  </si>
  <si>
    <t xml:space="preserve">这句话怎么翻？但是技术与管理并不冲突，一个有着技术背景的人也可以 </t>
  </si>
  <si>
    <t>But technology and administration do not go againt each other. In fact, one with technological background can manage an enterprise very well.just for your reference</t>
  </si>
  <si>
    <t xml:space="preserve">买个新本子,请大家给点意见因为做图的关系，我需要买一个笔记本,但 </t>
  </si>
  <si>
    <t>你可以买我现在正在使用的那台，06年9月买的，华硕Z9200VMs  CPU:CM(1.7G)  显卡：GF GO 7300（256M显存）   内存256M（原配） 60G硬盘  DVD-COMBO  15.4寸镜面宽屏   AUTO DJ功能（不用开机都可以听CD）！价钱 5999元 陪送原装华硕电脑包，华硕光电鼠（其实是罗技的）。  还可以要销售商帮你将内存升级到512M！在广州中六电脑城一楼的联想专卖店买的！正啊！我经常用来做3D效果图都没问题！</t>
  </si>
  <si>
    <t xml:space="preserve">北京哪位中医治疗癌症晚期最好 </t>
  </si>
  <si>
    <t>全国最佳排名-肿瘤科No.1 中山大学肿瘤医院研究机构： 国家抗癌药物基地、鼻咽癌重点实验室 擅长治疗： 鼻咽癌、食管癌、肺癌、肝癌、宫颈癌病床数： 950余张知名专家： 曾益新、戎铁华、李锦清、姜文奇、闵华庆、洪明晃、李孟达地址： 广州市东风东路651号电话： 020-87765368交通： 2、185、224、283、283A肿瘤医院下NO.2 中国医学科学院肿瘤医院擅长治疗： 食管癌、肺癌、鼻咽癌、大肠癌、肝癌、宫颈癌、淋巴瘤综合治疗病床数： 900张知名专家： 孙燕、周际昌、王奇璐、储大同、冯奉仪、王金万、石远凯等地址： 北京市朝阳区潘家园南里17号电话： 010-67781331交通： 39、51、63、122、800、特3路NO.3 天津市肿瘤医院 擅长治疗： 甲状腺癌外科治疗、下咽癌外科治疗、乳腺癌、儿童肿瘤病床数： 740张知名专家： 郝希山、张燮良、鲍润贤、张熙曾、王殿昌、张天泽、李树玲、金家瑞地址： 天津市河西区体院北环湖西路电话： 022-23359901，23359929-38 交通： 8、9、13、16、44、161、636、655、658、832、866、878、901、951路体院北站下车NO.4 复旦大学附属肿瘤医院 擅长治疗： 头颈肿瘤、胸部肿瘤、乳腺肿瘤、胃癌根治术病床数： 560张知名专家： 相加庆、叶定伟、张亚伟地址： 上海市徐汇区零陵路399号电话： 010-64175590交通： 49、89、72、44、218、572、隧道二线公交车NO.5 第二军医大学东方肝胆外科医院 擅长治疗： 肝癌病床数： 460张知名专家： 吴孟超、吴伯文、严以群地址： 上海市长海路225号电话： 021-65564166交通： 61、75、507、817、870、28、138、228、813路NO.6 北京肿瘤医院擅长治疗： 乳腺癌、胃癌病床数： 455张知名专家： 徐光炜、刘淑俊、刘叙仪、金懋林、章新奇地址： 北京市海淀区八里庄定慧寺电话： 010-66032192交通： 121、336、414、601、921、941路NO.7 湖南省肿瘤医院擅长治疗： 胸部肿瘤、全身放疗病床数： 680张知名专家： 周均田、罗以、徐建华 周石林、符红普、陈艳萍、地址： 长沙市岳麓区咸嘉湖路2号 电话： 0731-8809131-808 No.8 第一军医大学附属南方医院擅长治疗： 多弹头自动导航肿瘤治疗、光子刀肿瘤治疗病床数： 90张（肿瘤中心）知名专家： 罗荣城、廖旺军、张鸣江、李金瀚、费丽华、Paul L.Hermonat（美国顾问）地址： 广州市广州大道北1838号南方医院内科楼12-13楼电话： 020-87640966 交通： 201、862、72、246、136路南方医院下NO.9 广东省人民医院 擅长治疗： 肿瘤介入治疗、白血病知名专家： 罗鹏飞、吴一龙 地址： 广州市中山二路106号电话： 020-20062408交通： 1、3、16、18、44、45、60、102、106、183、192、194、229、263、277、287、541、542、546、548、551等公共汽车和地铁直达NO.10 北京市广安门医院擅长治疗： 中医肿瘤知名专家： 余桂清、朴炳奎、孙桂芝、梁富义、唐文秀地址： 北京市宣武区北线阁5号电话： 010-88001114，63013311交通： 6、19、53、50、109、122、721路</t>
  </si>
  <si>
    <t xml:space="preserve">关于两个老骗子，求欧洲某电影名两个好像都是白发老头，欧洲电影，穿 </t>
  </si>
  <si>
    <t>真正的骗子王</t>
  </si>
  <si>
    <t xml:space="preserve">最近央视一台新闻频道一女实习生如何低调? </t>
  </si>
  <si>
    <t>非常好，我也非常喜欢</t>
  </si>
  <si>
    <t xml:space="preserve">磨床砂轮材质和型号我想购买平面磨床的砂轮，从磨床说明书上查到砂轮 </t>
  </si>
  <si>
    <t xml:space="preserve">平面磨床磨削砂轮的选择砂轮磨具是磨削加工不可缺少的一种工具，砂轮选择合适与否，是影响磨削质量，磨削成本的重要条件。本公司生产一系列的平面磨床，需配置不同的砂轮来适应各种工件的平面加工。为方便用户及本公司设计、工艺人员选择，本文针对平面磨床磨削砂轮的选择，常用不同工件材料的砂轮选择进行汇总，以供大家使用参考（见附表）。    砂轮的种类很多，并有各种形状和尺寸，由于砂轮的磨料、结合剂材料以及砂轮的制造工艺不同，各种砂轮就具有不同的工作性能。每一种砂轮根据其本身的特性，都有一定的适用范围。因此，磨削加工时，必须根据具体情况（如所磨工件的材料性质、热处理方法、工件形状、尺寸及加工形式和技术要求等），选用合适的砂轮。否则会因砂轮选择不当而直接影响加工精度、表面粗糙度及生产效率。下面列出砂轮选择的基本原则以供参考。 一、   普通砂轮的选择1. 磨料的选择    磨料选择主要取决于工件材料及热处理方法。a.      磨抗张强度高的材料时，选用韧性大的磨料。b.     磨硬度低，延伸率大的材料时，选用较脆的磨料。c.      磨硬度高的材料时，选用硬度更高的磨料。d.     选用不易被加工材料发生反应的磨料。    最常用的磨料是棕刚玉（A）和白刚玉（WA），其次是黑碳化硅（C）和绿碳化硅（GC），其余常用的还有铬刚玉（PA）、单晶刚玉（SA）、微晶刚玉（MA）、锆刚玉（ZA）。    棕刚玉砂轮：棕刚玉的硬度高，韧性大，适宜磨削抗拉强度较高的金属，如碳钢、合金钢、可锻铸铁、硬青铜等，这种磨料的磨削性能好，适应性广，常用于切除较大余量的粗磨，价格便宜，可以广泛使用。    白刚玉砂轮：白刚玉的硬度略高于棕刚玉，韧性则比棕刚玉低，在磨削时，磨粒容易碎裂，因此，磨削热量小，适宜制造精磨淬火钢、高碳钢、高速钢以及磨削薄壁零件用的砂轮，成本比棕刚玉高。    黑碳化硅砂轮：黑碳化硅性脆而锋利，硬度比白刚玉高，适于磨削机械强度较低的材料，如铸铁、黄铜、铝和耐火材料等。    绿碳化硅砂轮：绿碳化硅硬度脆性较黑碳化硅高，磨粒锋利，导热性好，适合于磨削硬质合金、光学玻璃、陶瓷等硬脆材料。    铬刚玉砂轮：适于磨削刀具，量具、仪表，螺纹等表面加工质量要求高的工件。    单晶刚玉砂轮：适于磨削不锈钢、高钒高速钢等韧性大、硬度高的材料及易变形烧伤的工件。    微晶刚玉砂轮：适于磨削不锈钢、轴承钢和特种球墨铸铁等，用于成型磨，切入磨，镜面磨削。锆刚玉砂轮：适于磨削奥氐体不锈钢、钛合金、耐热合金，特别适于重负荷磨削。2. 粒度的选择    主要取决于被磨削工件的表面粗糙度和磨削效率。    粒度是指磨料的颗粒尺寸，其大小则用粒度号表示（见表1）。　    用粗粒度砂轮磨削时，生产效率高，但磨出的工件表面较粗糙；用细粒度砂轮磨削时，磨出的工件表面粗糙度较好，而生产率较低。在满足粗糙度要求的前提下，应尽量选用粗粒度的砂轮，以保证较高的磨削效率。一般粗磨时选用粗粒度砂轮，精磨时选用细粒度砂轮。    当砂轮和工件接触面积较大时，要选用粒度粗一些的砂轮。例如，磨削相同的平面，用砂轮的端面磨削比用砂轮的周边磨削选的粒度要粗些。    不同粒度的砂轮其适用范围（见表2）。　 3. 硬度的选择    主要取决于被磨削的工件材料、磨削效率和加工表面质量。    硬度是指砂轮在外力作用下磨粒脱落的难易程度,为了适应不同工件材料磨加工的要求,制造砂轮时分成不同硬度的等级（见表3）。　    砂轮选得过硬，磨钝的磨粒不易脱落，砂轮易堵塞，磨削热增加，工件易烧伤，磨削效率低，影响工件表面质量；砂轮选得过软，磨粒还在锋利时就脱落，增加了砂轮损耗，易失去正确的几何形状，影响工件精度。所以砂轮硬度的选择要适当，还应根据砂轮与工件接触面积大小、工件形状、磨削的方式、冷却方式、砂轮的结合剂种类等因素来综合考虑。下列砂轮硬度选择原则供参考：a.    磨削软材料时要选较硬的砂轮，磨削硬材料时则要选软砂轮；b.    磨削软而韧性大的有色金属时，硬度应选得软一些；c.    磨削导热性差的材料应选较软的砂轮；d.    端面磨比圆周磨削时，砂轮硬度应选软些；e.    在同样的磨削条件下，用树脂结合剂砂轮比陶瓷结合剂砂轮的硬度要高1~2小级；f.      砂轮旋转速度高时，砂轮的硬度可选软1~2小级；g.    用冷却液磨削要比干磨时的砂轮硬度高1~2小级。4. 结合剂的选择    应根据磨削方法，使用速度和表面加工要求等条件予以考虑。    最常用的砂轮结合剂有陶瓷结合剂（V）和树脂结合剂（B）。    陶瓷结合剂是一种无机结合剂，化学性能稳定、耐热、抗腐蚀性好，气孔率大，这种结合剂制造的砂轮磨削效率高、磨耗小，能较好地保持砂轮的几何形状，应用范围最广。适于磨削普通碳钢、合金钢、不锈钢、铸铁、硬质合金、有色金属等。但是，陶瓷结合剂砂轮脆性较大，不能受剧烈的振动。一般只能在35米/秒以内的速度下使用。    树脂结合剂是一种有机结合剂，这种结合剂制造的砂轮强度高，具有一定的弹性，耐热性低，自锐性好，制作简便，工艺周期短。可制造工作速度高于50米/秒的砂轮和很薄的砂轮。它的应用范围仅次于陶瓷结合剂，广泛用于粗磨、荒磨、切断和自由磨削，如磨钢锭，铸件打毛刺等。可制造高速、高光洁度砂轮，重负荷、切断以及各种特殊要求的砂轮。5. 组织的选择    主要考虑工件所受的压力、磨削方法、工件材质等。    组织是指砂轮中磨粒所占砂轮体积的百分比。砂轮组织等级的划分是以62%的磨粒体积百分数为“0”号组织，磨粒体积每减2%，其组织增加一号，依此类推，共分15个号。号数越大，组织越松（见表4）。　    组织紧密的砂轮能磨出较好的工件表面，组织疏松的砂轮，因空隙大，可以保证磨削过程中容纳磨屑，避免砂轮堵塞。通常粗磨和磨削较软金属时，砂轮易堵塞，应选用疏松组织的砂轮；成型磨削和精密磨时，为保持砂轮的几何形状和得到较好的粗糙度，应选用较紧密组织的砂轮；磨削机床导轨和硬质合金工具时，为减少工件热变形，避免烧伤裂纹，宜采用松组织的砂轮；磨削热敏性大的材料、有色金属、非金属材料宜采用大于12#组织的砂轮。6. 形状和尺寸的选择    应根据磨床条件和工件形状来选择。    常用砂轮形状有平形砂轮（P）、单面凹砂轮（PDA）、双面凹砂轮（PSA）、薄片砂轮（PB）、筒形砂轮（N）、碗形砂轮（BW）、碟形一号砂轮（D1）等。    每种磨床所能使用的砂轮形状和尺寸都有一定的范围。在可能的条件下，砂轮的外径应尽可能选得大一些，以提高砂轮的线速度，获得较高的生产率和工件表面质量，砂轮宽度增加也可以获得同样的效果。    现国标砂轮书写顺序：砂轮代号、尺寸（外径×厚度×孔径）、磨粒、粒度、硬度、组织、结合剂、最高工作线速度。    例示：P 400×150×203 A60 L 5 B 35 二、   金刚石砂轮的选择    金刚石砂轮比用碳化硼、碳化硅、刚玉等一般磨粒制成的砂轮刃角锋利、磨耗小、寿命长、生产率高、加工质量好，但价格昂贵，因而适用于精磨硬质合金、陶瓷、半导体等高硬度脆性难加工材料。    金刚石砂轮的特征包括磨料种类、粒度、硬度、浓度、结合剂、砂轮形状与尺寸。    磨料：广泛使用人造金刚石（JR），根据它的结晶形状和颗粒强度，分各种型号，按其特定用途选型号。    粒度：要以工件粗糙度、磨削生产率和金刚石的消耗三个方面综合考虑。    硬度：只有树脂结合剂金刚石砂轮才有“硬度”这一特性。一般采用S（Y1）级或更高。    结合剂：常用的结合剂有四种，其结合能力和耐磨性以树脂、陶瓷、青铜、电镀金属为序，依次渐强。树脂结合剂金刚石砂轮磨削效率高，被加工工件粗糙度好，适用范围广，自锐性好，不易堵塞，发热量小，易修整，主要用于精磨工序。陶瓷结合剂金刚石砂轮主要用于各种非金属硬脆材料、硬质合金、超硬材料等的磨削。    浓度：浓度选择要根据使用砂轮的粒度、结合剂、形状、加工方法、生产效率及砂轮寿命的要求而定。高浓度金刚石砂轮保持砂轮形状的能力强，低浓度砂轮磨削时，金刚石的消耗往往更低些，应根据需要酌情选取。形状和尺寸：按工件的形状、尺寸和机床条件选用。 三、   立方氮化硼（CBN）砂轮的选择    立方氮化硼（CBN）砂轮的立方氮化硼颗粒粘在普通砂轮表面只有很薄一层，其磨粒韧性、硬度、耐用度是刚玉类砂轮的100倍，最适于加工硬度高、粘性大、高温强度高、热传导率低的难磨钢材及高速或超高速磨削。其应用范围与人造金刚石起着互相补充的作用。金刚石砂轮在磨削硬质合金和非金属材料时，具有独特的效果，但在磨削钢料时，尤其是磨削特种钢时，效果不显著。立方氮化硼砂轮磨削钢件的效率比刚玉类砂轮要高近百倍，比金刚石砂轮高五倍，但磨削脆性材料不及金刚石。    立方氮化硼砂轮的选择和金刚石砂轮的选择相类似。但在结合剂选用上，大部分是树脂结合剂，次之是电镀，金属结合剂。陶瓷结合剂CBN砂轮主要用于钛合金、高速钢、可锻铸铁等难加工的黑色金属的磨削，树脂结合剂CBN砂轮适用于磨削铁磁性材料，是加工钢材的理想选择。CBN砂轮浓度一般在100%~150%间选用较经济合理，它不能用普通切削液，需特殊的切削液。   四、   大气孔砂轮的选择    大气孔砂轮在磨削时具有不易被堵塞、耐用度高和切削能力强等优点。适用于软金属和塑料、橡皮和皮革等非金属材料的粗、精磨。同时，它具有散热快的特点，所以在磨削一些热敏性大的材料、薄壁工件和干磨工序中（例如刃磨硬质合金刀具和机床导轨等）有良好的效果。    大气孔砂轮和一般陶瓷结合剂砂轮的制造方法基本一样。不同点是在配料中外加一定量的增孔剂，它在砂轮烧结前完全挥发或被烧烬，从而产生大气孔。大气孔砂轮生产范围是：磨料一般选择碳化物和刚玉等，如常用的有黑碳化硅（C）、绿碳化硅（GC）和白刚玉（WA）等几种，这些磨料的硬度高、性脆而锋利，具有良好的导热和导电性能；磨料粒度（36#~180#）；结合剂（陶瓷结合剂）；硬度（G~M各级）；形状（平形、杯形、碗形或碟形等）；气孔尺寸（约0.7~1.4毫米）。   </t>
  </si>
  <si>
    <t xml:space="preserve">如何提高狗狗的免疫力呢？怎样才能提高狗狗身体免疫力，让狗狗健康长 </t>
  </si>
  <si>
    <t>提高狗狗的身体免疫力要从的饮食和足够的锻炼来入手。一、在饮食方面，犬主可为狗狗选择优质的天然犬粮，英国的Legendsandy在清除自由基和提高免疫力方面做得非常好：①牛肉中富含VB6，可以帮助狗狗提高免疫力，促进蛋白质的新陈代谢和合成，有助于狗狗运动（训练）后身体的恢复；而鸡肉、羊肉中的VB6含量比牛肉的少；牛肉中富含的锌是一种有助于蛋白质的合成、促进肌肉生长的抗氧化剂，而猪肉和羊肉中由于蛋白水平稍低使锌吸收下降而内源损失增加，不利于锌的抗氧化作用。而牛肉中锌与谷氨酸盐、VB6共同作用，能增强狗狗免疫系统，提高免疫力。②金枪鱼含有丰富的核酸，核酸作为优质的抗氧化剂能够清除老化的自由基成分，防止细胞老化的作用。各种食物中以深海鱼类的核酸含量最为丰富，家禽肉的核酸含量低，而且主要分布在动物内脏中，动物脏器毒素沉积严重从而影响核酸的品质，所以金枪鱼是最健康，最天然的核酸来源。③鳄梨（牛油果）素有“森林黄油”之称，营养丰富，富含维他命E，有助皮肤抗氧化，是天然的抗衰老剂，有效清除老化皮肤的自由基成分；同时牛油果还含有丰富的甘油酸、蛋白质及维他命，润而不腻，尤其在冬季时空气变得干燥，狗狗的皮肤缺少水份，变得无光泽，而且掉毛现象严重，天然的牛油果油不但能软化和滋润皮肤，保持皮肤柔润和弹性，更能在体外形成强大的免疫保护膜—皮表脂膜，提高狗狗对抗寒冷干燥的免疫力。二、在锻炼方面，现代的狗狗很多由于营养过剩，疏于运动，变得肥胖。和人类一样，狗狗过于肥胖也会带来很多疾病，诸如心血管疾病，糖尿病等，所以狗狗需要锻炼来保持体型的匀称。主人可带狗狗去专门的公园、场所或郊外进行户外活动，远离城市车水马龙，回归自然本性跑跑跳跳，对狗狗的健康非常有好处。</t>
  </si>
  <si>
    <t xml:space="preserve">是雀斑前几天刚做激光现在结痂呢可是越想越后悔，我很害怕会反弹而且? </t>
  </si>
  <si>
    <t>如果妹妹是雀斑做激光是对的，皮肤会好很多，但注意防晒，有复发可能</t>
  </si>
  <si>
    <t xml:space="preserve">英语选择题Whensomeoneistalking,______ </t>
  </si>
  <si>
    <t>B， listen for： 倾听。</t>
  </si>
  <si>
    <t xml:space="preserve">3000多大洋又不见了本来想好了如中了,晚上来包大复式半全场的, </t>
  </si>
  <si>
    <t>组合2、3串1更安全！</t>
  </si>
  <si>
    <t xml:space="preserve">地球现在是多大了？指年龄 </t>
  </si>
  <si>
    <t xml:space="preserve">    以年纪来算:　　每过一年，大家都要长大一岁。一年，对我们大家来说是个比较长的时间，可是这在地球的历史上，简直是微不足道的一瞬。地质学家发现：覆盖在原始地壳上的层层叠叠的岩层，是一部地球几十亿年演变发展留下的“石头大书”，地质学上叫做地层。地层从最古老的地质年代开始，层层叠叠地到达地表。一般来说，先形成的地层在下，后形成的地层在上，越告诉地层上部的岩层形成的年代越短。　　地层好比是记录地球历史的一本书，地层中的岩石和化石就像这本书中的文字。用现代的方法通过对古老岩石的测定，人们得知地球已经存在46亿年了。　　那么人们用什么科学方法来推算地球的年龄呢？目前，科学上是用测定岩石中放射性元素和它们蜕变生成的同位素含量的方法，作为测定地球年龄的“计时器”。　　人们利用放射性元素蜕变的特点，来计算出岩石的年龄。放射性元素在蜕变时，速度很稳定，而且不受外界条件影响。在一定时间内，一定量的放射性元素，分裂多少份量，生成多少新的物质都有个确切数字。例如，一克铀在一年中有七十四亿分之一克裂变为铅和氦。因此，我们可以根据岩石中现在含有多少铀和多少铅，算出岩石的年龄。地壳是由岩石组成的，这样我们就能得知地壳的年龄。有的人算出为30亿年左右。　　地壳的年龄还不等于地球的实际年龄，因为在形成地壳以前，一般地球还要经过一段表面处于熔融状态的时期，加上这段时期，地球的年龄估计约有有45.3-47.5亿年，大约是46亿年。这是个很大的数字。但在宇宙中，比地球年龄大的星球还多着哩。 以大小来算:　　地球的体积为1.083×1021立方米。用举例的方式来解释，假设一个人日行50千米，从地心走到地表要走127天，绕地球一圈要走801天。2300多万人手拉手站成一圈，才能把地球围住。按全世界人口50亿计算，人均占有地表面积仅0.1平方千米，若只计算陆地面积，人均占有不足0.03平方千米。与太阳系其他行星比，地球的体积比最小的冥王星大110倍，是最大的木星的1／1316。地球的体积比月球大48倍，是太阳的1／130万。</t>
  </si>
  <si>
    <t xml:space="preserve">甘蓝如何做才好吃？尽量多说几种做法，谢谢！ </t>
  </si>
  <si>
    <t>甘蓝可以1拌色拉：将甘蓝切碎，再放入其他几种食物，加入色拉酱和橄榄油；        2在锅里煸炒后出锅，里面可以再加一些肉丝等你喜欢吃的东西；        3可以将甘蓝煮熟放入面条中作辅料；希望对您有所帮助！！！！！！！！！</t>
  </si>
  <si>
    <t xml:space="preserve">吾。探骊格 </t>
  </si>
  <si>
    <t>成语·有言在先</t>
  </si>
  <si>
    <t xml:space="preserve">半月弯刀哪里出?半月弯刀和抱月哪里出啊? </t>
  </si>
  <si>
    <t>一般商店都有，要爆去尸王殿</t>
  </si>
  <si>
    <t xml:space="preserve">8月份有吉日吗?请那位高人指点一下阳历8月份搬家有吉日吗? </t>
  </si>
  <si>
    <t>阳历2008年8月份适宜搬家的日子：1、阳历2008年8月6日，农历（阴历）七月初六（戊寅）日，生肖属猴忌用。2、阳历2008年8月7日，农历（阴历）七月初七（己卯）日11：16前，生肖属鸡忌用。3、阳历2008年8月16日，农历（阴历）七月十六（戊子）日，生肖属马忌用。4、阳历2008年8月21日，农历（阴历）是七月二十一（癸巳）日，生肖属猪忌用。5、阳历2008年8月26日，农历（阴历）七月二十六（戊戌）日，生肖属龙忌用。6、阳历2008年8月28日，农历（阴历）七月二十八（庚子）日，生肖属马忌用。7、阳历2008年8月31日，农历（阴历）八月初一（癸卯）日，生肖属鸡忌用。恭喜乔迁之喜，祝事事大吉。</t>
  </si>
  <si>
    <t xml:space="preserve">现在有采用Crossbow操作系统的手机吗? </t>
  </si>
  <si>
    <t xml:space="preserve">Crossbow即Windows Crossbow手机操作系统。微软的这款手机操作系统Windows Crossbow（windows Mobile 6.0）目前才发布不到包年时间，还没有厂商能够那么快的推出基于这个操作系统的手机，因此目前没有使用这个系统的手机上市的。 不过关于这个系统的一些工程样子的报道已经频频出现在了一些网站之上了！ 相关新闻链接 多普达WM6.0系统智能新机即将推出   SP版本Windows Mobile Crossbow简短体验   </t>
  </si>
  <si>
    <t xml:space="preserve">暗黑2中一些英文什么意思3Dol(14#)+1碎裂绿宝石=Hel </t>
  </si>
  <si>
    <t>你说的那些都是符文的名字.更多的资料,看这个文本文档(是按照字母顺序排的)</t>
  </si>
  <si>
    <t xml:space="preserve">头上长痘痘，掉头发就是头上长很多类似痘痘的疙瘩，有点痒，挠破了会 </t>
  </si>
  <si>
    <t>脂溢性皮炎，有点脂溢性脱发</t>
  </si>
  <si>
    <t xml:space="preserve">任9，奖金预测在6666左右，恭喜中奖的朋友。 </t>
  </si>
  <si>
    <t>应该在3588 左右</t>
  </si>
  <si>
    <t xml:space="preserve">早点吃什么比较好？ </t>
  </si>
  <si>
    <t xml:space="preserve">人经过一夜睡眠，从尿、皮肤、呼吸中消耗了大量的水分和营养，清晨已处于半脱水状态。早餐应吃富含水分的食物或餐前适量喝些温开水、豆浆或热牛奶之类的液体。这样既可及时弥补体内缺水状况，有利胃肠消化，使机体的新陈代谢恢复到旺盛状态，有利于白天的工作和学习，还能有效预防某些心脑血管疾病的突发。 早餐应该是足够的热稀饭、热牛奶、热豆浆，然后再配着吃些蔬菜、面包、水果、点心等.参考资料： </t>
  </si>
  <si>
    <t xml:space="preserve">宝宝拉肚子拉了个多月了宝宝现在7个月了，自从1个半月前因感冒引起 </t>
  </si>
  <si>
    <t>吃"必奇"看看,药店都有售,一般吃了两次就会有明显效果,试试吧,拖了那么长时间可不太好.</t>
  </si>
  <si>
    <t xml:space="preserve">华为3C跟红米哪个好一点？ </t>
  </si>
  <si>
    <t>个人觉得华为3C配制上比红米好</t>
  </si>
  <si>
    <t xml:space="preserve">日圆怎么办?我的日圆是在118.20左右买的,115时候没卖,现 </t>
  </si>
  <si>
    <t>如果想继续持有就设118.00止损保护一下</t>
  </si>
  <si>
    <t xml:space="preserve">自杀是否是一种解脱？生活真的是很累，有时实在忍不住有这样的念头， </t>
  </si>
  <si>
    <t>自杀不是解脱，是逃避。人活得累，不仅仅是你一个人，每一个人都是这样。一事无成，也不仅仅是你一个人，平民百姓都这样。平凡的人，要过平凡人的生活。平民百姓要过平民百姓的日子。难事天天有，烦恼时时伴随，问题要每时每刻地解决。烦恼是自己找的，快乐也是自己找的，要学会自己逗自己乐，自己找自己开心的事情。自己能够左右的事情，想尽一切办法去解决。自己左右不了的事情，想也是白想，与其白想，不如不想。顺其自然，高兴也是一天，烦恼也是一天，为什么不选择快乐呢？</t>
  </si>
  <si>
    <t xml:space="preserve">珠峰的高度是怎样测量的？ </t>
  </si>
  <si>
    <t>珠峰的高度是怎样测量的？　由于珠峰地区地质构造极为复杂，珠峰山体的重力线并不是一根直线。此次测量，科研人员还大量进行了不同地点的重力测量，这些工作将描述出珠峰山体重力线弯曲的具体情形，并为最终修正珠峰高度数据提供依据。　　珠峰测量过程：　　4月14日至4月17日，部分突击队员挺进5800米，在5800米建立第二营地；　　4月15日至4月30日，水准测量科技人员从5200米向5800米逐级展开水准和高程导线测量；　　4月17日至4月20日，部分队员挺进西绒布冰川、中绒布冰川和东绒布冰川区域，寻找并确定峰顶交会测量站的位置；　　4月18日至4月20日，冲顶分队的6名队员挺进海拔6500米的登山前进地；　　4月20日至4月30日，测量队员在西绒布冰川、中绒布冰川和东绒布冰川等地建立6个峰顶交会站；　　4月23日至5月10日，冲顶分队的6名队员随西藏登山队挺进8300米处的冲锋营地；　　5月10日至5月30日，在适当时机登上珠穆朗玛峰峰顶，安装测量觇标，进行GPS全国卫星导航的联机观测，实施对峰顶的高程交会测定，进行峰顶的气象测定；　　6月1日至10日，继续进行高程测定和水准测量工作，展开珠峰控制网、GPS观测；　　6月10日至20日，整理各项测量数据，测量队全体队员撤回拉萨；　　6月20日至8月，分析计算测量数据，最终确定珠穆朗玛峰的精确高程。</t>
  </si>
  <si>
    <t xml:space="preserve">中国移动的手机如何通过互联网发送短信用手机发短信太费劲，我想用网 </t>
  </si>
  <si>
    <t>灵犀吧  不错。开始赠送一些积分，让你体验一下的，然后就是移动和联通都能发。还是通过网络，用客户端，或是MSN绑定，或是通过IE登录都能发短信的，还有强大的网上通讯录功能，还能查到发送和接收的记录。</t>
  </si>
  <si>
    <t xml:space="preserve">请问烧红烧肉是放开水还是冷水? </t>
  </si>
  <si>
    <t>做红烧肉时，先将肉在冷水中加热焯一下，去除血沫，然后炒糖色，将肉煸透，加入适量的酱油、料酒和葱姜、大料，加入热水，大火烧开后转小火，炖10分钟左右加入适量的盐，在炖10-15分钟即可这是我自己做的方法，味道还不错。</t>
  </si>
  <si>
    <t xml:space="preserve">当温度升高时，半导体三极管的电流放大系数β是会增大吗？Ib不变的? </t>
  </si>
  <si>
    <t>当温度升高时，半导体三极管的电流放大系数β是会增大吗？Ib不变的情况下，Ube将会如何？是变大还是减小？1、由于材料的特性和制造工艺的差异，半导体三极管的直流放大系数β并不是一条直线，也就是说，随着基极电流的变化，β也有少量变化，尤其在Ib较小时，β也较小，较大时也变小，因此，设置三极管的工作点时一般都安排在β曲线的较平坦的区域，这样的区域就是说明书中提供β的直流测试参数。2、在Ib不变的情况下，Ube会随着环境温度的变化而变化，平常说的硅材料三极管的Ube为0.6~0.7V左右，这是室温在25°C时的测试值。经推导，硅三极管发射结正向压降的变化量是每增加一度，Ube就变化 -2.5mV/°C，也就是说，随着温度的增加，Ube就线性减小。</t>
  </si>
  <si>
    <t xml:space="preserve">我做到七谕令之金之宝刀叫去骷髅山顶顺着奇怪的声音找到古刀可我找不? </t>
  </si>
  <si>
    <t>祖龙城西仓库背后面那里有个小女孩...到30级左右的时候她叫你帮他去找一根玉簪..在祖龙城西郊打虚之土精...搞到手以后..她就会给你一块破破烂烂的铁牌子.你拿着去天泪找天城老者..任务由此开始 土之轮1）先接到七谕令的任务。提示：找天城隐士问七谕令的用处2）找天城隐士问明真像。隐士提示：七件土封印中我只知道土之宝箱在英雄冢的密道内，其它的就看你的造化了．再去英雄冢挖土之宝箱就ＯＫ了．水之玉瓶1,在林寒处接水之玉瓶的任务，任务提示：找渔夫问水之玉瓶的下落。2,再去渔夫639。802接水之玉瓶的任务。任务提示：找玉瓶的事先不急。你先帮林寒找回10支蜡烛，我必定告诉你，玉瓶的下落。3, 这时你不要管他叫你做什么．4,再找渔夫接水之玉瓶的任务。提示：从这下水往东边找。5,水之玉瓶在660.797的宝箱之内。(附近的怪是密密麻麻的但是不会攻击你)火之神剑1,城北铁匠汤剑接火之神剑的任务。任务提示：去灯笼山附近找剑冢2,碧涛林的剑冢 597。762此处为上一步所要找的剑冢，点它可得到碎片3,把所检到的碎片交给剑仙城匠 431。874，下一步提示：去幽冥古道寻找剑冢捡回碎片4, 幽冥古道剑冢 524。927，在此处点击剑冢检到碎片。5,把检到的碎片交给城南铁匠，铁匠提示：再等30分钟 .然后完成任务得到武器金之宝刀1,在落日镇铁匠124。590处接任务。因这个任务的提示就是去飞来镇铁匠那问土之宝刀的下落。2,在飞来镇铁匠处交接任务。所接的任务为杀妖牛勇士。3,任务提示是在30分钟之内杀完30只妖牛勇士，并交给铁匠。4,在骷髅山的173,622处完成此任务，因土之宝刀埋藏在土里。所以须跟据所给的坐标来回的走动，方可完成任务。木之灵弓1,禹王鼎村长处接2,杀野人狂战士和野人神射手3,找木灵实444.407，去无忧寒潭恢复木之灵弓当大家完成以上５个任务以后，系统会提示你七谕令对话的任务。当完成七谕令对话任务后，就可以到獠牙的找祭师对话，接到任务在那等几分钟后自动完成。然后就可以接地之封印(等级55)，就是杀太极滩上的70级BOSS-九辰天蛰，杀掉以后得到地之封印。然后就可以到万劫城主那里接天之封印任务，杀75级BOSS-巡海夜叉，杀死后得到天之封印交还任务。集齐了任务给的七个物品，可以去天泪之城兑换奖励，有三种选择第一:白莲戒(加物理攻击的)+七渝令第二:红莲戒(加法术攻击的)+七渝令第三:诛神剑(战士用的)+七渝令</t>
  </si>
  <si>
    <t xml:space="preserve">怎么打篮球 </t>
  </si>
  <si>
    <t>和我一样！CAINIAO 没办法不停的练习撒。不要害羞</t>
  </si>
  <si>
    <t xml:space="preserve">谁来救救我的电脑!不甚感激我的电脑不知道为什么不出声音了！那天想 </t>
  </si>
  <si>
    <t>声卡有错,错误的安装,或是你的硬件出现了问题,重装一次试试.</t>
  </si>
  <si>
    <t xml:space="preserve">眼睛的疾病我最近眼睛看东西时，视中心老是有一个模糊的点，不知是什 </t>
  </si>
  <si>
    <t>视中心老是有一个模糊的点，发暗或暗灰色,医学上称中心暗点,视力轻度受影响,临床上考虑患了眼底病(中浆).诱因是与精神过度紧张,疲劳,睡眠不足,过度吸烟,饮酒等有关.如果考虑此病,应到医院眼科就诊进一步确诊治疗.</t>
  </si>
  <si>
    <t xml:space="preserve">这些粉粉能不能一起吃的？我家女人想知道葛根粉木瓜粉绿茶粉苦瓜粉生 </t>
  </si>
  <si>
    <t>隔两天服1-2种，再隔两天再服另外1-2种。其中绿茶粉应单独某天服用。生姜蜂蜜和前述数种都能配手服用，数量不宜过多。</t>
  </si>
  <si>
    <t xml:space="preserve">紫微中不懂的地方紫微中一般会说个命宫主星，然后说身主什么，命主什 </t>
  </si>
  <si>
    <t>天同是主要的</t>
  </si>
  <si>
    <t xml:space="preserve">顶拜仁和多特进球啊大家快来顶，我可是做了胆的！！！ </t>
  </si>
  <si>
    <t>拜仁加油呀快把汉诺威打成筛子～</t>
  </si>
  <si>
    <t xml:space="preserve">化纤衣服洗涤如何防静电化纤衣服在洗衣机中洗完后拿出来一看,上面沾 </t>
  </si>
  <si>
    <t>衣物纤维已经老化疏松,经机洗后易起毛.如是静电吸附,可在漂洗过程中添加抗静电剂,如金纺衣物柔顺剂.</t>
  </si>
  <si>
    <t xml:space="preserve">0258是哪里的区号? </t>
  </si>
  <si>
    <t>025是南京的区号，后面的8是南京一些电话号码的首位。</t>
  </si>
  <si>
    <t xml:space="preserve">问道问题我没银行账户可以卖东西吗？ </t>
  </si>
  <si>
    <t>建议你还是先建立一个银行帐户去卖,最好去5173,有信誉!</t>
  </si>
  <si>
    <t xml:space="preserve">吃水果能代替吃蔬菜吗？ </t>
  </si>
  <si>
    <t xml:space="preserve">人的一日三餐最好都有,但是如果天天饱食水果,就不好了,水果和蔬菜所含的及作用毕竟不一样.首先，水果和蔬菜中均含有丰富的无机盐(如钾、钙、钠、镁、铜、铁、锌等)和维生素(如维生素C、胡萝卜素等)，这些营养素是谷类食物和动物性食物中所缺乏的。但在蔬菜中，无机盐和维生素的含量一般来说比水果丰富(只有柑橘及鲜枣中的维生素C含量较高)。例如，100克辣椒中含维生素C80毫克，100克韭菜中含维生素C56毫克，而100克生梨和100克香蕉中分别只含维生素C4毫克和8毫克。其次，蔬菜中含有的纤维素比水果多。纤维素可以刺激肠蠕动，防止便秘，减少肠对体内毒素的吸收。据研究，吃蔬菜纤维量较多的人直肠癌、结肠癌的发生率，明显地低于吃蔬菜纤维量较少的人。蔬菜中含有的β-胡萝卜素具有抗癌、防癌的作用，而水果中β-胡萝卜素的含量是不多的.另外，蔬菜中所含的糖分以多糖为主，进入人体后需经消化道内各种酶水解成单糖后才能缓缓吸收，因而不会使血糖骤增；而水果中所含的糖类多数是单糖或双糖，这些糖进入人体后只需稍加消化就会很快进入血液。因此短时间内大量吃水果，会使人的血糖浓度很快升高，而过高的血糖又促使人体分泌大量胰岛素，使血糖浓度迅速降低。短时间内血糖的大起大落，会使人有头晕脑胀、疲劳困倦等不舒服的感觉。而且，过多的糖分会在肝脏内转为脂肪，使人容易发胖。 </t>
  </si>
  <si>
    <t xml:space="preserve">关于高血压我爸爸今年５６岁，高血压，他近几日服降压药，不论是什么 </t>
  </si>
  <si>
    <t>与劳累有关系高血压病人应注意休息作为子女应该细心呵护啊</t>
  </si>
  <si>
    <t xml:space="preserve">哥哥姐姐请问10的魔掌能换到什么法师装备？我是43区的 </t>
  </si>
  <si>
    <t>卖钱你就可以成为亿万富翁，换装备的话，你就可以穿上最新潮流的时尚套装，你自己看着换吧，找个有实力的买家。顺便要他读哦送点小极品。</t>
  </si>
  <si>
    <t xml:space="preserve">我怎么还上不了游戏，怎么还在维护中 </t>
  </si>
  <si>
    <t>今天应该是更新的比较多，所以开晚了，不过也该有个公告嘛！强力支持楼主！！</t>
  </si>
  <si>
    <t xml:space="preserve">冰sor能做冰盾和冰甲来破冰免吗 </t>
  </si>
  <si>
    <t>当然不能.只有降低抵抗和审判光环可以破元素免疫,其他减对方抗性的只能对没有该项免疫的怪起作用.</t>
  </si>
  <si>
    <t xml:space="preserve">宝宝皮肤很差很差，怎么办2个脸蛋红红的，干干的，有什么好办法，让 </t>
  </si>
  <si>
    <t xml:space="preserve">    婴儿用品店有（日本）贝亲婴儿凡士林，洗脸后立即涂抹一点点，特别特别有效，最多3天就可以感觉到！我和宝宝（11个月）用了都特别好。     真的，别等了，快点试试吧！（价格不贵，20元左右）     (和我家孩子的症状一模一样呢,千万别着急涂一些强生等润肤露,一点用也没有.) </t>
  </si>
  <si>
    <t xml:space="preserve">帮忙帮我把我写的这首诗翻译成英文！银杏树下秋日银杏叶满天，校长执 </t>
  </si>
  <si>
    <t>Under Ginkgo Tree秋日银杏叶满天，校长执笔树下签。同学捧叶笑相望，黄叶布满立志言。With ginkgo leaves flying in the autumn sky ,Principal wrote words on a piece.Similing, students got it finding all the hopeful dreams.我很努力了，不过，还是想说这诗恶（第三声）死了。。。。o(∩_∩)o...</t>
  </si>
  <si>
    <t xml:space="preserve">怎样才可以让女生喜欢男生呢,怎么对喜欢的女生表白?我是个内向的男 </t>
  </si>
  <si>
    <t>你和我以前很像啊。。。我的做法是：找一个知道对自己有好感甚至是爱慕的MM，试着和她接近，然后聊天，约她出来玩什么的。以她开始，能不能发展成女朋友不重要。关键是你自己能够从中感悟一些东西，积累一些经验。女人不是老虎，除非那个女人是你老婆。</t>
  </si>
  <si>
    <t xml:space="preserve">光通请给我们良好会员帐号服务和良好的游戏环境这2个星期害的我找回 </t>
  </si>
  <si>
    <t>你们那么坚决的打击挂，没想到一现在整个紫微区到处都是挂的，真服了你们了你们要是不那么坚决可能现在挂还不会那么猖狂，你们的技术真是没得说得了，佩服真太佩服了。</t>
  </si>
  <si>
    <t xml:space="preserve">如何选购排水管降噪材料？那种排水管噪音小？ </t>
  </si>
  <si>
    <t>对排水管道系统进行降噪处理，可选用管道包覆材料进行处理。1、包覆吸音板。在下水管道外安装龙骨支架，然后在外面钉上吸音板，还可以在吸音板里面粘上一层海绵或者聚氯乙烯泡沫板（板材厚度应在1厘米以上），即可以起到一定的降低噪声的效果。2、包覆一层棉花、海绵或者管状聚氯乙烯泡沫塑料，外面再用胶带缠绕，也能在一定程度上降低噪声，但不太美观、防火性能也不好。相比较而言，第一种方法效果较好，但需要专业施工。要注意的是，施工时一定要留下维修孔，不能将管道完全封死。否则，一旦管道出现问题，须将隔音板全部拆除，造成经济损失。目前常见的主要有螺旋管、复合管、夹芯管等进行复合制备的管材等。内螺旋管由若干条凸起三角形肋条，沿内壁均匀地呈螺旋线分布，螺旋线与管轴线呈一定的夹角（理论上可推导出，螺旋线与管轴线保持这种夹角时，排水管具有最佳的排水能力和通气效果）。水流进入立管后，在螺旋肋的导流作用下，沿内壁形成较为稳定而密实的水流膜旋流，旋转下落。由于水流紧贴管壁，避免了横向水流进入立管后，对立管壁的反复冲撞，由此大大减小了水流对排水立管的撞击噪声。同时由于水流沿立管壁旋转下落，管中形成了一个畅通的漩涡空气柱，减少了管道内的压力波动，避免了横向水流被冲撞后散乱落下与空气相遇形成的管道噪声和混杂夹带气泡产生的噪声。针对塑料管材密度较小，容易受到震动而产生噪声的缺点，一些企业通过加入特殊材料来调整管材的密度和微观结构，开发出了新型的降低噪声的排水管，即利用了通过降低排水时引发的管材的振动，同时密度较高的芯层具有更好的隔声性能的原理，从而降低了噪声的原理。</t>
  </si>
  <si>
    <t xml:space="preserve">强烈的大地震会带来哪些危害呢?我好害怕地震,会给我们生活带来什么 </t>
  </si>
  <si>
    <t>地震是世界上最凶恶的敌人，它所造成的直接灾害有：建筑物与构筑物的破坏。如房屋倒塌、桥梁断落、水坝开裂、铁轨变形等等。地面破坏。如地面裂缝、塌陷，喷水冒砂等。山体等自然物的破坏。如山崩、滑坡等。海啸、海底地震引起的巨大海浪冲上海岸，造成沿海地区的破坏。此外，在有些大地震中，还有地光烧伤人畜的现象。地震的直接灾害发生后，会引发出次生灾害。有时，次生灾害所造成的伤亡和损失，比直接灾害还大。1932年日本关东大地震，直接因地震倒塌的房屋仅1万幢，而地震时失火却烧毁了70万幢。地震引起的次生灾害主要有；火灾，由震后火源失控引起；水灾，由水坝决口或山崩壅塞河道等引起；毒气泄漏，由建筑物或装置破坏等引起；瘟疫，由震后生存环境的严重破坏所引起。</t>
  </si>
  <si>
    <t xml:space="preserve">平均成绩（GPA）&gt;2.8在中国的意思平均成绩（GPA）&amp;gt; </t>
  </si>
  <si>
    <t xml:space="preserve">GPA英语全称是grade point average，意思就是平均分，美国的GPA满分是4分，即A=4， B=3，C=2， D=1.GPA的精确度往往达到小数点后1到2位，如：3.0，3.45。GPA的计算一般是将每门课程的学分乘以 学时，加起来以后除以总的学时，得出平均分。中国学校的分数设置一般是百分制或五分制，具体的折合方式视不同的美国大学的要求而有所不同，一般来讲，百分制中的90分以上可视为4分，80分以上 为3分，70分以上为2分，60分以上为1分，五分制中的5分为4分，4分为3分，3分为2分，2分为1分。中国许多大学的成绩单上没有学时，因此，GPA只能估算，可将所有课程的成绩加起来后除以课程数。一般美国大学对于奖学金申请者的GPA要求是3.0以上。 声明一点：一切GPA 的算法，因学校而不同。现在提供的，纯是一个参考，具体是如何算，一定要自己去谘询所申请学校。 </t>
  </si>
  <si>
    <t xml:space="preserve">我家是黑色的大床，床头是浅粉色小花的壁纸，配什么颜色的窗帘和床品? </t>
  </si>
  <si>
    <t>白底粉花的 这样能配套 或者白底红也可以 你可能是要结婚吧 这样也比较喜庆</t>
  </si>
  <si>
    <t xml:space="preserve">空调的输入功率：680瓦、制冷量：2300瓦，室内温度是14°，? </t>
  </si>
  <si>
    <t>无法计算：各个具体房间的容积、密闭程度、保温性能、室内人数等等各不相同。如果压缩机不停地工作，1小时耗电就是0.680kWh(度)。实际使用中，压缩机是间歇工作的，到了设定温度，就会停止工作；待室内温度下降后，又自动启动……</t>
  </si>
  <si>
    <t xml:space="preserve">瑞星不能安装我的电脑前段时间刚做完系统又按了些教学软件没用它上过 </t>
  </si>
  <si>
    <t>点开始,输入regedit=&gt;进入HKEY_CURRENT_USER =&gt; Software =&gt; 将 rising 文件夹删除即可。</t>
  </si>
  <si>
    <t xml:space="preserve">你最崇拜的英雄是谁？相信你最佩服的只有一个人。 </t>
  </si>
  <si>
    <t>拿破仑。</t>
  </si>
  <si>
    <t xml:space="preserve">关于捎口信，是不是可以无限做？不断的接，我不是发了？？ </t>
  </si>
  <si>
    <t>这是个可重复的任务`只要你在8-30级之间一直都可以做~`一次800T,`1J要跑一千多次,你怎么发啊``有这些时间可以去打些地藏株和火灵珠一个都有10Y.所以不推荐做~做了也没用.只是浪费点卡``我说值10Y不是卖给NPC哦~`是卖给收购的商人`~</t>
  </si>
  <si>
    <t xml:space="preserve">请问地暖有什么弊端吗？是不是环保？对供水水质有什么具体要求吗？ </t>
  </si>
  <si>
    <t>你好：111111地热如果是自采暖就没有问题，如果是集中供暖，就要注意：不要长期停留在地面温度高于摄氏28度时，将增加下肢血液循环系统负担，容易使人患腿部疾病。地暖在管子里，如果不环保也是管子的事。如果水中杂质很多，会在管导致形成水垢。影响取暖。  好好思量一下，给自己一个良好的供暖环境~~</t>
  </si>
  <si>
    <t xml:space="preserve">袁阔成评书都有哪些？？？ </t>
  </si>
  <si>
    <t>袁阔成老师的代表作是《三国演义》，其他的评书主要还有《封神演义》、《旋流》、《水浒》、《施公案》 、《创业史》 《彭公案》、《艳阳天》 、《十三妹》、《大名府》、《神州擂》、 《东周列国》、《薛刚反唐》、《碧眼金蝉》、长板雄风》 、《常山赵子龙》 、 《过海插旗》 、《十二金钱镖》、《吕梁英雄传》、《福尔摩斯探案》 、《野火春风斗古城》、《特殊身份的警官》、《红岩魂》、《赤胆忠心》 、《烈火金钢》 、《胸中自有雄兵百万》、 《西楚霸王》 、 《林海雪原》、《暴风骤雨》 、《青春之歌》、《保卫延安》 、《敌后武工队》</t>
  </si>
  <si>
    <t xml:space="preserve">长时间开电脑会有哪些危害 </t>
  </si>
  <si>
    <t>辐射 浪费钱影响环境 增加热量（夏天热啊）长时间的通电 肯定会影响电器元件的寿命LCD 还涉及灯管的寿命 风扇长时间噪音也是问题</t>
  </si>
  <si>
    <t xml:space="preserve">怎样摆摊卖东西 </t>
  </si>
  <si>
    <t>选择角色信息-下面表情符号里选（Sell代表卖的意思就是摆摊）BUY就是收买，就是收东西用的。（提示，Sell和Buy点的时候别搞错了一个是收东西一个是卖东西弄错了就不好了)</t>
  </si>
  <si>
    <t xml:space="preserve">神经元(神经)可以再生吗?本人因听神经瘤手术后听力丧失,问有什么 </t>
  </si>
  <si>
    <t>神经细胞不具有分裂的能力，且干细胞也不会分化为神经细胞，所以神经细胞不可再生。有科学家一某种鞘细胞代替神经细胞，取得了一定成果，不过该技术还没推广。您的听力丧失是由于神经细胞损伤的话，可能还能治。</t>
  </si>
  <si>
    <t xml:space="preserve">重装装备问题?10及Q剑多少钱~还有全闪装多少钱~剑最好穿社么装 </t>
  </si>
  <si>
    <t>10级Q剑的话起码120W（成本）。一个Q一般是80W到100W，80W收100W卖，剑的材料在10W多（其实还没呢。）成本价格120W左右，卖贵点的150W到180W，有的人刷了双百也不容易的，给他赚点也是应该的，有朋友会加工那是最好了。全闪装备48W到53W，我看见是那么卖的。剑TP一般用全8紫的装备，分别是8盔。火龙盾，水龙靴，亡灵铠，钱多可以+10紫，剑当然还是Q曲刀（钱不多10蓝，O的也可以）。打BOSS当然是全闪装好。</t>
  </si>
  <si>
    <t xml:space="preserve">掉宝!?怎么每次都掉些垃圾的不能再垃圾的东西啊...我想是不是没 </t>
  </si>
  <si>
    <t xml:space="preserve">掉宝就的去锦标,买个探测器 跑个第一,但要大家配合,要4个人到才有的掉,在城市想掉那你就刷记录不然是不可能掉的 锦标悬崖很有掉,我就掉了不少黄金.呵呵 我也花了300点,可能是我运气好吧,第一天就掉个0.26的轮胎  呵呵 你也去试试,技术 不行的话就没必要买了   据我掉宝经验只有跑个第一打破自己之前的记录才有掉哦     呵呵   </t>
  </si>
  <si>
    <t xml:space="preserve">【救命】懂得男性皮肤护理的朋友进！大一军训之后皮肤一直不好，朋友 </t>
  </si>
  <si>
    <t>你好，多男生都想改善自己的皮肤，赶走青春痘，干裂，蜕皮，粗糙，瑕疵，松弛，灰暗，过于油腻，但又往往不知道从何下手，根据我本人的成功经验，向大家介绍一点要点。要想皮肤健康无论男女，单靠某种洗面奶或是某种祛痘膏是绝对不可能达到目的的，不过只要抓住护肤要点，健美的脸部皮肤还是很容易拥有的。男生护肤的目的不像女生追求美白剔透，而应该是干净健康。那么护肤只有两个“清洁+保湿”就可以了首先“清洁”，有杂志统计过年轻肌肤问题67%是由于没有很好的清洁肌肤造成的。只要清洁这一部做好了，护肤工作其实已经完成了70%了，正确的清洁肌肤单靠洁面乳是不行的，应该在洁面乳之前增加使用卸装油，男生的皮肤油脂旺盛，而且由于活动量大，往往容易在两上留下更多的灰尘，汗水，任何号称深层清洁的洁面乳都是无法彻底洗净这些物质的。用卸妆油清洁后再用洁面乳清洁，坚持半个月皮肤状况就会有不少改善。因此建议大家尝试一下，我曾经有一个朋友脸上的青春痘情况相当严重，这么说吧“就像一个烂桃子了”，后来使用了上述清洁方法，症状明显减轻了推荐产品：雅芳卸妆油，网上价格 35元 植村秀 数百元隆力奇蛇胆泡沫洁面乳    露德清深层清洁洁面乳其次，“保湿 ”，多数男生觉得护肤麻烦，只喜欢只用一种面霜，越简单越好。 推荐如下产品    春秋季：雅倩芦荟嘉雪保湿霜 39元；夏季  白天  凡士林美白防晒乳  28元   晚间  屈臣氏抗氧化保湿凝露 39元；冬季：妮维雅 男士深层润肤霜/露（根据皮肤程度选择）大宝  美容日霜/晚霜     如果不是很怕麻烦的男生要想获得更好的皮肤护理效果  还可以增加，柔肤水，和面膜，两项。柔肤水是在洗脸以后面霜之前使用，功效多多非常实用推荐产品   艾文莉药精水 108元  妮维雅柔肤水（蓝色和绿色配方）  40元 面膜，是强效护理的关键，可以显著改善各种肌肤问题推荐产品屈臣氏草本清毒面膜粉，深层去除污垢，缓解青春痘，强健肌肤19元雅芳沙龙系列矿物面膜，深层去油脂    70元</t>
  </si>
  <si>
    <t xml:space="preserve">今年的伊莫拉的比赛怎么样？ </t>
  </si>
  <si>
    <t xml:space="preserve"> 神奇舒马赫13位发车仍夺亚 伊莫拉上演红蓝肉搏 </t>
  </si>
  <si>
    <t xml:space="preserve">广东佛山。佛山简称“禅”，是一座历史悠久的文化名城，是中华人民共 </t>
  </si>
  <si>
    <t>顺德</t>
  </si>
  <si>
    <t xml:space="preserve">今年高考文科考到了452分，应该填什么学校，填广东邮电职业学院可? </t>
  </si>
  <si>
    <t>广东农工商学院还是不错的,不要听网上的谣传</t>
  </si>
  <si>
    <t xml:space="preserve">如何让网页变宽我的宽屏笔记本，上网时网页总是太窄。两边留很大的空 </t>
  </si>
  <si>
    <t>在浏览器中选取不同的网页比例即可。好运！！！</t>
  </si>
  <si>
    <t xml:space="preserve">用的是WindowsXP系统,现在总有什么漏洞攻击信息提示,如何? </t>
  </si>
  <si>
    <t xml:space="preserve">　　打开自动更新就可以自动打上补丁。也可以用杀毒软件来扫描并修补。但杀毒软件扫描到的漏洞只是补丁中的一部分，并不能够全部扫描到，所以还是要打开自动更新。　　关于木马病毒，就要用木马专杀工具来查杀。我给你推荐一款免费专杀木马的软件：杀马(Defendio)  1　　下载地址： </t>
  </si>
  <si>
    <t xml:space="preserve">友情提示。。。。我看了大家的单，好象法兰都是10，怎么那么看好沙 </t>
  </si>
  <si>
    <t>这个3千万博不得~~~10稳过！！！</t>
  </si>
  <si>
    <t xml:space="preserve">英国护照香港工作签证。请问去中国旅行要签证吗？ </t>
  </si>
  <si>
    <t>在另一边已经回答你了，如果是去广东不超过１４４小时，无须签证，其他情况都要办理Ｌ签证．</t>
  </si>
  <si>
    <t xml:space="preserve">开空调排的水全是我们呼吸出来的水蒸气么？它不断的在排水，我们有呼 </t>
  </si>
  <si>
    <t>是室内的热空气经过冷却后，所产生的水气聚集成的。并不只是我们呼出的水蒸气。在正常的情况下，室外的空气在35度时候的空气湿度为30%左右。</t>
  </si>
  <si>
    <t xml:space="preserve">第一语言和官方语言有何不同？ </t>
  </si>
  <si>
    <t>官方语言就是政府规定的语言，此国家的教科书以及文献外交等都用官方语言。第一语言通常是本国最大人口数使用的语言，很多时候官方语言和第一语言是一样的，比如中国，是汉语。但有些殖民地国家，他的官方语言是本国语，但第一语言却是英语，这个是历史问题，你需要下载资料研究。</t>
  </si>
  <si>
    <t xml:space="preserve">上海肺癌哪家医院好上海中大 </t>
  </si>
  <si>
    <t>肺癌是呼吸系统比较高发的恶性肿瘤，肺癌容易发生骨转移，尤其是小细胞肺癌和腺癌，骨转移发生率为20%～40%，其中86%为溶骨性毁坏，6.9%为成骨性毁坏，6.9%为混合性毁坏。骨转移早期无任何症状，晚期则表现为局部的顽固性疼痛，给患者带造成严重痛苦。放疗，可根据患者不同病情，针对重要部位的骨转移灶选择放疗，减小骨折或者截瘫的发生可能性。化疗，化疗在治疗骨转移灶的同时对其他可能存在的潜在转移灶亦有治疗作用，可减小不必要的伤害。</t>
  </si>
  <si>
    <t xml:space="preserve">乳房有疼痛感挤压有少量沾稠分秘物，停止哺乳半年。 </t>
  </si>
  <si>
    <t>别听LS说的那么夸张。最好还是去医院作个活检，确定一下是什么东西，毕竟这些是不能马虎的，女人有时候也要懂得爱惜自己。个人认为应该只是个炎性，你说你刚刚积压过，如果长时间的疼痛，请务必去医院检查……</t>
  </si>
  <si>
    <t xml:space="preserve">如果我的爱给你带来伤害我该怎么做我爱你就像你也爱我一样。。。相爱 </t>
  </si>
  <si>
    <t>细心观察、多交流没有交流怎么能知道他的想法我和妻子的每次吵架的结果不是谁有理谁赢了而是让我们都能静下心来想想为什么我们要争吵然后都会找到各自的原因任何事情都是双方面的不可能是某一方单纯的错误所以多交流看清楚自己的问题努力改正共同走好婚姻这条路</t>
  </si>
  <si>
    <t xml:space="preserve">新手电工学电要从哪方面开始啊！我学几个月了，怎么对电还是那么陌生 </t>
  </si>
  <si>
    <t>理论结合实践才能出技术</t>
  </si>
  <si>
    <t xml:space="preserve">本人想练个阿5.打算买+11的套和+9+3的鞋,现在不知道+什么? </t>
  </si>
  <si>
    <t>既然买那个.肯定是以板为主了.衣服+11板.鞋+9弹跳+3对抗.3V3拼的是防守.这方面阿5的能力显然更合适3V3.泥泥的篮板能力在3V3里就不显得那么重要了.</t>
  </si>
  <si>
    <t xml:space="preserve">我卡在九泉了,怎么办?我进到九泉的十二层,想回新手就用了新手符, </t>
  </si>
  <si>
    <t>用你卡的号上别的线，不要上风灵区！~上其它线。</t>
  </si>
  <si>
    <t xml:space="preserve">我很小气怎么办？近来我发现我很小气，一点小事就会让我很难过，甚至 </t>
  </si>
  <si>
    <t>别把自己要求的太高，事情做完就好，不要求做到最帮，努力过就可以了。</t>
  </si>
  <si>
    <t xml:space="preserve">这是他迷惑颠倒，决定不能怪他？1佛家讲善的标准，是对社会、对众生 </t>
  </si>
  <si>
    <t>为了满足一己私欲的贪求，而过分追求个人的享受，就叫欲望。欲望是自私的，会给带来无尽的烦恼，甚至可能带来杀身之祸。可是，如果是为了众人的利益而努力、为了众人的福利而奉献，就不叫做「欲」，而称为「愿」。愿心是为众人而发的，想必是清净的，不会带来烦恼的。所谓“知足者常乐，少欲者离苦”，能把自己的努力奉献给众人、为众人服务，使众人都能够远离痛苦，才算得到真正的快乐…………</t>
  </si>
  <si>
    <t xml:space="preserve">【图图图图图图图图图图图】好久没玩了今天来兴趣随便玩一玩 </t>
  </si>
  <si>
    <t>一玩就红单。</t>
  </si>
  <si>
    <t xml:space="preserve">高分爱情问题!大家都来讨论模样与品质问哪个重要?我和她认识有一个 </t>
  </si>
  <si>
    <t>你的想法还是挺实在的。年轻的时候总是幻想，自己未来的老婆多美多能干。怎样的爱得轰轰烈烈。怎样的过神仙般的日子。当经历了许多，才明白平淡也是一种快乐。不是降低要求。而是回到了现实。实实在在的生活。我虽然没结婚但我的想法和你一样。老婆能下得厨房。出得厅堂。能相夫教子。孝顺双亲。就足够了。知足常乐嘛。要求太高失望也就越多。生活也就更累。两个人走在一起不容易。结了婚更多的要珍惜。</t>
  </si>
  <si>
    <t xml:space="preserve">铁箱双头剪线机怎么安装怎么使用？ </t>
  </si>
  <si>
    <t>铁箱双头剪线机安装步骤：1.安装脚轮  M10脚轮安装在铁箱底坐（把脚轮安装在铁箱底部，打开箱体在底部用盖形螺母固定脚轮）2.安装省电开关座  把固定架分别固定在铁箱顶部螺杆上，用螺母锁紧，把省电开关用M4*25螺丝安装在椅子座上，再用M4螺母 固定 （注意省电开关滑轮朝外和电源线朝向相反）3.安装油瓶  油瓶灌满油后把油瓶直接扣在省电开关座上，油管连接进油接头4.安装刀组  将导线管与刀组连接，刀组与导线管连接外用喉箍卡牢，再用扎带把刀组线与导管捆绑，并把导线管另一头与铁箱进风口连接，用喉箍卡牢.把刀组电源线连接到刀组电源接线口，最后把刀组油管与铁箱上的出油管接头连接。</t>
  </si>
  <si>
    <t xml:space="preserve">鬼武者3功略服装及武器怎么追加啊？阿儿的衣服怎么拿不全？谁知道鬼 </t>
  </si>
  <si>
    <t>左马介的第1套隐藏服装是在游戏通关后的评价所获得的，即是左马介在通关评价里的吸魂量比雅克的多就获得。而左马介的第2套隐藏是要记忆卡内有〈鬼武者-无赖传的〉存档才自动获得的雅克的隐藏服装是在通关时的吸魂量评价比左马介的要多就能获得女主角米彻尔的隐藏服装是要获得“鬼武者”称号才有的。阿儿的8套服装取得方法：羽织 获得的地点 需要的木灵数目　　1）青羽织 比瑀山.原始森林里的一个小屋内 2　　2）赤羽织 下水道.第二动力前.西边的尽头出 2　　3）白羽织 界之町.虎屋的后门 4　　4）绿羽织 巴黎圣母院 4　　5）黄羽织 海底神殿（未来）.书写室 5　　6）橙羽织 圣米歇尔山（过去）.修道院入口高处 6　　7）紫羽织 圣米歇尔山（未来）.魔幻空间 C 6　　8）黑羽织 在修炼中.完成一闪 7鬼武者3是没有像新鬼武者那样的密码破解东西。</t>
  </si>
  <si>
    <t xml:space="preserve">两栋楼高45米，间距30米，冬天的时候后楼几楼以上能全天有阳光？ </t>
  </si>
  <si>
    <t>两栋楼高45米，间距30米，冬天的时候，根据每层的高度，结合当时的太阳倾角，来算</t>
  </si>
  <si>
    <t xml:space="preserve">我的电脑Windows资源管理器频繁的停止工作，求解决最近我的电 </t>
  </si>
  <si>
    <t>你最近是怎么操作的？将出事前下载的、补丁、驱动全部卸载试试，在看看下面的方法。如果故障依旧，建议先查杀一下木马，修复一下系统试试（你好好想想最近的操作，故障不会无缘无故的发生吧，有问题请追问我进行交流）。建议你下载windows清理助手查杀恶意软件和木马（请搜索下载，不要用360卫士替代）： 下载360系统急救箱扫描系统1、请你用系统自带的系统还原，还原到你没有出现这次故障的时候修复（或用还原软件进行系统还原，如果进不了系统，开机按F8进入安全模式还原系统）。 2、如果故障依旧，使用系统盘修复，打开命令提示符输入SFC /SCANNOW 回车（SFC和/之间有一个空格），插入原装系统盘修复系统，系统会自动对比修复的。 3、如果故障依旧，在BIOS中设置光驱为第一启动设备插入原装系统安装盘按R键选择“修复安装”即可。4、如果故障依旧，建议重装操作系统。 使用系统自带的系统还原的方法：系统自带的系统还原：“开始”/“程序”/“附件”/“系统工具”/“系统还原”，点选“恢复我的计算机到一个较早的时间”，按下一步，你会看到日期页面有深色的日期，那就是还原点，你选择后，点击下一步还原（Win7还原系统，在控制面板然后设备和安全子选项然后备份和还原子选项）。</t>
  </si>
  <si>
    <t xml:space="preserve">恐龙是冷血（变温）动物还是温血（恒温）动物？ </t>
  </si>
  <si>
    <t>从骨骼里是很难分辨体温调节能力的，所以现在还没有定论，从进化树上看，恐龙是介于爬行类和鸟类之间的动物，所以是不是热血很难说。</t>
  </si>
  <si>
    <t xml:space="preserve">怎样把握朋友?世间最珍贵的莫过于友情，而友情需要珍惜，需要呵护。 </t>
  </si>
  <si>
    <t xml:space="preserve">首先就是要对朋友，理解,信任,尊重,宽容， 真诚，但是你得看这个朋友值得，还不值得你交隹，这个才最最重要的，有很多事情都不能看表面，而是还能得还需要时间的考验。友谊总要用忠诚去播种,用热情去灌溉,用原则去培养,用谅解去护理~!!!! 朋友有多种,可以深交的,不可以深交的对待自己想深交的朋友,就要用心去呵护友情之花,首先是要懂得尊重,要信任,要理解,还要懂得欣赏朋友,还要敢于批评,指正朋友的过错 </t>
  </si>
  <si>
    <t xml:space="preserve">水浒Q传里我是个剑客~我的宠物是不是喝什么药都行？有没有用？我宠? </t>
  </si>
  <si>
    <t>呵呵喝什么都一样,只是最后样子不同而已. 去这里看看吧.有各种各样的宠物样子,以及怎么变成的.</t>
  </si>
  <si>
    <t xml:space="preserve">阴茎旁边除了很多小豆豆,有点痒,怎么回事是什么问题 </t>
  </si>
  <si>
    <t>可能是细菌感染引起的，到医院检查一下吧。</t>
  </si>
  <si>
    <t xml:space="preserve">如何学好素描？我是初学者，第一步怎么自学？？ </t>
  </si>
  <si>
    <t>买有关初学者如何学素描的书来看，然后自己慢慢练。先从几何立体图形画起，注意，明暗交界线，灰面，暗面，反光，投影，亮面，高光等。</t>
  </si>
  <si>
    <t xml:space="preserve">猜字迷甲乙丙丁戊己庚辛壬癸 </t>
  </si>
  <si>
    <t>沙</t>
  </si>
  <si>
    <t xml:space="preserve">中国第一位获奥运中长跑项目奖牌的运动员是谁？ </t>
  </si>
  <si>
    <t>曲云霞</t>
  </si>
  <si>
    <t xml:space="preserve">大元帅长剑和大元帅匕首哪个更适合盗贼哪个性价比好啊？ </t>
  </si>
  <si>
    <t>不能说哪个适合盗贼 2个都不错 那要看你什么天赋</t>
  </si>
  <si>
    <t xml:space="preserve">2000、2002年有过两次药流，到现在一直没怀了（06年8月之? </t>
  </si>
  <si>
    <t>这个就难说了哦？你不如好好去医院检查一下吧。我就把我去医院看病的情况跟你说一下，在月经的第三天去做抽血，要空腹去。检查查激素六项和激素水平是否正常。300多元。如果这些正常的话，就化验白带。看看是正常，不如果正常的话，就要消炎，然后就造影。要300多元。才出以是那里堵塞，就好做通水。我就是这样看病的，我明天就要去造影了，我也不知道是不是堵塞，只有去检查才知道呀，所以我把这些情况告诉你，你不如也去看看吧，不要托太长时间了，好吗？我都试孕1年了，才托到现在去看，我想祝大家好孕吧</t>
  </si>
  <si>
    <t xml:space="preserve">老公在外地工作,一个星期回来一次,也是晚上来,早上走,我带孩子和? </t>
  </si>
  <si>
    <t>可以考虑一下和老公一起去外地嘛！我就是和老公一起来外地的。虽然离开父母，离开家乡到一个陌生的地方不是我的本意，但结了婚了就要以小家为重嘛！这也是我父母的观点！夫妻分居久了，肯定会影响感情的！</t>
  </si>
  <si>
    <t xml:space="preserve">18名路人漠视被撞倒地女童拾荒者伸援手——后续故事两个肇事司机抓 </t>
  </si>
  <si>
    <t>好人啊~~向阿婆致敬。。。。。。。。。</t>
  </si>
  <si>
    <t xml:space="preserve">打什么怪爆天仙水请问50那里有得爆天仙水，是打那些怪爆的，爆的机 </t>
  </si>
  <si>
    <t>我建议你去40 打青蛇魔将 那个怪 专业 暴天水 不相信自己去打了 看看在来 给我分 嘿嘿 。。。。。</t>
  </si>
  <si>
    <t xml:space="preserve">去美国洛杉矶好莱坞影城和迪士尼前必看的电影和动画片想带孩子去美国 </t>
  </si>
  <si>
    <t>很难说啊,毕竟影片太多,好莱坞比较出名的一定要知道的是蜘蛛侠和蝙蝠侠,迪士尼的是米老鼠啊.唐老鸭啊,高菲啊之类的,其实没有必要完全知道的,进去的时候他会有介绍的,只要你记住一些你孩子平常看的那些就好了</t>
  </si>
  <si>
    <t xml:space="preserve">请问玫琳凯的产品怎么样？我今年32，去年底开始脸上长了很多豆豆， </t>
  </si>
  <si>
    <t xml:space="preserve">玫琳凯不是纯天然的产品,她的护肤品没有化妆品好.32岁的年龄,用护肤品给几点建议:   1、脸上长豆豆,就要特别注意饮食,多喝水,适量水果   2、不要把你的脸当成产品的"试验田",成熟的皮肤是经不住的   3、自己动手DIY,做点面膜清肤去毒,也许比上美容院强.   4、护肤品要自己去用，每个人的皮肤不同，选适合自己的才是最好的。我用过的纯天然的产品有“汇美舍”，效果比较好的有“欧莱雅”和＂欧珀莱＂　　最后告诉你，我比你大１岁，你可以试试希望能帮助你，如有事请联系：cj066@  </t>
  </si>
  <si>
    <t xml:space="preserve">撂荒地再开荒使用20年，土地归谁先是村集体开荒这块地，撂荒了两年 </t>
  </si>
  <si>
    <t>需要交,地是国家的集体的,你拥有的只是使用权,没有所有权,而你先前也没有承包,所以要交.</t>
  </si>
  <si>
    <t xml:space="preserve">急急：８Ｄ恶魔估价，高手来，有分２练５０Ｊ恶魔掉４攻４敏或者４攻 </t>
  </si>
  <si>
    <t>你是买还是卖那？掉的不是很好，这个东西加魔的吧要是掉4攻4敏的，卖25W，买的话也就15W到20W之间。要是掉４攻４防，卖的话20W，买的话也就10W到15W毕竟是掉8档的。</t>
  </si>
  <si>
    <t xml:space="preserve">地板砖上的黑印如何快速省力的去掉？浅色的地板砖用用就出现黑印，靠? </t>
  </si>
  <si>
    <t xml:space="preserve">最好的方法：用800#以上的水砂纸沾水打磨留有印处，然后用软布擦拭干净即可，不会伤砖，请放心。 </t>
  </si>
  <si>
    <t xml:space="preserve">今晚单场7串1（图）不知今天苏超会不会延期，希望延续昨天的好运！ </t>
  </si>
  <si>
    <t>昨天赚了5500多，今天又来了，厉害厉害</t>
  </si>
  <si>
    <t xml:space="preserve">期货市场的套期保值交易如何操作?有什么功能? </t>
  </si>
  <si>
    <t xml:space="preserve">市场的套期保值交易如何操作?有什么功能?   (1)套期保值的含义  所谓套期保值，是指交易者为了配合现货市场的交易，而在期货市场上设立与现货市场方向相反的交易部位(或头寸)，以便达到转移、规避价格风险的交易行为。具体地说，就是在期货市场上头进(或卖出)与其将在现货市场买进(或卖出)的现货商品数量相同的该商品的期货合约，以期在未来某一时间在现货市场上买进(或卖出)现货商品时，在期货市场上卖出(或买进)原来所买进的全部该商品的期货合约。  (2)套期保值的操作   进行有效的套期保值，必须遵循操作上的四大原则：  ①交易方向相对原则。也称作“反向操作的原则”，即在两个市场上同时或先后采取相反的买卖行动，建立起一种互相补偿的机制。具体地说，在现货市场上买进(或卖出)的同时或前后，在期货市场上卖出(或买进)该种商品的期货合约，这样套期保值才能取得在一个市场上亏损的同时在另一个市场上必定会盈利的结果，两者相抵，才能达到保值目的。  ②商品种类相同或相关原则。套期保值所选择的期货品种必须与现货市场上买卖的商品是相同种类。当然，在期货交易的实践中，也有一种叫作“交叉套期保值交易”的做法，即选择一种与该现货商品种类不同，但在价格走势上互相影响且大致相同的相关商品的期货合约，这种替代的期货商品最好也是现货商品的替代商品，替代性越强，套期保值的效果越好。  ③商品数量相等的原则。是指在做套期保值时，选择的期货合约的数量要与交易者在现货市场上买进或者卖出的实际数量相等，只有这样才能达到保值的效果。  ④月份相同或相近原则。是指套期保值时，所选用的期货合约的交割月份最好与交易者将来在现货市场上实际买进或卖出的现货商品的时间相同或相近，这样才能达到到交割月份进行对冲，完成套期保值交易。  (3)套期保值的功能  套期保值是一种有意识的防御性措施，是通过现货市场与期货市场的反方向运作，形成现货与期货一盈一亏的结果，经过盈亏相抵，达到减少或规避价格风险的目的。其功能表现在以下几个方面：  ①稳定社会生产成本。由于可进行套期保值，企业可以根据既定的成本开支来安排生产经营，稳定其生产经营活动，进而达到对社会成本的稳定作用。  ②促进形成合理的价格水平。套期保值行为本身具有一种平抑商品价格的作用，这是期货“发现价格”功能的一个重要方面。  当市场价格偏低时，保值者便会在期货市场上竞相购入合约，使价格回升；当市场价格偏高时，保值者会纷纷卖出合约，使价格回落，这样就可以促使该商品价格趋于稳定，从而形成合理的价格水平。  ③为企业防范价格波动提供了有力手段。企业可以根据自己对商品价格变化趋势的判断，选择自己在期货市场上的买卖方向，进而消除因商品价格的波动产生的不利影响。  ④促进产品销售，减少企业存货积压的困境，并节俭大量的仓储费用。 </t>
  </si>
  <si>
    <t xml:space="preserve">最新消息中国人民银行决定从2007年12月25日起，上调存款类金 </t>
  </si>
  <si>
    <t>不知道下周一会怎样.</t>
  </si>
  <si>
    <t xml:space="preserve">什么时候可以看到宝宝30W可以做四维彩超了吗？好期待啊 </t>
  </si>
  <si>
    <t>我26周就去做啦，看到自己的BB感觉好兴奋，而且你可以叫你先生也进去看的，当时我去照完以后，我还和我老公在争论孩子像谁多一点，从电脑里面看到一个小人在那里手动脚动感觉真的不知道怎么形容</t>
  </si>
  <si>
    <t xml:space="preserve">关于买笔记本过节后,我想买个笔记本,价格在7000左右,有没有好 </t>
  </si>
  <si>
    <t>华硕z92Q22je 6800元 双核T2250 1.73GHZ,X1450独立显卡，512MDDR2,80G 5400转硬盘，这款7000一下最超值</t>
  </si>
  <si>
    <t xml:space="preserve">探讨旧中国地方割据武装的实力排名希望大家能全方位的评选出自己认为 </t>
  </si>
  <si>
    <t>就凭李宗仁当上了总统（虽然仍然只是蒋介石幕前的傀儡），白崇禧1946年当上了国防部长，原因就是因为桂系军阀实力太强大，蒋不得不进行拉拢，就可以看出桂系军阀应该是最强的。冯玉祥虽然在蒋冯中原大战中败北，但其轰轰烈烈的表现，与方振武、吉鸿昌等组织察哈尔民众抗日同盟军，后又被任命为第三、第六战区总司令，其麾下曾经出了抗日英雄、二战战死在战场上的最高将领张自忠，著名爱国将军吉鸿昌，臭名昭著的胆小鬼、汉奸、军阀韩复榘等，所以西北军应该名列第二。张学良虽然在西安事变后被软禁，但这是由于抗战大局的需要。凭借张学良的东北军，当时要是强行倒戈，要营救张还是不成问题的。其父亲张作霖在东北几十年的经营，东北重工业基础和能源的巨大优势，使东北军至少应该排名第三。阎锡山虽然地盘不大，但在山西几十年，根基稳固，工业体系最为完备，军工产业比较发达，加上晋商之名享誉天下，是比较有钱的一个。中原大战中，阎锡山为总司令，张学良，李宗仁，冯玉祥三人为副总司令。其他嘛，也都差不多。</t>
  </si>
  <si>
    <t xml:space="preserve">怎么优化内存？内存256m，所有可以优化的方式。。。。详细点啊 </t>
  </si>
  <si>
    <t>打开优化大师就行了</t>
  </si>
  <si>
    <t xml:space="preserve">教室个人电风扇!现在特别热.台州中学校长变态,给办公室与寝室装空 </t>
  </si>
  <si>
    <t>建议去买个充电的来.组装不太现实</t>
  </si>
  <si>
    <t xml:space="preserve">用天然气的煤气灶与用液化石油气的有什么不同?能互换使用吗?谢谢! </t>
  </si>
  <si>
    <t>用天然气的燃气灶是不能用于液化石油气的.因为在灶具上的气阀开关上,不同气种的燃气灶,其"出气嘴"(气流喷嘴)的孔径是不一样的,天然气的孔径应该为1.2毫米的直径,而液化石油气的灶具,其气嘴的出气孔直径应该试0.8毫米,所以不同气源是不能混用的,如果不重新更换灶具,那原来用于液化石油气的灶具,可将气嘴孔径扩大为1.2毫米后使用,如果原来是用于天然气的,更换为液化石油气的气源后,必须将气阀更换为用于液化石油气的气阀.否则的话,虽然可能可以使用,但由于出气压力和燃气与空气的混合比改变后将不能达到正常的使用要求,甚至可能发生不安全因素.</t>
  </si>
  <si>
    <t xml:space="preserve">中国第一个打破世界纪录的运动员是谁？ </t>
  </si>
  <si>
    <t>你好! 中国第一个打破世界纪录的员是===陈镜开    1935年12月1日出生于东莞市石龙，籍贯广东省东莞市石龙镇，汉族，中共党员，1966年北京体育学院运动系毕业。　　现任亚洲举重联合会终身名誉主席。中国举重协会主席（1979.3—1996.9），原广东省体育运动委员会副主任（1973.9—1996.1），广东省体育总会副主席，广东省举重协会主席。　　陈镜开是新中国体育开拓者，五十年代著名运动员。1956年6月7日在上海市参加中国人民解放军和上海市联队与苏联举重队友谊赛，以133公斤的优异成绩打破美国运动员C*温奇保持的132.5公斤的最轻级挺举世界纪录，从而成为中国第一个打破体育运动世界纪录的运动员。1956年11月11日在广州参加中国奥运会代表团访穗比赛，以最轻级挺举133.5公斤和135公斤，连续两次打破举重世界纪录。1956年11月29日在上海参加中国奥运会代表团访沪比赛，以最轻级挺举135.5公斤，第四次打破举重世界纪录。1957年8月6日在苏联莫斯科参加第3届国际青年友谊运动会，以最轻级挺举139.5公斤，第五次打破举重世界纪录。1958年9月26日在德国莱比锡参加社会主义国际第一届友军运动会，以最轻级挺举140.5公斤，第六次打破举重世界纪录。1959年3月14日在苏联参加莫斯科杯国际举重锦标赛，以次轻级挺举148公斤，第七次打破举重世界纪录。1961年5月7日在太原参加全国举重分区赛，以次轻级挺举148.5公斤，第八次打破举重世界纪录。1963年4月20日在北京参加优秀运动员比赛，以次轻级挺举151公斤，第九次打破举重世界纪录。1964年5月18日在上海参加全国举重比赛，以次轻级挺举151.5公斤，第十次打破举重世界纪录。　　陈镜开是中国首批获得运动健将称号，5次获得国家体育运动荣誉奖章，荣立特等功一次，一等功两次，记功一次，并被推选为第二，三，四，五届全国人大代表，受到毛主席六次接见。　　为表彰陈镜开为发展中国体育运动特别是举重运动所作出的杰出贡献和致力于奥林匹克运动的推广，国际奥委会授予奥林匹克银质勋章，这是中国运动员第一次获此殊荣。此外，还荣获国际举重联合会授予金质奖章和最高荣誉铜质奖牌。亚洲举重联合会授予金质奖牌和最高殊勋金质勋章。国际健美联合会授予银质勋章和金质勋章，被选为世界举重名人馆成员。获中国举重协会贡献奖金奖。被评为建国40年杰出运动员，新中国体坛45英杰和“新中国体育50星”之一。</t>
  </si>
  <si>
    <t xml:space="preserve">你有没有这么干过吖？赫赫..... </t>
  </si>
  <si>
    <t>我都满脸泪了阿。。。我的回答咋都不过呢？这题我都答N次了！！！偶没做过，可偶不是学霸，我是什么？就是竹子本银！这钱太旧了。。。俺都用银行刚提出来的新钱的。。。有一次这钱居然又流通回来了。。。帮俺度过了又一次考试难关。。。虽然成绩不理想。。。切，这是小儿科了，这么大的纸最起码要写几段重点才不算浪费啊。是1号卷子么？？？？？？？？？？？？在学校奋斗几年，回头看，也就值一块钱。</t>
  </si>
  <si>
    <t xml:space="preserve">什么时候可以出L2啊？ </t>
  </si>
  <si>
    <t>G3都来了,L2还会远吗?</t>
  </si>
  <si>
    <t xml:space="preserve">该怎么办？丈夫得了乙肝，是小山阳，虽然说小山阳不是很严重，可是也 </t>
  </si>
  <si>
    <t>不会的，这并不是很严重的病，应该趁现在这个时候治疗，转变为大三阳的话就更加的麻烦了！到时候他不就更加的不开心吗？那时候，你是选择继续不说还是把实情告诉他？虽然你的出发点是好的，你是为了他着想，但这样下去并不是个办法！我是一个女孩，曾今因为医生的粗心大意而把我说成是一个乙肝患者，一开始我也是心慌慌的，因为知道这病不好治．但是，关爱我的人却不断的鼓励我，让我去正视它，你不惧怕它就有信心把它根治，更何况你丈夫是个堂堂的大男子汉，你因为关心而说不出口只会让他病情变严重，我的建议就是说出来吧，祝福你！希望他能尽快康复！</t>
  </si>
  <si>
    <t xml:space="preserve">新劳动合同法的问题本法施行之日存续的劳动合同在本法施行后解除或者 </t>
  </si>
  <si>
    <t>这是法律的溯及力问题。也称法律溯及既往的效力,是指法律对其生效以前的事件和行为是否适用。 如果适用就具有溯及力;如果不适用,就没有溯及力。目前各国采用的通例是“从旧兼从轻”的原则,即新法原则上不溯及既往。即，劳动合同法生效前的问题，按照当时的规定处理，该法生效后的问题，才按照劳动合同法处理。</t>
  </si>
  <si>
    <t xml:space="preserve">请教调皮老师600516后市操作600516方大炭素个人感觉近期 </t>
  </si>
  <si>
    <t>600516 方大炭素走?萦锌赡芟衲闼档幕氐?で笾С?也要小心因大盘万一走低所產生的压力,酝酿升势需让它缩量盘整一下,明年收益?嚎煽春?</t>
  </si>
  <si>
    <t xml:space="preserve">文竹何时分栽好? </t>
  </si>
  <si>
    <t xml:space="preserve">    文竹为百合科多年生常绿草本，枝叶纤细如片片绿云，清淡素雅，是优美的观枝叶盆栽花卉。常置于室内案几之上或做切花陪衬的上等切叶材料，具有较高的观赏价值。    文竹的分株繁殖，通常是在2～3月份结合换土将全株从盆中取出，用手掰或用刀切，分成若干丛，使每株具有３－５个丛生枝尽量保存一些根上原土，然后分别移栽于备用的花盆中，浇上透水，放置于遮荫处，７－１０天内忌晒太阳，以利成活。这种方法虽简便快捷，但潜在着一定的危险性。如时机掌握不好，根与茎分得不协调，加之疏于管理，成活率极低，甚至全部死亡。    另一种分株繁殖方法的做法是在春秋季节，按照文竹母株茎干分布情况，选好分离部位，用利刀分切为2-4丛，深达盆的底部。切后用高锰酸钾溶液，顺切口浇灌，以对伤口消毒防腐。此后按常规进行浇水与施肥。春季分切的秋季起苗，秋季分切的次年春季起苗。起苗前，再用利刀顺原刀痕下切一次，以切断前次切后新生交叉根系。然后用花铲带土团分株取出，分别上盆养护。此种分株方法，由于长时间没脱离原盆、改变生态环境，较之常用方法系数大，成活有完全把握。    文竹可用播种和分株方法繁殖，但用播种繁殖较多，因用分株法繁殖的文竹株形不如用种子繁殖的美观。采用分株方法繁殖的很少，本人多次做过分盆，因植株经过分株，株型便见偏颇，长短高矮并不协调，有损美姿，故此法本人现已放弃。   播种繁殖的文竹，播种后温度保持20C左右，25～30天即可发芽(在15C～18C时则需30～40天才能发芽)，幼苗长到4厘米～5厘米高时，便可分苗移栽。</t>
  </si>
  <si>
    <t xml:space="preserve">runningmangary玩游戏放过宋智孝的都有哪期? </t>
  </si>
  <si>
    <t>100926 E12 嘉宾：无 任务：获得running ball（个人战）　  游戏：设计竞猜7vs1（宋仲基）、明信片抽小偷、设计阶梯、眼神游戏、捉迷藏（解除炸弹）  池石镇、刘在石、李光洙、宋仲基受罚  亲好评哦！</t>
  </si>
  <si>
    <t xml:space="preserve">深圳邮政包裹到遂平县多少钱起步价 </t>
  </si>
  <si>
    <t>找快递的代发ems比较便宜 如果直接去邮局要贵点，ems上可以查到价格20元起价</t>
  </si>
  <si>
    <t xml:space="preserve">英文高手请帮帮我请问“财务结算”“索赔业务”怎么翻译? </t>
  </si>
  <si>
    <t>1\financial settlement,和financial balance可以翻成财务结算2\claim for compensation business和counterclaim business可以翻成索赔业务</t>
  </si>
  <si>
    <t xml:space="preserve">EXCEL把一个单元格里的内容提取出来.比如在一个单元格里有一个 </t>
  </si>
  <si>
    <t>详细看过了。函数是绝对不可能。老实说，即便是VBA也几乎做不到。确实太没有规律了，不一定能用品名，产品名称，规格，克重，颜色来表达，而且，涉及到的人脑判断很多，比如哪些信息是属于颜色，那些可以分类为规格，即便人来判断，也有模棱两可的部分。而这大量的判断是人生常年积累的知识来支持的。也就是说，即便编写程序解决，也要把人生的经验（从你学过的语文，数学，外语）都要写进去，不亚于制造一个机器人了。只提取型号和名称就简单多了。使用辅助列判断是否出汉字即可。但是，因为你的数据确实没有规律，做不到100%正确，需要手动修改：1，你可以筛选一下型号以"("结束的项目统一修改2，由于T恤这个品种会有错误，可以先用替换功能将"T恤"换为"Ｔ恤"。3，没有品名的是判断不出来的。你的表格比较大，全写公式就传不上来了，我截取了一部分。你自己向下复制吧。</t>
  </si>
  <si>
    <t xml:space="preserve">忘记不快乐，就是快乐。?临竹:我觉得星辰的这句话并不像你所说的那 </t>
  </si>
  <si>
    <t>（有意思）我觉的很经典。既然想要去制造快乐，那么，只能选择主观的去忘记不快乐。快乐是突然来到的。可以是预料之中，却是以默默的方式出现在那身上。无法预计的享受到来时，快乐就到来了。计划之内的享受到来，仅仅是享受，无法带来重在参与时感受，可以享受成果，却无法体会过程时那更大的欢愉。既然要可以的去营造快乐氛围。那么，快乐已经就不是单纯上的快乐了。纯粹是为了快乐享受而去快乐，可能不在是一种身心上的愉悦，而仅仅是感受（官）上半强制行为。快乐需要外围世界的参与，然后自己去积极融合。相互交融，你不会发现这一过程，但是却在享受这一过程。寻找快乐，是一种心态，一种态度。一种与外界融合方式的改变。有一句话，用爱看世界，世界回报你以爱；用恨看世界，世界回报以恨。这是一个发现的过程。快乐总是存在着，就看你用什么态度去寻找。融合世界，靠的是自己的态度。还是上面那句话，快乐始终存在，就看用什么态度去寻找。</t>
  </si>
  <si>
    <t xml:space="preserve">心血管疾病的预防有什么方法？心血管疾病的预防有什么方法，家里有人 </t>
  </si>
  <si>
    <t>对于冠心病的治疗方式分为药物和手术治疗，药物治疗主要是缓解心绞痛等症状的作用，对于手术治疗则为冠动脉支架手术，和冠状动脉搭桥手术。临床资料显示，约6成脑血管病由心血管病引起，而9成以上的脑血管患者同时患有心血管病。中国中医药大学东直门医院心内科王亚红主任提出心脑同源、心脑同治。常用药物防治五福心脑清软胶囊是现代中药制剂，中药+西药。中药副作用小，长期服用不伤肝肾，也不会产生耐药性，维生素则可以起到滋养血管、修复血管的功效，使血管恢复柔韧和弹性。</t>
  </si>
  <si>
    <t xml:space="preserve">请帮我写个诗！！我女朋友叫姜佳杉。最好是藏头诗“我爱姜佳杉”或者 </t>
  </si>
  <si>
    <t>念汝如痴??难安，姜女哭城实可怜，佳人梦中身影展，杉青松绿情不断。思念你就像傻了一样??食难安，难怪孟姜女哭长城会如此可怜，你的身影经常出现在我梦中，只要杉树松树（常绿树种）还是绿的，我对你的情爱就不断。</t>
  </si>
  <si>
    <t xml:space="preserve">杀星死了会受到什么惩罚?会不会像一般死亡一样：扣钱、扣经验、扣道 </t>
  </si>
  <si>
    <t>会，正常死亡</t>
  </si>
  <si>
    <t xml:space="preserve">和100首饰要拿什么和？手镯项链玉都说下 </t>
  </si>
  <si>
    <t>90的首饰+70的首饰=100的首饰</t>
  </si>
  <si>
    <t xml:space="preserve">我失眠了，每天晚上都睡不好，白天工作也没有精神，怎么办啊，失眠太? </t>
  </si>
  <si>
    <t>楼主严重失眠的话应该及时到专业的医院治疗啊，以前我也有过失眠，很难受的，不过现在都已经好了，我是在成都青羊区中医医院治好的，他们那里有DNR多导睡眠检测系统，是专门检测失眠这类疾病的，好像他们医院国庆节还是什么活动，应该比平时便宜些，而且这个医院是国际优秀神经内科医疗合作单位，是一家60多年的公立医院，楼主你可以去看看，地址：成都市青羊区光华村街11号仁和春天百货旁边，希望我的回答能够帮到你！</t>
  </si>
  <si>
    <t xml:space="preserve">阿根廷冠军来拿分同上 </t>
  </si>
  <si>
    <t>呵呵，谢谢~好运！</t>
  </si>
  <si>
    <t xml:space="preserve">你只要以积极的心态，谦虚地与富人相处，你就能在富人堆里“混”下去? </t>
  </si>
  <si>
    <t>多结交朋友，多学习，就会长进。</t>
  </si>
  <si>
    <t>OTC是什么的简称?津沪深暗拼财税中国金融现“三极版图”</t>
  </si>
  <si>
    <t>OTC方式是指银行间市场交易主体以双边授信为基础，通过自主双边询价、双边清算进行的即期外汇交易。OTC（场外交易市场，又称柜台交易市场），和交易所市场完全不同，OTC没有固定的场所，没有规定的成员资格，没有严格可控的规则制度，没有规定的交易产品和限制，主要是交易对手通过私下协商进行的一对一的交易。场外交易主要在金融业，特别是银行等金融机构十分发达的国家。现时最大的OTC市场在新加坡，除了提供各类外汇，指数和期货交易外，还有摩根斯坦利的台湾，香港等参考指数以供投资。在欧洲的OTC交易，比传统交易所的交易发展更为蓬勃，成为现代的投资新宠儿。OTC方式与撮合方式的差异主要表现在：一是信用基础不同，OTC方式以交易双方的信用为基础，由交易双方自行承担信用风险，需要建立双边授信后才可进行交易，而撮合方式中各交易主体均以中国外汇交易中心为交易对手方，交易中心集中承担了市场交易者的信用风险；二是价格形成机制不同，OTC方式由交易双方协商确定价格，而撮合方式通过计算机撮合成交形成交易价格；三是清算安排不同，OTC方式由交易双方自行安排资金清算，而撮合方式由中国外汇交易中心负责集中清算。</t>
  </si>
  <si>
    <t xml:space="preserve">急!!!!!谁参加过北大青鸟培训啊?我想去参加,大家帮忙出下主意? </t>
  </si>
  <si>
    <t>我现在在北大青鸟学习呢，总体上说感觉还可以吧，就是有时感觉课讲得有点快，老师也都不错，我是在朝阳总校上的，我在国贸校区，我认为那儿的张捷老师比较不错，讲课清晰明了。不过我认为学校在好不学或者说不爱好编程最好不要去学，因为学起来枯燥的，我有好几个同学没有到最后就放弃了，所以说报不报还要看看你对编程感不感兴趣，不要以为程序员是好做的，虽然学IT是比较时髦，尤其是学编程，但如果没有一颗恒心，你在青鸟学不到什么的，学习还得靠自己啊！！！这位朋友如果你对编程真得感兴趣那就报吧！！１</t>
  </si>
  <si>
    <t xml:space="preserve">现在好消息涨100点坏消息跌1000点!10个利好消息还比不上一 </t>
  </si>
  <si>
    <t>“10个利好消息还比不上一个利空消息! ”这就是熊市的特征。</t>
  </si>
  <si>
    <t xml:space="preserve">这是什么车牌?RT </t>
  </si>
  <si>
    <t>北（原庚）——北京军区北M－－联勤分部北京军区的车 “北”后边不同的字母代表不同的单位：A、B、C、D分别表示军区司、政、后、装四个部，M表示联勤分部，Y表示集团军、K表示省军区（包括内蒙军区、北京卫戍区）……</t>
  </si>
  <si>
    <t xml:space="preserve">失恋了怎么办？我和我女朋友在一起两年了住在一起也1年多了当初和她 </t>
  </si>
  <si>
    <t>不要想着复合了。接受现实似乎是不容易的，不过现在告诉你一个容易的办法，去读《失恋负面情绪的解脱手册》</t>
  </si>
  <si>
    <t xml:space="preserve">大家帮帮我好吗？我与男友刚交往没有多久，可男友有时说的话才我感到? </t>
  </si>
  <si>
    <t>你这样的态度是对的，如果他不能尊重，你倒应该有理由怀疑对方是否有和你长期交往的诚意。你这样的态度正好能够检验他对你的感情是真爱，还只是生理需要。我支持你！</t>
  </si>
  <si>
    <t xml:space="preserve">脖子上囊肿我脖子上又一个直径为2公分的囊肿，怎样才能消除。 </t>
  </si>
  <si>
    <t>你怎敢说是囊肿？？？脖子上能长Φ=2cm肿物的地方多了，Φ=2cm肿物的种类也多了，就Φ=2cm囊肿的种类也多了......，诚恳希望你尽快去医院，挂一普通外科专家号，诊断明确后，治疗并不难。</t>
  </si>
  <si>
    <t xml:space="preserve">考研复习方法我现在打算开始复习考研是不是太晚了有没有好的复习方法 </t>
  </si>
  <si>
    <t>给你一份全一点的吧，当年写给别人用的说点我的经验吧，给你提个方针步骤，呵呵，希望对你有用。1.明确自己考什么学校什么专业，弄清出招生简章里说得清清楚楚的考试范围，将资料准备全（历年试卷，教材，一些参考书）2.不要怕打击，试着将试卷挑一些认认真真的做一遍，得二三十分也很正常，不用怕。3.不要从课本开始看来数学，挑一本合适的教材，我当初用的是陈文登，还不错，不清楚的看教材。因为带着题型来看教材才有用，否则等你慢慢看教材的话，也许都快考试了你还没看完呢，而且肯定看的一塌糊涂。记得，数学一定要多做题，做的越多越好。4.对于英语，词汇是最最最最最最关键的，你拿一本考研词汇，你的时间充裕，但你也一定要在一个学期内搞定，最开始你每天最好花两个小时用在背单词上，否则你的后面的步骤完全没法开展，词汇基本差不多了后就狂做阅读，把阅读速度和质量提上去，在这个基础上看一本比较全的书系统看看，朱泰奇、张锦芯都不错5.政治，比较简单，多看，我当初看了四本厚厚的市面上的资料，呵呵，后来考的不错。6.专业课就不好说了，也不知道你考什么，但是告诉你一个大经验，往年的考试试题暴关键，都有可能有原题的出现，而且专业课辅导班有的话更要上，简直是漏题。最后祝你成功，你动手早，也许别人开始准备的时候你已经心中有底了。早起的鸟儿有虫吃。你会成功的。再给你转一篇具体的报考指导第一步：报考志愿的选择　　一旦决定考研，第一步决策就是确定报考志愿。与高考志愿类似，考研的第二志愿作用不大，绝大多数考生面对的是“一招不慎，满盘皆输”的局面。可以说，选择志愿是个风险很大的博弈过程。 　　　报考志愿的决策可以分解为3个基本步骤：形成专业选择意向；确定报考单位；最后两者结合，综合考虑，确定第一志愿，并考虑第二志愿。专业和招生单位的不同搭配就形成了报考的4种基本模式：本专业本校报考；本专业跨校报考；跨专业本校报考；跨专业跨校报考。不同报考模式复习备考的工作量和难易程度是不同的。　　 报考指导第二步：获取考试信息　　在确定了要考研、要报考的大致学校和专业范围以后，考生朋友们就要和学校联系了，以便获得最新的招生信息，并最后定下报考的学校和专业。获取有关专业方面信息的途径有以下几种：1. 招生简章、2. 系办印发的说明和专业课试题、3. 导师、4. 在读研究生、5. 各种平面媒体刊登的考研信息、6. 网站。　　 报考指导第三步：复习准备　　在获得了充分的专业课信息后，找到了完备的复习资料后，该踏实看书复习了。关于如何复习，每个人都有自己的方法，也有一些大家经过摸索共同认可的方法。　　研究生入学考试的初试时间一般为1月中旬，怎样安排最后的复习时间、如何选择复习内容、如何正确评价最终复习的效果等等，都是考研同学关心的问题。 　　 报考指导第四步：报名填表　　以2004年研究生入学考试为例，2004年硕士研究生报名日期为2003年11月10日至11月14日。在校生报名时由学校统一报名。在职人员报名一般在地市一级教委的高招办或者报考的学校，可以异地报名，即因为出差等原因在外地报名和参加考试。　　 报考指导第五步：考试　　入学考试分初试和复试。初试科目：政治理论、外国语和两门业务课。各科的考试时间均为3小时。政治理论课、外国语满分各为100分(含报考非外国语专业考生应试英、日、俄语听力测试20分)，两门业务课满分均为150分；工商管理硕士专业学位(MBA)联考两门业务课及满分值为：综合能力200分，管理100分。应试小语种的考生、部分学校外语专业应试第二外语的考生以及参加单考的考生外语科目初试仅为笔试，考试时间为3小时，卷面满分值为100分。听力测试在复试中进行，成绩不计入初试成绩。　　 报考指导第六步：调剂　　大约在寒假过后，春季开学后1、2周，专业课成绩差不多就出来了，可以打电话向系里和研招办询问。再过1、2周，公共课的成绩也出来了。这以后到发复试通知的一段时间是很关键的，如果名次不是特别理想，录取在两可之间，就要多和报考单位（系里）和导师多联系，实在不行看有无可能读自费和委培，或者调剂到别的学校。　　有很多的同学对调剂还不是很了解，为此，我们特意收集整理了以下资料呈现给大家，希望能对大家有所帮助。　　 报考指导第七步：复试 　　复试时间、地点、科目、方式由招生单位自定。复试办法和程序由招生单位公布。复试一般在5月上旬前结束。招生单位认为必要时，可再次复试。 　　对以同等学力资格报考的考生，招生单位要全面、严格复试。要对其进行本科主干课程和实验技能的考查，其中笔试科目不少于二门，每门考试时间为3小时。 　　参加单独考试、“MBA联考”及“法律硕士联考”的考生都必须进行面试。　　 报考指导第八步：录取　　招生单位根据国家下达的招生计划，考生入学考试的成绩(含初试和复试)并结合其平时学习成绩和思想政治表现、业务素质以及身体健康状况确定录取名单。参加统考或参加“MBA联考”及“法律硕士联考”考生可被录取为定向或非定向硕士生，也可被录取为委托培养或是招生单位自筹经费硕士生。参加单考的考生，只能被录取为回原单位的定向培养硕士生或委托培养硕士生。</t>
  </si>
  <si>
    <t xml:space="preserve">哎~！有点怀旧了~~~~！...........直入主题吧！以前 </t>
  </si>
  <si>
    <t>不淡定了吧小样儿……我也怀念…那年…我们一起装B的日子……</t>
  </si>
  <si>
    <t xml:space="preserve">如果你是李毅的父母，你看到李毅昨天在联赛中梅开二度，你会对李毅说? </t>
  </si>
  <si>
    <t>我看出来了，你一定很喜欢李毅。嘿嘿。送你一张深圳队的照片。</t>
  </si>
  <si>
    <t xml:space="preserve">经常对着电脑头发很容易变得粗糙和干焊，还有皮肤变差，有什么方法解? </t>
  </si>
  <si>
    <t>常对导致皮肤干燥：　　皮肤的血液循环不与分泌排泄等生物功能，均由植物神经控制和调节，而植物神经又受大脑中枢神经的管辖，所以人的精神活动可影响面部皮肤的色泽并与皮肤病的发生密切关联，基于以上说法我们可以总结出要尽量安排一些时间使自己的精神放松，到俱乐部做休闲运动，到美容院做音乐疗法，或用排除法使自己放松，对皮肤大有好处。　　除了从精神上自己解脱这外，也需要在皮肤保养上下功夫，彻底清洁皮肤很重要，需要根据皮肤当天的状况为皮肤进行不同方法的保养，最好使用可以修护皮肤的产品，人为的帮助皮肤，在当天很快的恢复到健康状况，皮肤补充水分，使角质层每天喝饱水，清除皮肤干燥现象，无论是皮肤紧崩、脱皮，有暂时性小细纹，及皮肤泛红敏感现象，统统可以用补水保湿来解决问题。    除了给皮肤补水，自己也要多喝水才行。注重肌肤的美白　　重视皮肤基底膜的保养，基底膜负责两层表皮，真皮细胞的传递与沟通任务，对皮肤的保养意义更大。    玫琳凯有美白系列。适合黯淡皮肤。不只是运用有效的美白成份与科技，更重要的是其对于肌肤美白的全新认识，让美白不局限于抑制麦拉宁黑色素的生成，而是预防、修护、美白三管齐下，使皮肤不仅白，而且白得清彻润泽，光亮明皙。做好保护工作       一定要使用粉底液，对阻隔脏空气、保护皮肤、防止水分流失有很好的作用。</t>
  </si>
  <si>
    <t xml:space="preserve">shixiang00814老师,大盘是不是反弹完毕?还有个股炒？ </t>
  </si>
  <si>
    <t>由于有新基金发行,与老基金并肩作战,短线将反复拉锯战,个股活跃。但中长期保持谨慎，没有大行情，跌得多，就有强劲反弹。近期应以短线操作为主。</t>
  </si>
  <si>
    <t xml:space="preserve">请教:做爱没射精的话会导致怀孕吗?想知道做爱没射精的话会导致怀孕 </t>
  </si>
  <si>
    <t>也有可能,只是几率少了许多.因为在正式射精前,有很少的一部分精子会先行出来,但你没有感觉,也会造成怀孕.</t>
  </si>
  <si>
    <t xml:space="preserve">干部教育信息化需进行怎样的投入？ </t>
  </si>
  <si>
    <t>文博通（北京）科技有限公司帮您忙。I.成本投入  信息化建设的成本包括成本、硬件成本和运营成本等。其中硬件成本包括计算机设备、网络设备等，这些可以根据市场价格估算。软件费用，一般都已开发费用为主。现在一般采用够买软件包模块的计算方法，对于软件开发费用可以根据模块、功能及二次开发的情况来计算，或者将二次开发费用也算在系统软件的购买费用之内。再有系统支持和升级的成本。II.选择成熟的产品目前，国内市场硬件设备价格不断下降，大部分干部培训机构也具有了一定硬件设备基础，硬件基础设施建设对信息化成本的压力较小，而软件解决方案不断的推陈出新才是信息化成本的核心，干部培训机构信息化建设更应该注意到软件系统的完善和可持续发展。选择成熟的信息化产品。以长期发展方向为基础，有目的、有步骤的实施联系事务处理、联机分析处理、数据分析整合等系统。不仅可以充分发挥已有设备的功能，而且有能力继续为后续的信息化系统提供服务，从而将前期的信息化功能范围最大化。 其次，需要注意到软件的成熟完整性、兼容性、可扩展性，及是否能够满足干部培训机构长远规划的需要。因此选择一个成熟的可扩展的信息化系统，也是节省成本的关键。     III.选择高性能的产品如今国内软件公司不存在“价格优势”，而是“价格劣势”。忽视了行业的专业性，使得很多组织机构在选择信息化产品中不计成本，而是在后期的实施、维护、服务阶段设法减少投入，最终导致项目的尴尬境地，增加了信息化系统的软件成本和运营成本。 如今的信息技术日新月异，信息管理及其应用在历经了从文件系统到传统数据库管理系统，再到数据管理应用系统三个发展阶段，目前已进入数据结构多元化、存储异构化、决策智能化的时代。因此信息产品的选择还要看其厂商是否具有可长远发展、吸收信息化新技术、创新信息化技术的能力。只有具有可持续扩展的信息系统，才能实现信息化建设最大效益。</t>
  </si>
  <si>
    <t xml:space="preserve">有没有什么特效护肤品能让皮肤变的很白，效果要能稍微快点看到的产品? </t>
  </si>
  <si>
    <t>那就用玉兰油吧，我用了五天就白了一圈，用的是新出的那个晚霜</t>
  </si>
  <si>
    <t xml:space="preserve">我刚刚玩了一个叫做《失礼了》的游戏，你们都有玩吗？没想到这个游戏? </t>
  </si>
  <si>
    <t>我也是，好期待看《发条城市》啊。</t>
  </si>
  <si>
    <t xml:space="preserve">公司地址变更?公司经营地址要变更,同市不同区转.请问需要办哪些手 </t>
  </si>
  <si>
    <t>国税，地税，组织机构代码证都要做想关的地址变更。跨区变更，国税地税要先去原税局缴交未开完的发票，缴清税款等，原税局会出一份汇缴结算清单，拿这份单再去新的税局做变更。具体你可以咨询一下当地税局。如果工商4月就已变更，现在才去税局变更的话，就还要提供当时工商出的变更通知及收费凭证即可。不用罚款的</t>
  </si>
  <si>
    <t xml:space="preserve">对杨丞琳主演《笑花》的看法好看，很搞笑太假，讲话恶心一般般没看过 </t>
  </si>
  <si>
    <t>在《笑花》中，杨丞琳的声音比较让人受不了，个人认为杨丞琳演的的前半部分不大好看，有点弱智，后半部分的才比较精彩，杨丞琳的演技也算可以的。总的来说，一般般吧。</t>
  </si>
  <si>
    <t xml:space="preserve">600780现在是买点吗？ </t>
  </si>
  <si>
    <t>算了吧，技术指标变坏了，不碰你就不亏</t>
  </si>
  <si>
    <t xml:space="preserve">我今年想换车，但不知道到底换什么车，想请教各位高手．我平时用车主? </t>
  </si>
  <si>
    <t>根据您的用车环境我建议您多考虑日本车,日本车的经济性和舒适性都比大众车要好,而且也不爱坏.以前大众车主打的是安全性,但是现在大众车的安全性已经大打折扣速腾2.0的噪音大,动力小.1.8T的机器还可以但是大众车的涡轮增压器两年半左右就会漏油,烧机油.最重要一点速腾车的后视镜盲区非常大</t>
  </si>
  <si>
    <t xml:space="preserve">佛家如何看现在网上传说的2012年世界末日?请同修详说,如题.谢 </t>
  </si>
  <si>
    <t>对不孝父母、残害众生、广造十恶者，每一日、每一月、每一年，都是世界末日。反之，则日日是吉日。</t>
  </si>
  <si>
    <t xml:space="preserve">刺客/潜行者是否有可能通过隐身进入地方传送门? </t>
  </si>
  <si>
    <t>可以进入同阵营的传送门不可以进入敌方的传送门</t>
  </si>
  <si>
    <t xml:space="preserve">beusedfor和beusedas有什么区别?在此词组中，as </t>
  </si>
  <si>
    <t>首先分析for与as的区别：1 for给。。。2 as作为。。使用两组短语的主要区别为：1 A be use for B  把A被B使用\B使用A。2 A be use as B. 把A当做B来使用。（即没有、缺少B是，A是B的临时代替。）</t>
  </si>
  <si>
    <t>[盈至久独家分析]欧冠杯马德里竞技受半球切尔西欧冠杯2009</t>
  </si>
  <si>
    <t>0不可丢，10稳胆。。。。。。。。</t>
  </si>
  <si>
    <t xml:space="preserve">付出一定要得到别人回报吗？ </t>
  </si>
  <si>
    <t>付出多少，希望得到多少，也许不是爱情，叫交换</t>
  </si>
  <si>
    <t xml:space="preserve">鼹鼠生活在哪个地区 </t>
  </si>
  <si>
    <t>哺乳类·鼹鼠 鼹鼠外形似鼠，头尖，吻长，眼小，耳小或完全退化，视觉和听觉差。前肢强大，掌心向外，善于挖掘洞道，捕食昆虫、蚯蚓等动物。       欧鼹·欧洲    星鼻鼹·北美洲  长尾?鼹属于最小的鼹鼠，它们生活在中国西部和缅甸北部的地方。  麝鼹·亚洲   世界上的大部分地区都有</t>
  </si>
  <si>
    <t xml:space="preserve">尾牙什么礼物又好又实惠？客户尾牙年会，我们第一次被邀赞助奖品请问 </t>
  </si>
  <si>
    <t>我认为奖品全部用可收藏长期保值的东西.具体东西还得跟你们那边结合.</t>
  </si>
  <si>
    <t xml:space="preserve">男孩们你们追一个女孩要多久 </t>
  </si>
  <si>
    <t>一辈子!即使"执照"到手,也不一定每次都能通过"年检"----婚姻的种种考验.女人也一样.&lt;中国式离婚&gt;是教科书.</t>
  </si>
  <si>
    <t xml:space="preserve">快十个月的宝宝，还没有长出一颗牙，是钙不够吗？？但宝宝的身高还是? </t>
  </si>
  <si>
    <t>有可能的哦，需要医院查微元素</t>
  </si>
  <si>
    <t xml:space="preserve">黑精灵初期技能防御强化和攻击强化的书在哪里能得到？ </t>
  </si>
  <si>
    <t>卖药水的店里有售黑妖村里店牌写着MAGIC的店里，右边的那个女性NPC就是卖魔法书的</t>
  </si>
  <si>
    <t xml:space="preserve">为什么人不能像传说中所说的长生不死很想知道 </t>
  </si>
  <si>
    <t xml:space="preserve">  　　生命的永恒是反物质论的，倒是精神是否能超脱值得研究。对于人的意识，到目前为止的科学研究都没有发现组成物体的的基本粒子以外还有什么玄虚，可能一些微观的随机过程（比如累积的量子效应）是产生意识的真正原因，如果真的是这样，灵魂也是可能存在的——以为真空并不是最低能量级，物理学家已经发现一些微观粒子可以冲真空中激发出来，随后湮灭，那么人死后消散的意识也许只是能量的另一种存在形式，它们可以在某种情况下重新被聚集并激活呢~　　要是人真的有不灭的精神的话就不必执着于长生不老了。</t>
  </si>
  <si>
    <t xml:space="preserve">青山湖区卫生防疫站详细地址接种狂犬疫苗 </t>
  </si>
  <si>
    <t>青山湖区卫生防疫站江西省 南昌市 南昌市市辖区 : 南昌市南京西路201号</t>
  </si>
  <si>
    <t xml:space="preserve">宝宝的吃饭问题我的宝宝7个月了，现在以母乳和鸡蛋喂食，婆婆一天给 </t>
  </si>
  <si>
    <t xml:space="preserve">    如果说七个月的宝宝已经有了强烈的自食其力的欲望的话，那么我们说八个月的宝宝已经能够充分表现出自食其力了。　　一旦宝宝发现他们有能力自己喂自己吃东西时，那送入嘴巴的食物种类便迅速增加，技巧地逐步地琢磨出来。一开始宝宝拿起饼干或面包吃，都还无法顺利掌握协调手指；当他们遇到紧握在手中那最后一口不知道该怎么办的状况时，潜能便被激发出来了。学习用手拿东西吃，是坐在餐桌前自己吃饭的第一步，所以，妈妈应该在这个月里，多激励宝宝自我进食，自食其力。　　适合作为开始的这类食物建议：面包、磨牙饼、切成片的水果等。　　这一阶段的辅食要多样化。宝宝每天的饮食应包括四大类：粮食类；奶、肉、蛋等动物性食物类；豆制品类；蔬菜、水果类。以保证均衡合理的营养。 6-12个月 　　6个月～1 2个月浓鱼肝油滴剂每天保持6滴左右，分2次给。　　煮熟的蛋黄增至每天1只，过渡到蒸鸡蛋羹，每天半只。　　稀粥可由稀增至半稠，每大3汤匙，分2次给，逐步增加至5—6汤匙。　　粥中可加菜泥1汤匙，可稍加些调味品。　　如果离乳食品吃得好，可减去一次奶。　　7—8个月　　过渡到整只蛋羹。　　每天喂稠粥2次，每次一小碗(约6—7汤匙)，开始加莱泥2—3汤匙，逐渐增至3—4汤匙。粥里可轮换加少许肉末、角肉。　　给宝宝随意啃馒头片(1／2片)或饼干，促进牙齿发育。　　母乳(或其他乳品)每天3或2次，必须先喂辅食，然后喂奶类。　　9—10个月　　可参考下列程序进食：　　上午——晨6时，喝母奶或配方奶，10时稠粥1碗，菜泥2—3汤匙，蛋羹半只；　　下午——2时喂母奶或配方奶；　　晚上——6时喂稠粥或烂面条1碗，蛋羹半只，除菜泥，还可在粥中加豆腐末、肉末、肝泥等；10时喂奶。　　如果辅食吃得好，可少喂1次奶或考虑断奶。　　11—12个月 　　可以吃接近大人的食品，如软饭、烂菜(指煮得较烂的菜)、水果、碎肉和容易消化的点心。　　如果处于春秋凉爽季节可考虑断奶。断奶后，每天要保持喝1—2次牛奶。来源: 太阳石专台 </t>
  </si>
  <si>
    <t xml:space="preserve">人体缺钙,为何影响睡眠质量? </t>
  </si>
  <si>
    <t>钙可以抑制大脑皮层活动区的活动,大脑皮层活动区的活动过于兴奋容易失眠.</t>
  </si>
  <si>
    <t xml:space="preserve">请问重庆距离河南濮阳有多远？请问重庆距离河南濮阳有多少公里？ </t>
  </si>
  <si>
    <t>重庆距离河南濮阳1668公里，其中重庆到郑州公路里程：1454公里，郑州市到濮阳市的最短公路里程约为：214公里。</t>
  </si>
  <si>
    <t xml:space="preserve">虽然油价降了，但我还是有些承受不起，听说福田汽车很省油，谁能报个? </t>
  </si>
  <si>
    <t>我的爱车是福田蒙派克柴油版长轴，油耗差不多8个左右，很经济的。</t>
  </si>
  <si>
    <t xml:space="preserve">废业查帐关于提现金的问题公司要废业，没有收入，帐面上只有货币资金 </t>
  </si>
  <si>
    <t>可以说明，提出现金6万元是股东或其他个人向单位的临时借款，现在已经还款，存入银行。</t>
  </si>
  <si>
    <t xml:space="preserve">刚认识的男友的朋友，这样说我，是认真还是随便说说，是什么意思？？? </t>
  </si>
  <si>
    <t>先说男人。我猜测那个男人应该觉得你朋友还不错的。男人觉得女孩不错不丢他面子才会带她见见他很多朋友哟，你说呢？说明想公开就这个女孩现在就是和我交往我的女朋友，说明男人还挺认真嘛。再说男人的朋友。那些个说帮忙介绍女朋友就是开玩笑拉。那些朋友说女孩漂亮有两种情况：1.女孩真的漂亮；2.哥们的女朋友嘛，即使一般也要恭维下的。就跟大家喊女生“美女”一个情况的。至于判断是真夸还是恭维，那就看女孩子从小到大如果很少有人夸她漂亮，那估计是恭维。但是一般这种恭维一个平凡长相的女孩美女真的没有恶意。人生在世，还不被人家人前人后评论吗，表在意哦！</t>
  </si>
  <si>
    <t xml:space="preserve">强烈建议重点关注:基金金鼎的封转开!!!基金金鼎的封转开基金－－ </t>
  </si>
  <si>
    <t>不要竹篮打水一场空!!!!  股票名称   市值(万元) 持股数(万股) 占流通股(%)   占净(%)      S双汇      7795.25       251.30     1.2456        9.06     原来基金金鼎规模是5亿,S双汇占基金资产净值的比例大约为10%4月18日起通过建设银行、农业银行等网点进行集中申购，发售规模上限为100亿100亿的基金金鼎,S双汇占基金资产净值的比例大约为0.50%S双汇复牌涨100%,基金金鼎涨0.50%就算S双汇复牌涨200%,基金金鼎也不过涨1.00%本来就是一碗稀饭,现在又要倒进一口大水缸里偏偏有人告诉您您会盛上一碗干饭!您相信吗?S双汇复牌后的涨幅就将会为投资人带来巨大的收益??????----搞笑呀!!!赵本山,您就慢慢地忽悠吧,爱问里有很多范伟呀!!!他们会跟您讲-------谢谢呀!!!!!</t>
  </si>
  <si>
    <t xml:space="preserve">复活节每年的日期推算在教会内是统一的吗？这种方法是合时确定的？为? </t>
  </si>
  <si>
    <t>《圣经》上告诉我们：“在七日的第一日清早，耶稣复活了┄”（可16：9）耶稣虽然在十字架上受死、被埋在阴间，但他却在七日的第一天复活了！耶稣基督是十字架上得胜的基督，基督复活的大能最终战胜了罪恶；战胜了魔鬼撒旦的权势。十字架从此成为荣耀的象征；成为生命的象征；也成为我们永远依靠的力量。　　 “在七日的第一日”是基督复活的日子，教会习惯称这天为“复活节”，也叫“复活主日”，（根据《新约圣经》的记载：“每逢七日的第一日”（林前16：1-4），基督徒要聚在一起纪念救主的复活，从此，礼拜日成为信徒举行崇拜的主日，被教会尊为纪念救主复活的圣日。）在主后325年教会召开的著名的尼西亚大公会议上进一步明确规定，每年春分“以后”的1次月圆“后”的第1个礼拜天为复活节。比方说，2002年的春分是3月21日，其后的月圆之日也就是阴历十五是3月28日，之后的第1个礼拜天正好是3月31日，因此这年的复活节就是3月31日。一般来说，每年的复活节大约是在3月22日～4月25日之间移动。　　 复活节的计算看起来简单，实际上还是有一定的复杂性的，比方说，假如春分的当天既是月圆又是礼拜天，那么春分这天还不能算是复活节；又假如春分后第1次月圆的当天是礼拜天，那也不能算是复活节。为了准确地把握复活节的日子，有学者已将本世纪第1个10年中复活节日期推算出来，摘录如下： 2001年 4月13日 2006年 4月16日 2002年 3月31日 2007年 4月8日 2003年 4月20日 2008年 3月30日 2004年 4月11日 2009年 4月12日 2005年 3月27日 2010年 4月4日 事实上﹐计算主逾越节日期的重点﹐不在于上的推算﹐而是在于以大地回春﹐光明战胜黑暗的宇宙现象﹐作为庆典的背景﹐以展示新的创造﹕主基督战胜死亡﹐并使跟随他的人出死入生的逾越奥迹7。同时﹐若能考虑把新约主逾越节的庆期﹐定于旧约犹太人逾越节之后﹐也可把新旧约的关系﹐更清楚显示出来。</t>
  </si>
  <si>
    <t xml:space="preserve">我的格兰仕微波炉的保险丝烧坏了好几次了，是什么原因？ </t>
  </si>
  <si>
    <t>有可能是瞬间电压太高造成的。我家的也是，请了维修人员来弄，他就换了一根了。他说就是因为家里电器太多，同时启动，电压太高且不稳，就烧了啊。</t>
  </si>
  <si>
    <t xml:space="preserve">一个人的习惯是不是真的很难再改变了呀？最近比较郁闷，最近自己习惯 </t>
  </si>
  <si>
    <t>有一句话叫作：三思而后行。是说无论做什么事，在做以前都要经过再三考虑才可以付诸实施。一般人在做某件事或说某些话的时候，通常是凭习惯或没有经过大脑，所以经常会有后悔的时候，这个不奇怪，是性格决定，习惯使然。如果不想让自己有更多后悔的机会，那么在做任何事之前就好好用用脑子吧，刚开始也许会有很多时候会改不过来，时间长了形成习惯后就会好的。这可需要一定的自制力和毅力哟！祝你成功！</t>
  </si>
  <si>
    <t xml:space="preserve">各位朋友研究彩票都累了吧，说说最喜欢哪个球场的名字吧我先来，最喜 </t>
  </si>
  <si>
    <t>要说到我最喜欢的球场那就是阿森纳曾经的主场——海布里球场，在那里我开始喜欢亨利喜欢温格喜欢阿森纳！现在的酋长球场也不错，只是感觉没有海布里的那种感觉了。还有一座球场令我佩服那就是多特蒙德的主场——威斯特法伦球场，高度很高，一整片黄黑色的球迷整齐划一的加油动作让人看了都汗毛直竖，当时就被震慑到了，有机会真想去欧洲的大球场现场看球。</t>
  </si>
  <si>
    <t xml:space="preserve">眼霜什么牌子的好？主要针对浮肿我已２８岁,眼部肌肤有点松驰和浮肿 </t>
  </si>
  <si>
    <t>化妆品一般都很贵的如果要便宜的话，效果就不是很好，那么我建议还是不要用要用，就要让你的钱花的值，有了效果你还会在乎你花了那些钱吗？一般眼霜要三死百的（我建议你用玛丽艳的）如果你的年龄是在30以下就用护眼着哩，如果你的年龄是在30以上就用活肤眼霜，价格差不多我觉得效果不错呵呵……我的眼睛可差了啊！天天对着电脑，没有办法祝你年轻漂亮！</t>
  </si>
  <si>
    <t xml:space="preserve">在西安哪里可以学到正宗的手工菠菜面？ </t>
  </si>
  <si>
    <t>菠菜面既好吃又有营养颜色也漂亮，小时候特别喜欢吃妈妈做的手工菠菜面，现在很少人在做菠菜面了呢，菠菜面在制作的时候把菠菜揉到面了，而且揉着最后出来的面颜色要均匀，需要费挺大力气和精力的，所以现在好多人都是在外面买着吃的，西安的菠菜面最有名了，如果想学到正宗的就要来西安，西安小吃特别多，去过长安区看到那里的菠菜面管蛮多的，你可以去了解下情况。</t>
  </si>
  <si>
    <t xml:space="preserve">卡达什圣杖最后是奖励什么东西？做过的请进来下~RT,我任务东西都 </t>
  </si>
  <si>
    <t>你会得到个称号“纳鲁的勇士”。这是原来的毒蛇神殿门任务，现在取消的门钥匙，就给个称号。</t>
  </si>
  <si>
    <t>关于拓扑结构图悬赏分：10</t>
  </si>
  <si>
    <t>迅驰（带无线上网功能）笔记本组建局域网共享上网有几种方案：(1)利用无线网桥接ADSL Modem，笔记本可无线连无线网桥。（该ADSL Modem要带路由功能）</t>
  </si>
  <si>
    <t xml:space="preserve">珠海303线路哪里到哪里？ </t>
  </si>
  <si>
    <t>珠海303路斗门三职校 --&gt; 斗门实验中学 西区线路 斗门三职校 06:25--19:50 斗门实验中学 07:10--20:20 空调车2元1.斗门三职校  2.东风  3.里维埃拉北  4.斗门检察院  5.斗门地税局  6.尖峰桥西  7.斗门行政服务中心  8.尖峰山  9.尖峰村  10.中兴南路  11.龙珠花园  12.农业银行  13.尖峰花园  14.银城酒店  15.井岸大厦  16.新鸿酒店  17.斗门三小  18.长亨  19.龙霞路口  20.锦澳雅苑  21.斗门实验中学斗门三职到实验中学（赠人玫瑰，手留余香。如若，您对我的答复满意，请选择“好评”，谢谢您的采纳）</t>
  </si>
  <si>
    <t xml:space="preserve">民法与《民法通则》有什么区别啊？ </t>
  </si>
  <si>
    <t>民法是一个大的法律部门，是和宪法、刑法、行政法、经济法、刑事诉讼法、行政诉讼法、民事诉讼法商法相并列的。也有把民法和商法合称为“民商法”的，民法是调整平等主体的公民之间、法人之间、公民和法人之间的财产关系和人身关系的法律规范的总和。民法体系又包括总论、物权(包括所有权)、债权(包括合同)、人身权、亲属和继承五部分。    商法是用来调整商事关系的法律规范。由于它的调整方法和民法一样，都是商品经济条件下调整平等主体之间的财产关系和人身关系，因此许多国家都把商法(包括《公司法》、《票据法》、《海商法》、《保险法》、《破产法》)和民法合在一起合称民商法。在我国，目前还没有一部完整的《民法典》。《民法通则》是关于更细分的民事法律法规（比如合同法、继承法、婚姻法....）在立法、司法方面的总的指导原则。《民法通则》是一个过渡性的法律，今后要被比如《中华人民共和国民法典》这样的法律替代。</t>
  </si>
  <si>
    <t xml:space="preserve">盛大免费的元宝?盛大WWW.WOOOL.COM上写的免费的元宝有 </t>
  </si>
  <si>
    <t>那是首先要通过要求的形式去冲元宝，才能领免费的元宝，说白了和现实中的商场购买后满多少金额送多少是一样的道理．</t>
  </si>
  <si>
    <t>七彩虹的主板集成声卡没声音紧急求助C.M9PV</t>
  </si>
  <si>
    <t>到HD管理里 把前置面板检测关掉。</t>
  </si>
  <si>
    <t xml:space="preserve">南稳二号我刚买了2W,大家给点这个基金的评价,以后以展如何? </t>
  </si>
  <si>
    <t>拆分后表现不好,再给时间观察吧.</t>
  </si>
  <si>
    <t xml:space="preserve">二手房价格孝陵卫双拜巷151号，95平米，精装，多少价格 </t>
  </si>
  <si>
    <t>关键是自己上网查，另外可以通过以买方名义向一家中介公司电话咨询，再以卖方名义向另一家中介公司电话咨询，多问几家，可能会有较清楚的答案。我个人认为该地8000元每平方较合适，但不知道装修情况如何。如果装修好、小区好10000也行。</t>
  </si>
  <si>
    <t xml:space="preserve">笔记本开机后很长时间才能打开我的电脑,启动很慢.笔记本进入系统后 </t>
  </si>
  <si>
    <t xml:space="preserve">你好,我的本本开机速度比较快.提出方案,仅供参考:第一:定期进行磁盘清理.打开"我的电脑"后,指向盘符击右键进入"属性".里面的,点击就行.第二:定期进行碎片整理.打开"我的电脑"后,指向盘符击右键进入"属性".第二项"工具"里的"碎片整理",点击"开始整理"后进入对话框,点击下面的"碎片整理".一个盘一个盘进行.系统盘速度要慢一些,其他盘就快了.第三:使用"超级兔子"软件,它是一款优化软件,可以对系统加密,杀毒,加快开关机速度,备份注册表等等,还有很多功能,很好用的,也属于免注册的,用它来优化一下你的电脑,肯定有用.注意慎用此优化注册表.第四:虚拟内存不要设置在系统盘中.加大虚拟内存.一般可设到物理内存的2-3倍.第五:进行查杀病毒,包括木马病毒.第六:一般情况不要把应用程序安装在系统盘中.桌面上不能有太多的图标.第七:如果没多少效果,那就考虑重装系统了.不知是否对你有帮助,试试吧,祝你成功!!! </t>
  </si>
  <si>
    <t xml:space="preserve">有没有人在明升玩的朋友？？我刚刚在那开了个好不知道怎么样？？本来 </t>
  </si>
  <si>
    <t>还可以，目前感觉不到不爽。</t>
  </si>
  <si>
    <t xml:space="preserve">济南有啥好玩的？端午从北京出发济南自驾游三天，介绍一下有啥好玩的 </t>
  </si>
  <si>
    <t>千佛山，大明湖，趵突泉。。。最好下雨之后来，去趵突泉泉水能从地上涌出。额，还有海底世界么。</t>
  </si>
  <si>
    <t xml:space="preserve">怎样快速提高自己电脑运用操作能力不太上网，对于一些方面不清楚 </t>
  </si>
  <si>
    <t>熟能生巧，多用自然就熟了</t>
  </si>
  <si>
    <t xml:space="preserve">女朋友怀孕了怎么办？我和女朋友开始第一次作爱到现在差不多两个月了 </t>
  </si>
  <si>
    <t>那现在最重要的是要去医院检查一下,是否真的怀孕了,现在你女朋友说怀孕了只是因为月经没有来~!去了医院做个B超,就可以知道是否怀孕了,还可以看出是怀孕了几天~!才可以按照怀孕的天数来采取措施,如果你们要孩子的话就要好好的注意了~!要是不要的话，查出是怀孕在49天之内的是药流,要是在怀孕10周内的是人流,我也是刚第一次去做了人流,现在就是身体虚弱点,其他什么还好~!你还是尽早陪你女朋友去医院看看吧`@祝你们好运~@</t>
  </si>
  <si>
    <t xml:space="preserve">为了领取勋章来的. </t>
  </si>
  <si>
    <t>拜托采纳下吧，回答了好多个了，都没被采纳。拿勋章真心不容易。多谢好心人！  我们互相帮忙，行吗？</t>
  </si>
  <si>
    <t xml:space="preserve">两个公司合作问题有两个公司，互不隶属，各自经营，但因为业务开展的 </t>
  </si>
  <si>
    <t>1、这样约定属于合作经营，对外共同承担法律权利义务。对内在双方之间可以按合同约定履行，但合同不对抗第三人。2、协议可以进行公证。3、如果协议一方违约，可以依照合同起诉对方要求按合同义务承担赔偿责任。4、合法，只要双方意思表示一致，且内容没有违反法律强制性规定，即有效。</t>
  </si>
  <si>
    <t xml:space="preserve">技嘉945p主板能够上扣肉吗能否充分发挥C2D的功能？ </t>
  </si>
  <si>
    <t xml:space="preserve">是技嘉 945P-S3吗？支持CPU类型 Celeron D/P4/P4EE/PD/Core 2 Duo/Core 2 Extreme ，如果要充分发挥C2D的功能，最好还是965的板子！ </t>
  </si>
  <si>
    <t xml:space="preserve">沈阳高中一年级，开几门课程呀？我在沈阳刚刚中考完，那位达人可以告 </t>
  </si>
  <si>
    <t>语文，数学，英语，物理，化学，历史，地理，政治高一是不分文理的，这些都要学。到高二时文科生学习语文，数学，英语，历史，地理，政治理科生学语文，数学，英语，物理，化学，生物。</t>
  </si>
  <si>
    <t xml:space="preserve">男性生殖器问题？我的阴囊左下方长了一个米白色的小东西，平时也没什 </t>
  </si>
  <si>
    <t xml:space="preserve">这一般和早期龟头冠状处与包皮粘连有关 ,包皮垢长期刺激龟头冠状处造成的, 叫颗粒珍珠状疱疹, 是一种皮肤病, 或是说皮肤疾患 ,不过这种皮肤病它不发展 ,无痛痒不适 ,也不影响性功能, 更不传播 !如包皮过长, 应先作环切 ,再治疗 .也可以不治疗 ,如果你不放心 ,要治疗的话, 一定要去正规医院的皮肤科诊治 ,这样治疗起来有保障! </t>
  </si>
  <si>
    <t>草津温泉1</t>
  </si>
  <si>
    <t>这场球我想了再三,终于在1.47时追了上半场大球.全场大球难说啊</t>
  </si>
  <si>
    <t xml:space="preserve">龟兔赛跑中的数学问题要求兔子的平均速度，加上兔子睡觉的时间吗？ </t>
  </si>
  <si>
    <t>平均速度的概念，理解时一定要注意到底是哪段时间中的平均速度。如果你没有把它睡觉的时间算进去，也能求出兔子的平均速度，不过其结果是兔子奔跑期间的平均速度；如果你把它睡觉的时间也算在里面了，则计算出来的是兔子在整个比赛期间的平均速度。这样的题，一般可以理解为，需要把睡觉时间也考虑在内 —— 当然了，如果没有明确是哪个时间段的平均速度，严格意义上是出题不严了。</t>
  </si>
  <si>
    <t xml:space="preserve">肠炎吃什么药效果好呢， </t>
  </si>
  <si>
    <t>肠胃炎主要临床表现为食欲减退，上腹部不适和隐痛，嗳气，泛酸，恶心，呕吐等。病程缓慢，反复发作而难愈。目前肠胃炎大都是输液吃药之类的缓解，但都不管用，当然肠胃炎最好不吃药能好，但是这样的慢性病还是用中药好而且快，找点好中药，像“肠胃速康方’可以一段时间就行，经过调理肠胃从根源上解决顽疾，快速消炎杀菌，抑制致病菌复制，固本培元，标本兼治不复发。　　    1.肠胃炎的饮食禁忌：少吃油炸食物，因为这类食物不容易消化，会加重消化道负担，多吃会引起消化不良， 　　    2.肠胃炎的饮食禁忌：少吃腌制食物，这些食物中含有较多的盐分及某些可致癌物，不宜多吃。 　　    3.肠胃炎的饮食禁忌：少吃生冷食物刺激性食物，生冷和刺激性强的食物对消化道黏膜具有较强的刺激作用，容易引起腹泻或消化道炎症。</t>
  </si>
  <si>
    <t xml:space="preserve">噬菌体浸染细胞的实验的全过程是什么各步的作用是什么 </t>
  </si>
  <si>
    <t>各步依次是:吸附--注入--合成--组装--释放吸附就是噬菌体用尾丝固定在细菌表面,注入是噬菌体将自身的DNA放入细菌体内,而蛋白质外壳留在外面,合成是在噬菌体的DNA指导下,以细菌内的组成物质为原料合成新的噬菌体的外壳和DNA,组装是将单独存在的外壳和DNA组装成完整个体,最后细菌破裂,释放出所有新的噬菌体个体</t>
  </si>
  <si>
    <t xml:space="preserve">我为什么长期没工作我已经在家呆了3年了，学历是大专，我一直花男友 </t>
  </si>
  <si>
    <t>我也觉得你不是找不到工作，而是找不到轻松又工资高的工作，说得不好听点就是你好吃懒做，反正有人养，你这样下去最后会后悔的，你男朋友会瞧不起你的。从现在开始找一份不管是什么工作，哪怕工资再低，工作一段时间以后你的交际打开了世面也见了，自然就好了。很多什么文凭都没有的女孩子，就靠着自己聪明勤奋，都干得挺好的。</t>
  </si>
  <si>
    <t xml:space="preserve">如何正确测量小腿和大腿的长度(专业点的)不要答非所问 </t>
  </si>
  <si>
    <t>一般来说人体站立,以髂前上棘到髌骨最高点水平的垂直距离为大腿的长度,而人体站立以髌骨最高点到地面的垂直距离为小腿的长度.</t>
  </si>
  <si>
    <t xml:space="preserve">介绍类似胡彦斌红颜的歌曲？ </t>
  </si>
  <si>
    <t>你听听看羽泉的新专缉 [ 三十]哦~都是这种古词配现代乐的曲风，你一定喜欢的！</t>
  </si>
  <si>
    <t xml:space="preserve">杀毒软件问题今天，我家电脑里的瑞星杀毒软件和卡卡还有防火墙，都打 </t>
  </si>
  <si>
    <t>估计是中了AUTO木马群、磁碟机、AV终结者、机器狗或类似木马一.中毒现象病毒在移动设备或根目录下生成 f文件，用户双击盘符即可激活病毒关闭众多杀毒软件和安全工具修改注册表，加载自启动，并禁止显示隐藏文件破坏安全模式，致使用户根本无法进入安全模式清除病毒强行关闭带有病毒字样的网页，只要在网页中输入“病毒”相关字样，网页遂被强行关闭格式化系统盘重装后很容易被再次感染二.传播方式网页嵌入恶意代码（网页木马）除了U盘之外，MP3、MP4、移动硬盘、数码相机等移动储存设备无一例外地成为此类病毒的传播载体通过自动播放功能传播三.解决方案该木马的最终目的是盗窃你的资料，因此建议中招的计算机下载下列工具后立即断网（拔掉网线）；待计算机确认没有木马后再连网1.下载超级巡警之U盘病毒免疫器 V1.4  本工具可对选定磁盘进行特别的免疫处理，使得它的自动运行特性完失效，从而避免带毒的移动磁盘插入本机后病毒立即自动执行2.360顽固木马专杀大全 3.360新型AV终结者木马（Javqhc）专杀工具 4.金山机器狗/磁碟机/AV终结者专杀工具V6.9下载（NOD32提示该工具含木马） 5.免费的、汉化的AVG Anti-Spyware  以上工具下载后先改名后运行完整解决方案请看： 所有连接复制、粘贴到地址栏就可以下载</t>
  </si>
  <si>
    <t xml:space="preserve">露娜中精灵峡谷中的BOSS妖精皇后在哪的啊?????最好具体点的 </t>
  </si>
  <si>
    <t xml:space="preserve">有4个地方（ </t>
  </si>
  <si>
    <t xml:space="preserve">如何利用无线路由组建局域网两台电脑，有各自上网端口和账号，有一个 </t>
  </si>
  <si>
    <t>保证各个用户在同一个网段，并且设定相关参数，一般调成一样就行了，没有特别的要求。</t>
  </si>
  <si>
    <t xml:space="preserve">合肥治疗性病的常见疗法都有哪些 </t>
  </si>
  <si>
    <t>您好，很高兴为您解答。性病的治疗方法有很多，你说的没错，激光冷冻等都属于常规的治疗方法，所以相对来说复发率比较高，从临床来看，大都经过了3-4次的复发，不仅花费高而且痛苦也不少。基因抗病毒免疫综合疗法是目前比较先进的技术，主要是因为它不仅能彻底清除病毒，激活免疫，实现终身不复发，而且专门针对湿疣复发，花费少，疗程短，很受欢迎的！有问题点击左侧在线咨询我们一对一沟通吧！患者您好！现在治疗性病主要就是，冷冻疗法，电灼疗法，激光疗法，微波疗法等，但是具体疗法要根据你的病情来定，并不是所有患者的治疗方法都一样，建议你到正规专业的医院进行检查，祝你早日康复！性病是病毒感染性皮肤病。目前主要的治疗方法为手术方法，如：激光，冷冻，微波，光动力等，再辅以抗病毒的药物治疗（主要是肌注干扰素或聚细胞）或口服阿昔洛韦、泛昔洛韦等，这种方法见效很快，但临床反应复发率极高。主要原因是此种方法只能去掉皮肤表面的疣体，而没办法杀死皮肤深层潜伏的游离的病毒，所以一般在患者免疫力低下时很容易复发。</t>
  </si>
  <si>
    <t xml:space="preserve">如何破戒FC睡杀?作为一个DT,如何能破戒比自己高10级满技能F </t>
  </si>
  <si>
    <t>办法只有唯一的一个：带高飞血宠，并且变身狐狸。二者缺一不可。我有一只幽灵，死亡/高飞/高毒/高精神，4血1敏加点。我这只幽灵就可以达到标准。如果你没有这样的宝宝，那么就毫无办法。同时，你要穿一双什么宝石都不打的垃圾鞋，能带个特技更好。这样能够保证你的速度比你宝宝慢。然后，让宝宝每回合都打你自己，人盯着对方的攻宠打，千万不要上来就扫人。这样就行了。另外为了防止不懂的人来乱说，我再强调一下，所谓睡杀打醒了也不能动的说法是无稽之谈。那些打算定身宝宝的请自己去试试高精神的作用。多余的话都已经删了，只留下一句：己所不欲，勿施于人。不懂就算了#36 再一个#24  我修改回答你管的着吗#83</t>
  </si>
  <si>
    <t xml:space="preserve">铁树为什么会生虫我家的铁树生虫是象蛹一样 </t>
  </si>
  <si>
    <t>病虫害防治：空气不流通或闷热潮湿，易发生介壳虫危害植株，应及时检查，可用毛刷将虫体刷掉，或将有虫的枝叶剪除销毁。严重时，可喷洒50%的拉硫磷1000倍液防治。铁树性喜光照充足和温暖、湿润的环境。所以，平时应该放在阳光照射的地方。但是却不耐烈日暴晒，特别是新叶极易灼伤、枯黄，因此，新叶期应给以一定的遮蔽条件。今年夏季气温特高，空气过分干燥，容易引起铁树叶片焦枯，应尽量避免烈日暴晒，并且多向地面浇水，增加空气湿度，多向叶片喷雾水，以防叶子发黄焦枯。养护铁树需每2-3年换盆换土一次，用疏松、微酸性沙质壤土、混入20%有机质腐熟基肥，生长期施少量追肥，每年施1-2次200-300倍的硫酸亚铁水防治铁树黄叶病（缺铁症）。如果你的铁树叶片已经焦枯，失去观赏性，可以将老叶剪去，加强日常管理，待天气凉爽时，铁树会重新长出新叶来的。 铁树黄叶可由多种原因引起，以下是几种不同原因引起黄叶的救治措施，以供参考： ◆ 把变黄的叶子剪掉。只要根茎未死，叶片全部剪除也无妨，换盆土后置于通风有散射光处，保持一定的环境湿度，铁树就会重新萌发新叶。 ◆ 用“多菌灵”喷在铁树上。 ◆ 缺铁。因缺铁而引起叶片发黄，应施用矾肥水，或喷施0.1—0.3％硫酸亚铁溶液。 ◆ 灼伤。夏日遮荫防止烈日暴晒。 ◆ 受冻。铁树怕寒应有保暖措施。 ◆ 闷黄。通风不好而使叶片闷黄，白天放室内观赏，晚上搬到室外。 ◆ 过湿。土壤过湿引起烂根，导致叶片枯黄。</t>
  </si>
  <si>
    <t xml:space="preserve">离张江路川杨新区最近的健身房 </t>
  </si>
  <si>
    <t xml:space="preserve">上海德宏酒店公寓上海市浦东新区张江路625号 相关信息交　　通： 距离市中心：30公里、距离火车站：40公里、距离虹桥飞机场：40公里、距离浦东飞机场：20公里、距离新国际博览中心：10公里、距离陆家嘴：10公里 餐饮设施： 中餐厅主要经营本邦菜可容纳30-40人  会议设施： 会议室可容纳10人 休闲设施： 健身房、棋牌室 服务设施： 商务中心、票务服务、洗衣服务、停车场、机场接机服务（收费） 周围景观： 张江高科技园区 上网情况： 所有房间免费宽带上网 信 用 卡： 国际信用万事达、国际信用卡大莱、国际信用卡VISA卡、美国运通卡、JCB卡、中国银行长城卡、中国工商银行牡丹卡、中国建设银行龙卡、中国交通银行太平洋卡、中国农业银行金穗卡 </t>
  </si>
  <si>
    <t xml:space="preserve">网站域名在限制域名中,是什么意思？有没有办法解除？ </t>
  </si>
  <si>
    <t>这种情况的原因一般是之前这个域名曾经申请过百度联盟并因违反规则被百度联盟给封号了，建议你通过邮件向百度联盟的工作人员咨询一下，邮箱地址可以在百度联盟的网站上找一、域名被墙：如果域名ping的通却打不开网站（排除服务器宕机），用代理或者使用VPN可以打开一般说明域名被封了。假如域名下的网站非法信息多，敏感，又不整改，会直接被G.F.W墙掉，就是通常所说的被封锁、被屏蔽、被和谐，结果就是访问域名是打不开的，但是解析是正常的。此时域名在国内是无法使用的，国外可以访问和使用。</t>
  </si>
  <si>
    <t xml:space="preserve">包皮系带红肿还裂了点小口该怎么办 </t>
  </si>
  <si>
    <t>你好，包皮系带是阴茎下面正中的一条连接龟头与阴茎体的皮褶。由于各人阴茎发育情况不同，包皮系带的长短和紧张度也不同。在性生活过程中，包皮过长、系带过短、性生活力度过大都可能导致包皮系带断裂。包皮系带断裂可以做系带修复手术，这个手术是比较简单的，手术20分钟左右即可完成。一般情况下是十天左右伤口即可完成恢复。还有不懂的可以在线向我咨询了解，点击【咨询专家】即可，希望可以帮到你。</t>
  </si>
  <si>
    <t xml:space="preserve">二手车应该什么消毒？前面买了一辆二手车，买回来想自己处理一下，我 </t>
  </si>
  <si>
    <t>二手车大多价格便宜，手续简便，因此交易频繁，尤其是那些款式新的二手车，更有市场。但是二手车也埋藏着很多隐患，安全隐患、事故隐患以及健康隐患等等。前两个隐患买主可以通过仔细核实来避免，但健康隐患就很容易被忽视掉，经过长期使用的二手车，许多有害细菌都会存留在车子的顶棚、座套、出风口、地垫等部位；果汁、烟气、食品残渣、儿童或宠物的尿液、粪便、毛发等遗留物也在危害着人的健康刚刚买回的二手车最好立刻做清洁杀菌处理。清洁是第一步，许多的细菌病毒都是附着在微小的灰尘颗粒上，它们飘落到任何角落，并且一层层的积聚，稍有一丝动静，又会再次随空气传播到其他地方，一层层灰尘不断覆盖，消毒效果很难发挥出最大的作用。因此，首先要对二手车进行彻底的车内清洁。配合车内美容专用的抽洗机，在清洁同时有大量的循环清水将脏东西和清洗剂带出来，并将此部位内部的水汽抽出。车内清洁完成后，就要给二手车进行最重要的杀菌、消毒、祛味程序了。给车内环境做消毒只完成了消毒程序的一半，如果有条件，可以到专业的汽车保养店给车内空调管路进行消毒。</t>
  </si>
  <si>
    <t xml:space="preserve">日元纸币使用的是日本特有的纸浆？ </t>
  </si>
  <si>
    <t>是的。日元的印制水平较高，特别在造纸方面，采用日本特有的物产“三亚皮浆”为原料，纸张坚韧有特殊光泽，为浅黄色，面额越大颜色越深。</t>
  </si>
  <si>
    <t xml:space="preserve">梅花，水仙，牡丹，红花，君子兰哪个不是一类的 </t>
  </si>
  <si>
    <t>红花不是一类的。。</t>
  </si>
  <si>
    <t xml:space="preserve">买房时怎样计算住宅面积？是否有国家规定的计算公式？ </t>
  </si>
  <si>
    <t xml:space="preserve">建设部：房屋面积测量出新规  　 2005年03月09日20时19分来源: 中华工商时报 近几年，随着各类建筑的不断发展，应用不同、采用多种形态建造的房屋不断涌现，房屋面积的计算也因此由简而繁。近日，建设部就房屋权属登记工作发出通知，同时对原有《房产测量规范》中未做规定或规定不明确的建筑面积计算方法进行了归集，作出暂行规定。　　根据通知规定，在房屋权属证书附图中，应注明施测的房产测绘单位名称、房屋套内　　建筑面积（需在图中标注出尺寸）和房屋分摊的共有建筑面积；房产测绘单位对其完成的房产测绘成果的质量负责。　　房屋权属登记涉及的有关房屋建筑面积计算问题，过去由于有的地方规定不够明确，购房者反映比较多，如对外墙墙体、公共通道、不规则围护物、非垂直墙体建筑等等面积的计算问题大家比较关注。为此，建设部进一步明确了如下几种情况建筑面积的计算规定：　　一、房屋层高。计算建筑面积的房屋，其层高均应在2.2米以上（包含2.2米，以下相同）。　　二、外墙墙体。同一楼层外墙，既有主墙，又有玻璃幕墙的，以主墙为准计算建筑面积，墙的厚度按主墙体厚度计算。各楼层墙体厚度不同时，分层分别计算。金属幕墙及其他材料幕墙参照玻璃幕墙的有关规定处理。　　三、斜面结构屋顶。房屋屋顶为斜面结构，即坡屋顶的，层高2.2米以上部位计算建筑面积。　　四、不规则围护物。阳台、挑廊、架空通廊的外围水平投影超过其底板外沿的，以底板水平投影计算建筑面积。　　五、变形缝。与室内任意一边相通，具备房屋的一般条件，并能正常利用的伸缩缝、沉降缝均应计算建筑面积。　　六、非垂直墙体。对倾斜、弧状等非垂直墙体的房屋，层高2.2米以上的部位计算建筑面积。房屋墙体向外倾斜，超出底板外沿的，以底板投影计算建筑面积。　　七、楼梯下方空间。楼梯已计算建筑面积的，其下方空间不论是否可以利用，均不再计算建筑面积。　　八、公共通道。临街楼房、挑廊下的底层作为公共道路街巷通行的，不论其是否有柱，是否有维护结构，均不计算建筑面积。　　九、两层及两层以上的房屋。两层及两层以上的房屋建筑面积均按《房产测量规范》中多层房屋建筑面积计算的有关规定执行。　　十、与室内不相通的建筑。与室内不相通的类似于阳台、挑廊、廊檐的建筑，均不计建筑面积。　　十一、室外楼梯。室外楼梯的建筑面积按其在各楼层水平投影面积之和计算。　　另外，房屋套内具有使用功能，但层高低于2.2米的部分，在房屋权属登记中应明确其相应权利的归属。　　据了解，调整后的面积测量规定将从今年5月1日起开始执行。　　-------------------------------------------------------如何测量房屋面积 如何测量房屋面积 作者:转贴 2004-11-23 近年来，关于商品房面积的纠纷愈来愈多，归根到底是一些不法开发商"玩弄面积猫儿腻"所致。因为， 我们在买房时，一般是由房产商提供现成的房屋面积数据。那么如何做到"心中有数"？为此，我们特邀 了有关专家介绍自测商品房面积的方法。 　　工具：普通皮尺、计算器。 　　注意：测算是指测量和计算两个不同步骤。 　　测量：主要是 　　量取住宅的实际尺寸 　　步骤一：获取详细的标准层或自家所在楼层平面图。 　　根据详细的住宅平面图测量和计算才能方便而准确。平面图中应包括住宅的主要数据有：各房间的 轴线尺寸（即承重墙或柱的中心线之间的尺寸）和外墙的总尺寸，即两道尺寸线，还有各房间的使用面 积。 　　大部分住户都在标准层，测量和计算主要根据标准层图纸和面积。 　　如果住宅所在楼层较为特殊，如底层、顶层，则要用所在楼层的图纸。为了测算一户面积，可以不 对全楼的面积进行测算。 　　步骤二：测量和计算自家内部使用面积和建筑面积。 　　使用面积的测算。对房间内部测量所得到的尺寸，是房间轴线尺寸减去墙体厚度和抹面厚度的尺寸 ，不能作为面积中的尺寸。也就是说，根据这个尺寸算出的面积并非是使用面积。使用面积是按轴线尺 寸除去结构厚度尺寸的房间内部尺寸计算的。一般来说，承重墙体是砖墙时，结构厚24cm，寒冷地区外 墙结构厚度为37cm，混凝土墙结构厚度20cm或16cm，非承重墙12cm、10cm、8cm不等。一般来说，轴线位 于墙体的中间，中间两侧各为半个墙厚。白灰抹面厚度一般为 2～3cm（具体图纸中应标注）。 　　测量位置应在距地面1～1．2米高处。对于轴线尺寸360cm的房间，测量结果应是360－20－2．5×2＝ 335cm。据此可推算出房间内部轴线尺寸360cm，计算尺寸340cm。尺寸误差如果在几厘米之内，说明抹灰 厚度不准确、不均匀，一般不影响轴线尺寸和房间内部尺寸。 　　如果误差接近或超过20cm则可能有问题。测量出房间两个方向的内部尺寸，相乘即得房间使用面积 。门窗洞口的面积不计入使用面积。 　　各房间（包括：门厅、过道、厅、卧室、厨房、卫生间、储藏室、壁柜、阳台等非固定结构围成的 空间）使用面积之和为住宅总使用面积。 　　住宅内建筑面积的测算 　　将自家住宅与别家、公共部分的相接处沿轴线分开，自家轴线之间的总面积为住宅内的总建筑面积 。其计算方法，一种是将总使用面积再加上各段墙体的结构面积；一种是直接计算自家轴线所围成的几 何图形面积。但住宅内的总建筑面积在图纸中一般不标注，没有实质意义，仅供下一步计算整套住宅建 筑面积使用。 </t>
  </si>
  <si>
    <t xml:space="preserve">孩子面临中招,却不知道学习,怎么办?孩子贪玩,对他面临的中招没有 </t>
  </si>
  <si>
    <t xml:space="preserve">  成大势者，定有不同常人之处，           刘邦，斯混到儿立之年，            朱元璋不过是个放牛的          赵匡胤原先是厨子，      孩子的事，不是父母能决定的，由他自己决定。     刘邦的父亲天天劝他，不要再不务正业，好好种地，如果当年汉高祖听从父亲的话，就不会有汉朝，那就不会有世界的丝绸之路了，也不会有汉武帝的开疆扩土，连汉族这个称为也不会有。</t>
  </si>
  <si>
    <t xml:space="preserve">160现在是转135好还是=650Y转145好？ </t>
  </si>
  <si>
    <t>最好的方法如下：做三次英雄，155E*3=465E经验，1转1级到1转142级是453E的经验，做了三次刚刚好是142级多12E，1转142级到1转145级需要165E经验，这时还可以再做一次英雄一直到1转145级，或者自己练级到144级59E经验时做英雄到147级。</t>
  </si>
  <si>
    <t xml:space="preserve">宠物学技能问题问一下，宠物豹学潜行有什么好处么，不是精灵猎人似乎 </t>
  </si>
  <si>
    <t>豹类宠物肯定要学潜行，猎人去不了的地方可以控制宝宝利用潜行过去看地图，比如利用宝宝的潜行去引围栏的老3来单刷！！！</t>
  </si>
  <si>
    <t xml:space="preserve">重庆公安局在哪具体地址 </t>
  </si>
  <si>
    <t>　重庆市渝中区临江门1号邮编；400010</t>
  </si>
  <si>
    <t>德国(U21)0</t>
  </si>
  <si>
    <t>我下了1000的德国,看来盘口升水是真不看好德国,有一个菠菜是降盘升水,我买的太早拉,估计这1000块打了水漂拉,我还是下的1/1.5球盘!什么比赛一定要临场下!现在来看 1比0的希望还是很大,2比0就要看运气啊!</t>
  </si>
  <si>
    <t xml:space="preserve">路虎车中最贵的是什么系列？哪款车？多少钱？ </t>
  </si>
  <si>
    <t xml:space="preserve">揽胜最贵，以下均为市场价，不是官方报价。揽胜自然进气，200万揽胜机械增压，245万揽胜创世尊崇版，340万揽胜40周年纪念版，380万揽胜加长版，450万揽胜Overfinch猎枪版，480万 </t>
  </si>
  <si>
    <t xml:space="preserve">十万个冷笑话什么时候更新TV化的《十万个冷笑话》什么时候更新 </t>
  </si>
  <si>
    <t>每月一日更新~目前已经更新十集~</t>
  </si>
  <si>
    <t xml:space="preserve">消字笔的笔水成分有一种笔，结构像彩笔，能快速消去所写的字句，这是 </t>
  </si>
  <si>
    <t>主要成分是草酸。我校化学老师做过，很好使</t>
  </si>
  <si>
    <t xml:space="preserve">交易手续费的问题问下..15元小额交易要收取多少手续费 </t>
  </si>
  <si>
    <t xml:space="preserve">5173交费服务费只向收取，买家免费。 卖家交易金额收取方式如下： 交易金额30元以下（含30元）的订单，手续费为5元，交易金额31- 100元交易额按10元收取。超过100元交易金额每增加100元收取5元。 例：200元交易额，服务费用为10+5=15元，300元为10+5+5=20元，以此类推。 担保交易费用： 交费服务费只向卖家收取，买家免费。 卖家交易金额收取方式如下： 交易金额30元以下（含30元）的订单，手续费为5元，交易金额31- 100元交易额按10元收取。超过100元交易金额每增加100元收取5元。 例：200元交易额，服务费用为10+5=15元，300元为10+5+5=20元，以此类推。 论坛交易费用： 交易服务费买卖双方协商由谁支付，也可各出一半。 论坛交易金额收取方式如下： 交易金额30元以下（含30元）的交易，手续费为5元，交易金额31- 100元交易额按10元收取。超过100元交易金额每增加100元收取5元。 例：200元交易额，服务费用为10+5=15元，300元为10+5+5=20元，以此类推。 注：论坛交易可由买卖双方协商支付方式。 ID交易费用： ID交易默认由卖家承担手续费，为交易额的10%＋5元；如果买家要求过户，则需加收买家10%＋5元的手续费。 任何ID交易，单笔交易的手续费用收取均不超过1010元，实际超出部分全免。 </t>
  </si>
  <si>
    <t xml:space="preserve">三国志10和11之争有一大批的三国志爱好者,现在都在争论三国志1 </t>
  </si>
  <si>
    <t>我的11下载后就800MB，可能被精简了。11比10复杂。11，内政方面要建房，建房要考虑布局，并要考虑城与城之间的联系，有的城作为重地、有的就要成为经济、农业中心，还要积累点数升级兵种、设施等；军事方面要考虑发展自己的优势兵种，由于10的影响常用弩兵加井栏统一天下；政策方面比较难搞定，电脑总是“喂不饱”，不能向电脑同盟请求援兵，不能知道电脑城市的战略目标；人才方面只能挖掘自己管辖区域的人才。10，内政方面简单只要重点发展经济和某些有特殊设施城市的技术升级即可，（农业可以忽略不计，10的话10万人可以统一全国阿，不需要很多的粮食），军事方面简单，初期3万弓兵2万步兵，中期6万弩兵2万步兵，后期10万就可，只要把兵种练成最高即可，每个部队配井栏，无敌阿。。。）；政策方面远交进攻，登用同盟太守，就把同盟的城池纳入我方，同盟有时可作为援兵，爽阿。。。。。；人才方面可以去他人城池搜刮人才，把牛人纳入麾下，个人方面提升技能较快，我花10年把张辽个项数值最高，技能全满酷。。。就个人而言比较喜欢10，因为喜欢角色扮演，11是策略。</t>
  </si>
  <si>
    <t xml:space="preserve">我的右手心长了一个类似鸡眼的东西，请问是我的身体出问题了吗？在我 </t>
  </si>
  <si>
    <t>鸡眼是由长期摩擦和受压引起的圆锥形角质层增厚，有角质中心核，尖端深入皮内，基底露于外面。多见于青年人，好发于足底及足趾，如果鸡眼尖端压迫神经末梢，则行走时感觉疼痛。 治疗: 治疗时可在进行激光烧灼。如各种方法均治疗无效，则可行鸡眼挖除术。 预防: 预防鸡眼首先要矫正足畸形，穿着宽松、大小合适的鞋，减少局部摩擦和压迫。 别名 病理 概述 鸡眼是足跖或足趾因长期被挤压或摩擦而发生的圆锥形鸡眼状的角质增生物。 流行特征 发病机制 治疗 宜先用热水将患处泡软，削去表面角质层后，保护周围、露出鸡眼，然后外敷各种强角质剥脱剂，如市售鸡眼膏，15%柳酸乳酸雷锁辛软膏。0.3%维甲酸软膏，10%硝酸银液等，每隔数天重复一次，直到将尖端挖出为止。鸡眼若无感染，可用挖除术去除，方法多用尖头手术刀沿角质肥厚边缘处作环形切口，以有齿镊子夹住，在透明带上层，进行剥离，将鸡眼挖出。挖出后立即行走不痛，至少可2个月不痛和不发。若再发可再挖，一般1-2次，个别5-6次均可痊愈。上述挖出法可结合外敷法合并治疗。 预防 应穿合适而柔软的靴鞋，或以有孔的小片海绵垫保护局部避免受压。 临床表现 鸡眼为嵌入皮内的圆锥形角质栓，一般自针头到黄豆大或更大，表面光滑与皮面平或稍隆起，呈淡黄或深黄色，半透明。圆锥的尖端伸入皮内，呈楔状，底面扁平露于皮外，若用力将其表面的角质物削去，在中央可见一坚硬的针状角质栓塞，外周有一圈透明的淡黄色环，呈鸡眼状。大多为1-2个，偶有多发者，一般不易自愈，若去除致病因素。也能自然消失。鸡眼有硬软之分。硬鸡眼好发于足底以及小趾外侧，趾背等骨突出或易受压摩擦处，圆或卵圆形。表面扁平，质硬，呈淡黄色，其尖端可深达其皮的乳头层，在站立或行走时，往往因压迫乳头层的感觉神经末稍而引起剧痛，致走路艰难。软鸡眼多发生于相邻区两趾之间的一趾，由于潮湿而被浸软，因而变为灰白色，且有恶臭。 诊断 好发于经常摩擦及受压部位，如足底或趾间，损害为豆大或更大，微黄色的圆锥形角质栓，基底向外，略高虫皮肤表面，尖端呈楔形，嵌入真皮部，行走时有疼痛感，发生在趾间的鸡眼常浸溃变软，需与跖疣相鉴别；跖疣散发于足底各处，不限于受压部位，可不仅一个，为黄豆大小角质增厚，用力削去表面角化层，可露出表皮棘突及真皮乳头上端的断面和与真皮乳头血管渗出的微量血液凝成的小黑点的角质软蕊，其外有角质环。跖疣的发生是因为病毒感染。 鉴别诊断 并发症 病因 好发于经常行走或长久站立的人中，往往与职业有关。其重要的诱发因素与局部的摩擦和外压，如穿不适的靴鞋，脚被长期刺激和摩擦，故往往两足同时发病，且多见于较消瘦的青壮年中。常与慢性角化脱屑型足癣伴发。 蛴螬可治鸡眼 先挑破老白皮，把蛴螬（金龟子的幼虫，在不同地区有的叫地蚕、土蚕、核桃虫等） 打烂，有胶布贴于患处即可。 如果你脚上长了鸡眼，可尝试用下面一些方法去除。 1.取乌梅10枚，研成细末，装入瓶内，加上香油浸泡7～10天，和匀成药膏。用温盐水浸泡鸡眼，待粗皮软化去除粗皮，取适量药膏敷在鸡眼上，再用纱布包扎，12小时换一次药，3天为一个疗程。 2.取地骨皮、红花各10克，研成细末，加适量香油调成糊状。每晚热水泡脚后，取适量药糊涂在鸡眼上，再用无毒塑料薄膜盖上，用胶布固定。 3.取芦荟和少许盐水，研成药糊。每晚热水泡脚后，取适量药糊涂在鸡眼上，用无毒塑料薄膜覆盖，再用胶布固定好。每天1次，10天为一个疗程。 4.取紫皮独头蒜一个，葱白一根，花椒3～5粒，放在一起搅成泥状，敷在鸡眼上，用胶布外贴密封。24小时后除去胶布和药泥，1次未愈可再用。 5.取六神丸10余粒，研成细末，加适量醋调成糊状。将鸡眼洗净，除去表面角质层，用盐水浸泡半小时后，将药糊涂在鸡眼上，用胶布固定好。3天换一次药。 6.取数片阿司匹林，用盐水调成糊状，然后涂在鸡眼上，用热毛巾敷10分钟。每日1次，1周为一个疗程。 在用上述方法软化鸡眼时，如果出现了破损、出血、流脓，应该及时到医院治疗，以免贻误病情。简单的方法：鸡眼膏.医院药店都有售几个偏方：熏灼治鸡眼法 　　睡前将纸烟、艾条、香条或易燃木棒点着，靠近鸡眼处熏灼，有灼痛感时可稍远离。表面硬化的，可用火头点触患处。每次连续熏烤３分钟，然后用热的淡盐水浸泡患处３０分钟，连用数日，鸡眼能自行脱落。 　　大蒜治鸡眼法 　　将１只独头紫皮蒜去皮，１根大葱去叶，一起捣烂成泥，敷鸡眼上，用绷带扎好，每天换１次，可治鸡眼。 　　清凉油治鸡眼法 　　每天用清凉油涂在鸡眼上，再用香烟薰融，使之渗入鸡眼内，每日数次，直到鸡眼自行脱落。 　　石灰碱治鸡眼法 　　将１０克碱、１０克石灰调成糊状。刮去鸡眼硬皮，取１块胶布，在中间剪个与鸡眼直径相仿的小孔，贴于患处，将药涂在鸡眼上，再贴上一层胶片，每3日换药1次，数次即可使鸡眼脱落。</t>
  </si>
  <si>
    <t xml:space="preserve">2008年6月10日发行2008年凭证式（三期）国债中华人民共和 </t>
  </si>
  <si>
    <t>好!多谢大师的通告...基金半死不活的,买国债也是一种选择.</t>
  </si>
  <si>
    <t xml:space="preserve">谁知道多少级可以进什么副本吗?里面是多少级的怪? </t>
  </si>
  <si>
    <t>貌似19级就有任务要下副本了！！但是好象要级高的带，我也不太清楚，让高手来回答吧！！</t>
  </si>
  <si>
    <t xml:space="preserve">安装程序的一个实例已在运行。一次只能运行一个安装程序实例。出现以? </t>
  </si>
  <si>
    <t>在任务管理器里看看有没有类似的关于setup.exe的进程，结束掉，或者重启一下，看看问题是否解决，如果不能解决，则是你的安装程序有问题。有些安装程序在安装时会出现如需要结束当前活动程序的提示，为的是有多余的内存空间来加载安装程序。你也可按照这个思路结束掉一些多余进程，或者把网线也拔了试试。</t>
  </si>
  <si>
    <t xml:space="preserve">人物最高等级不是60级的吗？？？怎么见到有人分配的属性点按100? </t>
  </si>
  <si>
    <t xml:space="preserve">    他们说的100级是用配点模拟器模拟出来的~现在据说已经开放到了70级,如果你是格斗龙的话建议用剑,龙舞的话就用枪~两种姿态加的只是普通攻击而已~前期的话没必要加!先加技能点~一个人刷FB的时候用穿透,天生的一点很不错,后期的话都是技能攻击,姿态就不用加了~</t>
  </si>
  <si>
    <t xml:space="preserve">我的皮肤怎么办…我的鼻子上好多黑头了，鼻子上毛孔很粗，都有点像桔 </t>
  </si>
  <si>
    <t>美容护肤就是个长期才能见效 并且要长期坚持的活`并不是靠某种化妆品能解决的  我觉得这是一个长期实践的过程 更在于长期坚持黑头的话`你用粉刺针清一下  蛋清面膜将一个鸡蛋清散，加入半个柠檬汁及一点点粗盐，充分搅拌均匀后，将橄榄油加入鸡蛋汁里，使二者混合均匀。平日可将此面膜储存在冰箱里，一周做1-2次就可以让肌肤紧实，改善毛孔粗大，促进皮肤的光滑细致[我只用过单纯蛋清的 因为我毛孔很细致]我姐姐是开美容院的 他告诉我的应该没错``</t>
  </si>
  <si>
    <t xml:space="preserve">目前，谁可以和宝马威廉姆斯F1车队比美？ </t>
  </si>
  <si>
    <t>法拉利</t>
  </si>
  <si>
    <t xml:space="preserve">有哪个有学识的人可以帮我翻译一段英文吗各位宾客：在这难忘今宵的一 </t>
  </si>
  <si>
    <t xml:space="preserve">上面的翻译有几处错误。Ladies and gentlemen，（英语中无冒号） At this hard-forgetting moment of tonight,I wish you have a good mood.But please don't forget to the things you take along.Welcome your coming again. </t>
  </si>
  <si>
    <t xml:space="preserve">求助:有谁用过大自然亚马逊豆的地板,材质怎样?有谁用过大自然亚马 </t>
  </si>
  <si>
    <t>你好北京的大自然店里没有亚马逊豆的地板，而且现在的店员基本不知这种板材，就像圆盘豆现在已经不允许在北京市场上卖了，是因为圆盘豆不够稳定，可见亚马逊豆的地板更不够稳定了..</t>
  </si>
  <si>
    <t xml:space="preserve">用户榜上周得分上升排名?我要问的是各位圣人大师上周得分===== </t>
  </si>
  <si>
    <t>有可能刷分</t>
  </si>
  <si>
    <t xml:space="preserve">克可以加哪些偏旁3年级语文作业，克加偏旁并组词，需要3个。 </t>
  </si>
  <si>
    <t>???w兢</t>
  </si>
  <si>
    <t xml:space="preserve">看看今年的博时主题想当初买它时那个俏，可悲现在套的这么牢。赎回吗 </t>
  </si>
  <si>
    <t>我是在上证指数5800时买的，买的时机错误，现在还套着呢。我不想现在卖，换别的一出一进又要添不少手续费，而且可能换后就不涨了，因为前段时间涨的好的股票，有可能会停涨一段。</t>
  </si>
  <si>
    <t xml:space="preserve">2001做了一次人流，后来一直没，2008做了一次宫腹腔镜手术，? </t>
  </si>
  <si>
    <t>指导意见：你的情况可以人工受精，人工授精的费用不高，约几千元，人工授精成功率在20%，选择准确的授精时间：排卵前48小时至排卵后12小时内人工授精最容易成功.</t>
  </si>
  <si>
    <t xml:space="preserve">你在什么时候会自卑？别当真哦 </t>
  </si>
  <si>
    <t>看到您出的这么有水准的问题俺很自卑…从此以后您提问的时候俺不再提问了…空口无凭…立字为证…俺料到今日是碰到铁板…从此心灰意懒…少出题…如有违誓…头顶长疮…脚底流脓…入十八层地狱…受拔舌之苦…噫…貌似很恐怖…反正是下定决心少出题了…后面的烦请监督下下…咳咳！~俺修改了下，免得不留余地，自己给自己找罪受。。。。</t>
  </si>
  <si>
    <t xml:space="preserve">小儿牙齿！急急急女儿1岁两个月，不慎摔到将一颗虎牙磕掉，整个牙掉 </t>
  </si>
  <si>
    <t>对乳牙外伤无法保留或已碰掉者，不必保留，必须拔除，最好在一、两个月后立即装上假牙。如不及时装上假牙，对儿童健康有影响。因为门牙缺失对咬东西和讲话均不方便，后牙缺失则不利于咀嚼和消化，同时对缺失后的邻牙和对侧的牙齿都有影响，造成牙齿排列不齐，容易嵌塞食物，引起龋齿和牙周病。因此，缺牙必须及时装上假牙。有时小儿年龄太小，邻牙根部生长发育尚未完成，牙冠尚未长出，一时不能装假牙，我们可以请牙科医生做一个间隙保持器给戴上，以维持缺失牙空间大小不变，等到邻牙生长发育完成以后，可去除间隙保持器，再装假牙。当小儿碰掉恒牙时，可把掉下来的牙齿，经过牙科医生的处理后，进行再植术，术后牙齿可以长得很牢固，其功能比镶的假牙要好得多。还有，碰掉的牙齿除完整的可以再植外，就是被打坏了的，也可以再植。</t>
  </si>
  <si>
    <t xml:space="preserve">怎么能把自己的心理年龄提高一点？（女友说我的心理年龄太小了）我今 </t>
  </si>
  <si>
    <t>哈哈！是啊！缘分啊！！真逗！那我觉得这可不是一天两天就能解决的问题。第一，你就是你，江山易改本性难移。再说，这是你多年来所形成的性格是很难去改变的！不过为了自己心爱的人去改变自己是值得的，因为爱就是要去付出一切！情到深处不自觉，爱到最后就会失去了自己应该就是像你这样吧。那我给你点建议吧：一：多多的和比你大，比你成熟的人去交流，看看他们的想法都是什么样子的。二：去看看有关于哲学方面的书籍。即----多多的去学习三：注意去感受生活，自己定期的去总结经验，这才是最要的事情。总之一句话：率性而行，继之而悟----祝你马到成功谢谢啊！！！！！！！呵呵！</t>
  </si>
  <si>
    <t xml:space="preserve">24岁女人怎样日常保养?我的皮肤很细致,冬天比较干燥,眉间容易有 </t>
  </si>
  <si>
    <t>脱皮是因为干燥，所以重点在补水，选择温和的洁肤产品和柔肤水，再加上面霜。在情况改善之前，建议不要去角质，可用补水面膜一周两次。可以试试薇姿，补水的效果不错，我和几个朋友都感觉很好泉之净纯净洁面着哩泉之净澄净爽肤水润泉保湿清爽着哩润泉保湿日霜S1 （特别干时可用S2）润泉滋润面膜每件都是一百多元 在药房销售</t>
  </si>
  <si>
    <t xml:space="preserve">SS能有堆多高的血量。我的SS无BUFF16274血，JJC+战 </t>
  </si>
  <si>
    <t>装个“凯尔萨斯的赞誉”比现在更多</t>
  </si>
  <si>
    <t xml:space="preserve">无缘无故的为什么腿关节会痛?好象近期也没作什么特别的事,天气持续 </t>
  </si>
  <si>
    <t>腿关节?具体什么位置?以前有受伤过吗.目前要注意局部保暖,不要过量运动.如果没有改善,就应该直接去看骨科了.</t>
  </si>
  <si>
    <t xml:space="preserve">找一首儿歌歌词的第一句是鲜花盛开阳光灿烂多么美好的童年 </t>
  </si>
  <si>
    <t>这首歌曲是：《永远的山丹丹》</t>
  </si>
  <si>
    <t xml:space="preserve">人口迁移的意义是什么？ </t>
  </si>
  <si>
    <t>中国古代人口迁移的意义　（1）促进了中华民族的大融合，有利于国家统一，推动统一多民族国家的发展。　（2）有利于国内各族人民之间的经济交流，推动各民族经济的进步发展。　（3）有利于江南的开发，推动中国古代经济重心南移。　（4）开发南洋，对世界文明发展做出贡献。　（5）人口分布日渐合理，人口资源得到开发和利用。    （6）也促进了中外文化的交流和南洋经济文化的发展。    人口问题是当代人类面临的一个重大课题，也是高考命题的热点。每年的高考试卷都要涉及与人口有关的一些问题，如当你打开喷着油墨香的2001年广东文理大综合卷、全国文科综合卷、上海高考卷时，首先映入你眼帘的就是关于人口方面的问题。我国是世界上人口最多的发展中国家。人口多、耕地少，底子薄，人均占有资源相对不足，这是我国的基本国情。我国人力资源丰富，这固然是我们建设社会主义的一个重要条件，但人口增长过快，又是我们一个沉重的负担，它严重制约着我国经济和社会发展的进程，影响着人民生活的改善和民族素质的提高。作为当代中国学生必须了解我国人口的历史和现状，增强人口意识，自觉宣传党的人口政策。     人口对自然经济条件下的古代中国来说，有着极为重要的意义。人力是当时生产力的主体，是小农经济的支撑。古代人口的迁移有利于民族融合，有利于生产的发展和进步，有利于中华民族的形成，同时也丰富了整个中华民族的文化。 1、中国古代的人口总量的变化　（1）秦朝时全国人口约2000万。　（2）西汉末年达到5059万人，约占世界总人口的1／5。　（3）从秦代到清康熙元年，除两宋和明代中期，我国人口曾达到1亿左右外，一般都在6000万徘徊。东汉和帝时期5300万，隋唐4600万，北宋1亿，　（4）从清康熙初年到鸦片战争爆发（1840年）的178年中，我国人口进入一个快速发展时期。在这期间，人口总数连闯四关：1684年达到了1亿；1762年突破2亿；1790年越过3亿；1834年超过4亿。    这组人口数据说明，第一，人口总量的增长是中国人口发展史中最明显的特征；第二，人口总量的变化为波浪型增长。可以说，社会安定、经济发展，人口总量就会大幅度增长，如两汉、隋唐、北宋、清前期等。反之，社会动荡，经济凋敝，人口总量就会减少，如秦末、楚汉战争时期、两汉之交、三国两晋南北朝、明末清初等。因此，中国人口波浪型变化呈现出谷连着峰，峰连着谷的轨迹。第三，人口增长呈现加速增长态势。从以上数据可以看出，中国人口达到1亿用了几千年，达到3．6亿用了几百年，达到5亿多只用一百多年。2、中国人口分布格局的变化。远古以来相当长的时间里，黄河流域成为我国经济、政治的重心，人口分布呈现北重南轻的格局。三国两晋南北朝以来，北方政局动荡长期战乱，因此，中原人口多次大规模南迁，北重南轻的人口分布格局逐渐被打破。特别是西晋八王之乱，持续时间长，破坏严重，加剧了阶级矛盾和民族矛盾，导致中原人口大量南迁，掀起了前所未有的移民浪潮，流徙人口在耶90万以上。唐朝安史之乱后，北人再次大举南迁。五代十国时期，北方混战不已，北人继续南迁。于是，南方逐渐成为全国经济的先进地区，人口数量也随之超过北方，南重北轻的人口分布格局最终形成。 3、影响中国人口历史变化的重要因素。（1）自然环境是人类生存和发展的基本条件。自然环境包括地理、气候、水文、土壤等。只要有可能，人们总是寻求气候良好、土壤肥沃、水源充足的地方生存。中国历史人口起源于两河中下游地区，东南人口密度高于西北人口密度，这充分说明了自然环境对人口变化的重要影响。（2）以农业为主的经济影响人口的变化。在农业生产力水平没有明显提高的情况下，扩大耕地面积，增加农作物品种和提高亩产量，都是增加粮食的重要途径。我们虽然不能将人口变迁完全归因于粮食的多少和农业生产的兴衰，但农业发展和粮食丰收肯定有利于人口增殖。每个朝代前期社会安定，农业发展，粮食丰收，都伴随着人口的兴盛。北宋人口剧增，与南方农业发展，水稻品种增加不无关系。清朝前期人口的增长也与高产作物甘薯、玉米的广泛种植有密切关系。（3）社会环境与人口的变化休戚相关。社会环境中战争、政策和人口统计制度等，对人口变化有较大影响。纵观中国历史上战争对人口的影响有三个方面，一是直接造成人口死亡和人口总量的减少。三国时期的“出门无所见，白骨蔽平原”就充分说明了战争的残酷性以及对人口的摧残。二是直接造成人口生存环境的破坏。翻开史书，屡有“室庐焚毁，田亩无主，荒弃不耕”。“人相食啖”的记载。三是造成在籍人口下降。长期战乱，造成大量人口迁徙。迁徙人口脱离原籍，使国家在籍人口减少。反之，社会安定有利于人民休养生息，增殖人口。前面所讲人口波浪型变化，就在一定意义上反映了战争与和平环境对人口兴衰的影响。就政策而言，对广大农民来说土地政策和赋税政策是最重要的。只要政府将农民与土地结合，轻徭薄赋，放松对农民的人身控制，就有利于人口增殖。如均田制、租庸调制以及摊丁入亩的实施，对人口增殖都具有重要的意义。反之，土地兼并，赋税苛重，人身依附加强，人口总量就会减少，其中有饥俄而死，也有人口逃散和隐匿人口现象。前面所讲人口波浪型变化，又在一定意义上反映了政府经济政策变化对人口兴衰的影响。中国很早就建立了人口登记和调查制度。人口统计制度经历了历代的发展，不断完善，也成为影响历史人口变化的重要因素。虽然历代的人口统计或残缺不全，或有可能失真，但它为后人留下了珍贵的历史人口资料，成为我们了解中国人口历史变迁概貌的重要依据。人口变动的途径有两条：一条自然增加，另一条，则是迁移。2、中国古代人口的流向（轨迹）　（1）由人口稀少的荒漠草原向人口稠密的黄河流域中下游地区迁移。如东汉以后的五族内迁；元朝时女真、蒙古人的南下。　（2）北方人民南迁，由人口众多的黄河流域迁向人口稀少的长江中下游地区。。如西晋末年起，北方人民南迁；五代十国时期中原人民流落江南。　（3）内地人口向边疆迁移，大多由政府组织军民迁移，从事戍守、开发、屯田等。。如秦朝迁50万中原人去越族地区；元统一后许多汉族人到边疆去。　（4）华人外流。我国古代有很多人由于多方面的原因到海外谋生、居住，形成华人外流。如唐朝时有人到南洋；郑和下西洋后去南洋的人更多。　（5）外族内流。在长期的中外经济文化交往过程中，不少外国人来华经商定居，形成外族内流。如唐朝时信仰伊斯兰教的波斯人、阿拉伯人到我国一些地区居住；元朝时形成回族。人口迁移的原因：少数民族生产方式的落后和中原地区先进的经济文化吸引少数民族内迁；北方战乱不断，南方相对安定导致大量北人南迁；统治阶级出于政治、经济、军事目的组织军民迁移；统治阶级专制统治、土地兼并等，也使农民流离失所，导致人口被迫迁移。3、人口迁移的史实第一、秦汉时期人口从东向西迁移，如秦始皇命令12万户富豪迁咸阳(60万人)，汉高祖迁大量人民到长安。秦始皇迁移内地人民去河套地区居住生活；迁移50万中原人到越族杂居。第二、三国两晋南北朝时期人口从北向南迁移，如少数民族内迁（西北部的匈奴、鲜卑、羯、氐、羌从东汉起陆续内迁。），黄河流域人民因战乱南迁。第三、五代十国宋元及明末清初因北方战乱人口继续向南迁移。第四、明清人口从国内向海外迁移。如郑和下西洋后，大量华侨到东南亚；大量华工向美洲的输人。第五、内地居民向边疆迁移，如秦朝时汉族人民向河套地区和越族地区的迁移；唐朝时向藏族地区、南诏地区等地区迁移；五代十国两宋时期，北方人民不堪金人统治纷纷南迁。元朝时期汉族向边疆地区迁移；边疆各族包括蒙古族，大批迁入中原和江南。明清时期内地人口向西南、东北、西北的迁移 。从唐朝开始，我国就有很多人到东南亚一带谋生。明朝郑和下西洋后，我国人民移居东南亚的就更多了。3、中国古代人口迁移的意义　（1）促进了中华民族的大融合，有利于国家统一，推动统一多民族国家的发展。　（2）有利于国内各族人民之间的经济文化交流，推动各民族经济的进步发展。　（3）有利于江南的开发，推动中国古代经济重心南移。　（4）开发南洋，对世界文明发展做出贡献。　（5）人口分布日渐合理，人口资源得到开发和利用。    （6）也促进了中外文化的交流和南洋经济文化的发展。4、中国古代的人口政策及其经验教训：劳动者和生产资料是生产力的构成因素。人类社会迄今已存在三代生产力：手工生产力、机器生产力和信息生产力。在第一次产业革命以前的漫长历史中，人类所获得的是第一代生产力，其基本特征是：以简陋的手工工具为整个生产力基础。与此相联系，人的体力成了操作工具的主要动力，劳动者为体力型。整个中国古代的生产力，基本上属于这种第一代的生产力。显然在这种情况下，劳动者或劳动人手的增加，对于社会生产力和社会经济的发展，就具有至关重要的意义。为此，中国古代国家往往采取鼓励人口增殖的政策，众多的人口是国民经济的支柱，人既是生产者，又是征税和服兵役的对象，因此人力资源倍受重视。国家鼓励人口增殖的政策，具体表现在：（1）对生育子女者，免征赋税。（2）对晚婚子女，课以重税。（3）对世代同居的大户征收重税。　中国古代，一般把人口和劳动力的增长当作发展社会经济的先决条件。不仅如此，还往往把人口和劳动力的增长当作社会繁荣昌盛和国力强大的象征。而从实际情况来看，在历代封建王朝的前期，社会经济的恢复和发展，一般说来是与人口和劳动力的增长相同步的。如汉初汉高祖为恢复经济，一面号召流离的劳动力回到生产上，一面鼓励生育，人口和劳动力开始有了增殖，此时社会经济也开始得到初步恢复。惠帝、文帝、景帝时，人口增殖的速度也相应加快，并形成“文景之治”的盛世局面。　国家促进、鼓励人口和劳动力增长的政策，在一定时期内直接促进了经济的兴盛。但人口的过多增长，对社会经济的发展也必将产生消极后果。如滥垦滥伐、盲目开荒、与水争地等给生态环境造成巨大破坏，反过来又影响经济的可持续发展。5、清代前期我国人口为什么急剧增长?从清康熙初年到鸦片战争爆发（1840年）的178年中，我国人口进入一个快速发展时期。在这期间，人口总数连闯四关：1684年达到了1亿；1762年突破2亿；1790年越过3亿；1834年超过4亿。为什么清康熙以后，我国人口会这样迅速增长呢?首先，是因为康熙即位后，社会安定，出现了一百多年“丁男不知兵革之患”的稳定局面；农业的精耕细作有了新的发展，粮食生产跨上了新的台阶，平均亩产由两宋时的100公斤提高到125公斤；而且，清朝最后奠定了我国多民族国家的疆域，加强了各民族之间的经济联系与交流，农业地区扩展到了云南、内蒙、西北和东北，使全国耕地面积迅速扩大，为人口的快速增长提供了较大的空间和较强的物质基础。同时，康熙五十一年（1712年）宣布取消新增人口的人头税，雍正又进一步实行“摊丁入亩”，将丁银（人头税）平均摊入田亩中，全部按土地多少纳税，彻底废除了自秦汉以来延续了两千多年的人头税制度，在一定程度上减轻了劳动者的负担，促进了人口的增长，并使长期隐瞒不报的户口陆续报了上来。实行“摊丁入亩”的办法后，还使城镇居民全部免除了人头税，推动了手工业的发展和资本主义的萌芽，促进了商业的发展和城市的繁荣，增加了人口的容量。再加上清政府比较重视医药卫生事业，从而提高了人们对疾病的防治能力，使人口的死亡率大大降低。6、建国后我国的人口迁移和流动：建国初期，我国省区之间的人口迁移，一是国家有组织地从东部地区城市，调出各种人员支援西部内地和边疆地区建设；二是东部农村大量人口自发移向广大地广人稀的东北、西北等地。农村人口在省区之间的迁移主流是人口自发的流动。我国的人口迁移主要是由于经济原因引起的。我国东南部人多地少，劳动力剩余，西部、北部地广人稀，劳动力不足。所以解放前河北、山东的贫苦农民就向东北迁移，山西向内蒙古迁移，甘肃向新疆迁移。建国后，全国人口主要移出地区是黄河、长河下游地区。这种人口的迁移，对于调整全国人口的分布，开发荒地和矿产资源，发展落后地区经济、文化，建设边疆地区都有积极作用。7、当前民工流动的成因、特点和利弊：1）成因：①农村剩余劳动力多，经济收入低。②农村生态环境压力大。③农村劳动艰辛，文化落后。④农村体制改革。⑤城市的吸引力。（2）特点：①流动据经济定向：主要从山区流向平原，从农村流向城市，从贫困地区流向发达地区。四川、江西、安徽、贵州、湖南等农业人口多的省是民工主要的输出地，上海、北京、广东等大城市和沿海经济发达地区，是民工的主要输入地。②季节性流动以成年民工为主，“外籍工人”以年青人居多。③流动不稳定。④文化素质偏低。（3）利弊：民工的流动有效调整了我国各地区劳动力的余缺，促进了经济的发展；许多外来民工承担了城市建筑、环卫、商业、饮食业、服务业工作，对城市的发展和繁荣起了积极作用。民工的劳务收入、文化技术水平的提高，对改善农村经济，促进乡镇企业的发展起了重要作用。所以“利”是主要的。但民工盲目无序流动也带来了一些社会问题。最为突出的是城镇民工的违法犯罪率有所上升，对社会治安和当地居民安全造成了巨大的威胁。其他社会问题还有：违反计划生育，城市人口急剧增多，住房紧张，交通拥挤，增加了城市就业压力，损害环境等。8、人口的增长与经济发展的关系：人口的发展受社会政治、经济的制约，同时对社会发展起促进或延缓的作用。人是生产者，也是消费者，人口的发展要和社会经济的发展相适应，同资源的利用和环境保护相协调。因为当人类自身的生产同物质资料生产互成比例协调发展时，人口的增长就成为推动社会发展的动力；反之，则出现严重的人口问题，人口偏多或偏少，对社会的发展都起延缓作用。9、我国的人口问题：人口问题是指人口增长速度和人口数量与物质资料的生产不相适应，并且阻碍了国民经济发展和人民生活水平的提高。我国人口问题主要表现在：（1）人均国民生产总值低，人均国民收入低。（2）人口增长快，使得人均国民收入增长率低。（3）我国资料的拥有的绝对量大，但人均相对量小。（4）劳动力过剩，劳动就业问题相当严重。（5）增加劳动就业与提高劳动生产率之间的矛盾突出。（6）国家用于建设的资金积累困难，影响经济的发展。（7）学龄人口比重大，教育经费增长缓慢，从而影响教育的发展，人口素质的提高。（8）人口的消费水平增长缓慢。（9）对我国的生态环境造成巨大压力。　10、我国的人口政策：“控制人口增长，提高人口素质”是我国人口政策的基本内容。我国人口政策的具体要求是晚婚、晚育、少生、优生、优育。少生是控制人口的关键，优育是提高人口素质的先决条件。计划生育已使我国人口再生产状况由“高出生、低死亡、高增长”转向“低出生、低死亡、低增长”类型。11、认识：1、一般说来，人口迁移最基本的动因在于不同地区的人口同生活资料在数量上的不平衡。而人口迁移正是调节这两者关系的重要杠杆之一。2、北方人口的南移(包括两方面：A由北方草原迁入黄河流域，B、由黄河流域迁入长江流域，珠江流域)轨迹明晰而有力，历时长久，为中国古代人口迁移的主流，其动力来自北方游牧民族策马南下逐中原，促使黄河流域人口迁移到长江流域、珠江流域，从而使三大流域人口得到均匀分布，推动区域经济向前发展，也推动了古代经济重心的南移。北方人民南迁有三次高潮：（1）三国两晋南北朝。（2）五代十国（3）南宋。3、中国古代内地居民向边疆地区迁移往往发生在统一王朝；迁移有由政府组织和老百姓自发进行两种方式；通过迁移，把内地的先进文化和生产技术传到边疆地区，促进了边疆地区文化的发展和社会的进步，巩固了边防。4、清代人口比明代人口成倍增长，近代中国大门被西方打开，这为国内过剩人口移居海外提供了条件（如东南亚美洲），但由于中国向海外大量移民的机会已经错过，故内地贫困人民只好向边远地区移动（西北、西北等　）。5．影响我国人口正常发展的主要因素是战乱，以及随之而来的各种天灾人祸。</t>
  </si>
  <si>
    <t xml:space="preserve">牙齿怎么样变白？最近发现原来白净的牙齿开始有些泛黄，我也天天都刷 </t>
  </si>
  <si>
    <t>给你一个简单的办法,拿几颗生的花生米放在嘴中嚼嚼,嚼碎后当牙膏用,几次后牙齿即可变白,试试吧!</t>
  </si>
  <si>
    <t xml:space="preserve">为什么我的胸腔骨左右不对称？ </t>
  </si>
  <si>
    <t>就像左右手一样,一般人右手长点大点.对称不等于对等,多少会有点不同.如无不适属正常现体格.</t>
  </si>
  <si>
    <t xml:space="preserve">怎么样穿高跟鞋才不会夹到脚那么痛？我快出来工作了，想必也要穿高跟 </t>
  </si>
  <si>
    <t>首先要选适合自己脚型的鞋，不要过紧、过尖。另外，刚开始穿高跟鞋不要穿根过高的，先穿矮根的，习惯一段时间后再增加根的高度。</t>
  </si>
  <si>
    <t xml:space="preserve">冬天选择什么床上用品最舒适?什么床上用品可以保温又能使人睡得更加 </t>
  </si>
  <si>
    <t>好的睡眠效果，其实不仅是睡前心情的调整，重要的还是与你整夜接触的棉被。为什么这么说呢？经科学研究指出，92%的人长期使用过重的棉被，致使夜间出现多梦，呼吸不畅顺，心脏有被压紧不适的情况等。推荐一款经科研生产的床上用品京良《OUTLAST》不仅有恒温功效，还轻盈舒适。Outlast可以调节被内的温度，不会因为外界温度变化和被内温度变化过大而使人们睡不着或容易醒而睡得不安稳。在夏天，Outlast床上用品比通常的织物感觉会凉爽，在不太热的天气下，它给你带来更凉爽的感觉，使你不需要开空调；如果在开空调的情况下使用，它可以整晚调节被内温度，不会让你感觉到忽冷忽热而睡不安稳。从而加大睡眠质量</t>
  </si>
  <si>
    <t xml:space="preserve">刚刚的问题不太明白不太明白。我学的是日语专业，且今年本科能毕业。 </t>
  </si>
  <si>
    <t>日语本科毕业后,学法律可以不从法律基础科开始学,但必须考法律独立本科专业.</t>
  </si>
  <si>
    <t xml:space="preserve">老师600449和000060哪个好点，今天可以进吗？谢谢 </t>
  </si>
  <si>
    <t>600499 科达机电 震荡整理不实浮筹,短线静待企穏.可做潜伏考量.000060 中金岭南缩量?M盘的震荡,或有短线机会,仍需看看大盤資金的分流.</t>
  </si>
  <si>
    <t xml:space="preserve">请教各位性学大师？在看各位大师在回答问题时，多次提到女性的“爱液 </t>
  </si>
  <si>
    <t>女性“爱液”主要有两部分：一是来自阴部的前庭大腺又称巴氏腺，位于大阴唇后部，开口在小阴唇内侧面及处女膜外侧中下1/3交界处中。性兴奋时，可以分泌体液。二是阴道内壁分泌出的"爱液"。这种爱液主要是在女性性兴奋时，由于阴道内壁血管细胞充血，而形成的渗出液，另外还有一部分子宫颈液。这也能解释，性刺激越大，阴道液量与阴道血流量同步就增加，爱液也就越多。　　在做爱时，爱液能起到润滑作用，减少“硬磨擦”给女性带来的疼痛，同时在中和阴道内酸性的基础上，保证精子的存活率，延长其存活时间，保护受孕。女性分泌爱液，是一种正常的生理现象。</t>
  </si>
  <si>
    <t xml:space="preserve">谁知道4级打造图在哪买啊？这游戏生活技能设计的真垃圾！！！ </t>
  </si>
  <si>
    <t>4级打造图貌似NPC有卖的...苏州对应的NPC5级打造图-辽西右上角6级打造图-琼州右中靠下图样4级的在苍山左上角,5级在燕王古墓5层去6层的地方,6级以上需要帮派研修.给分吧~~~</t>
  </si>
  <si>
    <t xml:space="preserve">一个历史疑问古时皇帝经常采用“满门抄斩”和“诛灭九族”的极端刑罚 </t>
  </si>
  <si>
    <t>只有评论 没有回答 俺来复制一把 嘿嘿!满门抄斩就是只杀你一家，包含同住的亲族，分家别居不杀。“诛灭九族”为杀光父族四、母族三、妻族二。更严厉的为‘十族’除九族外再加弟子、门生。</t>
  </si>
  <si>
    <t xml:space="preserve">重庆天龙：装修刚刚刷完华润木器漆，是清漆，可是效果不理想，想改成? </t>
  </si>
  <si>
    <t>不好意思，现在才看见你的问题。让你着急啦!你已经刷过清漆，再改为白色混油是可以的。这要注意两个问题：一、原有的华润漆如果是硝基漆，那么，改为白色混油的也要用同一类硝基漆。这就不用担心起什么化学反映了。二、原有的漆面由于是才做不久，只需简单地用砂纸打磨即可。因为，底层已经处理过了。相当于清漆又做了一次底层漆。三、白色混油的做法，用漆量一般大于清水漆。所以，改为白色混油后，可以多刷(或喷)几遍，直至完全覆盖。希望我的回答能够对你有所帮助。</t>
  </si>
  <si>
    <t xml:space="preserve">农行与农商行在农村商业银行能直接把现金工打到农业银行卡里吗？ </t>
  </si>
  <si>
    <t>不能。这是两个完全不同的银行，业务上也没有什么联系。</t>
  </si>
  <si>
    <t xml:space="preserve">裤子应该怎么穿? </t>
  </si>
  <si>
    <t>裤子一端为大口另一端为两小口双手拿着大口撑开两小口朝下双手拿着大口放在腰部两腿站直然后下蹲猛跳，两腿从大口入分别从两小口出基本动作就这些</t>
  </si>
  <si>
    <t xml:space="preserve">新注册的农村合作社怎么进行了税务处理 </t>
  </si>
  <si>
    <t>1、账务处理可参照《农民专业合作社财务会计制度》的相关规定；2、税务处理方面主要是根据财税〔2008〕81号《财政部 国家税务总局关于农民专业合作社有关税收政策的通知》的规定进行处理，在国税机关办理税务登记及相关事宜       “一、对农民专业合作社销售本社成员生产的农业产品，视同农业生产者销售自产农业产品免征增值税。　　二、增值税一般纳税人从农民专业合作社购进的免税农业产品，可按13%的扣除率计算抵扣增值税进项税额。　　三、对农民专业合作社向本社成员销售的农膜、种子、种苗、化肥、农药、农机，免征增值税。　　四、对农民专业合作社与本社成员签订的农业产品和农业生产资料购销合同，免征印花税。有用请给好评 谢谢</t>
  </si>
  <si>
    <t xml:space="preserve">在如今的社会,如今的环境,生命有什么意义 </t>
  </si>
  <si>
    <t>为了什么而活在这个世界上？ 或者说，我们活在这个世界上是为了什么？为名？为利？ 可是再怎样的丰功伟业死了都不是一场空么，即使能名留青史那对自己又能有什么意义呢？ 无论怎样努力 到头来不都是一样么。那我现在的奋斗又有什么用呢？ 生命的意义究竟是什么？ 真是不知道自己为了什么而苟活于人世间……  生命的意义在于“延续”。 想想咱们的祖先，那才是真正的强者，在如此恶劣的环境下生存着，直到咱们的出生。 知道“不孝有三，无后为大”的概念了吧？  我不是一个懂得很多的人，我现在才慢慢了解到生命的意义在于爱。 一个心中充满爱的人，或者说心中充满对爱追求的人是不会放弃希望的。 这个世界是怎样的世界，在于你所站的角度。 “耶和华是我们的牧者，我们必不至缺乏。”--------《诗篇》   只是一种过程  活着 是一个消业的过程   生命的意义是什么，这个被家寻找了几千年的答案，它依然在上帝那里。。。。。 这个问题属于上帝，不属于凡人，正如鸡永远不知道自己存在的价值是下蛋一样。。。 在你被这个问题毁掉以前停止思考，也许是明智的。。。。  一直相信 人 每做一件好事 他的子孙就可以幸运一些 如果他没有子孙 那么这样他的亲人就会幸运一些 假如他没有亲人 那么至少他爱的和信赖的人也会幸运一些 不过要是他连信任的人都没有…… ……那么他不是一个会做好事的人 即使拥有无数财富，美色，权利，荣耀 他也是可悲可怜的人 我们一生下来 就带有不可磨灭的罪孽 活着 便要用善行抵消它 生命的意义 在于接近善 并且为善  本身存在必需要有意义吗 你能说那树的生命有意义？活着就不须要道理   们活着其实就是为了自圆其说，我们按照自己的思想建立了这个社会的制度，建立审美观，然后依照这些制度这些审美观改变客观世界里的物质的存在方式，以让那些制度完善，这就是我们的意义，我们只能自己赋予自己意义，因为人类是这个世界上（到现在能知道的位置）会思考会去想意义是怎么一回事的存在形式，对于世界，对于宇宙，意义本身就是没有意义的，  生命是为了死亡 在时时记得这个结局的同时 去爱 像陀斯妥耶夫笔下的阿辽沙  想想什么是你可以为之献出生命而在所不惜的，那就是你生活的意义，如果没有，你的生活没有意义。   如果看待周围人群时，看到的是一簇簇的生命 那它的意义，就可以没有困惑无须解答了   地球上有多少人就有多少种答案！ 它既不属于任何人，又属于每个人！ 我们没有资格去对别人的生命指手画脚！他人的生命意义对其他人没有任何价值！ 也许一件事，也许是凝固的一秒就会诞生你活着的理由，那就是你生命的意义！   活着,是对未知的敬畏,是对所知的虔诚.欣赏并体验时间的速度:破与立.削与长;似乎只是时间的玩笑.  生命的意义就是活着~~~~活下去就是人类生存的意义~~~~~~~~想想那些昆虫~~那么短暂的生命~~它们为的是什么~~也就是活着~~延续下去~~一个种族的延续~~~~~~~~~~~~~~~我们人类呢~~~~~~改造世界~~创造新世界???活着本身就是存在和活着的意义  人生在世，不过是重复前人曾经经历的种种悲欢离合。太多的人，生不留名死不留姓的，怎么来的怎么走了。  尽人事,成天命! 没有什么的. 所谓生命的意思,我想,本来是没有什么意义的.  切只是巧合 追究其本身的意义 其行为本身就是无意义的 生命的意义，曾为无数人所探讨，而各人之观点，则往往因基於所经历境遇之歧异而不同，盖人生活於囿限的世界中，自难从主观的认识自己超脱为客观的认识自己。不过如果对生命的意义不能作一正确的认识，则无法建立正确的人生观。没有正确的人生观，便很容易蹉跎光阴，使宝贵的生命失却了灿烂的光辉。因此，吾人应对生命的意义有一个深切的认识。 生命究为何物？英哲罗素说：「整个人类的生命，宛如一道壮阔的洪流，从不可知的过去，汹涌的冲向不可知的未来，我们每人都只是这种洪流中的一粒水滴，一个泡沫。」这就是说：就整个的宇宙来看，生命的显现，只是一种过程，而这种过程，在整个宇宙进化中，尽占一微渺的地位，我们无能为力去改变这种地位。因为我们既囿於空间，又囿於时间；易言之，我们生命活动的极度，完全为自然律所支配。对人类而言，这是一件可悲的事实。 对於人生的真谛，吾人常加以各类型的解说。虽则吾人无法摆脱物质界对於我们的制囿；在精神界，我们却有自由发展的余地。诚然，生命是一种自然现象，其本身既无悲、喜。若有悲、喜，则不啻为人类自己所加於本身的色彩。人类之有喜、怒、哀、乐等精神状态，为其所特具，这些精神状态，可如时空宇宙，同样地不朽。因此，人类在实质上，虽属於时空宇宙，他本身却创造了另一不朽的宇宙——精神宇宙。这个宇宙，为人类生存寄托之所在。在时空宇宙，生命无其特殊意义，如尘土然，仅为宇宙的一种过程而已。而在精神宇宙，它却具有无限的底蕴，无限的意义。 精神宇宙是可以扩大的，加速扩大这精神宇宙，即为生命意义，「贡献我们所能的和所有的，使这精神宇宙更为壮丽，更为浩瀚，这是作为人类的一分子的责任，也就是自己生命之所在。」对於精神宇宙言，我们的存在，是不朽的，因此希求避免躯体的幻灭，也就没有多大意义了。</t>
  </si>
  <si>
    <t xml:space="preserve">我一键还原系统后U盘里有的东西会不见了我的U盘一直是放在抽屉里的 </t>
  </si>
  <si>
    <t>寒。。就算还原的时候U盘插在电脑上，里面的东西都不会不见的，是不是你电脑中毒了，把里面的文件隐藏了，在文件夹选项那打开看看。</t>
  </si>
  <si>
    <t xml:space="preserve">为什么这么多人说没了反板他们就没法抢了？难道反板可以这么牛？谁知? </t>
  </si>
  <si>
    <t xml:space="preserve">光说没有用，亲眼去看看吧：    </t>
  </si>
  <si>
    <t xml:space="preserve">怀孕一个月了老是口干，每天晚上要喝很多水请问我怀孕刚一个多月老是 </t>
  </si>
  <si>
    <t>没关系的，我也才怀孕一个月，每天夜里喉咙里像火烧的一样，建议你每天白天多喝点开水，睡觉了就不要喝了，那样很影响睡眠的。不管感冒不感冒，多喝水总是没坏处的</t>
  </si>
  <si>
    <t xml:space="preserve">交易问题显示“不可掉落”“无法交易”，怎么才能交易给别人，不能交 </t>
  </si>
  <si>
    <t>已经标注的很清楚了，装备依然不能暴出来。你见过有暴出过时装和真散仙装备吗？</t>
  </si>
  <si>
    <t xml:space="preserve">昨天我正在喝茶，女站在旁边了，一动，水洒了。我发现女儿脸上和耳朵? </t>
  </si>
  <si>
    <t>水进入耳朵容易引起中耳炎，或让孩子歪头让水流出，流出以后用棉签将耳朵里的水醮干。</t>
  </si>
  <si>
    <t xml:space="preserve">特林战区进不去啊？怎么没人管啊？？？账号都不让打好几天了 </t>
  </si>
  <si>
    <t>你可以去官方论坛反映反映~~就咱特倒霉，没办法唉~~</t>
  </si>
  <si>
    <t xml:space="preserve">南京企业培训管理视频找哪家？ </t>
  </si>
  <si>
    <t>亲做企业培训管理视频找南京太阳圣火影视传媒机构！拍摄制作：1企业培训管理视频、企业形像片、宣传片、微电影、企业宣传、学校教育机构宣传、事业单位宣传、机关单位对外宣传 2.企业培训管理视频、电视广告、电视广告宣传、电视媒体、新闻发布 3.企业培训管理视频、教学培训，授课讲师 4.企业培训管理视频、大型活动拍摄、新车下线、试车试驾、会议拍摄、讲座、运动会、晚会等 5.企业培训管理视频、新闻发布、新股发行、电视纪实、企业成长纪实片、文明工地申报片、知识讲座、新车下线 6.企业培训管理视频、行业专家、市场分析师、省市领导座谈、董事长、总经理访谈、电脑多媒体制作等 7.企业培训管理视频、电视剧、晚会现场多台摄像机位同步直播摄制及各类户内外活动的拍摄制作</t>
  </si>
  <si>
    <t xml:space="preserve">将网站复制到服务器后，如何创建虚拟目录我做了一个网站，想将它放到 </t>
  </si>
  <si>
    <t>你说的是软件问题，这里是计算机硬件分类，请发到正确的分类了。</t>
  </si>
  <si>
    <t xml:space="preserve">号总被盗是不是GM在做怪？为什么老破天不会被盗？？被盗N回，郁闷 </t>
  </si>
  <si>
    <t>建议您时时检测计算机需要更新的漏洞补丁信息、查杀电脑病毒和木马，同时定期修改ID的密码信息，增强帐号保护意识。《新破天一剑》客服再次重申，请大家尽快填写完整注册资料，然后使用“达.芬奇密宝”或兼容产品，或完全免费的“防盗门”，保护您的帐号安全！并且，千万不要去访问任何以私服、外挂名义宣传的虚假网站，那里充斥的都是经过免杀、或粉碎机加壳处理的木马程序，异常危险！如果您不能按照正常流程保护好自己的账号安全，那么，再先进的安全系统也无法避免您的帐号被盗。</t>
  </si>
  <si>
    <t xml:space="preserve">电脑光驱读不出空盘读得出已写的光盘怎么回事 </t>
  </si>
  <si>
    <t>你的光驱可以刻录吗？如果不可以的话就不能读</t>
  </si>
  <si>
    <t xml:space="preserve">《蜀道难》是哪位大诗人的作品 </t>
  </si>
  <si>
    <t>唐代大诗人--李白《蜀道难》噫吁?，危乎高哉！蜀道之难难于上青天！　　 蚕丛及鱼凫，开国何茫然！　　 尔来四万八千岁，不与秦塞通人烟。　　 西当太白有鸟道，可以横绝峨眉巅。　　 地崩山摧壮士死，然后天梯石栈相钩连。　　 上有六龙回日之高标，下有冲波逆折之回川。　　 黄鹤之飞尚不得过，猿猱欲度愁攀援。　　 青泥何盘盘，百步九折萦岩峦。　　 扪参历井仰胁息，以手抚膺坐长叹。　　 问君西游何时还？畏途]裳也豢膳省！　?但见悲鸟号古木，雄飞雌从绕林间。　　 又闻子规啼夜月，愁空山。　　 蜀道之难难于上青天，使人听此凋朱颜！　　 连峰去天不盈尺，枯松倒挂倚绝壁。　　 飞湍瀑流争喧?W，x/崖转石万壑雷。　　 其险也如此，嗟尔远道之人，胡为乎来哉！　　 剑阁峥嵘而崔嵬，一夫当关，万夫莫开。　　 所守或匪亲，化为狼与豺，　　 朝避猛虎，夕避长蛇，磨牙吮血，杀人如麻。　　 锦城虽云乐，不如早还家。　　 蜀道之难，难于上青天，侧身西望长咨嗟！</t>
  </si>
  <si>
    <t xml:space="preserve">长时间开着电脑却把显示器关掉对电脑有害吗？？？我是玩网络游戏的， </t>
  </si>
  <si>
    <t>危害不大~~~没有影响。</t>
  </si>
  <si>
    <t xml:space="preserve">神经系统的常识不解？神经系统包括：大脑、脊髓、神经和神经细胞。脊 </t>
  </si>
  <si>
    <t>脊髓在脊柱的椎管里,脊柱就是你的脊梁骨,如果你觉得很抽象,就到菜场里,肉铺那里,仔细观察一下,找不到就问老板.</t>
  </si>
  <si>
    <t xml:space="preserve">关于高中生物必修一的问题。细胞质基质、线粒体基质和叶绿体基质的（ </t>
  </si>
  <si>
    <t>选 B 啊细胞质基质中进行有氧呼吸的第一阶段和无氧呼吸的第一二阶段线粒体基质中进行有氧呼吸以及基质中还含有DNA和酶叶绿体基质中进行暗反应,基质中也有DNA和酶,但与线粒体基质中的不同</t>
  </si>
  <si>
    <t xml:space="preserve">如何筹划电子战包括我现有资源的优化组合等 </t>
  </si>
  <si>
    <t>先用网络渗透,进入对方的军事指挥系统,在战争开始前几小时瘫痪它,再就是要用电子战的各种手段:飞机\地面电子站\舰艇等封锁其通信系统,对于雷达系统要先致盲,再摧毁,这样做得到就可以保证各方面的优势了.关键有一点,如果是对付美国还要对付其太空间谍卫星和GPS系统的卫星!把卫星摧毁了它的CI4系统至少速度就要慢很多,可以从容应对了,如果想大打就要摧毁它的民用网络,从经济上瘫痪它,至少也要摧毁它的金融网络!</t>
  </si>
  <si>
    <t xml:space="preserve">你自认为自己最好的习惯是什么？ </t>
  </si>
  <si>
    <t>下班就回家！</t>
  </si>
  <si>
    <t xml:space="preserve">为什么泡淡的当天的茶叶不能吃,会有什么后果呢？ </t>
  </si>
  <si>
    <t>茶宜现泡现饮茶叶冲泡3—5分钟，茶叶慢慢下沉杯底，即可趁热慢慢品饮。第一杯茶不能喝完，需留1/3，待再次冲泡。一般茶叶，冲泡2—3次，至茶叶淡而无味为止。茶叶切忌长时间浸泡，长时间浸泡茶叶,茶叶中的有害物质就会渗透出来，喝也不利于健康.</t>
  </si>
  <si>
    <t xml:space="preserve">皮肤过敏真是难受阿。有什么好办法没? </t>
  </si>
  <si>
    <t>服氯雷他定胶囊和维生素C治疗。外涂老中医软膏。也可以中医中药治疗。平时需要从饮食上调节，忌食辛辣剌激食品，忌油腻，忌饮酒，忌海鲜，忌腥荤及发物，保持大便通畅，保持情绪舒畅等预防复发（希望能帮助到你，麻烦点击 “好评”，谢谢你^_^）</t>
  </si>
  <si>
    <t xml:space="preserve">新买的摄像头不能用？怎么回事？装了驱动啊！可是不显示啊！晕了！ </t>
  </si>
  <si>
    <t>安装顺序错误,安装时先装驱动软件,重启电脑后再插摄像头,按提示将其驱动</t>
  </si>
  <si>
    <t xml:space="preserve">我平时射门也还可以是属于因扎吉吉拉迪诺那种类型的机会主义者纯禁区? </t>
  </si>
  <si>
    <t>根据你所描述的，你是属于那种相对而言力量型的前锋！所以，力量就是 你的优势！所以，我建议：对着一个方向大力射门，现在的业余门将不可能做出什么世界级的扑救！相信肯定可以进的。祝你好运！</t>
  </si>
  <si>
    <t xml:space="preserve">做爱后阴部一连几天轻微疼痛，怎么办？中秋节那天和老公做了两次，第 </t>
  </si>
  <si>
    <t>没有水了，摩擦厉害，用点凡士林</t>
  </si>
  <si>
    <t xml:space="preserve">扫帚和畚箕哪个用途大些？筷子和碗呢？ </t>
  </si>
  <si>
    <t>什么东西都是原配好，为什么非要学人找个第三者。</t>
  </si>
  <si>
    <t xml:space="preserve">2014年小升初考试的要求？ </t>
  </si>
  <si>
    <t>一般考试是语文和数学。有的学校也考英语。我儿子去年就是上博普教育的定向班进步很快。</t>
  </si>
  <si>
    <t xml:space="preserve">新手发不了帖吗????? </t>
  </si>
  <si>
    <t>可以.发帖没等级之分啊</t>
  </si>
  <si>
    <t xml:space="preserve">怎样把照片存到网易邮箱?我D盘里的照片,想把它发到自己的邮箱,然 </t>
  </si>
  <si>
    <t>这是使用邮件客户端在传送邮件.而客户端需要设定很多内容.你应该使用IE进入你的邮箱,添加附件.再传送</t>
  </si>
  <si>
    <t xml:space="preserve">清泉老师600050清泉老师块34成本,如何操作?谢谢 </t>
  </si>
  <si>
    <t>有相同回答.</t>
  </si>
  <si>
    <t xml:space="preserve">谁知道《杂曲歌辞》词律？今天看到一首《杂曲歌辞》边草，边草，边草 </t>
  </si>
  <si>
    <t>乐府的一种，它本是一些散失了或残存下来的民间乐调的杂曲，由乐府加以整理。其内容多是诗人述志感怀之作，形式上也不合音律。与五言古诗相接近。主要流行于汉代至唐代。著名作品如《羽林郎》、《焦仲卿妻》等。 　　其中有李白的《古朗月行》： 　　小时不识月， 呼作白玉盘。 　　又疑瑶台镜， 飞在青云端。 　　仙人垂两足， 桂树何团团。 　　白兔捣药成， 问言与谁餐？ 　　蟾蜍蚀圆影， 大明夜已残。 　　羿昔落九乌， 天人清且安。 　　阴精此沦惑， 去去不足观。 　　忧来其如何？ 凄怆摧心肝。杂曲歌辞·壮士行 阴风振寒郊，猛虎正咆哮。徐行出烧地，连吼入黄茆。壮士走马去，镫前弯玉弓肖。叱之使人立，一发如铍交。悍睛忽星坠，飞血溅林梢。彪炳为我席，膻腥充我庖。里中欣害除，贺酒纷号呶。明日长桥上，倾城看斩蛟。杂曲歌辞·荆州乐二首    渚宫杨柳暗，麦城朝雉飞。可怜踏青伴，乘暖着轻衣。今日好南风，商旅相催发。沙头樯竿上，始见春江阔。杂曲歌辞·纪南歌  风烟纪南城，尘土荆门路。天寒猎兽者，走上樊姬墓。杂曲歌辞·宜城歌  野水绕空城，行尘起孤驿。花台侧生树，石碣阳镌额。靡靡度行人，温风吹宿麦。知杂曲歌辞·浪淘沙   九曲黄河万里沙，浪淘几簸自天涯。如今直上银河去，同到牵牛织女家。洛水桥边春日斜，碧流轻浅见琼沙。无端陌上狂风急，惊起鸳鸯出浪花。汴水东流虎眼文，清淮晓色鸭头春。君看渡口淘沙处，渡却人间多少人。鹦鹉洲头浪飐沙，青楼春望日将斜。衔泥燕子争归舍，独自狂夫不忆家。濯锦江边两岸花，春风吹浪正淘沙。女郎剪下鸳鸯锦，将向中流匹晚霞。日照澄洲江雾开，淘金女伴满江隈。美人侯王印，尽是沙中浪底来。八月涛声吼地来，头高数丈触山回。须臾却入海门去，卷起沙堆似雪堆。莫道谗言如浪深，莫言迁客似沙沉。千淘万漉虽辛苦，吹尽狂沙始到金。流水淘沙不暂停，前波未灭后波生。令人忽忆潇湘渚，回唱迎神三两声。杂曲歌辞·纥那曲    杨柳郁青青，竹枝无限情。同郎一回顾，听唱纥那声。踏曲兴无穷，调同词不同。愿郎千万寿，长作主人翁。杂曲歌辞·潇湘神二曲    湘水流，湘水流，九疑云物至今愁。君问二妃何处所，零陵香草露中秋。斑竹枝，斑竹枝，泪痕点点寄相思。楚客欲听瑶瑟怨，潇湘深夜月明时。杂曲歌辞·抛球乐    五彩绣团团，登君玳瑁筵。最宜红烛下，偏称落花前。上客如先起，应须赠一船。春早见花枝，朝朝恨发迟。及看花落后，却忆未开时。幸有抛球乐，一杯君莫辞。杂曲歌辞·忆江南    春过也，共惜艳阳年。犹有桃花流水上，无辞竹叶醉樽前，惟待见青天。春去也，多谢洛城人。弱柳从风疑举袂，丛兰裛露似沾巾，独笑亦含颦。杂曲歌辞·踏歌行 春江月出大堤平，堤上女郎连袂行。唱尽新词看不见，红霞影树鹧鸪鸣。桃蹊柳陌好经过，灯下妆成月下歌。为是襄王故宫地，至今犹自细腰多。新词宛转递相传，振袖倾鬟风露前。月落乌啼云雨散，游童陌上拾花钿。日暮江头闻竹枝，南人行乐北人悲。自从雪里唱新曲，直至三春花尽时。</t>
  </si>
  <si>
    <t xml:space="preserve">小孩子的JJ（打一成语） </t>
  </si>
  <si>
    <t>来日方长。。。。。。。。。。。。。。。</t>
  </si>
  <si>
    <t xml:space="preserve">增城市有什么地方好玩的？ </t>
  </si>
  <si>
    <t>1、增城白水寨以中国大陆落差最大瀑布闻名的广州白水寨省级风景名胜区位于增城市派潭镇，被誉为“北回归线上的瑰丽翡翠”。它东临南昆山脉，西邻从化市温泉镇，南界增城市小楼镇，北边则紧接广州市白云区。白水寨园区内的自然生态资源非常丰富，竹影碧绿，古木参天，蝶舞蜂飞，尤其是面积达200平方公里的茂密水森林，更是夏季避暑纳凉的天然帐幕。2、大丰门风景区大丰门风景区位于增城白水寨风景名胜区内，像一块碧绿的翡翠镶嵌在白水仙瀑景区与南昆山景区之间，北回归线穿越其中，面积达38平方公里。这里遍布奇峰秀水、峡谷激流、森林湖泊、冰臼奇石、瀑布深潭、天梯云雾、温泉卧佛，集全国名山胜水的优点一身，同时又独具特色，令人叹为观止。3、裕达隆花园裕达隆花园位于广东省增城市三江镇广汕公路北侧，距离广州市区80公里，惠州40公里，东莞30公里，总面积八十万平方米。历时三年，第一期建设方千始成。花园规模宏大，设计构思奇特、各具特色的景区、景点，富蕴中华人文精神，处处聚设计者、建造者达的智慧和匠心。4、增城坑背古村落坑背古建筑群位于中新镇坑背村（广汕公路旁），建于明未清初，通面宽152.43米，通深53.96米，面积8225.12米。整体建筑分类10列5排，面向东北方向。房屋为硬山顶，碌灰筒瓦，锅耳封火墙，施彩绘，面阔均三间，排、列之间纵横青云巷。最右列为书房、花园前后各半的布局，中间列正中，建有“式谷毛氏祠”，作为整个建筑群核心大祠堂。5、增城畲族风情村在整个广州地区，惟一有少数民族的地方，就在增城的正果镇。兰溪畲族村，是广州地区最大的畲民聚居村落。虽然村里已经有些汉化了，但还是可以看到少数民族的风情。畲族有自己的语言、民歌和服饰，善长唱山歌，他们还有自己的图腾崇拜。畲族村位于罗浮山西北麓，拥有很多独特的景观。自然景观主要有荔枝园、桃花谷、柿树坡、扫把山、梨花沟、枇杷谷、枫树坡、古树神韵、竹溪村落等，人文景观主要是畲族特色的房屋建筑、习俗和酥醪古观等。增城市目前正进行畲族村生态旅游区规划，初步设计有25个景点和8个精品景点，规划建设的8大精品景点分别是：荔林春晓、枫桥夜泊、千年古寨、桃花山谷、畲村天泉、秤钩风藤、澄潭月影、天地石灶等。</t>
  </si>
  <si>
    <t xml:space="preserve">很容易脸红怎么办,也不是没有自信,也不是害羞,也不是自卑,就是会? </t>
  </si>
  <si>
    <t>步入社会，在人前易脸红的毛病不堪其苦。其实知道并没有什么可怕的，也想改变自己，自如地与人交往，但就是做不到。有时同不太熟悉的人交谈，本来还好好的，突然心里"格登"一下，心跳加快，一股热血直往脸上冲，自己难堪不说，还叫别人莫名其妙，常常被别人笑话，致使与人交往时几乎成了惊弓之鸟，不敢与人交往。但又渴望与人交往，在的身体里常常经历着两个不同自我的战争：一个害羞、懦弱、缺乏自信，一个则强迫自己去改变自己，所以感到真是太沉重、太累了。这是患上了一种叫"赤面恐怖症"的心理疾病。 每个人在与自己不熟悉或比较重要的人交往时，都会出现一种紧张或激动感，并反射性地引起人体交感神经兴奋，去甲肾上腺素等儿茶酚胺类物质分泌增加，从而使人的心跳加快，毛细血管扩张，即表现为脸红。这本是人际交往中的一种正常反应，随时间推移会习以为常。但由于你缺乏自信，因而特别注意别人对你的评价，注意自己在别人面前的表现，以致对脸红特别在意。害怕别人会因此议论你，想自己不脸红，但又无法消除，见人脸红便成了你的心病。与人交往前你便担心自己会脸红，交往时更是认真体验自己有无脸红，时间一长，就在大脑的相应区域形成了兴奋点，只要你一进入与人交往的环境，就会出现脸上发热感和内心的焦虑不安，加上别人对此的议论或讥笑，更使你紧张不安，惧怕见人，从而形成赤面恐怖症。 赤面恐怖症是可以治疗的。首先你对脸红要采取顺其自然的态度，允许它出现和存在，不去抗拒、抑制或掩饰它，不为有脸红而焦虑和苦恼，从而消除对脸红的紧张和担心，打断由此而造成的恶性循环。 其次是要进行自信心方面的训练。人前容易脸红的人，多数对自己缺乏自信，具有自卑感，因而加强自信心的培养，克服自卑感，可起到釜底抽薪的作用。 要改变只看到自己的短处，用自己的短处比别人的长处的思维方式，反过来经常想想自己有哪些长处或优势，以自己的长处去比别人的短处，从而逐渐改变对自己的看法。在改变对自己的看法的同时，再将注意力转移到自己感兴趣、也最能体现自己才能的活动中去，先寻找一件比较容易也很有把握完成的事情去做，一举成功后便会有一分喜悦，做完后再用同样的方法确定下一个目标。这样，每成功一次，便强化一次自信心，逐渐地自信心就会越来越强。 手指有长有短，人也不可能十全十美，人的价值主要体现在通过自身的努力尽可能地发挥自己的潜能。把缺点、失败及别人的耻笑等看成是一种常事，当成完善自己的动力，对别人的评价和议论自己心中有主见，做到"有则改之，无则加勉"，不为人言所左右或无所适从。 人会自卑，是因为他通过比较和自省，发现自己确有不如人处。而处事成功，也需要一定的知识和能力。所以，一个人要想最终克服自卑心理，就必须在建立自信的同时正视自己的不足，通过多学、多干来充实知识，丰富经验，学会与人交往的方法与技巧。 此外，可通过心理训练来帮助克服。具体方法如下： 第一步：把能引起你脸红的各种场面，按由轻到重依次列成表，分别抄到不同的卡片上，把最不令你脸红的场面放在最前面，把最令你脸红的放在最后面，卡片按顺序依次排列好。 第二步：进行松弛训练。方法为坐在一个舒服的座位上，有规律地深呼吸，让全身放松。进入松弛状态后，拿出上述系列卡片的第一张，想像上面的情景，想像得越逼真、越鲜明越好。 第三步：如果你觉得有点不安和脸红，就停下来莫再想像，做深呼吸使自己再度松弛下来。完全松弛后，重新想像刚才失败的情景。若不安和脸红再次发生，就再停止后放松，如此反复，直至卡片上的情景不会再使你不安和脸红为止。 第四步：按同样方法继续下一个更使你不安和脸红的场面(下一张卡片)。注意，每进入下一张卡片的想像，都要以你在想像上一张卡片时不再感到不安和脸红为标准，否则，不得进入下一个阶段。 第五步：当你想像最令你不安和脸红的场面也不感到脸红时，便可再按由轻至重的顺序进行现场锻炼，若在现场出现不安和脸红，亦同样让自己做深呼吸放松来对抗，直至不再脸红为止，又进入下一步的锻炼。</t>
  </si>
  <si>
    <t xml:space="preserve">帮我找一些篮球场上的专业术语例如投球是shootball传球是p </t>
  </si>
  <si>
    <t xml:space="preserve">英语　　后卫－guards　　中锋－center　　后场－backcourt　　前场－frontcourt　　组织后卫－point guard　　得分后卫－shooting guard　　大前锋－power forward    球场－court　　前锋－forwards        小前锋－small forward　　篮框－rim,basket　　争球－jump ball　　攻方－offense　　守方－defence　　计时器－shot clock　　打成平分－tie　　加时赛－overtime（OT）　　运球－dribbling　　身前快速运球－speed　　双手交替运球－crossover　　身后运球－behind-the-back　　腿间运球－between－the－leg　　转身运球－spin　　传球－pass　　胸部传球－chest　　反弹传球－bounce　　过顶传球－overhead　　大力传球－baseball－type　　身后传球－behind－the－back　　投篮方式－shooting form　　直接篮下得分－layup　　大力灌篮－the dunk shot　　跳投－jump shot　　勾手投篮－hook shot　　投篮命中率－field goalds（FGs）　　三分球命中率－3-point FGs　　罚球－foul shot　　罚球线－free throw line　　篮板－rebound　　攻方篮板－ bounds　　守方篮板－ bounds　　助攻－assists　　内线得分－points in paint　　暂停－time－out　　卡位－screens　　人盯人－men－to－ men defense　　区域防守－zone defense　　盖帽－blocking　　失误－turnovers　　撞人犯规－charging　　阻挡犯规－holding　　推人犯规－pushing　　技术犯规－technical offence（fouls）　　常规赛－regular season　　季后赛－playoff投 篮 方 式 篇 dunk  灌篮 bank shot 擦板球 double pump 拉杆式投篮 fade-away shot 后仰式跳投 hook shot 钩射投篮 jump shot 跳投 layup 带球上篮 perimeter shot 中距离投篮 set shot 立定投篮 three-point shot 三分球 统 计 术 语 篇 assist 助攻 block shot 阻攻 defensive rebound 防守篮板球 field goal percentage 投球命中率 field goal 投球命中 free throw percentage 罚球命中率 free throw 罚球 offensive rebound 进攻篮板球 rebound 篮板球 scoring 得分 steal 抄截 three-point shot percentage 三分球命中率 turnover 失误 场 地 装 备 篇 backboard 篮板 back court 后场 freethrow lane 罚球圈 freethrow line 罚球线 front court 前场 game clock 比赛用时钟 halftime 中场休息时间 hoop 篮框，篮圈 mid-court 中场 net 篮网 painted area 罚球圈 restricted area near the basket 禁区内篮框下的小圆圈区域 rim 篮框，篮圈 scoring table 记录台，记分台 shot clock 时限钟 three-point line 三分线 top of the circle 靠近禁区顶端的三分球线附近 wing （左、右两边）底线区域 规 则 篇 blocking foul 阻挡犯规 buzzer 蜂鸣器 charging foul （带球）撞人（犯规） dead ball 死球 defensive basket interference 防守方干扰投篮得分 delay of game 阻碍比赛之正常进行 disqualification 犯满离场 double dribble 两次运球 ejection 驱逐出场 elbowing 打拐子 expiration 时间终了 first half 上半场 first period 比赛的第一节 flagrant foul 恶性犯规 foul 犯规 foul out 犯满离场 foul trouble 快要犯满离场 full timeout 全时（100秒的）暂停 goaltending 干扰投篮得分 hand-checking  以手掌推挡对方进攻球员之犯规动作 held ball 持球 illegal defense 防守违例 illegal offense 进攻违例 jump ball 争球，跳球 loose ball foul 双方均无持球权时的犯规 offensive basket interference 进攻方干扰投篮得分 out of bound 球出界线 overtime 加时赛 referee 裁判 second half 下半场 shot clock violation 违反24秒内必须投篮时限之规定 substitute 换人 suspension 停止出赛 technical foul 技术犯规 ten-second violation 进攻方10秒钟之违例 three-second violation （篮下）3秒钟之违例 throw a punch 出拳打架 throw in  发球入场 traveling / walking 走步 twenty-second timeout 只有20秒钟之暂停 战 术 篇 backdoor cut 从两边底线往篮下的战术 block out 把对方球员挡住，使其不易抢到篮球 cut 切入 double team 用两位防守球员包夹进攻球员 dribble out the time / milk the time away 进攻方以运球方式消耗掉比赛所剩下时间 fast break 快攻 foul strategy 犯规战术 give and go （进攻方持球球员的）传切战术 jockey for position （篮下）卡位 one-one-one defense 人盯人防守 pick and roll （进攻方做掩饰之球员的）挡切战术 post-up play （进攻方持球球员背对篮框）单吃对方防守球员之战术 triple team 用三位防守球员包夹进攻球员 zone defense 区域防守，区域联防 比 赛 篇 away game / road game 客场比赛 final 总决赛 first round 首轮比赛 guest team 客队 home court 主场 home court advantage 主场优势 home game 主场比赛 home team 主队 losing streak 连败场数 post season 季后赛 regular season 季赛 schedule 赛程 semi-final 准决赛 standings 战绩 winning streak 连胜场数 </t>
  </si>
  <si>
    <t xml:space="preserve">中晚期胃癌已动手术，后边还要6次化疗身体能承受吗没有遗传，14年 </t>
  </si>
  <si>
    <t>化疗药物的选择需根据癌细胞的病理分型决定，药物剂量也需根据每个人的身高体重计算，每个人对化疗的反应不一样。治疗前医生都会告知用药的利弊。化疗期间应加强营养，如果出现较强的不适反应应选择停止或延后化疗。</t>
  </si>
  <si>
    <t xml:space="preserve">为什么更新不了啊!!为什么到现在游戏还更新不了!! </t>
  </si>
  <si>
    <t xml:space="preserve">要下载补丁的  在官网里可以找到 </t>
  </si>
  <si>
    <t xml:space="preserve">雅思得多少分才能上曼尼托巴大学的语言5级？有些人说雅思得5.5分 </t>
  </si>
  <si>
    <t>曼尼托巴大学创建于1877年，是加拿大西部的第一所医学博士类大学。它是全省规模最大、专业最完善，同时也是唯一一所研究密集型高等院校。大学的 Fort Garry和Bannatyne校区地处繁华的温尼伯市，分别位于该市南部和中部。该校有24 0 0 0多名本科生和3 0 0 0多名研究生， 提供82个学位，其中51个是本位。国际学生占学生总数的10%左右，他们分别来自90多个国家。有两种录取方式：1、  曼尼托巴大学双录取曼尼托巴的双录取是提供给高中已经毕业、并且达到曼尼托巴文化课录取要求、但是还没有达到英语要求的学生。那么学生在完成语言课程第五级以后（相当于雅思 6.5）才可以进入曼尼托巴一年级的课程。这个英语语言课程是从第一级到第五级，学生在报道的当天参加一个语言测试，然后学校会根据语言测试的结果来给学生分班。一般完成每一级语言课程的时间需要四个月。大部分学生进入大一课程之前需要8到12个月的时间完成所有语言课程。所以这种方式对于没有达到语言直录的学生无论在时间上还是花费上都要长，而且学生达不到要求一开始无法直接申请工程类类的专业。2、  曼尼托巴国际学院（ICM）+曼尼托巴大学双录取学生进入的方式有以下几种：第一：如果没有雅思成绩，学生可以在拿到录取通知书之后通过ICM的语言测试，根据语言成绩给学生分班，测试情况有以下三种：a、语言能力不是很强，需要进行专门的语言强化b、一边读语言，一边读专业课c、直接开始大一的转学分课程第二：如果学生在录取之前提供一下雅思成绩A、  雅思4.5，专门语言强化，根据学生自身水平，一般是2个半月一期，学费2500加币左右B、  雅思5.0（单项不低于4.5）,读混合课程，一边读语言，一边读专业课C、  雅思5.5（单项不低于5.0）, 直接进入大一转学分课程（即UTP2课程）。5月份入读UTP2课程，需要学习一年，三个学期，修完10门课，每门课3个学分，总共30个学分。UTP2完成之后直接进入曼尼托巴的大二，所修的学分全部带过去，ICM小班授课，一个班的人数一半在15人左右。转学分课程的学费：12000加币左右/年</t>
  </si>
  <si>
    <t xml:space="preserve">为什么我刚发表的文章只显示一半？在首页，文章只显示一半。 </t>
  </si>
  <si>
    <t>这几天网络不太好,会有这样的问题的.</t>
  </si>
  <si>
    <t xml:space="preserve">清泉老师，600028我是18.6的成本，如何操作？请问老师，6 </t>
  </si>
  <si>
    <t>炒股就像女人生孩子，生时定下决心不生了，怕丢性命，但生完了，命就不要了，还想生。想一想炒股是不是这个理。割肉太残忍，且割肉以后用钱买什么？自己的血汗钱，暂时又不用，不放在中石化肯定要放在别的股里，如果再亏还能干什么。做波段如果踏空了怎么办？借钱不是炒股人的所为，根据老子无为的思想可知，现在什么都不做就是最好的在做呀。我建议你：爱咋地咋地，无论如何拿住筹码不放，等待解套，尔后等侍赚钱。我是从以下四个方面虑的。一是大盘在跌，就是因为蓝筹股在跌。等到蓝筹启稳了，大盘才可启稳，因此，人们若想大盘涨，就大盘蓝筹必须领涨才可实现。想想中石化是大盘蓝筹股，不涨，大盘能涨多少？拉也把大盘拉死，因此，中国股市涨，中石化必涨！二是现在油价这么高105美金一桶，而中石化虽有自己的油田，但还是要从外国进口的，自己采出的油要赚钱，炼出的油也不能赔钱呀，现在应该说炼油要赔钱！我想，中石化的老总这么大的岁数、这么高的学历、这么高的职务，不会这么傻，国家不是给补贴就必须涨油价与国际接轨。油价涨了中石化的如何操作，谁能不清楚？还这是主要劝你持股等待因素。三是都到这个时候了，不持有而去割肉，有些亏，我想深套的朋友应该首先解决不套的问题，亏在2万与亏在3万没多大区别，但是赔钱与不赔钱可有本质的区别，因此要用时间换利得呀。所以，持有，等待也可能是最好的一种选择。四是要相信中国石化是好股票，你可以看一看，股市中有多少和中石化同价的股票是烂货。中石化作为垄断企业、产品为不可再生能源、行业龙头，不持有这样的股票持有什么样的股票？现在是被套，3年5年呢？也就是短线不赚改中线、中线不赚变长线。在中石化不赚钱天理都难容呀！你还怕什么？</t>
  </si>
  <si>
    <t xml:space="preserve">宝宝怎样补锌?宝宝一岁半,缺锌和钙,请问有哪些食物含锌高?锌钙是 </t>
  </si>
  <si>
    <t>预防宝贝缺锌4大举措 　　1.适量吃动物性食物一般动物性食物含锌量较为丰富，并易于吸收。所以，要给宝贝适量吃一些动物性食物，如瘦肉、肝、鱼、禽蛋、牡蛎等。有的妈咪生怕宝贝太胖，或者怕宝贝上火，总是限制他们吃肉。其实，动物性食物是宝贝生长过程中需要的基本营养，是必须要吃的。当然，有的宝贝只喜欢吃肉而不吃蔬菜，也必须进行纠正。 　　2.经常吃含锌丰富的食物大豆、花生中锌的含量较为丰富，要经常给宝贝吃一些。比如，每天喝一点鲜豆浆，做菜时用一点花生油。还有，榛子等坚果类食物含锌量也很高，也可经常给宝贝吃一点。这些食物做起来很简单，妈咪只要用心一点就可以了。 　　3.培养良好的饮食习惯现在的宝贝，偏食、挑食的现象越来越严重。有些妈咪总是片面地重视给宝贝补充高级营养品，而却忽视了大众饮食，由此导致营养不均衡。因此，饮食上一定要注意多样化，让宝贝均衡摄取营养。 　　4.对可能发生锌缺乏的宝贝及早补锌早产儿、人工喂养儿以及经常腹泻的宝贝，容易发生营养摄取障碍，出现缺锌症状，要及早注意补锌。 治疗缺锌宝贝3大举措 1. 进行锌剂补充对于明确缺锌的宝贝可以进行补充锌剂治疗。锌制剂有葡萄糖酸锌、硫酸锌、甘草酸锌、醋酸锌等，最常用的是葡萄糖酸锌，每天服用3.5-7mg/kg，疗程2-3个月。补充锌剂4-5周后，如果症状没有减轻应及时去看医生。补充锌剂一定要在医生指导下应用，不要自己随意增加剂量。剂量过大可引起恶心、呕吐、胃部不适等消化道刺激症状，长期大剂量服用还可能造成锌中毒。 　　2.进行中药治疗如果宝贝缺锌不太严重，或者在补充锌剂治疗中消化道刺激症状较明显，最好采取中医中药治疗。一般采用健脾益胃的方法，根据不同症状选用党参、茯苓、白术、苍术、陈皮、山药、砂仁等。中医的小儿推拿疗法对改善消化功能、增进食欲也有很好的效果，并且没任何副作用，可以试一试。 　　3.进行饮食治疗给予患儿锌含量高的食物，如瘦肉、猪肝、鱼类、禽类及蛋黄等，如果有偏食等不良的饮食习惯同时进行纠正。 　　贴心小叮咛：为宝贝补锌期间的食物要精细一点，如韭菜、竹笋、燕麦等食物粗纤维较多，麸糠及谷物胚芽中植酸盐含量也较高，这些食物均会影响锌在肠道的吸收。同时，补锌期间还应该注意补钙、补铁，这三种微量元素在体内有协同作用，可促进锌的吸收和利用。</t>
  </si>
  <si>
    <t xml:space="preserve">尿频大夫，你好，我最近老想上小号，查了尿常规正常，大夫说我膀胱过 </t>
  </si>
  <si>
    <t>考虑肾阳虚，可试用金匮肾气丸。</t>
  </si>
  <si>
    <t xml:space="preserve">火箭可能八连胜？火箭随着状态的回升，姚明篮板球的相对控制，苏拉慢 </t>
  </si>
  <si>
    <t>希望如此！因为有姚明的存在，所以我们关注火箭队．如果姚不在火箭，还会＂８＂连胜？火箭队三角进攻有么？前后场的篮板好么？如果有一个好的大前锋能在内线和姚明配合在有麦迪，火箭必八连胜．</t>
  </si>
  <si>
    <t xml:space="preserve">学围棋比学象棋对思维的要求更高些吗 </t>
  </si>
  <si>
    <t>你们讲那么深奥干什么！！！！！！！！！！！！楼主只是玩玩而已，又不是做职业选手，业余嘛，象我这样，没事就去看看人家下，手痒了就自己上，兴起了，就打打谱。围棋嘛，也自豪是一种游戏，何必那么认真。不过话说回来，象棋和围棋都需要很强的计算能力（想打赢高手的话）。区别在于围棋有大局观，象棋丢了个车，炮啥的，依靠后续的手段可能弥补这个损失，如果是围棋，丢了一颗子，很有可能，很大可能，让对方翻盘。我经常看到一个包围圈经常被反包围，真是笑死人了。总的来说，计算才是根本，也是围棋最大的乐趣，背定式之类的对业余选手真的没啥子用。因为毕竟是个游戏而已，又不向职业选手那样靠这个吃饭。</t>
  </si>
  <si>
    <t xml:space="preserve">什么是分级基金 </t>
  </si>
  <si>
    <t>分级基金：在封闭式基金的基础上，借鉴结构化产品分级技术发展起来的一种基金创新产品。如：“瑞福优先和瑞福进取”，采用风险分级；收益比例分成约定。捆绑运作。又如：“瑞和沪深300指数、瑞和小康、瑞和远见”，分级具体表现是瑞和基金整体净值上涨时，其分级基金瑞和小康、瑞和远见通过不同净值比例分成，在不同阶段互为杠杆，使净值变动幅度最高可达瑞和300份额的1.6倍；而在出现瑞和基金跌破面值的最差情形时，瑞和小康、瑞和远见份额的杠杆效应消失，持有人的损失将不会被放大。单体基金，在内部结构上也可分级，如“银华货币”采用基金份额分级制度（货币基金永远1元/份）。以500万为分级界限，对申购500万以下者定为A级客户；申购500万或以上者定为B级客户，对B级给予更大的优惠。（货基无申赎费，但有“年服务费率”，对B级客户优惠）</t>
  </si>
  <si>
    <t xml:space="preserve">西安迅腾软件学院学费多少？贵不贵啊？想报个班学习下，我是高中生，? </t>
  </si>
  <si>
    <t>你说的是西安迅腾软件学院吗？这个学校我以前的高中舍友就在那上过学，现在已经分配了，学费吧。。。以前每个专业都不一样，不知道今年怎么样，你还是上他们网站咨询下吧，你就搜西安迅腾软件学院就好了，祝你好运哦</t>
  </si>
  <si>
    <t xml:space="preserve">我是XP系统，重装系统后，没有本地连接图标怎么办问题补充：没有这 </t>
  </si>
  <si>
    <t>1、这是你没有安装网卡驱动造成的，请先安装相应的网卡驱动2、网卡驱动安装好后，在网络邻居里就会出现本地连接3、右击本地连接——属性——常规——选中internet协议——点击下一行的属性——设置ip地址、dns等——确定即可如果有不明白的地方，请发消息给我。</t>
  </si>
  <si>
    <t xml:space="preserve">网上能看到香港卫视吗？ </t>
  </si>
  <si>
    <t>可以看到，有网络电视台3w点hkstv.hk/不过频道好像就一个耶，等过些年就好了</t>
  </si>
  <si>
    <t xml:space="preserve">哪里有可以下的京剧伴奏曲库,当然要免费的!想到碧聊上唱戏，可惜没 </t>
  </si>
  <si>
    <t xml:space="preserve">朋友我告诉你 你不给我你的分数 你太不够意思了 第一个：  进去后搜索 点饥红色的 伴奏 第二个：你下个K8软件 他里面录制歌曲 和上传 和搜索伴奏为一体  够意思吧 </t>
  </si>
  <si>
    <t xml:space="preserve">杜甫为什么没有入选“唐宋八大家”？ </t>
  </si>
  <si>
    <t>唐宋八大家，是唐宋时期八个散文代表作家的合称，指的是唐代的韩愈、柳宗元、宋代的欧阳修、苏洵、苏轼、苏辙、王安石和曾巩。 　　明代初年，有个叫朱右的读书人选了他们的文章编成《八先生文集》，八家之名便始于此。明代中叶的散文家唐顺之所编纂的《文编》中也仅收了上述八个人的作品。另外一个叫茅坤的人也根据朱右、唐顺之的编选方法选了八家的文章，编辑为《唐宋八大家文钞》，共一百四十四卷。由于这部书流传很广，“唐宋八大家”这一名称也得以广泛流行，至今仍为人所沿用。 　　八大家是主持唐宋古文运动的中心人物，他们提倡言之有物的散文，反对六朝的浮丽文体，给予当时和后世的文坛以很大的影响。 明白了吧。杜甫是诗圣，就不跟散文界掺和了。</t>
  </si>
  <si>
    <t xml:space="preserve">手机铃声到哪下好??满世界都是手机铃声的下载网站有的还说是移动联 </t>
  </si>
  <si>
    <t>手机之家手机论坛选择你的型号就有专业的论坛都是 网友传的绝对免费，还可以自己预定</t>
  </si>
  <si>
    <t xml:space="preserve">回答！关于魔兽争霸的问题，能不能在现在有的攻击方式（攻城，混乱， </t>
  </si>
  <si>
    <t>1.没有办法添加，你只能利用编辑器修改其中一种，例如你可以用编辑器把英雄攻击改成你所说的样子，进入“高级/游戏平衡性常数”找到英雄攻击的有关选项，修改即可。2.例如你要修改食尸鬼的回血速度，那你需要打开物体编辑器（快捷键F6），找到食尸鬼的数据，在靠后的位置有一个回血速度的调整，修改那个即可。</t>
  </si>
  <si>
    <t xml:space="preserve">求一个免费好用的视屏分割器要没有病毒，而且好用的，知道地告诉我一 </t>
  </si>
  <si>
    <t xml:space="preserve">  去天空软件站或华军软件园等等都行，里面有很多，挑自己喜欢的就好。</t>
  </si>
  <si>
    <t xml:space="preserve">怎么能快速学会双节棍本人看过电影中李小龙耍双节棍动作很快，我想问 </t>
  </si>
  <si>
    <t>勤奋 什么都离不开勤奋</t>
  </si>
  <si>
    <t xml:space="preserve">合成谁给我几个攻击力在50左右的剑的配方 </t>
  </si>
  <si>
    <t>抽象？我理解是不是想找低级的符文过渡用啊？有很多，去这个网站自己看看 荣耀 5 孔近战武器 Amn + El + Ith + Tir + Sol11 + 1 + 6 + 3 + 12 国王之恩典 3 孔剑/权杖 Amn + Ral + Thul11 + 8 + 10 怨恨 3 孔近战武器 Ith + El + Eth6 + 1 + 5 钢铁 2 孔剑/斧/钉头锤 Tir + El 3 + 1 力量 2 孔近战武器 Amn + Tir 11 + 3 +35% 伤害力 25% 概率决定性打击 每次命中偷取 7% 生命 每杀一个敌人 +2 法力+20 力量 +10 体力 那老头是个废物，他说的话你别听.....</t>
  </si>
  <si>
    <t xml:space="preserve">★猫咪老俩口★萨摩问题5对不起。有打扰你们咯。几个问题。第一：我 </t>
  </si>
  <si>
    <t xml:space="preserve">  第一：我经常带我的出去，到草坪上玩耍。  我就发现 他经常去吃草。这对它身体健康是否  有坏？回答：虽然没有什么危害，但是最好不要让它吃，刚开始我家的狗狗也这样，后来被我们制止了。毕竟这些草是不适合食用的。  第二：现在如果训练它上厕所的问题。如果按你  说的 地上铺上报纸，那它还不都咬烂掉。这个问题  有该怎样解决呢？（我现在天天都在给它打扫卫生）回答：对于爱咬报纸的狗这的确是个问题，你还是到商店为它买一个狗厕所吧，也不贵，只要你将它的排泄物放在上面一点就可以了，放在它平时上厕所的地方。  第三：我现在给它喂食的是，狗粮和米饭。它大概有  一个多月左右，我是不是应该给它喂食点其他的？  比如蔬菜？只吃狗粮会不会营养不良？回答：其实我们真的还没有发现比狗粮营养更全面的食物，吃了适当的补钙外，我们觉得狗粮是最好的。  它（萨萨）现在还是很乖。很想给它洗澡，但是一  直都还没洗过。今天带它在去打一针育苗。然后  多久才能洗澡？我听说打过针5天不能碰水？回答：最好是在１０天以后再洗澡。</t>
  </si>
  <si>
    <t xml:space="preserve">我相亲认识的女孩子，交往三月了，可关系发展较慢，都很大了，她是教? </t>
  </si>
  <si>
    <t xml:space="preserve">可以利用周末休息的时候你去找她 既然分居两地 就要时不时的见次面 要是长时间不见 对对方的容貌 会模糊的  </t>
  </si>
  <si>
    <t xml:space="preserve">幽灵菇为什么地图上有标记，但我走上去却看不到？如题，请各位大大们 </t>
  </si>
  <si>
    <t>是这样的，你可以发现在地图上，一些黄点是亮的，一些黄点是灰的，其实灰的是因为他们是在地下的。。。。一些任务的NPC如果是在地下的，那么显示的黄点也会是暗色的灰的，你找找入口。。。</t>
  </si>
  <si>
    <t xml:space="preserve">工作中，怎样面对已婚男士的骚扰！也不是很过分的那种，但是感觉很讨 </t>
  </si>
  <si>
    <t xml:space="preserve">   行动上：反感！不于理睬！！   面容上：严肃！没有话说！   工作上：公开！公事公办！   话语上：反击！不能和谐！   接触上：距远！决不单见！   态度上：拒绝！没有余地！  那么，这你还有什么怕他！不然，就告他性骚扰呀！</t>
  </si>
  <si>
    <t xml:space="preserve">请大师指点：我的基金组合可以么？急！以嘉实300、博时主题、光大 </t>
  </si>
  <si>
    <t>有些多，具体的就不建议了。做为核心的首求收益稳定、较高，投资仓位重，应该占到60%左右；作为卫星的要灵活、善变，跟紧大盘的板块轮动，基金也可阶段变化，但仓位不可太重，应该占到20~30%左右；不是选些好基金，从仓位上分一分了事，这样发挥不出卫星的功效。投资太分散，不易于管理，收益更不一定高。</t>
  </si>
  <si>
    <t xml:space="preserve">地址栏输入中文搜索时，出现http:///?%20。。。不能显示? </t>
  </si>
  <si>
    <t>地址栏是由数字、英文字母和标点组成不能输入文字。否则就不能打开网页或显示错误。想输入文字找网页请到百度：http//: 点击“搜索网页”查找</t>
  </si>
  <si>
    <t xml:space="preserve">问一下大家男人穿在衬衫里的一件围巾叫啥?我是看老外英国人穿的比较 </t>
  </si>
  <si>
    <t>都说英国人绅士，这就是一方面原因。在过去，英国贵族出门时一定要穿金戴银，弄得珠光宝气的，现在由于时代的变迁，连他们自己都在说，现在穿得很邋遢了，但是，一条围巾还是不能少的，除了装饰的作用，还有就是御寒的用途..</t>
  </si>
  <si>
    <t xml:space="preserve">高血压真能脱离药物么？一旦诊断为高血压是不是就意味着要终生服药了 </t>
  </si>
  <si>
    <t>血压如果一直保持正常值是不用吃药的，在饮食上控制是可以的，要经常测量血压。你的心脏有问题一定要做积极的治疗才行，要早发现早治愈。</t>
  </si>
  <si>
    <t xml:space="preserve">总是提问不了怎么办~~~ </t>
  </si>
  <si>
    <t>系统问题，请你稍后再试 。 望采纳 ！</t>
  </si>
  <si>
    <t xml:space="preserve">在要求保养里程之外4S店里要求5000公里保养一次，假如里程超过 </t>
  </si>
  <si>
    <t>4S的保养里程要求其实是“建议”，具体的可以按照车辆说明书上有关保养的提示，通常日韩车系载明是5000公里保养一次、欧美车系的大多数在7500或者1万及以上；假如是5000公里保养，不可能踩着点去做，多或者少3、500公里没有关系的。间隔太短保养太勤快，这是保养过度，浪费了；如果逾期里程太多，由于机油黏度以及里面的一些特殊成分消耗，会导致机件磨损加快或者因润滑散热不好造成咬瓦等重灾，不过俺有一个哥们当初不知道保养这回事，居然跑了近6万公里没有换机油，经提醒赶紧去换，还好发动机没报废 ^_^</t>
  </si>
  <si>
    <t xml:space="preserve">请问在石家庄哪里又买《一个人的F1》？请大家帮助小弟！ </t>
  </si>
  <si>
    <t>一般像大一点的书店都应该有卖的,你到时候问一下售货员,要实在没有的话,你也可以直接打电话给出版社,让他帮你邮寄过去一本就可以了!你也喜欢舒米吗?我特别喜欢他的!!!</t>
  </si>
  <si>
    <t xml:space="preserve">1岁的小宝宝老是抓头皮,有时都抓破了,请问怎么办? </t>
  </si>
  <si>
    <t>祝宝宝健康成长建议以医生检查为主，他们毕竟是专业人士,最主要,别因为误判断影响了孩子健康长成，增强免疫力，最好的方法还是在宝宝的饮食上下功夫。多吃提升免疫力的食物调理体质。只有健全的免疫系统，才能帮助宝宝抵抗致病的细菌和病毒，远离疾病。多吃天然食品，多吃富含维生素和矿物质的蔬菜、水果，此外，不要让宝宝偏食而导致营养失调。总而言之，就是让宝宝吃的越均衡营养越丰富越好。你去淘宝上看看，有款红蘑鲜蔬/香菇三文鱼/金枪鱼海苔的拌饭料挺好的，配料很丰富，可以试着给孩子吃吃看。如果自己做给宝宝吃的话，切记要和大人的饭菜分开，不能放盐、糖这样的调味剂，更不能用油炸。小孩子的肾脏受不了的。</t>
  </si>
  <si>
    <t xml:space="preserve">请高手帮我推荐下阵型和阵容。请高手推荐下阵型和阵容：后卫埃弗拉+ </t>
  </si>
  <si>
    <t>LZ的阵容很豪华啊 ，双后腰感觉1.太奢侈 2.降级中场组织进攻能力。建议你可以改打41212 后卫变化不大唯独普约尔身材略矮不大适合但当主力中后卫可以充当后卫第六人，的确他也可以踢后卫的任何位置。单后腰可以用库恩他中场拦截能力不错，但缺点也是身高问题建议你可以准备一个替补后腰（A宋年轻有身高有拦截价格也不贵10月维护后能力会上一个档次）。2名边前卫西芒100%推荐 斯内德80%推荐（原因斯内德前腰出身，但当右边卫由于速度及综合因素也能胜任，但斯内德综合指数过高，续约费连累全队，推荐给你一名妖人右边卫“布拉舍奇科夫斯基”或“罗梅达尔”灵活高速能领你的边路飞起来。前腰的是这个阵容里最关键的位置建议针对对手强弱2套准备。1.利用好斯内德（此人前腰穿插很出色灵动型。对手实力相当时可用此人。2.当对手实力高于自己时改用亨利改打3前锋，利用好亨利的禁区前沿Z+D推射（暗属性）超准。前锋可以利用一高一块的搭配（戈麦斯+范佩西）看好自己经常打左路还是右路，将范佩西换到自己经常打的路线上将戈麦斯高点换到另一边。原因很简单经常打的一边更多的是短传渗透和高速配合需要灵动性前锋，高点放另一边有助于抢点头球及补射。以上拙见希望对你有用。华东大区——140及小菜鸟（ID：封情葬爱）</t>
  </si>
  <si>
    <t xml:space="preserve">求助如何删除3dmax我电脑中的3d被我删除了一半安装文件但另一 </t>
  </si>
  <si>
    <t xml:space="preserve">如果控制面板有卸载选项，但是卸载不了，可按照下面方法删除。1、请你通过搜索查找，找到要删除的程序的文件夹（或右击要删除程序软件的图标选属性，在打开的对话框中查看“目标”和“起始位置”有这个软件的路径和这个程序软件的英文名或按查找目标）。2、请你开机按F8进入安全模式中将软件的文件夹整体删除。然后，开始/运行输入regedit回车打开注册表编辑器，选编辑/查找，你卸载软件的英文名，找到软件的键值项后删除。3、添加或删除程序在注册表的位置，运行输入regedit回车，打开注册表定位[HKEY_LOCAL_MACHINE\SOFTWARE\Microsoft\windows\CurrentVersion\Uninstall]子键，在该子键下，可跟据已卸载的应用程序软件图标，删除相对应的软件图标和键值，重新启动电脑即可。也可以下载软件进行卸载试试（完美）。 下载地址：  超级兔子卸载。下载地址： 删除不了的软件、文件或文件夹的解决方法: 开机按F8不动，到高级选项出现在松开手，用上下键选安全模式，按照提示进入到安全模式中删除即可（安全模式与正常模式操作一样）。如果使用其他办法无法删除可选择Unlocker强行删除工具删除,安装后右键点要删除的文件选择Unlocker再选删除就可以将要删除的文件彻底删除。下载网址： </t>
  </si>
  <si>
    <t xml:space="preserve">我老公最近几天晚上总是睡不着觉，每次都是两点多才能睡着，请问有什? </t>
  </si>
  <si>
    <t>工作压力</t>
  </si>
  <si>
    <t xml:space="preserve">jspimport自定义类?jspimport自定义类,我在默认 </t>
  </si>
  <si>
    <t>java的访问控制是以包为基础来实现的,放在默认包下,其它的类是无法看到这个类的.</t>
  </si>
  <si>
    <t xml:space="preserve">照相时出现了重影怎么办？如题，相片出现了重影，都说能用PS解决（ </t>
  </si>
  <si>
    <t xml:space="preserve">优化倒是可以，不过基本无法修改成没重影的效果，解决方法大致为：1 复制照片图层，点击通道，选中其中的某个通道照片就会变成黑白的，你需要在三个通道中选择一个看上去重影和本影间的对比最明显的一个通道（这样有利于你的识别和编辑）2 在复制的改变通道的单色图层中用模糊工具和减淡工具处理重影部分，减淡重影，保留本影部分3 调整回正常的通道，使图像变回彩色，调整图层的混合选项为叠加，改变透明度，直到达到你满意的效果为止。如果又必要的话，重复以上步骤以达到对重影的最大程度淡化                 </t>
  </si>
  <si>
    <t xml:space="preserve">魔兽世界网易开了后，除了时间补偿外还有别的吗 </t>
  </si>
  <si>
    <t>目前可以确定的是，网易已经承诺时间补偿，还有就是一个帐号激活所有大区。也就是说注册一个战网通行证帐号，就可以在魔兽所有大区创建游戏角色，而不象以前那需要用点卡激活认证，还只能认证一个大区。这是比较优惠的。至于送什么小礼物，还不明确，但肯定有。</t>
  </si>
  <si>
    <t xml:space="preserve">怎么写童装行业的发展计划书我是一个经营童装的,但公司让我写一份今 </t>
  </si>
  <si>
    <t xml:space="preserve">我国400亿童装商机催促行业发展提速  号称中国大省的广东，历年来生产总量、出口总量都在全国名列前茅，尤其是男装业和女装业起步晚但发展迅速，赶超了其他服装强省，但广东的童装业发展却相对落后，叫得响的童装品牌寥寥可数。面对中国潜在的400亿元童装消费市场商机，广东相关行业正扬起马鞭，加快步伐，力求争夺最大份额。 　　粤童装产量占全国三分之一强 　　日前，广东省服装服饰行业协会副会长、童装专业委员会执行主任委员刘宪生专门接受本报记者采访时指出，广东的童装业相对于男女装业起步较晚，但发展迅速，并日益壮大。　　近年来，依托于良好的产业环境和区位优势，广东童装产业得到了极大发展，无论生产水平、产量和销量均在中国同行业中名列前茅。据保守估计，广东童装产量已连续两年超过3亿件，占中国总产量的30%以上。有米奇妙、青蛙皇子、叮当猫、小猪班纳等为代表的领军品牌。　　从产业集群的分布来看，目前佛山拥有童装产业链2300多家，建成童装城、童装设计研究中心、检测中心、交易中心等，成体系地成为中国童装生产基地；深圳目前也诞生了60多个童装品牌；东莞、汕头、中山等地也有规模不等的童装企业群。目前，深圳、广州与上海、北京一道，成为中国童装品牌集中度最高的几大城市。另外，广东的童装专业市场相对成熟，其中有的闻名全国，还有童装自主品牌已成功地打入国际市场，在国外开专卖店，如“力果”品牌就是一个先例。　　童装面临发展瓶颈 　　广东童装专业委员会主任委员及生产“力果”童装的广州利维制衣有限公司董事长林维建谦虚地表示，“‘力果’童装取得今天的成功，是国内外市场的需要造就的，‘力果’童装今后在扩大中国内地市场的同时也将加紧开拓国际市场。”据介绍，童装目前已成为中国最具增长潜力的服装品种之一。目前中国16岁以下的儿童约有3亿多，约占全国人口的四分之一，国内城镇居民对各式童装的消费近年一直呈上升趋势，年增长率达26.5%，目前已形成400亿元人民币的童装市场。随着中国生活水平的提高，中国童装市场的消费需要从实用型转向追求美观的时尚型。部分经济发达城市，童装需求呈现潮流化、品牌化趋势。　　记者了解到，目前，广东童装产业也面临诸多瓶颈问题，制约产业发展。其中面料无法满足童装企业需求就是关键之一。据企业抽样调查表明，目前广东专门从事童装面辅料开发的企业为数甚少。同时，专业童装设计人才目前在广东也非常紧缺，真正从事童装设计的人才不多，高层次、专业的童装营销人才更是少见。　　专家指出，目前广东童装品牌发展相对滞后，还处于初级阶段，知名品牌不多，企业规模和市场占有率也很小，地位不稳固，而且外省童装企业集群的竞争也不断加剧。此外，从国际环境来看，童装出口的绿色壁垒也对其营销通路有所限制。　　加强产业链对接与合作 　　广东服装服饰行业协会决定把童装妇婴用品专业委员会更名为童装专业委员会，把童装分立出去，作为今年的重点项目来抓。并创新该专业委员会组织机构，本届童装专业委员会由童装企业家担任，除了童装企业外，还吸收了杰出设计师、面料商、商场代表、童装协会商会到专业委员会里来，原因是企业家更了解企业的实际情况和需求，更有条件有能力带领同行共同发展。下一步，该委员会将促进产业链对接与合作，举办专业童装面料辅料采购会，抓好名牌培育工作，举办2006年华夏童装设计大赛等等活动。 </t>
  </si>
  <si>
    <t xml:space="preserve">一道数学题若三角形的三边比为3:4:5,则它的内切圆与外接圆的半 </t>
  </si>
  <si>
    <t>如图,显然外接圆的圆心位于斜边的中点,半径R=BO=AB÷2=2.5∵SΔ Δ ΔCEA=AB:BC:AC=5:4:3∴SΔ ΔABC=5:(3+4+5)=5:12∴AB*DE÷2:AC*BC÷2=5:12∴2.5DE:6=5:12∴DE=1∴内切圆半径r=1∴半径比为2:5</t>
  </si>
  <si>
    <t xml:space="preserve">买卖帐号的问题问题一：我在网上买了一个96级四个10技能，225 </t>
  </si>
  <si>
    <t>希望我的自身经历更提醒你1下,第一点:225买法师亏了点,重装赚了点.第二点:他很可能把号切回去,我以前买过1个106级的法师虽然很便宜,自己玩了1个多月后,忽然停权了,我给SE的客服打电话,告诉我说这个ID的玩家说自己的号被盗了把身份证号告诉了SE就给我停权了,1星期后我买的法师号被切了回去.所以说你不要相信任何人,这样的事发生了不少,而且SE也说过不支持玩家买卖帐号一经查处永久停权.第三点:中介信誉再好,他们很多号都是收上来的,他们不会过户,你买完以后最开始的玩家打个电话,号一样还是被切回去.第四点:切号3000点;改名4500点;换形象5000点左右.PS:如果你已经买完了这个号了,建议你赶紧去办理过户,需要原始玩家把原始资料传真给SE,再把你的资料传真给SE办理过户.希望你没有被骗.</t>
  </si>
  <si>
    <t xml:space="preserve">哪些蔬菜对减肥有好处？ </t>
  </si>
  <si>
    <t>首先要弄清发胖的原因。人为什么会发胖？就一个根本原因：输入＞消耗！你吃得太多，身体需要不了那么多营养，就把它变成脂肪积存起来了。要使自己不发胖，必须保持做到：每天摄取的热量＝身体消耗的热量。要使自己，就必须做到：每天消耗的热量＞摄取的热量。这就是减肥的原理。那么，到底该怎样减肥？ 1、严格遵守和养成“早吃好、午吃饱、晚吃少”的饮食习惯，其中“晚吃少”是减肥的关键！这里有三点必须注意：一是必须吃早饭。不吃早饭的人，容易发胖。因为经过一夜睡眠，身体有10多个小时一直在消耗能量却没有进食，人体需要含丰富碳水化合物的早餐来重新补充、储藏能量，不吃早餐使人在午饭时出现强烈的空腹感和饥饿感，不知不觉吃下过多的食物，多余的能量就会在体内转化为脂肪；二是中午一定要吃饱。中午不吃饱，晚上必然饿，“晚吃少”就难以做到了；三是晚上一定要做到尽量尽量少吃！而且晚餐不要吃肉食、甜食、油炸食品，喝一些清淡的面汤、米汤就可以，不要喝咸汤。许多减肥成功者不约而同的秘密都是：晚上九点以后坚决不进食，也坚决不喝水！这是他们保持曲线美的关键。事实的确如此，许多专家都曾经表示想保持窈窕身材的人士，过于丰盛的晚餐、夜宵，热量都是无法消耗的。根据人体的生物钟运行显示，在九点后，人体各器官功能已基本处于微弱状态，那也正是积累脂肪的时刻。而我们正常晚餐所吃下的东西需要5个小时才能被完全消化掉，这多余的热量，日积月累会造成皮下脂肪堆积过多，肥胖的命运也就悄然降临了，所以要牢记晚上九点以后绝对禁止进食。 有人说：九点前我就饿得难受，怎么办？那就吃苹果吧。苹果可以减肥。苹果可以调理肠胃、止泻、通便、消食化积，可以治疗高血压，降低血中胆固醇。苹果是低热量食物，以苹果充饥能使人体摄入的热量减少，同时苹果又含有人体必不可少的各类氨基酸、蛋白质、各种维生素、矿物质及胡萝卜素等，既可以基本上满足人体的必需，又能够被人体充分消化吸收，极少有废弃物，也就减轻了肠胃、肾脏的负担，使体内废物得以充分排出，使血液得以净化。 2、坚持晚饭后快步走半个小时以上。很多人肥胖的部位主要在屁股和腹部，这样的人有一个共同的特点，要么长期从事案牍工作，要么不爱活动。长时间坐在办公桌前、微机前、电视前，多余的热量消耗不掉，就转化成脂肪沉积在腹部和臀部了。所以，要想减肥，必须改掉不爱活动的生活方式，要增加运动，消耗多余的热量。 早晨锻炼不如晚上锻炼。从人的身体状态来说，人沉睡一夜，早晨身体处于缺水状态，血液粘稠，投入剧烈运动，有可能造成大脑供血不足、脑溢血、心肌梗死等危险（如果喜欢晨练，建议你洗刷完毕喝1－2杯白开水，再去锻炼）。从环境上来说，空气中的一些毒气，在太阳没出来以前很难挥发，也不适于锻炼。从后续反应来看，早晨锻炼后容易吃得更多，反而加大了摄入量。 晚饭后锻炼主要是为了把身体中多余的热量消耗掉。但是吃过晚饭不宜立即活动，那时候血液集中在肠胃进行消化工作，立即活动影响消化。吃过晚饭半个小时后外出活动为宜。最理想的运动方式就是快步走，并且时间要持续在半个小时以上，这样周身的脂肪细胞才会充分运动起来，进行有氧呼吸才能把体内脂肪氧化，所以有氧运动才能减肥。剧烈跑步，上气不接下气，身体处于一定程度的缺氧状态，是不能氧化脂肪的。 3、不吃甜食。蛋白质不会使人发胖，糖类才会使人发胖。因为糖类在体内极易被分解或吸收，是人体热量的主要来源。绝大部分食物中都含有糖，那些糖已经保证了你身体的需要。额外过多地食用甜食，能诱发胰腺释放大量胰岛素，促使葡萄糖转化成脂肪。大部分胖子，都有一个爱吃甜食的习惯。要减肥，就尽量不要吃甜食喽。(中学生最好不要戒吃甜食，因为甜食能增强记忆力)。 4、进食速度要慢。吃饭时咀嚼次数要多，要细嚼慢咽，这样不仅有利于唾液和胃液对食物进行消化，而且有利于减少进食。食物进入人体，血糖升高到一定水平，大脑食欲中枢就会发出停止进食的信号，过快进食，大脑发出停止进食信号前，你已经吃的过量了。所以进食速度要慢，吃饭要以八成饱为宜。 减肥还有许多具体的小方法，如食醋、戒饮白酒、不吃零食等，但是我认为只要做到以上最重要的四点就可以了。关键在于坚持！关键在于养成生活习惯！我就是这样做的，没有吃过任何减肥药，没有刻意去节食，也没有刻意去锻炼，按上面四点去做并且把它变成了我的生活习惯，一年来我的体重下降了20斤！效果是不是很明显？我认为，只有这样的减肥才是科学的减肥！只有这样的减肥才是有效的减肥！只有这样的减肥才是健康的减肥！想减肥的朋友不妨试试。 .嗯,还有水果减肥法简介： 水果减肥法 是指除了水果以外，什麽东西都不吃，全日只吃水果，直到吃饱为止。当然不是什麽水果都适合用来减肥，较为有效的减肥水果是苹果、奇异果、提子等。 减磅原理： 吃水果能在短时间内令人有『减磅』的效果，因为只吃一种东西可以减少我们对食物的摄取量。特别是高纤水果，可以让我们身陈代谢速度变快，值此减轻体重</t>
  </si>
  <si>
    <t xml:space="preserve">北京市里面哪里做衣服做的比较好的?我想做一件衣服，但是就是不知道 </t>
  </si>
  <si>
    <t>王府井的红都,西四的造寸.</t>
  </si>
  <si>
    <t xml:space="preserve">国际关系中美关系是当今世界重要的双边关系之一，请问未来中美关系会 </t>
  </si>
  <si>
    <t>实力的天平逐渐倒向中国。尤其是2025年美元破产后，美国的国家破产也会很快就成为事实，因为过去几十年里大量滥印的美元，将会以它们最快的速度回流到美国。大家会以现在希腊人从银行里提取欧元存款的疯狂，把手中的美元抛掉。海量的回流美元很快就会击垮了美国的经济体系，使美国国家破产。</t>
  </si>
  <si>
    <t xml:space="preserve">引起女性盆腔炎的原因有哪些？？盆腔炎 </t>
  </si>
  <si>
    <t>菏泽万和医院专家指出，盆腔炎的诱发因素有以下几点：　　1、女性在经期游泳，很容易因病菌入侵而感染。在排卵期，阴道抵抗病菌的能力较差，若此时进入游泳池游泳，也容易中招。对于患有阴道炎、急性宫颈炎、急性盆腔炎、泌尿道感染的病人，在本身炎症治愈前也最好不要去游泳，否则可能增加重复感染的机会。　　2、各种不规范的妇科手术及计划生育手术(人工流产、中期引产、取环和绝育术等)，以及术后护理不当，均可能使盆腔受到感染。因此，严格的无菌操作规程以及合理用药，对降低医源性感染很重要。女性朋友施行妇科手术应到正规医院，术后严格遵照医嘱进行护理和调养，并暂停夫妻生活。关心盆腔炎!关爱女性健康　　3、盆腔炎根据病程长短有急慢性之分，慢性盆腔炎大多因急性盆腔炎治疗不彻底，病情迁延而致。但一些体质较差的病人，在毒力较弱的病原体持续攻击下，也可初次发病即为慢性。慢性盆腔炎的范围包括盆腔生殖器官(子宫体、输卵管、卵巢)及盆腔腹膜与子宫周围的结缔组织炎。所以病情急性发作后就要积极治疗。　　4、夫妻生活无疑与盆腔炎密切相关。过早开始同房的女孩，更容易招惹盆腔炎。由于这些偷尝禁果的女孩子发生性行为时，往往不能像已婚者那样从容，卫生条件也比较差，自我保护意识更是薄弱，加上生殖器官仍未发育成熟，缺乏一定的保护机制，所以患盆腔炎的概率较高。</t>
  </si>
  <si>
    <t xml:space="preserve">WORD插入图片,出现发送了错误报告我用WORD2003插入电脑 </t>
  </si>
  <si>
    <t>我也遇到这样问题,我的解决方法是全部重装.</t>
  </si>
  <si>
    <t xml:space="preserve">什么时候开始定制家具比较好呢？我家正在装修卧室，需要配套家具，如? </t>
  </si>
  <si>
    <t>很多人都是家里装修完毕有才到家具城看家具，这样的时间安排是否合理呢？业主把家里的装修忙完后来到定制家具公司，这时发现定制家具的工期较长，而自己搬家的时间已经临近，家具的进度完全根本就跟不上，使得搬家的日子遥遥无期，完全打乱了原定计划！所以上海美邦家居直销中心建议您：家具定制需要及时，让家具公司在你家找地平后就去测量。装修找地平后就让家居公司去测量，这样的好处在于家具的定制和装修同时进行，不耽误时间，当你装修完毕后，家具也就送进了您家，到时候家具和装修一起放味儿一个月，一点儿也不耽误工夫！定制家具需要家具公司到你家先测量，然后设计、修改，最后确定图纸，这些前期准备工作加上工期（工期25天~30天）总共需要花费约一个半月的时间，所以如果你急着入住新房的话，定家具就不能在房子装修完了才考虑。</t>
  </si>
  <si>
    <t xml:space="preserve">号被人盗了!号昨天给人盗了,东西都卖了,钱也花了!怎么知道他把钱 </t>
  </si>
  <si>
    <t>我想怕是熟人盗的！你告诉过他你的号？好好呢想想。</t>
  </si>
  <si>
    <t xml:space="preserve">爱问兑换礼品爱问里有积分兑换礼品，是真的吗？我的积分已经足够兑换 </t>
  </si>
  <si>
    <t>我换过礼品：沙滩包，天堂本、小浪，是真实的，只不过你要注意查看礼品什么时候上线，因为爱问礼品数量有限，一上线很快就会被用户全部兑换完的.爱问的礼品为不定期更新，平均每个月都会更新，你要想换，就密切留意奖品的更新情况，发现更新了马上就去兑换，不然又会没有了.</t>
  </si>
  <si>
    <t xml:space="preserve">请教游龙客服，网通宽带能登陆电信服务器吗？网通宽带能登陆电信服务 </t>
  </si>
  <si>
    <t>肯定能就拿劲舞团来说吧他们也分了服务器进的我是网通的我进电信的感觉比进网通更稳定。</t>
  </si>
  <si>
    <t xml:space="preserve">新买的床摆多久才能用床是实木的， </t>
  </si>
  <si>
    <t>一般直接就可以用了。</t>
  </si>
  <si>
    <t xml:space="preserve">打喷嚏、鼻子不通、流鼻涕、还有咽炎、应该吃什么药 </t>
  </si>
  <si>
    <t>你好,从症状表现看是患过敏性鼻炎，这种情况建议中医治疗，如生黄芪，防风，白术，当归，柴胡，桂枝，白芍，郁金水煎即可服用，这个方子适合于过敏性鼻炎反复发作的患者，但是也要做过敏原的检查才能以后有效的预防复发。</t>
  </si>
  <si>
    <t xml:space="preserve">为什么老掉线?真是受不了!!!!!SE怎么会这样一次两次就算了怎 </t>
  </si>
  <si>
    <t>胡说八道。就是SE的问题！刚才我们一队5个人去打法。到了最后一楼。一队5人全都掉了。后来我连回来。看到还一个人也连回来了。其他的都登回去了。结果就2人打的BOSS！要不是我们2个级高。一般队伍早都登回去了！这样怎么给人做大任务？100% SE的问题难道一个队5个人机器都不成？还同时掉？</t>
  </si>
  <si>
    <t xml:space="preserve">初中代数求值1/5+1/45+1/117+1/221+1/357 </t>
  </si>
  <si>
    <t>1/5+1/45+1/117+1/221+1/357=1/5+(1/5-1/9)/4+(1/9-1/13)/4+(1/13-1/17)/4+(1/17-1/21)/4=1/5+1/5/4-1/21/4=5/21</t>
  </si>
  <si>
    <t xml:space="preserve">关于新生的宝宝不是说宝宝认人吗我的宝宝怎么谁抱都可以呢也不哭闹？ </t>
  </si>
  <si>
    <t>楼主也太心急了,新生宝宝是不会认人的,至少都要到三个月以后才能熟悉妈妈,见到妈妈才会很开心,而且要妈妈经常给他说说话,多和宝宝亲近,宝宝才会更早些认识妈妈.</t>
  </si>
  <si>
    <t xml:space="preserve">如何可以从朋友处把借出的钱用适当的方法要回来我朋友的一些朋友跟他 </t>
  </si>
  <si>
    <t>找借口,例如,说现在要做什么重要事情需要一大笔钱,然后向借钱的人借钱.他不好意思了,就算不借也要把向你借的钱还给你吧.</t>
  </si>
  <si>
    <t xml:space="preserve">骑士一套必杀装应该怎么搭配。。不算奇迹的。 </t>
  </si>
  <si>
    <t xml:space="preserve">4转必杀防装：5c靴６必　９Ｂ钻石长靴３必　　水龙靴５必１１Ｂ巴赫姆之盾６必　　１１Ａ盔６必白板：８Ａ盔闪+水龙靴+１１Ｂ盾+１１Ａ盔＝１命１７闪１７必武器：水龙枪必杀12 　　８Ｃ蝎枪+１８必杀　　１１Ａ反枪必杀+8［+必杀宝石］：武器：绿宝石+必-反　黄宝石+必-攻　沙漠红星-１－６必-１－６反Ｏ件＊１０％必　Ｑ件＊３０％　地祈之羽道具区（武器用宝石）：必杀+1～20防具：锰辉石+必杀-敏　　　宝石实验任务推→10级完美月亮+武器：命中+7～10，反击+7～10，防具：闪躲+7～10，反击+7～10 　 奇迹的不加必杀属性奇迹之矿（通用宝石）攻击1-82 敏捷1-68 命中1-23 闪躲1-23 生命1-140 回复1-40 </t>
  </si>
  <si>
    <t>抗抑郁药进口药和国产药的区别?我想知道"抗抑郁药</t>
  </si>
  <si>
    <t>赛乐特（帕罗西汀)的生产厂家是中美天津史克生产的，隶属英国葛兰素史克制药公司,拥有该药的专利。国产的帕罗西汀属于仿制药品。一般讲，国产药品比较便宜。医生推荐的目的很简单，卖国产药有更大的利润。</t>
  </si>
  <si>
    <t xml:space="preserve">请问防火墙对电脑安全防护有多大用处？？？谢谢。。。同上。。。 </t>
  </si>
  <si>
    <t>防火墙处于边缘，它就像一个边界卫士一样，每时每刻都要面对黑客的入侵，这样就要求防火墙自身要具有非常强的抗击入侵本领。它之所以具有这么强的本领防火墙操作系统本身是关键，只有自身具有完整信任关系的操作系统才可以谈论系统的安全性。其次就是防火墙自身具有非常低的服务功能，除了专门的防火墙嵌入系统外，再没有其它应用程序在防火墙上运行。当然这些安全性也只能说是相对的。 防火墙可以防止黑客扫描到你的电脑中的漏洞 防止蠕虫自动入侵 防止局域网内的恶意扫描 主要就是防止端口和漏洞扫描 让网络上的不怀好意的人利用 更新系统是必须的，不然即使有防火墙，黑客也可以从漏洞中钻进来。要让防火墙很严密 最好的办法就是经常更新。从理论上来说，任何的软件和硬件都有一定的缺陷，不可能永远的安全。但你装了防火墙和打伤系统补丁后，可以大大的降低被黑客攻陷和被感染病毒的几率，所以安全措施是一定要的，防火是一定要装的。 windows的自带防火墙是属于系统自带的组件的，如果有更新的话，是会在系统更新的时候一并更新的！windows自带的防火墙作用不大，如果需要更安全的防护的话，还是得装一个更加强大的防火墙，比如天网、或者瑞星的防火墙。 杀毒软件通常是你的电脑已经感染了病毒才采取措施的,而防火墙是将来自网络的有害数据拒之门外的。 当然装了防毒软件还有防火墙不一定能完全防止中毒。但可以最大限度减少中毒的机率。在网络中进攻者总比防守者快一步，这就是为什么各大杀毒和防火墙厂商总是发布防火墙的更新，而没有谁敢说自己的软件可以完全杜绝病毒和黑客的侵扰的原因！</t>
  </si>
  <si>
    <t xml:space="preserve">请问外高桥附近有什么好的幼儿园？ </t>
  </si>
  <si>
    <t>高桥潼港幼儿园就很不错。小学应该是外高桥实验小学。</t>
  </si>
  <si>
    <t xml:space="preserve">英语专业能不能不过公就过公六啊!!急~~~~!!!!我到底是准备 </t>
  </si>
  <si>
    <t>首先若要报考六级在报名，的时候都必出示你四级的成绩或是证书（改革前，现在应携带四级成绩通知单），所以四级是必须考的。我之前听说四级考试很简单，于是在不了解四级真题任何信息的情况下参加了考试，是改革前的最后一拨，得了93.5，当时作题的时候在时间上把握不好，因为听力以后先上来的是阅读，一时很难过渡。我是在03年5月考的专四，得的92分，所以我考大学英语四级的体会是这种标准化测试，做一些真题，模拟题是最好的办法，使自己上手，才能得高分。今年6月我参加普六考试，感觉比普四还好做，而且身边的同学大都有同感，或许这就是英语专业的优势之一，我们所站的高度会和别人不同，得600以上不会费太大的力气。同样我并没有像你所说的那样背词汇，考专四的时候也没有刻意捧着词汇书背的。词汇固然重要，但是在阅读和作题中积累使我一直推崇的办法。专业四级和普六的区别我觉得你可以感受一下，前者考察的较细，对语感好基础扎实的同学来说得心应手，后者词汇量会稍大一些，但我觉得还是专四体现能力。同时拿下这两个考试，我相信对于英专的你，不会有太大的问题的，加油哦！</t>
  </si>
  <si>
    <t xml:space="preserve">银证转账与第三方存管的区别？银证通是不是已经停了？银证转账与第三 </t>
  </si>
  <si>
    <t>银证通现在是已经停止了，其实第三方存款跟银证转账都差不多，只是第三方存款你只能与一家银行签合同，跟这家银行签了合同，别家的银行你就不用同时使用了。</t>
  </si>
  <si>
    <t xml:space="preserve">我怎么在网上做个网业 </t>
  </si>
  <si>
    <t>现在做网站其实很简单 现在大多数的网站顶级域名cn的只要1块钱就可以了 还有就是空间开始的时候就花100块左右 如果你开始想学的话就只要100块就可以了 还有就是网站可以自己做 不需要花钱去叫别人做 因为现在有很多开源程序更重要的是你请别人做的话是自己一辈子都学不会的 慢慢来</t>
  </si>
  <si>
    <t xml:space="preserve">为什么开不了服务器 </t>
  </si>
  <si>
    <t xml:space="preserve">在损益表中的“所得税”是什么意思？是不是消项税减去进项税的数额？ </t>
  </si>
  <si>
    <t>1、损益表中的所得税是，是按利润或收入计算提取缴纳的所得税额。2、销项税额-进项税额=应交增值税2008-10-10 17:36 补充问题那么，“主营业务税金及附加”这个，是你所说 的“应交增值税”了？主营业务税金及附加是指经营主营业务而应由主营业务负担的税金及附加，包括营业税、 消费税、城市维护建设税、资源税和教育税附加等。不包括增值税。增值税是对商品生产、流通、劳务服务中多个环节的新增价值或商品的附加值征收的一种流转税，属于价外税。</t>
  </si>
  <si>
    <t xml:space="preserve">谁知道红桥这哪里卖日光灯的灯管？ </t>
  </si>
  <si>
    <t>大一点的超市里都会有卖</t>
  </si>
  <si>
    <t xml:space="preserve">小心空头被扎空。是什么意思。具体1点跟我说下。我是初学着 </t>
  </si>
  <si>
    <t>空头即为 认为股票在日后会下跌的投资者。在多空双方激烈争夺时，如果空方力量释放完毕，股价跌倒了底部，这时候多头发起进攻让空头扎空，那些看跌的人群（空方）因为判断失误就会亏钱，这里的亏钱指的是失去了赚钱的机会，没有拿到该拿到的钱，失去了不该失去的钱。    这个在卖空或买空的交易中体显得最明显。买空：预计股价将上涨，因而买入股票，在实际交割前，再将买入的股票卖掉，实际交割时收取差价或补足差价的一种投机行为。 卖空：预计股价将下跌，因而卖出股票，在发生实际交割前，将卖出股票如数补进，交割时，只结清差价的投机行为。</t>
  </si>
  <si>
    <t xml:space="preserve">只有知识人得分才能换礼品是么？ </t>
  </si>
  <si>
    <t>是这样规定的</t>
  </si>
  <si>
    <t xml:space="preserve">向女孩子短信表白2次没回，当面表白后被短信坚定拒绝关系有点尴尬， </t>
  </si>
  <si>
    <t>放弃吧，要不然听她的话：我们还是做朋友吧……如实在不能舍弃做些浪漫的事情关心她，让她知道你心里非她不可从日常的一点一滴做起我相信她会被你感动若你做了以上事情仍没有效说明你跟她是真的不来电了</t>
  </si>
  <si>
    <t xml:space="preserve">谁能告诉我这是什么?求解！ </t>
  </si>
  <si>
    <t>鲎虫，也叫三眼恐龙虾。</t>
  </si>
  <si>
    <t xml:space="preserve">为什么电脑经常跳电重启？ </t>
  </si>
  <si>
    <t>1、可能是系统或程序间有不兼容的地方，开机按F8不动到高级选项出现在松手，选“最近一次的正确配置”回车修复，还不行按F8进入安全模式还原一下系统或重装系统。2、CPU或其它硬件温度过高、内存、显卡不兼容或故障引起的。3、硬盘有坏道了，请用系统自带的功能或软件修复磁盘，或格式化硬盘重新分区重装系统。4、电源故障和电压不稳也可引起自动重启。5、驱动不兼容也可导致重启的发生。6、主板零部件故障。7、改变系统默认自动重启：右击我的电脑/属性/高级/启动和故障恢复中的设置/将系统失败中的“自动重新启动”前的勾去掉，然后按确定和应用重新启动电脑即可。8、如果上面的方法无效，自己找不出问题所在，建议还是检修一下去。</t>
  </si>
  <si>
    <t xml:space="preserve">电子照片如何上传网上报名考试要上传电子照片，怎么做啊，格式`象素 </t>
  </si>
  <si>
    <t>网上传输的照片基本上都应该属于“电子照片”，这其中包括：胶卷拍摄的照片扫描进电脑的，也包括数码相机拍摄的数码照片。传输照片文件一般多选用JPG或者BMP格式。可以在PhotoShop或者ACDSee里面预先处理一下，上传照片文件的时候会有相应的大小要求提示的，你处理照片的目的就是不要超出提示要求的范围，不然就传送不出去了。比如，在爱问里上传图片的要求是：图片照片文件最大不能超过200KB,超过了的话服务器就拒绝接受。</t>
  </si>
  <si>
    <t xml:space="preserve">小JJ癢是怎麼回事我?鹤?芍?q,這?商炜?說小雞雞癢是怎麼回事 </t>
  </si>
  <si>
    <t>是不是沾了脏东西了去儿科检查一下吧</t>
  </si>
  <si>
    <t xml:space="preserve">23级2血2攻2防1敏黑鸟值多少钱（时长23级2血2攻2防1敏黑 </t>
  </si>
  <si>
    <t>20万左右吧。因为掉了1敏，掉了2血。掉功和防倒无所谓的。</t>
  </si>
  <si>
    <t xml:space="preserve">为什么我一要上野菜部落，就说帐号错误？重新下载也没有用啊？大家知? </t>
  </si>
  <si>
    <t>1可能号卡咯``袮去论坛的综合区让GM帮袮解锁   2也可能是杀毒软件限制了你的服务器..建议关掉试一试.论坛都有的嘛</t>
  </si>
  <si>
    <t xml:space="preserve">木地板如何清洁？我用扫帚扫，用墩布墩，还是觉得有灰。是不是一定要 </t>
  </si>
  <si>
    <t>1,你的程序没有错只是少了一道。苕埽扫完之后，拖地，然后再扫一遍地这样地就会很干净。2，地板平时不要让它太干燥，不知你在哪个城市？若在南方就免了，北方要时常让地板湿润些，经常用湿布擦地板保持湿润，尤其是窗前太阳能够照到的地板更要经常湿擦，这样地板不会变形。3，一般地板无论是吸过尘或是扫过之后，最好是用很干的湿抹布蹲着擦地板，这样不仅擦得一尘不染，而且对地板很温柔，日日积月累地板会越擦越亮。4，一个月打一次地板蜡，地板会保养得更好。</t>
  </si>
  <si>
    <t xml:space="preserve">大家有什么办法能祛除旅游鞋的汗臭味？ </t>
  </si>
  <si>
    <t>把绿茶包放在鞋子里可以吸掉汗味，平时还可以拿在阳光下面晒晒。</t>
  </si>
  <si>
    <t xml:space="preserve">大盘是否已进入一次大规模的反弹? </t>
  </si>
  <si>
    <t>关键还是要看成交量是否能放大,市场的反弹还要用资金来抬。政策面的利好只能带来短期的反弹，只有投资者的信心恢复，银行的储蓄资金搬家才能引发一次大规模的反弹甚至发动新一轮的牛市行情。</t>
  </si>
  <si>
    <t xml:space="preserve">钱怎么来啊我是50级的暗骑士,一直手动打,到现在才C顶一套加迷惑 </t>
  </si>
  <si>
    <t>呵呵 一是用外挂，当然也是烧钱（极其不推荐）；二是用人民币买点卡换钱；三是人品爆发打出好东西；四是朋友帮忙；还有一种方法是做市场，不过你的资本不够。所以我推荐你开始种地赚钱，因为现在也没什么好的任务。你是骑士种地应该合理，顺便练级，推荐你去龙谷打贵族洞穴仆人和无头骑士，顺便接个魔法铜钱的任务打黄金翼龙，钱币现在的市场也还可以的。</t>
  </si>
  <si>
    <t xml:space="preserve">一般指的汽车百公里耗油是指时速在多少情况下的？ </t>
  </si>
  <si>
    <t>等速行驶燃油消耗量是指汽车在额定载荷下，以最高档在水平良好路面上等速行驶100公里的燃油消耗量。一般乘用车的燃油经济性指标常以等速行驶的百公里耗油量来表示。等速百公里油耗：指在平坦硬实的路面上，汽车以最高档分别以不同车速等速行驶这段路程，往返一次取平均值，记录下油耗量，即可获得不同车速下汽车的百公里耗油量。将每个车速段的耗油量用点连起来，就发现是一条开口向上的抛物线，最凹点就是耗油量最低的车速段，也就是“经济车速”。 一些厂家以这个经济车速做为耗油量参数，实际上也是做为参考值而已，因为一般用户是很难做得到的。</t>
  </si>
  <si>
    <t xml:space="preserve">固定资产增加，减少需要写收料，出料单吗？ </t>
  </si>
  <si>
    <t>固定资产增加可以采用固定资产启用通知单固定资产减少可以填写固定资产报废、调拨或卖出的通知单收料单，出料单主要是针对材料出入库的不过固定资产增加、减少的格式可以参照收料单，出料单的格式设置</t>
  </si>
  <si>
    <t xml:space="preserve">股权分治什么意思? </t>
  </si>
  <si>
    <t>先纠正你的一个关键性错字:股权分"治"--应为"置"--位置处置的意思.这是理解问题的关键.证券市场中上市公司的股权"分置",既分开处置,分别处置.这是我国股市存在"先天不足"的股权设置制度性缺陷问题.我国证券市场在"摸着石头过河"的改革中诞生,设立股市的目的是---"为国有企业融资解困"---市场建设的指导思想,于是---"必须始终保持企业的社会主义公有制地位"---成为上市公司股权设置的指导方针.因此,在当初设计上市公司的股权时,把公司股票分为"国有股","法人股","流通股",并且规定:国有股和法人股的数量必须大于控股比例(以"保持公有制地位"),而且不能上市流通(让人收购了可了不得).一开始就形成了证券市场股权分置的制度性缺陷问题."股权分置"的后果造成非流通股"一股独大"(绝对控股),流通股与非流通股"同股不同成本"(流通股东以市价购买,非流通股只有1元),"同股不同权"(控股老大说了算),"上市圈钱不管回报"(有几个老董关心股价?有几个散户买股票是为分红利?)等各种各样弊病."中国特色"的证券市场股权分置制度性缺陷,严重违背了资源配置市场化的内在规律,扭曲了市场化资本调节的基本功能,最终影响了股票市场融资作用的正常进行,危及证券市场的发展.这也就是在我国"证券市场不是国民经济晴雨表"(经济连续高增长率,股市五年熊途)的原因.现在进行的股改就是改革股权分置问题,恢复证券市场的正常功能作用.把错的纠正过来.</t>
  </si>
  <si>
    <t xml:space="preserve">请教一下各位：怎样才能将电子照片的背景颜色换成红色或者蓝色？ </t>
  </si>
  <si>
    <t xml:space="preserve">用PS 只换背景的话  抠好图  个人比较喜欢用蒙版在简单点就用 美图秀秀  直接弄就好 很简单  百度下 里面还可以简单的弄数码照片  不会PS的  也会用 </t>
  </si>
  <si>
    <t xml:space="preserve">眼睛痛确切的说是眼眶和眉骨那里昏疼昏疼的什么原因哇`？是用眼过度 </t>
  </si>
  <si>
    <t>最好能到医院检查去,在去医院之前你可以自己先检查一下,用手指压迫上眼眶边缘内三分之一有个小的凹陷处,那是眶上神经所在之处,如果有明显的压痛,或比较其它部位疼痛程度不同,就可以确定为眶上神经痛.它与全身和眼部疲劳,紧张情绪等有关,用维生素BI, B12加利多卡因做眶上神经封闭可以收到立杆见影的效果.仅供您参考.</t>
  </si>
  <si>
    <t xml:space="preserve">怎样才能找回51空间的密码以前我和一个好友共有一个51，不久之前 </t>
  </si>
  <si>
    <t>连网站的客服都没办法,看来是没什么希望了.建议重新申请一个.</t>
  </si>
  <si>
    <t xml:space="preserve">去除水肿的办法我想问一下,有时候早上起床感觉皮肤很好,可是过了一 </t>
  </si>
  <si>
    <t>水肿是指外的组织间隙中有过多的体液积聚，为临床常见症状之一。与肥胖不同，水肿表现为手指按压皮下组织少的部位时，有明显的凹陷。 全身性水肿按照病因可分为： (1)心源性水肿：常见于郁血性心衰竭、急或慢性心包炎等。 (2)肾源性水肿：常见于肾小球肾炎、肾盂肾炎及肾病综合症候群等。 (3)肝源性水肿：常见于病毒性肝炎、肝硬化等。 (4)营养不良性水肿：常见于低蛋白血症、维生素Bl缺乏症等。 (5)结缔组织病所致的水肿：常见于红斑性狼疮、硬皮病及皮肌炎等。 (6)变态反应性水肿：如血清病等。 (7)内分泌性水肿：常见于席汉病、甲状腺功能低下及库欣氏综合群等。 (8)特发性水肿：如功能性水肿等。 (9)药物: 药物引起的水肿，是因为服用消炎止痛剂影响肾脏排泄机能，或类固醇制剂"美国仙丹"伤害到肾上腺机能所导致的。其它如贫血性水肿、妊娠中毒性水肿。 局限性水肿包括有： (1)静脉阻塞性水肿：常见于血栓性静脉炎、下肢静脉曲张等。 (2)淋巴阻塞性水肿：常见于丝虫病的象皮腿、流行性腮腺炎所致胸前水肿等。(3)炎症性水肿：常见于丹毒、疖肿、蜂窝组织炎等所致的局部水肿。 (4)反应性水肿：常见于血管神经性水肿、接触性皮肤炎等。 很多人水肿的发生是体质性的，不需要任何治疗。但最好能在发生时，请医师作简单的心、肝、肾及肾上腺的筛检，以确定病因，做到早期治疗，或长期观察追踪。千万记得，不要因为找不到原因，而到处看诊或滥用利尿剂。水肿，是指体内水液潴留，泛溢肌肤引起头面、眼睑、四肢、腹背，甚至全身浮肿而言。水肿是全身气化功能障碍的一种表现，与肺、脾、肾、三焦各脏腑密切相关。依据症状表现不同而分为阳水、阴水二类，常见于肾炎、肺心病、肝硬化、营养障碍及内分泌失调等疾病。 【病历病机】 （一）风湿外袭，内舍于肺，肺失宣降，则水道不通，水液溢于肌肤，发为水肿。 （二）饮食劳倦，伤及脾胃，运化失司，水湿停聚，横溢肌肤，发为水肿。 （三）房劳过度，内伤肾元，不能化气行水，水湿内停，溢 于肌肤而水肿。 【辨证治疗】 （一）阳水 主证：发病急，初起面目微肿，继之则遍及全身，腰以上肿甚，皮肤光亮，阴囊肿亮，胸中烦闷，呼吸急促。或形寒无汗，苔白滑，脉浮紧；或咽喉肿痛，苔薄黄，脉浮数。 治法：取肺、脾经穴为主。针用平补平泻法，以宣肺、解表、利水；表邪退后，宜参用阴水治法。 处方：列缺 合谷 偏历 阴陵泉 委阳 方义：阳水为病，系肺气失宣，水湿内停所致，腰以上肿宜发汗，故取列缺、合谷发汗解肌，通利肺气；腰以下肿宜利小便，故取偏历、阴陵泉利小便以消水肿；委阳为三焦下合穴，功可调三焦气化功能以消水肿。 （二）阴水 主证：发病较缓，足跗水肿，渐及周身，身肿以腰以下为甚，按之凹陷，复平较慢，皮肤晦暗，小便短少。或兼脘闷腹胀，纳减便溏，四肢倦怠，舌苔白腻，脉象濡缓；或兼腰痛腿酸，畏寒肢冷，神疲乏力，舌淡苔白，脉沉细无力。 治法：取足太阴、少阴经穴为主。针刺用补法，并用灸法，以温补脾肾，利水消肿。 处方：脾俞 肾俞 水分 复溜 关元 三阴交 方义；阴水病因脾肾阳虚，针灸脾俞、肾俞、复溜可温脾肾元阳，促三焦气化；灸水分利水以消水肿；灸关元培补元气以温下焦；补三阴交健脾利湿，通利小便。 【其它疗法】 耳针 取穴：肺 脾 肾 三焦 膀胱 皮质下 方法：每次取2-3穴，中等刺激，隔日一次。也可用耳穴埋豆法参考资料：中华医学网</t>
  </si>
  <si>
    <t>请问这期足彩绝对没有平局的场次有哪些?我每期足彩都有2</t>
  </si>
  <si>
    <t>第1、9、12、13场次不会出平，第1、9场次主队必胜，第12、13场次继续沙尔克04、沃尔夫不出平局的规律性。</t>
  </si>
  <si>
    <t xml:space="preserve">家庭如何申请上网？ </t>
  </si>
  <si>
    <t>有电话的，带好户主身份证，去当地电信营业厅办理就行了，确定你的电脑里有网卡，如果没有要另配个，电信公司是不提供网卡的。没电话的 需要装个。具体资费各地不同`~~</t>
  </si>
  <si>
    <t xml:space="preserve">请大家介绍几部S.H.E.主演的电视剧，多谢。 </t>
  </si>
  <si>
    <t>《蔷薇之恋》（ELLA主演，其他两人客串）  《爱情大魔咒》（Ella主演、Hebe第二女主角） 《求婚事务所之麻雀变凤凰》（Hebe主演） 《2004 新年快乐》（2004内地贺岁剧，Selina&amp;Hebe主演） 《真命天女》（三人均为主演）《花样少年少女》（Ella主演） 《斗牛 要不要》（Hebe主演） Ella最近和言承旭演了《就想赖着你》刚刚杀青~</t>
  </si>
  <si>
    <t xml:space="preserve">什么陶瓷刀好？陶瓷刀有哪些品牌？ </t>
  </si>
  <si>
    <t>我用的是巧媳妇牌子的，下面说下我使用心得吧，你可以参考下。　　　一：结实、耐磨，也就是说一直用着不用磨刀也不会变钝。　　　　刀的硬度为9，仅次于世界上最硬的物质──钻石(10)，　　　　所以只要使用时不摔至地面、不用外力撞击、不去剁或砍，　　　　正常使用的情况下永久都不需要磨刀。　　　　这也是我最喜欢的一点，呵呵。　　　　二：锋利，切东西快而薄。刀刃本身锋利易割伤手，　　　　存放时应特别小心，　　　　应注意勿使孩童接触，以免误伤，但本款刀就不会了，　　　　因为人性化的给配了刀套，使用完套上就OK了，　　　　我之前买的那把没有，误伤我好几次了，5555555。　　　　三：抗腐蚀、不留铁腥味、永不生锈、易清洗。　　　　不会给食物带来异味。　　　　四：健康，采用生物医学材料制造，不含镍、铬等重金属元素。　　　　与肌肤接触不会产生过敏现象。无毒、卫生环保。　　　　表面密度大，不容易沾染食物汁液，减少细菌滋生机会。　　　　陶瓷刀超强的抗菌功能，非常适合切食可直接食用的食物。　　　　是呵护婴幼儿健康成长的最佳刀具。</t>
  </si>
  <si>
    <t xml:space="preserve">谁能给提供一个好的RO,SF?服务器要稳定,人最好多一点,经验和 </t>
  </si>
  <si>
    <t>我给你个好玩的ＳＦ，西湖，大熊和彩虹，不是ＢＴ的ＳＦ，人多，里面的玩家也很友善．目前着些ＳＦ是我玩过的最好的了．（仅供参考）</t>
  </si>
  <si>
    <t xml:space="preserve">南京公交学生卡如何转成人卡学生卡年检时，说满十八岁不给年检，自动 </t>
  </si>
  <si>
    <t>也许是公交车上的刷卡器资料未更新，等两天看看吧，或者换路车试试。</t>
  </si>
  <si>
    <t xml:space="preserve">10.小麦根尖细胞基因分布在（）A.染色体、核糖体B.染色体、叶? </t>
  </si>
  <si>
    <t xml:space="preserve">10.小麦根尖细胞基因分布在（ ）C.染色体、线粒体 </t>
  </si>
  <si>
    <t xml:space="preserve">睡觉要被冻死了5棉被（北方自己做的被子），云丝被，还有什么七孔被 </t>
  </si>
  <si>
    <t>还是棉被好。棉被纯天然，环保，大多数人习惯盖棉被。同时它不产生静电，吸湿性能好，还可以反复翻新使用，用旧了硬了可以做褥子垫。</t>
  </si>
  <si>
    <t xml:space="preserve">9月搬家好日子10年9月或10月搬家哪天好?夫:阳历:1979, </t>
  </si>
  <si>
    <t xml:space="preserve"> 2010年9月搬家吉日： 2010年9月3日 农历07月(小)25日 星期五 冲狗(庚戍)煞南 2010年9月9日 农历08月(大)02日 星期四 冲龙(丙辰)煞北 2010年9月15日 农历08月(大)08日 星期三 冲狗(壬戍)煞南 2010年9月19日 农历08月(大)12日 星期日 冲虎(丙寅)煞南 2010年9月24日 农历08月(大)17日 星期五 冲羊(辛未)煞东 2010年9月27日 农历08月(大)20日 星期一 冲狗(甲戍)煞南 2010年9月28日 农历08月(大)21日 星期二 冲猪(乙亥)煞东 </t>
  </si>
  <si>
    <t xml:space="preserve">请问买电磁炉要注意些什么？？买什么牌子的比较好？？谢谢！！！ </t>
  </si>
  <si>
    <t>电磁炉由于安全、卫生、节能、无火、使用方便等特点而深受消费者的青睐，但电磁炉的许多品牌让顾客选择起来很为难。电磁炉是大功率电器，跟每个人的生活密切相关，我们选购时应从专业品质、安全、价格以及售后服务等方面考虑，一定要到正规商场购买。笔者有一些选购电磁炉的经验，现提供给大家参考。 正规的生产厂家都特别注重产品品质及安全问题。笔者提醒大家，电磁炉顶板的质地相当重要，磁力线穿透电磁炉顶板是否充分，直接体现在电磁炉对锅具的加热效果上。电磁炉行业权威人士一致认定，适合做电磁炉顶板的材质，“陶瓷”为最佳。陶瓷制成的电磁炉顶板，热传导效果好，磁力线穿透充分，节能、省钱。电磁炉的控制面板最好是平面设计并采用绝缘防水材料，非平面设计的电磁炉控制面板使用的是金属按键，易造成机体进水，影响电磁炉的使用寿命，严重者导致使用者触电，危及其生命安全。所以，我们购买电磁炉时，一定要注意电磁炉的顶板是否是陶瓷以及控制面板是否是PTC绝缘防水材料，另外，控制面板是不是平面设计的也至关重要。 据笔者观察，市场的电磁炉顶板有两种： 一种是陶瓷顶板，有白色的和花色的。电磁炉行业根据顶板实际工作指数将陶瓷顶板分为三级。A级为日本NEG太空陶瓷顶板，它是微米级结晶体，经过45天、1500℃高温烧制，一次成型，耐高温1100℃，耐冷热温差800℃，抗冲击性强。由于其质地结构紧密、易清洗、不变色、磁力线穿透充分、热效率高，所以NEG太空陶瓷顶板被电磁炉业界公认为节能、清洁“大使”。B级为国产特级白色陶瓷顶板，烧制周期约为7天，在500℃～600℃的温度下烧制，再经200℃的温度冷却切割。它非一次成型，虽然也是白色，但易发黄、变色，磁力线穿透效果差，热效率低，并且耐温差，严重的还会发生顶板炸裂，从而危及消费者的人身安全。C级为国产花色陶瓷顶板，制造工艺更为简单，一经使用，短时间内就会发黄、变色，比B级顶板更次之。 辨别A级、B级或C级电磁炉陶瓷顶板，笔者有一定的经验。C级板一眼即可辨认，电磁炉顶板上印有花、草、虫、鱼的大都为C级板，因其发黄、变色快，故厂家印制花样来掩饰缺点。B级板和A级板虽然均呈白色，但要辨其究竟也不难。B级板非一次烧制成型，需切割，所以边沿粗糙，仔细观察并用手体验，立刻可水落石出；A级板是超高温一次烧制成型，边沿光滑，无切割痕迹。另外，把两种顶板放在一起比较，在光洁度及晶透度方面，B级板要比A级板逊色很多，并且B级板的背面颜色暗黄，A级板正反面颜色相同。电磁炉是厨房灶具，天天与油烟打交道，A级陶瓷顶板是白色，即使上面有脏物，经正确清理也可以洁净如新；B级、C级陶瓷顶板的电磁炉商家如果书面承诺长时间使用不变色，能清洁如新，不降低热效率，不危及人身安全，倒也可以接受。 另一种是微晶玻璃顶板，呈黑色。微晶玻璃顶板与B级国产特级陶瓷顶板一样，在耐高温、耐冷热温差、抗冲击性、热传导效果、磁力线穿透方面，与A级NEG太空陶瓷顶板很难相提并论。因其为黑色，不会发黄或变色，而过去的电磁炉市场一直以白色陶瓷顶板为主流，近两年黑色微晶玻璃顶板电磁炉的出现，使消费者有耳目一新的感觉，而跟风生产此类顶板的厂家有很多，质量上参差不齐。顶板用微晶玻璃制成，晶透性极高，目前，行业内公认能够生产微晶玻璃顶板，并且质量相对稳定的厂家，仅“富特”一家。 据调查，国际上电磁技术应用于民用电磁炉的生产是在20世纪80年代中期，国内开始生产销售电磁炉是从20世纪90年代初开始，而某些电磁炉厂家，宣传自己20世纪70年代就已开始生产电磁炉并投放市场，这种虚假、误导消费者的宣传，侵害了消费者的合法权益。 笔者认为，我们在选购电磁炉时，除应了解产品品质外，售后服务也是相当重要的，专业性的电磁炉品牌在当地应设立独立的客户服务中心，售后承诺是书面的。 希望以上浅谈能给您带来帮助，使您能购买到安全、省钱、售后服务好的电磁炉，并切身感受到现代科技给我们的生活带来的快乐。 电磁炉选购 时间：2005-12-9 11:40:36 来源：电磁炉网 电磁炉网 电磁炉的工作原理是磁共振，磁面板下有许多铜线盘成圈通电时产生磁共振，使含有铁质的器皿中的铁分子高速运动产生热量，从这个你就会知道电磁炉对器皿也是有要求的，含铁越多的器皿加热越快！ 1表面上的磁面板最好是进口的！如果质量不好，一回之后就会发黄。 2电源插头最好是三项的！两项的电磁炉最好不要买！ 3拿起来感觉一下重量，一般来说重一些的比较好！ 4调火候的方式最好是拉杆的，可以方便的自由的调，如果是按键的就比较麻烦了，而且时间长了容易坏掉！ 5电磁炉是在高温下做业所以不能等同于电视，冰箱等电器，所以一定要选择一个售后服务好一些的厂家！电磁炉是我知道的电器中返修率最高的电器！ 6家庭用的最好是1800W以上的！业内人士介绍，首先要挑一些牌子老，质量好，信誉高的品牌。在购买时，还可以要求销售者对其功能做简单的测试：当灶面加热区放上合适材料、形状、大小的烹饪锅时，电磁炉就进入加热状态，当锅子移去或偏离加热部位时，检测电路应控制炉具是否能迅速停止加热；而当烹饪器具放回或放正，电磁炉应能恢复正常加热。还可以将小件铁器如刀、叉等放在炉面加热区，这时电磁炉不应该加热，因为按照一般规定，直径在8cm以下的炉具，电磁炉不应加热。  　　对于电磁炉的热销，业内人士提醒消费者，电磁炉最忌水汽和湿气，同时不要让铁锅或其他锅具空烧、干烧，以免电磁炉面板因受热过高而裂开。</t>
  </si>
  <si>
    <t xml:space="preserve">宝宝喜欢吸吮奶头才能睡觉，怎么改正这个毛病？我的宝宝今天满四个月 </t>
  </si>
  <si>
    <t>不要一上班就断掉，实在不行，你可以早起给宝宝吃饱后把奶挤在奶瓶里，让家人到时喂给宝宝吃，白天也要坚持三小时挤一次奶，有条件可放到冰箱里保存，带回给宝宝吃，下班回家立即给宝宝吸奶，吃母乳的小宝宝不容易生病，长得也好，可让妈妈省很多心，金水银水不如妈妈的奶水哦。至于睡觉，小宝宝是需要吃饱了才能睡得着，如果他吃着奶就睡着了，说明你的奶水已不是很多，你要吃一点鲫鱼、虾皮汤鲜虾、等发奶的食物，糯米酒也很好哦。小宝宝只要生理上的需要得到满足，吃饱吃好了，穿得宽松舒服了，就会很乖地睡哦，当然有时也会想妈妈的，这么小还不会哦。</t>
  </si>
  <si>
    <t xml:space="preserve">对联:秋水寒天恨无眠. </t>
  </si>
  <si>
    <t>对句：晓风残月愁遁影［边城浪子］出句：寒天秋水恨无眠［独梦独醒］</t>
  </si>
  <si>
    <t xml:space="preserve">“拖拉机”在哪里下载？ </t>
  </si>
  <si>
    <t>联众世界就可以下载，到时电脑有提示。</t>
  </si>
  <si>
    <t xml:space="preserve">鲁能2006赛季主力阵容构造一下吧所有的球迷 </t>
  </si>
  <si>
    <t xml:space="preserve">  守门员:李雷雷后卫:王超 舒畅 巴辛 娇哲中场:崔鹏 郑智 (外援) 王亮前锋: (外援)  李金羽替部:周海滨 刘金东 韩鹏 宋黎辉 杨程 吕征</t>
  </si>
  <si>
    <t xml:space="preserve">QQ图标哪些可以免费点亮？怎么点亮？ </t>
  </si>
  <si>
    <t>17. 第2天去网站就能领取2颗种子点亮了（免费，可亮） 23.华夏2：登陆，角色在线只要到24小时就可以亮了，如果中间下线，下次登陆继续往上加时间（免费，可亮） 24.Q歌Q魅：在刚出这个图标的时候可以免费点亮，现在由于用户过多，暂停此业务点亮（免费，现不可点亮） 25.QQ音乐：听歌的网站，成为这个听歌的网站会员才能点亮（每月10元，可亮） 26.QQ播客：1、首先登录QQ播客 2、进入QQ播客后，点击首页顶部菜单的“设置”进入自己的设置页面进行设置 3、在“修改我的设置”里面点击“点亮播客图标”的按钮即可 27.特殊客户端登陆用户：只要手机办理了移动QQ，下线的时候才可以亮起（用户上线不可亮） 28.QQ三国：三国点亮图标的条件 （1）自己先升到20级以上 （2）收个15级以下的徒弟带到20级 （3）徒弟升20的时候你必须得在线 (此点很重要).个人建议徒弟快20的时候最好组队在一起 如果想要升级快：方法如下 1.花几个QQ 币买几个增加经验值的双倍丸很快就升上去了。2.找一个30级以上的拜师，叫他带你，这样更快。3.组队，这样玩比较有乐趣，要不自己一个人玩太枯燥了。4.做任务 29.QQ对战平台：目前无办法点亮（不可亮） 30.音乐精灵：现在把音乐精灵的功能合并到QQ音乐里了，现在没有此业务，但是听说，有个别的网站还能花钱办理，但是没有任何意义了（此业务停止，不可亮） 31.高级交友：QQ高级交友贵族象征，不可亮（每月20以前可亮!!现不亮!） 32.手机QQ网:用你的QQ号码登陆过手机网,那么你的小图标就会被点亮了, 33.以前部分业务（QQ电话，小秘书....等，现不可亮!!） 以上有的部分有改动 以下是2007Bate3版的新图标 34.QQTalk 现在只需要登陆一下就可以了(可亮) 35.QQLive 在线140小时等级为月亮以上（可亮） 36.QQ会员可免费点亮图书图标,非会员QQ，得成为图书VIP会员，5QB/月即可开通, 37.QQ书签 在登陆自己Q号收藏10个以上书签要公开的（可亮） 39.QQ绿钻 新版之前的音乐VIP代替图标10元包月（可亮） 40.QQ邮箱如何点亮? 先登录QQ邮箱，点上面的“设置” 拉到最下面 “在QQ中点亮邮箱图标”勾上确定，图标就亮了41.QQ问问【第一步：先把QQ资料里的那个问号点开（就是把你的鼠标指向你自己的头像，然后找到那个问号点一下） 第二步：点一下之后你会进入官方网站，然后提个问题等待回答（很短时间哦 ），等答案出来会通知你的 第三步：然后选一个你满意的答案给出评分等级。再点确定即可点亮友情提醒：如果没亮了的话,先下线,然后再上线看一下有没有亮?没有亮的话,再提一个问题!如果还不行的话,就点 我的问问 看到左下有“设置”“擅长领域”和“关注领域。随便点一个进去，看到了有个“常规” 选择打开。那就绝对亮了！】 42.QQ飞行岛 封侧中，只有到2008年1月23日才a可开内测：今年8月就可以开通了 43.新规则马上点亮：一.登陆Q吧--到首页左上角《我的社区档案》点进去--按“点亮图标”就马上点亮了。 43（1）飞车： 公测时间1月23日可以不用激活直接玩,QQ飞车公测将于1月23日上午10点全面启航。当达到12级并积累满1800酷币，QQ面板上的QQ飞车图标就能点亮，达到12级和积累1800酷币都很容易，只需要正常游戏，就可以获得经验值和酷币，能很快达到目标,3小时左右开 44.QQ华夏图标25级点亮 45.手机QQ 只要使用手机登录QQ2007 BATE 1以一版本在上面发了条消息给好友,然后退出时不是按挂电话键强行退出而是一步一步地选择注销再退出就可以了。 46.财付通 去注册即可 47.登陆游戏 建个号 玩到10级,下了 重新登陆 就能点亮 48.QQ滔滔 登录滔滔，1、 成功上传头像获得叨客身份证 2、 成功邀请5名QQ好友加入滔滔且成为自己的叨友 3、 在滔滔的活跃天数达到15天 49.QQ音信：使用过多次或1次音信业务的用户，找到1位已经点亮音信图标的用户，让他/她给你赠送1颗图标 ，获赠图标后，你的音信图标将自动点亮 ，QQ音信图标是有有效期的，有效期是2个月。每使用1次QQ音信业务，图标有效期将延长至2个月。如果忘记使用熄灭了，使用一次QQ音信就可以再次点亮了。 QQ会员特权：QQ会员只要使用过QQ音信业务，用QQ号码登录“音信图标”页面后，无需其他用户赠送图标，即可自行点亮音信图标 50【QQ火炬点亮】 ①.接受QQ好友邀请，参加火炬在线传递，获得一个未点亮的图标。 ②.邀请1个QQ好友参加火炬在线传递，选择你的宣言，送出邀请。 ③.成功邀请，图标被点亮成为火炬在线传递大使~祝你成功,早日为奥运加油! 51【穿越火线】开通方法：4月28：点亮方法改了：进入游戏后打游戏获得9点荣誉值即可点亮图标(级别下士)。关于荣誉值和经验兑换的规则去官网查询。 火线有7个图标。最低等的图标一个礼拜需要9点荣誉。我玩了2小时。得了2点荣誉！。如果这个礼拜有9点荣誉点亮了的话。下个礼拜不玩（没到9点荣誉）就会熄灭图标.!52【Q炫舞】 目前 还不能点亮,公测以后10级可亮. 53【 QQ日历】图标需要 挂100小时!就可以点亮了! （免费，可亮）54 Q Q熊现在可以点亮，但是有限的，而且现在QQ熊没有单独图 表!" 答案补充拍拍比较麻烦啦，一般都要一个星期才可以啊，具体操作你点拍拍的图标，有途程教你的。</t>
  </si>
  <si>
    <t xml:space="preserve">快用应用收录合作平台支持个人上传么？ </t>
  </si>
  <si>
    <t>好像暂时只支持应用商等商家，提交应用是要写明公司情况的。</t>
  </si>
  <si>
    <t xml:space="preserve">拉登的钱从那里来？ </t>
  </si>
  <si>
    <t xml:space="preserve">　　现年46岁的本·拉登出生于沙特阿拉伯的吉达，父亲是沙特最富有的建筑业大亨阿瓦得·拉登。老拉登在经营建筑业过程中，由于得到了沙特国王的信任，事业飞速发展，几十年间聚积了50亿美元家财。父亲死后，拉登继承了3．5亿美元遗产，这是他资助恐怖活动的原始本钱。 　　以家族遗产为后盾，拉登开始筹划组建属于自己的全球经济。有消息披露，90年代初他在苏丹设立总部，并在当地开设了多家企业，包括两家投资公司、一家农业公司、一家建筑公司和一家运输公司。此外他在全球还陆续开设了数十家企业和农场。赚取的利润全用以资助旗下的恐怖分子购买炸药、武器和其他高科技装备，使他的恐怖集团不断壮大。 　　关于拉登的财富，媒体众说纷纭。不少人预测，目前拉登可以运用的资金估计高达2．5亿到3．5亿美元左右，也有专家估计他个人的财产达数十亿美元。据悉，拉登将自己的钱分散在全球50个国家的几百家银行、公司以及慈善机构的户头中。为逃避追踪以及防止资产被西方国家冻结，拉登还一直利用活跃于中亚一带的地下钱庄。 　　为迅速增加恐怖主义集团的财力，拉登近年来的投资更是呈现多元化，什么能赚钱就投资什么。据称，世界上每售出一罐汽水，拉登的财富就会增加一点。目前许多饮料都含有水溶性阿拉伯胶以防止微粒沉淀。这种物质大部分由苏丹一家公司制造，拉登就是此公司的大股东。他可能已从中赚取了数千万美元。 　　拉登在沙特阿拉伯和西方国家拥有几家公司，涉及建筑、石油、制造和宝石等诸多行业。美国负责反恐怖事务官员表示，美国确信巴西、阿根廷、巴拉圭交界处为恐怖分子活动地点。他们通过走私等活动获得钱财作为恐怖活动经费。 </t>
  </si>
  <si>
    <t xml:space="preserve">过敏性鼻炎脱敏治疗，过敏性鼻炎脱敏治疗有什么好办法吗确实管用的用? </t>
  </si>
  <si>
    <t>过敏性鼻炎脱敏治疗这里有过敏性鼻炎脱敏治疗 .我也是找了好久过敏性鼻炎脱敏治疗 找不到，后个朋友告诉我这里有过敏性鼻炎脱敏治疗 ，我就去看看发现确实有过敏性鼻炎脱敏治疗 ，但是不知道这个过敏性鼻炎脱敏治疗 好不好，所以又问了很多人关于过敏性鼻炎脱敏治疗 ，他们给我的回答是过敏性鼻炎脱敏治疗 很好，我知道的方法就是美国的菲琳斯不仅可以改善过敏性鼻炎的症状，还可以实现抗敏。过敏性鼻炎通常是机体接触到过敏源而刺激机体产生lge抗体的抗原物质，称为变应原，该变应原物质再次进入鼻粘膜便与相应的lge结合而引起变态反应，从而导致过敏性鼻炎的发生。菲琳斯就是依此来彻底阻断变应原的再次入侵，首先改善鼻内环境，增强鼻组织自身免疫能力，使其产生自己的抗敏防护系统。这样就可以达到真正脱敏抗敏的效果。菲琳斯是目前许多过敏性鼻炎者首选的方法。希望你也喜欢过敏性鼻炎脱敏治疗 ，希望过敏性鼻炎脱敏治疗 对你有帮助，你要是觉得过敏性鼻炎脱敏治疗 好，就把过敏性鼻炎脱敏治疗 起来吧，这样以后找过敏性鼻炎脱敏治疗 会更方便，只要点连接立刻就有过敏性鼻炎脱敏治疗 的地址，希望能</t>
  </si>
  <si>
    <t xml:space="preserve">请问深发展可以做定投的基金有哪些? </t>
  </si>
  <si>
    <t xml:space="preserve">LZ你好!深发展目前还没有开展基金定投的业务!只有一次性买入的基金理财产品,暂时还没有定期定额买入基金的理财产品. </t>
  </si>
  <si>
    <t xml:space="preserve">清泉老师：600018怎么一直在跌，如何操作？老师，我持有上港集 </t>
  </si>
  <si>
    <t>持有.</t>
  </si>
  <si>
    <t xml:space="preserve">这个是樱花么？小区里拍的求指正 </t>
  </si>
  <si>
    <t>是的，喜欢植物欢迎关注是的如有帮到你 请给好评哦</t>
  </si>
  <si>
    <t xml:space="preserve">单场午餐日青杯13:00磐田山叶青年队平/半京都不死鸟青年队京都 </t>
  </si>
  <si>
    <t>支持下！最近欧洲的天气很恶劣，还是“亚洲”的不会延期！顶红！</t>
  </si>
  <si>
    <t xml:space="preserve">这段话怎么翻译?谱写生命的乐章假如有人送你一支笔，一支不可拆卸的 </t>
  </si>
  <si>
    <t>WreYourOwnLifeSupposesomeonegaveyouapen–asealed,solid-coloredpen.Youcouldn\'tseehowmuchinkithad.Itmightrundryafterthefirstfewtentativewordsorlastjustlongenoughtocreateamasterpiece(orseveral)thatwouldlastforeverandmakeadifferenceintheschemeofthings.Youdon\'tknowbeforeyoubegin.Undertherulesofthegame,youreallyneverknow.Youhavetotakeachance!Actually,noruleofthegamestatesyoumustdoanything.Insteadofpickingupandusingthepen,youcouldleaveitonashelforinadrawerwhereitwilldryup,unused.Butifyoudodecidetouseit,whatwouldyoudowithit?Howwouldyouplaythegame?Wouldyouplanandplanbeforeyoueverwroteaword?Wouldyourplansbesoextensivethatyouneverevengottothewriting?Orwouldyoutakethepeninhand,plungerightinandjustdoit,strugglingtokeepupwiththetwistsandturnsofthetorrentsofwordsthattakeyouwheretheytakeyou?Wouldyouwritecautiouslyandcarefully,asifthepenmightrundrythenextmoment,orwouldyoupretendorbelieve(orpretendtobelieve)thatthepenwillwriteforeverandproceedaccordingly?Andofwhatwoul ?Fun?Misery?Life?Death?Nothing?Everything?Wouldyouwritetopleasejustyourself?Orothers?Oryourselfbywritingforothers?Wouldyourstrokesbetremblinglytimidorbrilliantlybold?Fancywithaflourishorplain?Wouldyouevenwrite?Onceyouhavethepen,norulesaysyouhavetowrite.Wouldyousketch?Scribble?Doodleordraw?Wouldyoustayinoronthelines,orseenolinesatall,eveniftheywerethere?Orarethey?There\'salottothinkabouthere,isn\'tthere?Now,supposesomeonegaveyoualife...</t>
  </si>
  <si>
    <t xml:space="preserve">急求3个稳胆或者博胆！急求！ </t>
  </si>
  <si>
    <t>听我的！国米，那不勒斯，费内巴切，三胆！明早见结果！上次给的三胆全中吧！你还没感谢我哦，</t>
  </si>
  <si>
    <t xml:space="preserve">中国的民间资本能直接进行对外投资吗 </t>
  </si>
  <si>
    <t>由于人民币不是国际结算货币，我认为，如果投资地不认可人民币结算，就无法直接投资，否则就涉及购汇、换汇的问题，这就不是直接能做的事情了。</t>
  </si>
  <si>
    <t xml:space="preserve">请问G股原流通股股东在解冻时有没有具体的规定，达到多少比例要公告? </t>
  </si>
  <si>
    <t>没有要求，过了限售期，５％以下的原非流通股东可以卖掉全部，除非他有承偌．</t>
  </si>
  <si>
    <t xml:space="preserve">明天会怎样今天大盘缩量反弹，明天是周末，大盘反弹是否还会继续？ </t>
  </si>
  <si>
    <t>应该仍是震荡筑底！消息面形势还未明朗，场外资金仍会采取观望态势！预计小阴或小阳。</t>
  </si>
  <si>
    <t xml:space="preserve">P3和P5出来了吗安妮快告诉我哈哈,看你的资料也是浙江的我也是, </t>
  </si>
  <si>
    <t>P3--5开77013 你中了吗！！！</t>
  </si>
  <si>
    <t xml:space="preserve">哺乳期感冒了能吃感冒药吗 </t>
  </si>
  <si>
    <t>你好,在哺乳期不建议服用感冒药，哺乳期服药要慎重。即使需要也建议择对孩子没有影响或影响很小的药物。建议使用毒性较小的中成药，比如板蓝根、双黄连等。这种情况哺乳前感冒建议忌辛辣刺激饮食，清淡饮食，多喝水注意休息，必要时可以应用抗病毒中成药如双黄连，抗病毒液等</t>
  </si>
  <si>
    <t xml:space="preserve">位置问题。本人身高184CM。臂展195CM。体重73KG。大概 </t>
  </si>
  <si>
    <t>　　打什么位置好象不是由你的身高、弹跳决定的吧？　　如果你视野开阔，运球技术好，传球手法掌握得好，去做组织后卫；如果你外线投篮准，有接应的意识...，去做得分后卫。当然，这两个位置防守也要好哦。　　前锋？不用我说了吧？　　接着你的补充问题说明：我觉得你打得分后卫可能好点，但是你不能象你说的一个人单干哦，这个位置也需要有传球及很好的防守(有时候可能不是一对一的防守)。</t>
  </si>
  <si>
    <t xml:space="preserve">请编辑帮我修改书名请帮我将《合法同居》修改为：《非法同居》 </t>
  </si>
  <si>
    <t>请提供你的作品链接和id以便为你尽快做修改</t>
  </si>
  <si>
    <t xml:space="preserve">明天市场如何演义?回顾盘面:今天的盘总的来说走的还算可以.盘面上 </t>
  </si>
  <si>
    <t>就指数来说，前段时间有人统计了各国股指期货推出前后股票市场的表现，有的是先涨后跌，有的是先跌后涨。从4月16日到今天我们的市场表现来看，或许我们是先跌后涨。不过浏览各大财经网站，前天股市暴跌这事就没人提了，或许是话题比较敏感的原因，敢想的也不太敢大胆提，哈哈。但愿我们是先跌后涨。</t>
  </si>
  <si>
    <t xml:space="preserve">铰接与刚接有什么区别? </t>
  </si>
  <si>
    <t>饺接的支座,没有弯矩M,只有水平和竖向反力.刚接的支座除了水平和竖向反力外,还有弯矩M.</t>
  </si>
  <si>
    <t xml:space="preserve">法师怎么办,帮帮忙本人32的法师,怎样升级快,单练还是下副本,在 </t>
  </si>
  <si>
    <t>31－37级：－荆棘谷[叛乱者营地，Nesingwary'的队，藏宝海湾]－希尔斯布莱德丘陵[南海镇]－阿拉希高地[旁特避难所]－凄凉之地[32]－千针石林[31] －副本：诺莫瑞根－喜欢的战利品：嚎叫剑刃(Howling Blade) (Skhowl，奥特兰克山脉)－喜欢的战利品：毒之复仇者(Toxic Revenger)(诺莫瑞根)－喜欢的战利品：绿色小龙(Tiny Emerald Whelpling)(悲伤沼泽)－练级区[31]：库尔森营地(荆棘谷)－练级区[33]：荆棘谷迅猛龙(荆棘谷)－练级区[33]：咆哮洞穴(奥特兰克山脉)－练级区[34]：恐惧角落(碎脊山食人魔－奥特兰克山脉)－练级区[36]：冒险公司营地(纳菲瑞提湖－荆棘谷)准备工作：购买全部15页的荆棘谷绿山(The Green Hills of Stranglethorn )，4个血石矿(Bloodstone Ore )。在荆棘谷开始。如果你不想跑到最北边，做1－2个任务又回去藏宝海湾的话，在这里累积任务完成也很重要。叛逆者营地的任务很大程度上不需要依赖休息就可以完成，所以你可以先做这里的任务。然后前往藏宝海湾，你可以获得2个北部的主要任务：调查营地(Investigate the Camp)和精益求精(Excelsior)系列任务的开始，2个任务都需要你去Nesingwary的探险队，在那里你可以获得所有的令人愉快的任务。希尔斯布莱德最好在33级以后再去，那时候你才能完成那里的所有你可以在30级就获得的任务…阿拉希只有1到2个任务是你现在就可以做的，不过我还是列出来。37－43级：－荆棘谷[叛乱者营地，Nesingwary'的探险队，藏宝海湾]－阿拉希高地[旁特避难所，法迪尔峡谷]－荒芜之地[这个地区周围各种营地]－凄凉之地[37]－精英区域：激流堡－精英区域：魔式欧戈食人魔丘陵－副本：血色修道院－副本：奥达曼－副本：剃刀高地－喜欢的战利品：黑色小龙(Tiny Black Whelping)(荒芜之地)－练级区[37]：鞭尾迅猛龙 ~_~!!!(荆棘谷)－练级区[37]：水元素(荆棘谷)－练级区[39]：Brackenwall北部的蜘蛛洞(悲伤沼泽)－练级区[39]：石元素(荒芜之地)－练级区[39]：老峭壁狼(荒芜之地)－练级区[41]：变色龙幼兽(荒芜之地)－练级区[41]：埃格蒙德旅店(荒芜之地)－练级区[41]：泽塔亚遗迹(冒险公司营地，荆棘谷)－练级区[43]：娜加探险者(荆棘谷)准备工作：购买9个蓝珍珠(Blue Pearls)，1瓶霜油(Frost Oil)，1个原子陀螺仪 !(Gyrochronatom)，4个秃鹰的翅膀(Buzzard Wings)，1瓶水下呼吸药水(Elixir of Water Breathing)。37级开始你可以获得你的下一批在荆棘谷的任务。阿拉希高地的法迪尔峡谷有一些不错的任务，喜欢组队的话可以去完成激流堡的任务。荒芜之地也有许多不错的任务，前提是你能找到这些任务。不断增长的练级经验可以让你更有效，在42－43级的时候你应该结束你在荆棘谷剩下的任务，再去荒芜之地和阿拉希结束你这个时段。血色修道院。黑色威胁(Black Menace)或者平静之剑(Sword of Serenity)。不用多说什么－除了任务的获得地：凄凉之地。</t>
  </si>
  <si>
    <t xml:space="preserve">什么款式的内衣穿起来更能显身材？ </t>
  </si>
  <si>
    <t>修整身型款式的内衣，日本的最好。</t>
  </si>
  <si>
    <t>斗鱼里的那个筱蝶怎么这么讨厌啊?她一个人害死两个人</t>
  </si>
  <si>
    <t>我觉得还可以啦看的时候的确气人但是，被爱折磨得死去活来的人又何尝不是这样呢？哈哈我觉得她长得到是蛮漂亮的但是，呵呵！~普通话有点~~不和人意</t>
  </si>
  <si>
    <t xml:space="preserve">你知道什么是言语IQ吗？言语IQ只是指说话的能力吗？ </t>
  </si>
  <si>
    <t>我们平时使用的语言不只是说，还涵盖了听、读、写等领域。宝宝必须同时具备“聆听”、“思考”、“表达”等能力，才能达到语言发展的良好效果。所以，“言语IQ”不单指语言的表达能力，更侧重强调宝宝逻辑与思维能力的发展。它还包括了宝宝在词汇、类同、造句、常识、理解、算术各个方面的表现，是综合性的语言能力指数。</t>
  </si>
  <si>
    <t xml:space="preserve">新开公司有关业务咨询 </t>
  </si>
  <si>
    <t>你的车是自己本人的吗，如果是，那你的开拓业务的范围应该很大，给你我的建议：汽车租赁就是你所租的汽车，按照租赁公司给你的要求，也就是每天平均限行260公里，超过260公里按0.8计算，其他一切费用租赁人自理，然后按照不同的车型，给你不同的价格，当你合同租赁是两天的话，就必须两天后，也就是24小时之内必须交还租赁公司，不然租赁公司按照合同，以每小时多少钱，扣除租赁的押金！！这是我以前回答人家的，如果还想了解，可以跟我联系。。。</t>
  </si>
  <si>
    <t xml:space="preserve">暗夜精灵在升级完远古之树后要不要建远古守护者？我玩了差不多一年半 </t>
  </si>
  <si>
    <t>我打NE，在有酒馆的地图，最喜欢在中期进行RUSH，一波搞定。这个战术，最怕的就是NE在家造一个远古守护者。这个远古守护者的位置要比较好，一般是在井的中间，我的步兵都很难砍到。这样我在2英雄刚出来那波压制很难将对方干掉。NE用大树，远古守护者，弓手，小鹿的防守很稳的，战争古树的位置也要好，一般放在路口，这样对方不得不拆，要拆要时间，应该能给你争取一些时间。你造3个远古守护者，太多了！NE出熊缺的是钱和木头，特别是钱，你一个远古守护者需要195G60L（注意小精灵的造价也要算进去），这样就相当于在那个时刻少于两头熊，恐怕比较难挡下HUM中期的进攻了吧</t>
  </si>
  <si>
    <t xml:space="preserve">问个小问题请问暴怒之心怎么得到的啊？好象很值钱的样子能要几钱啊 </t>
  </si>
  <si>
    <t>是在前段时间开的拯救传送石大作战任务的奖品。现已关闭。价钱都是100w+的。</t>
  </si>
  <si>
    <t xml:space="preserve">新手问题请问~技能学习了后还能删除吗？ </t>
  </si>
  <si>
    <t>技能修改游戏给了一 次重洗的机会不过没有多少人会去洗 因为它是给你一次重新学习的机会也就是所有的技能都没了点全还给你 然后你得重新练熟练度。点券商店卖技能重新设置卷轴 买了以后到皇宫的NPC那去洗 可以指定一条技能树也就是一竖列洗你学过的最下面的一个技能，这个技能如果开琐了一样会全洗掉</t>
  </si>
  <si>
    <t xml:space="preserve">qq音乐脚本错误搜索不了歌曲,弹出脚本错误对话框,已经在INTE </t>
  </si>
  <si>
    <t>把QQ卸了，重新安装一次就OK，我家以前也有这种情况出现 我就是这么弄好的</t>
  </si>
  <si>
    <t xml:space="preserve">急！化学 </t>
  </si>
  <si>
    <t>0.75L选C氨气比重17空气比重29氢气比重2所以可以得出17*x+29*(1-x)=2*1*10解得x=075所以选C</t>
  </si>
  <si>
    <t>（晒单）：我也来张进球彩</t>
  </si>
  <si>
    <t>我就是厚着脸皮和教母PK的那个人，本来今晚不想晒单的，看到你这么热情，而且买的钱都是256，那我们就PK一下吧！你是剑走偏锋，一击致命；我是锤击正路，砸个浅坑，好，亮单！</t>
  </si>
  <si>
    <t xml:space="preserve">服务器是个什么东东？服务器是什么？老听说什么网游服务器，还有腾讯 </t>
  </si>
  <si>
    <t>服务器是一种高性能计算机，作为的节点，存储、处理网络上80％的数据、信息，因此也被称为网络的灵魂。做一个形象的比喻：服务器就像是邮局的交换机，而微机、笔记本、PDA、手机等固定或移动的网络终端，就如散落在家庭、各种办公场所、公共场所等处的电话机。我们与外界日常的生活、工作中的电话交流、沟通，必须经过交换机，才能到达目标电话；同样如此，网络终端设备如家庭、企业中的微机上网，获取资讯，与外界沟通、娱乐等，也必须经过服务器，因此也可以说是服务器在“组织”和“领导”这些设备。 服务器的构成与微机基本相似，有处理器、硬盘、内存、系统总线等，它们是针对具体的网络应用特别制定的，因而服务器与微机在处理能力、稳定性、可靠性、安全性、可扩展性、可管理性等方面存在差异很大。尤其是随着信息技术的进步，网络的作用越来越明显，对自己信息系统的数据处理能力、安全性等的要求也越来越高，如果您在进行电子商务的过程中被黑客窃走密码、损失关键商业数据；如果您在自动取款机上不能正常的存取，您应该考虑在这些设备系统的幕后指挥者————服务器，而不是埋怨工作人员的素质和其他客观条件的限制。 所以服务器的图片就是计算机的图片</t>
  </si>
  <si>
    <t xml:space="preserve">请告诉我现在不知搞那些行业前景最好？谢谢！ </t>
  </si>
  <si>
    <t>老人保健业，非常有前景的。</t>
  </si>
  <si>
    <t xml:space="preserve">有没有达人推荐一个靠谱的床垫吗？就是那种放在席梦思上面的。 </t>
  </si>
  <si>
    <t>穗宝；2、喜临门；3、雅兰；4、晚安；5、吉斯；6皖宝；7、爱舒；8、联乐；9、花为媒；10、梦神。床垫最主要的是：1、弹簧的类型。当前最好的是独立袋装弹簧；2、床垫的材料，锦缎的最好；3、床垫厚度，最大28公分；4、乳胶垫厚度应大于5-10公分。当然，这里有性价比的问题，都做到了就是天价了。建议到专柜，买国产穗宝。</t>
  </si>
  <si>
    <t xml:space="preserve">云屋科技出的那款视频会议软件好用吗？稳定性怎么样？ </t>
  </si>
  <si>
    <t>这分我来拿吧，我是做设计的，现在用的就是这款软件，和客户沟通起来很方便，省了很多跑路和传送文件的时间。总的来说呢这款软件语音通话质量很好，也很稳定，对带宽的要求低，简单易用，只要几分钟就能学会使用。</t>
  </si>
  <si>
    <t xml:space="preserve">关于魔术的一个小小的疑问貌似说魔术师的禁忌中的有一条是不在同一观 </t>
  </si>
  <si>
    <t>首先我想问一下你这个所谓的禁忌是听谁说的呢？ 如果你所说的这个禁忌根本就不存在的话，那自然就回答了你的问题！</t>
  </si>
  <si>
    <t xml:space="preserve">银川市治疗痔疮最好的医院是哪里？我在包头，去年在查处得了痔疮，一 </t>
  </si>
  <si>
    <t>本人在中国人民解放军第五医院治过痔疮，部队三甲医院，治痔疮小菜一碟，服务也比附院好，如果你想去可以先打这个咨询电话0951-4077790</t>
  </si>
  <si>
    <t xml:space="preserve">邮件无法删除了!!内容问题发生时间：近1月客户端名称:详细描述： </t>
  </si>
  <si>
    <t xml:space="preserve">您好，您要是登陆时打开网页或各项操作很慢，点击各项设置没反映，经常出现该页无法显示出错等症状。估计是以下原因造成的。1、自己的机子配置差，打开程序多会造成以上问题，例如您正在听音乐下载电影游戏等，都会影响浏览速度。               建议关闭所有多余程序再试。2、是因为您所在的地区网络出现拥挤或您所登陆的网络的某个平台拥挤造成的，要是在同一地区同时有很多人上网或同时有很多人登陆同一个平台（例如大家同时都登陆某个聊天网站，而哪个网站只能承受所登陆的一半的人，那就会造成严重的拥挤堵塞。）就会造成拥堵。如遇到这样的情况可以试试清除IE缓冲和历史记录还有系统垃圾，把自己的IE优化到最好状态，另外在打开网业的时候多刷新。IE清除的方法为：在您的浏览器上方您可以看到一个名称为[工具]的选项，点击后在下拉菜单里的[internet选项]，在[常规]里面把“历史记录”清空，点击“删除cookies”键，然后再点击“删除文件”键，并在弹出的对话框中点选“删除所有脱机内容”，然后在“设置”里面把“查看文件”和“查看对象”里面的东东都删掉。IE6到[隐私]标签，调整为系统默认级别，然后选择“安全”标签，点击默认级别。IE6以下版本到[安全]标签，点击自定义级别，在新弹出的对话框中的“cookies”项下，均定义为“启用”。并且将安全级别调整为中级。然后再点击确定退出。在进行完这些操作后，请关闭您现在使用的浏览器，然后重新开启。如果这样仍是不行，那就过一会在试，过一会还是不行就建议您等人少的时候再上，（一般凌晨、早上，网络比较畅通）如果还是不能解决问题，建议您联系一下新浪客服，把您出现的问题、症状等详细情况告诉他们，让他们帮您分析并找到解决办法。全国统一客服热线：  咨询邮箱：webcn@ </t>
  </si>
  <si>
    <t xml:space="preserve">轩逸今年会出手动档吗？估计什么时候 </t>
  </si>
  <si>
    <t>五一之前会出轩逸的09小改款车型。外观上有些变化，另外就是会装配氙气大灯和生产手动挡车型。目前，轩逸有两个排量，即：1.6和2.0，其中1.6有手动档车。而2.0的只有CVT无级变速，2.0款未见生产手动车的报道。</t>
  </si>
  <si>
    <t xml:space="preserve">古法红糖好处在哪，求告诉？ </t>
  </si>
  <si>
    <t>　　自古至今红糖不仅具有缓解经痛、调节经期、美容养颜的作用，还有调理内分泌、滋养补血、是女性养生保健的理想食材佳品。中医指出：古法红糖所含有的葡萄糖释放能量快，吸收利用率高，可以快速补充体力，有中气不足、食欲不振、营养不良等问题儿童，平日可适量饮用红糖水，受寒腹痛、月经来时易感冒的人，也可用红糖姜汤祛寒，对体弱多病，特别是大病初愈的中老年人，红糖具有极佳的疗虚进补的好处，老人适量吃些红糖还能散瘀活血，利肠通便，缓肝明目。　　古法红糖用法还有很多，可以用于制作养生饮品，例如红糖乌梅汤、生姜红糖水、红糖蜜枣茶、山楂红糖饮、红糖药豆汤等长期酌量饮用红糖饮品具有良好的养生作用。因此，“九吉公”古法红糖是全民消费者可以放心饮用放心购买的传统红糖品牌。</t>
  </si>
  <si>
    <t xml:space="preserve">医生您好，我检查出来自己胃下垂半年吧，我是想咨询有什么方法能够恢? </t>
  </si>
  <si>
    <t>做过胃镜检查？是否有幽门螺旋杆菌感染？可能有瘦长体型，身高体重怎样？</t>
  </si>
  <si>
    <t xml:space="preserve">请教高手[红纹披风]出处这东西那位高手打到过,在哪爆的? </t>
  </si>
  <si>
    <t>万兽FB熊那有爆</t>
  </si>
  <si>
    <t xml:space="preserve">有谁知道，巴林VS卡塔尔哪里有直播啊！！！ </t>
  </si>
  <si>
    <t xml:space="preserve"> 兄弟快看。。。</t>
  </si>
  <si>
    <t xml:space="preserve">有没有什么好看的电影求推荐 </t>
  </si>
  <si>
    <t>喜剧看看人在旅途啊</t>
  </si>
  <si>
    <t xml:space="preserve">头皮屑超多怎么办也许是冬天干燥的原因，头皮屑超多，现在每天都冼， </t>
  </si>
  <si>
    <t xml:space="preserve">            你可以试试采乐的药用的洗发，在药店有销售，现在冬天换季，所以头皮会比较的敏感，您可以看看</t>
  </si>
  <si>
    <t xml:space="preserve">奥数1、两个圆只有一个公共点A，大圆直径48厘米，小圆直径30厘 </t>
  </si>
  <si>
    <t>如果两圆相外切，则甲乙在相同时刻分别到达两圆距离A最远的那个点甲乙经历的时间相同，设此时甲已经走过m圈，乙走过n圈则有：2mπR+πR=2nπr+πr消去π，化简，得：10n-16m=3该方程无正整数解，因为两偶数之差不可能是奇数两圆相内切时：最远距离是乙在A点，甲在距离A最远的位置列方程：2mπR+πR=2nπr化简，得：24m+8=10n很明显，24m的尾数一定为2，即4m的尾数一定是2，所以m的尾数是3，即：3，13，23，33，...当m=3时，n=8当m=13时，n=32......归纳公式为：An=2^(n+2)当小圆上的虫子爬到数列An的某一项的时候，两虫的位置就最远</t>
  </si>
  <si>
    <t xml:space="preserve">武汉女性宫颈炎的饮食要注意什么？ </t>
  </si>
  <si>
    <t>1、忌食辛辣、油炸、温热性食物：例如辣椒、洋葱、芥末、烤鸡以及牛肉、羊肉、狗肉等。因为这些食物多为热性，患者如果食用，可能发生热上火，导致病情加重。2、忌食海鲜等发物：常见的海鱼、虾、螃蟹、蛤蜊鲍鱼等河鲜、海鲜类水产品都属于发物，如果在治疗期间食用，不利于炎症的消退。忌甜腻厚味食物：如果患有宫颈炎，患者不要食用过于甜腻的食物，例如糖果、奶油蛋糕、八宝饭、猪肉、羊脂、蛋黄等，因为这些食物有助湿的作用，会下降宫颈炎的治疗效果，是病情难以痊愈。忌饮酒：烟酒激发性较大，属温热激发食物，如果在治疗期间不禁烟酒，不仅难以取得治疗效果，还有可能加重病情。</t>
  </si>
  <si>
    <t xml:space="preserve">某同学随手写下一串数字100011100000010010101? </t>
  </si>
  <si>
    <t>0是65.71%，1是34.29%</t>
  </si>
  <si>
    <t xml:space="preserve">济南结扎后输卵管复通手术怎么样 </t>
  </si>
  <si>
    <t>你好。结扎后输卵管复通手术怎么样，输卵管结扎目前采取的是先进的微创技术疏通,恢复自然受孕.这项技术无痛苦,恢复快,受孕率高.一般要求术后三个月以后试孕以防X线的照射影响卵子质量，但由于输卵管介入复通术在X光下真正暴露的时间只有2分钟左右，所以据临床观察术后第一个月怀孕并不增加胎儿的流产率和畸形率。为了你的身体健康状况，建议你及时到国家正规的不孕不育专科医院接受治疗，在医生的指导下，对症下药，才能达到预期的治疗效果，祝你好孕。你好！结扎后输卵管复通手术怎么样，输卵管结扎在次复通术，在次复通成功率只有70%左右。还要做通水试验，看通了没有，即使这样，还是有不孕的可能杜绝各种感染途径，保持會陰部清洁、干燥，每天晚用清水洗外阴，做到专人专盆，禁止用手掏洗女性生殖道内，也不可用热水、肥皂等洗外阴。输卵管不通会有白带量多，质粘稠，所以要勤换內褲，不穿紧身、化纤质地內褲。做输卵管结扎复通术，建议去国家正规专科医院就诊，祝你健康！你好！结扎后输卵管复通手术怎么样，输卵管复通技术也叫输卵管吻合技术，输卵管复通术前需要清除您的月经规则，卵巢排卵的功能良好，身体健康，无心、肝、肾或严重高血压等症状适合，建议您能够上国家正规的医院做个详细的检查和确诊，祝你好孕！</t>
  </si>
  <si>
    <t xml:space="preserve">风云2前减震咚咚异响在行水泥路面时非常明显。 </t>
  </si>
  <si>
    <t>建议到维修店检查一下悬架系统</t>
  </si>
  <si>
    <t xml:space="preserve">请问：5号角钢或6号槽钢的尺寸？多谢！ </t>
  </si>
  <si>
    <t>热轧等边角钢[（YB）166-65]5号角钢： b-边宽；d-边厚；r-内圆弧半径    50*50*3  r=5.5mm 截面面积(cm2)2.971  重量(kg/m)2.332  外表面积(m2/m) 0.197     50*50*4  r=5.5mm 截面面积(cm2)3.879  理论重量(kg/m)3.059  外表面积(m2/m) 0.197     50*50*5  r=5.5mm 截面面积(cm2)4.803  理论重量(kg/m)3.770外表面积(m2/m) 0.196    50*50*6  r=5.5mm 截面面积(cm2)5.688  理论重量(kg/m)4.465外表面积(m2/m) 0.196  热轧普通槽钢[（GB）707-65]6号槽钢h-高度；b-腿宽；d-腰厚；t-平均腿厚；r-内圆弧半径；r1-腿端圆弧半径h=63mm  b=40mm  d=4.8mm  t=7.5mm  r=7.5mm  r1=3.75mm  截面面积8.444cm2  理论重量6.63cm2</t>
  </si>
  <si>
    <t xml:space="preserve">武器磨到255次真的容易出特么？谁规定的··RT有这方面心的的朋 </t>
  </si>
  <si>
    <t>看你命正不正了 ！  哥们！</t>
  </si>
  <si>
    <t xml:space="preserve">股骨头坏死做儿女的急啊我爸得股骨头坏死已经8年了以前是一个腿现在 </t>
  </si>
  <si>
    <t>股骨头坏死的治疗方法很多，但疗效大多不确定。50岁以上的患者可以考虑人工关节置换术。但由于人工关节的使用有一定的年限，在使用一定阶段后往往需要行翻修手术。患者的年龄越小，需要翻修手术的次数就会越多。而且，随着翻修次数的增多，手术难度也会越来越高，效果也将越来越差。中青年无论在家还是在单位，都肩负着重要的责任，他们身体的好坏不仅影响到家庭的和睦，更会影响事业的发展。所以，这一年龄段股骨头坏死的患者大多对疗效有着较高的要求，积极治疗的愿望也较为迫切。如果实施了人工关节置换手术，他们极有可能出现“疾病心理”；同时，身体症状也会受此影响而变得更严重。如何治疗青年型股骨头缺血坏死，已经成为许多医学专家致力解决的问题。</t>
  </si>
  <si>
    <t xml:space="preserve">合区后为什么进不去了什么时候能解决好我3个区都有号都是统一个号建 </t>
  </si>
  <si>
    <t>哈哈 你玩大了  可能要删掉2个 不知系统要删你那个号 嘿嘿</t>
  </si>
  <si>
    <t xml:space="preserve">金牛怎样？我想买一辆，但是不知道好不好 </t>
  </si>
  <si>
    <t>金牛是B1里最快的车。一般急速是234，提速普通，控制性能普通/方向显得偏死。就是外表会比较大点。。跟冥王比跑城市那冥王没得比。如果是山路公路。冥王会强</t>
  </si>
  <si>
    <t xml:space="preserve">仙剑四宁是什么意思？宁是什么意思？ </t>
  </si>
  <si>
    <t>所谓“宁”呢，就是使敌人仙术攻击的效果变为加血，运用得好的话……呵呵。其实我觉得这个很不合理。当然有些家伙会用普通攻击和类似消耗气的技能一样费你的血，所以不要以为这样就无敌了。这里还要说一句（不然早晚你会吃亏），“宁”只管加血，如果敌人的法术附带中毒、别的异常状态或减神（熔岩兽王一战至今心有余悸）它是不管用的。</t>
  </si>
  <si>
    <t xml:space="preserve">库存商品的余额怎么调整比如果每月都有进货，但每月的出货比进货的要 </t>
  </si>
  <si>
    <t>购进商品可以按商品销价入帐，设立商品进销差价科目，按商品大类确定毛利率。每月以销售的商品金额计算销售商品的毛利，可以在一季度或半年进行一下商品盘点及销售额调整。至于商品库存越来越多，要具体分析原因，是正常的库存商品那没有错，如果是实际销售了没进行帐务处理或帐务处理金额不实，那只有进行盘存进行结转。</t>
  </si>
  <si>
    <t xml:space="preserve">怎么清除百度里有搜索提示啊1.我的电脑首页是下面有一个百度搜索: </t>
  </si>
  <si>
    <t xml:space="preserve">1）清除里的搜索记录，这样做： 有三种方法： 第一种：自定义删除（即想删除哪条历史记录就删除哪条） 在百度搜索网页里的搜索栏中，点击鼠标左键两次，会出现以前搜索过的历史记录。然后用鼠标指向你想要删除的历史记录（注意：是指向，不要点击），这时这条历史记录会深色显示，再点击DEL键，就可以删除这一条历史记录了。这种方法你可以随心所欲，想删哪条都可以。 第二种：完全删除法 在桌面用鼠标右键点击IE图标，再点属性。选上面的“内容”按钮。再点下面的“自动完成”按钮。然后点击“清除表单”，就可以把以前的所有历史记录删掉。如果想以后也把录用的内容不留历史记录，则把“表单”前面的勾去掉。 第三种：用修复工具，比如上网助手.. 2）如果你想把“我的提问”删除，那是不行的。因为在百度知道里。“我的提问”和“我的回答”都是不能删除的,（除了违背百度知道的提问原则的,管理员可以删除）。 因为提问、回答一经提交，便成为百度的默认资源。 而当你的提问和回答累积超过31页后，最前面的问题将会自动隐藏，依次类推，也就是说，你的问题列表，最多只能显示31页,但也只是隐藏，只是自己暂时看不到了，问题还保留在百度知道中。 这是一个缺陷，涉及到个人隐私，很多朋友都想删除的，希望百度知道今后能完善功能，允许用户有选择性的删除自己的提问。 实在想删除的话，可以到百度知道投诉吧请管理员帮忙，但一般没有正当理由的话，管理员是不会删除的！ 我们对于不想让别人看见的回答，我们可以到“个人中心”的“我的回答”把它们隐藏起来： 1. 勾选中要隐藏的问题。 2. 点击“隐藏回答”按钮，在看到提示“操作成功!”后，回答就被隐藏成功了。在点击用户名查看“知道回答”时，被隐藏的回答将不再显示。 3. 点击“查看已隐藏回答”链接可以在新打开的页面中查看全部已经隐藏的回答。在此页面勾选中回答并点击“取消隐藏”可以把它们重新恢复为可见。 </t>
  </si>
  <si>
    <t xml:space="preserve">怎么利用百度来推广自己的淘宝网店？ </t>
  </si>
  <si>
    <t>可以在百度联盟里做广告，推广淘宝店，~~如果能帮到你，麻烦点击【有用】吧，谢谢哈~~~</t>
  </si>
  <si>
    <t xml:space="preserve">刚学车者的菜鸟问题本人刚学车,我看到书上讲停车时要先踩离合再踩刹 </t>
  </si>
  <si>
    <t>刹车和离合哪个先哪个后，这主要取决于你当时的速度。比如在行驶中减档，速度相对快，如果先踩离合，那不就是空挡滑行了吗？所以这时应该先踩刹车减速，然后在踩离合减档。再如靠边停车时，一般速度都不会很快，档位大多是一、二档，如果先踩刹车，万一踩重了，车马上熄火停车，可能你的停车动作根本没有完成，只能重新起步。所以这时一般都先踩离合。当然了，如果你当时的速度较快，也应该先轻踩刹车，把速度控制住，再踩离合。车辆停稳后别忘了摘档，否则对车辆会有伤害。祝你学车顺利！</t>
  </si>
  <si>
    <t xml:space="preserve">质量体系中关于有效文件的规定请问质量体系中指的有效文件是怎么规定 </t>
  </si>
  <si>
    <t>质量体系中有效文件是指第四章节至第八章节明确规定的条款所形成的文件.质量手册就是最高的法律法规性文件.处理和保存均由质量主管部门执行,如销毁,存档,修订等,建立及批准必须经过管理者代表审核,最高管理者批准.另外你的问题应该可以更清楚些.结果会理想些.</t>
  </si>
  <si>
    <t>任九10079期小单，请高手鉴定01白　俄(0)09</t>
  </si>
  <si>
    <t>四场-----30</t>
  </si>
  <si>
    <t xml:space="preserve">夏天用艾叶和金银花藤在一起泡澡，对驱蚊和止痒有没有好处啊。谢谢高? </t>
  </si>
  <si>
    <t>这两种材料很好。只是需要泡十分钟以上，然后煮开，再兑水泡澡，这样效果才能出来。这是民间的老方法了，我们小时候也常用的，挺好的</t>
  </si>
  <si>
    <t>有冷吗56期很多强弱分明的比赛，但只要有1</t>
  </si>
  <si>
    <t>一切皆有可能</t>
  </si>
  <si>
    <t xml:space="preserve">求答案，大家帮帮忙，谢谢 </t>
  </si>
  <si>
    <t>这是阿拉蕾</t>
  </si>
  <si>
    <t xml:space="preserve">谁有美军海军陆战队的迷彩服照片？要近期驻扎在海外部队的（黑白照片 </t>
  </si>
  <si>
    <t>虽说都是数码迷彩，但区别也很明显啊，呵呵黄色的是陆战队，灰色的是陆军</t>
  </si>
  <si>
    <t xml:space="preserve">中粮祥云创意空间L’ART写字楼如何？有没有人了解的？ </t>
  </si>
  <si>
    <t>中粮祥云创意空间L’ART写字楼，以卓越的产品品质，吸引国际艺术大师及高端商务人士纷纷入驻。独立入户的电梯兼顾可视对讲模式、250—500㎡轩阔空间，4.5米挑高优势的户型设计、个人专属的空中花园、安全监控系统、24小时离线式巡逻……</t>
  </si>
  <si>
    <t xml:space="preserve">少小离家为异客”请对出下联 </t>
  </si>
  <si>
    <t>少小离家为异客明月出海共此时</t>
  </si>
  <si>
    <t xml:space="preserve">金镶玉腰带 </t>
  </si>
  <si>
    <t>银嵌珠项圈</t>
  </si>
  <si>
    <t xml:space="preserve">润滑油的运动勃度及勃度指数？润滑油的运动勃度及勃度指数是什么意思 </t>
  </si>
  <si>
    <t>粘度是在玻璃试管中测出的流动速度，常用cst作为单位，流动的慢，粘度高，如果流动的快粘度就低。例如液压油 46cst 就比 齿轮油 460cst 流动的快，同时粘度高的油品在工作面上形成的油膜就厚。 粘度指数 主要表征 润滑油随温度变化的变化量。 我们知道 油品的粘度随温度升高而降低。假如我们有两个油样 A 和 B 在40摄氏度下 粘度为680 cst 当我们将油温提高到100摄氏度时，再测测两个粘度发现 A 为100cst B 为80cst 这时我们说 A的粘度指数比B要大。 我国工业润滑油产品的牌号现在大多是按油品40℃的运动黏度的中心值来划分的，而在过去，不同种类的产品牌号划分的标准比较杂。例如，原先我国工业润滑油产品中的压缩机、汽缸油、液力油等是按油品100℃的运动黏度的中心值划分的，而齿轮油、液压油却是按油品50℃的运动黏度的中心值来划分。 1、粘度级别与温度、地域对照表，请客户认真阅读，避免误购。 粘度级别 适用的气温范围（℃ 季节） 季节 我国地域 30 0～+30 夏季 东北西北 40 0～+40 夏季 全国各地 50 +5～+50 夏季 南方 5W-30 -25～+30 冬夏通用 东北西北 5W-40 -25～+40 冬夏通用 东北西北 10W-30 -20～+30 冬夏通用 华北、中西部 10W-40 -20～+40 冬夏通用 华北、中西部 15W-40 -15～+40 冬夏通用 华北、中西部 20W-50 -10～+50 冬夏通用 黄河以南长江以北 2、API CF-4代表的是什么意思？ 它代表的是润滑油的质量级别，是由美国石油学API（AmericanPetroleumInstitute）组织制定的针对润滑油的一个质量标准。按照发动机所用燃料不同分为柴机油和汽机油．级别由低到高分为汽机油SC、SD、SE、SF、SG、SH、SJ、SL。柴机油CC，CD，CD－2，CE，CF－4，CG－4，CH－4，CI－4。通常API标识都标在润滑油包装桶比较明显的地方，在选润滑油时一定要看级别，否则有少数商家会以低充高蒙骗消费者。 给你一个网上自动计算公式，可以随时计算粘度指数和运动粘度。</t>
  </si>
  <si>
    <t xml:space="preserve">有什么好看的神话电视剧？ </t>
  </si>
  <si>
    <t>搜神传</t>
  </si>
  <si>
    <t xml:space="preserve">我该怎么办？我的老婆不是处女，我并没有处女情结，可在作爱的时候， </t>
  </si>
  <si>
    <t xml:space="preserve">    你应该学会遗忘，你如果爱她，你就不要为这个问题再纠缠，你如果不爱她那另当别论。这可能还是你的心里有这些处女情节多少有一些作怪，你的爱人她爱你，你也爱她不是吗？你就当她是处女不就结了？至于她在作爱时是否成熟，与她爱你有关，如果她不爱你，她不可能表现作爱时的自然，既然她那么爱你，你就应该将这种怪念头遗忘掉，好好地珍惜现在的幸福生活，不要让这些想法成为日后的阴影。希望你得到真正的幸福！</t>
  </si>
  <si>
    <t xml:space="preserve">我的电脑配置是CPU1.6GHZ内存512显卡32的能不能玩呀 </t>
  </si>
  <si>
    <t>可以，不过可能有点卡</t>
  </si>
  <si>
    <t xml:space="preserve">XP系统更新我的机子右下交提示：已经为你的计算机准备好更新。单击 </t>
  </si>
  <si>
    <t>首先更新是好事，可以保护你的系统，打上补丁不过前提是你必须是正版如果是盗版切记不要更新一旦更新你的系统将处于未激活状态，那时候就除了重装系统没别的办法了</t>
  </si>
  <si>
    <t xml:space="preserve">谁帮我起个比较忧郁的网名 </t>
  </si>
  <si>
    <t>射谁.谁怀孕</t>
  </si>
  <si>
    <t xml:space="preserve">想要长高有没有什么特别的诀窍呢？ </t>
  </si>
  <si>
    <t>现在很多人都非常重视自己的身高问题，我们在平时也会看到一些身高的要求，因此我们很多人都非常想让自己再长高一点，其实增高的小窍门有很多，只要平时多注意以下问题就有可能增高了。一、经常保持开朗乐观的心态，避免为紧张焦虑的情绪所困扰。因为情绪影响到内泌系统，影响到生长激素的分泌。如果经常为身高或学习而苦恼，思想负担重，食欲也会下降，睡眠质量也不高，这些也会影响身高。平时压力也不要太大，会造成皮质醇超正常量以上的分泌，结果把所储存的营养全部用完了，也就是说吃进体内的营养根本不能被身高所吸收，进而就很难再长高了。二、要想增高，应该多吃蛋白质，尤其是其中含"胺基酸"的食物，如：面粉、小麦胚芽、豆类、虾、螃蟹、贝类、海藻、牛肉、鸡肉、肝脏、猪腿肉、蛋、牛奶、乳酪及深色蔬菜等。三、增强运动锻炼，体育运动可加强机体新陈代谢过程，加速血液循环，促进生长激素分泌，加快骨组织生长，有益于人体长高。个人感觉而言，注意平时的个人饮食习惯，不抽烟，不酗酒，不熬夜，保持良好的状态应该是对长高有一定的帮助的。晚上别睡太晚了，保证夜晚的睡眠质量，很重要。营养要跟得上，还要适当运动，比如晨跑，打篮球。</t>
  </si>
  <si>
    <t xml:space="preserve">一摩尔甲醇与几摩尔钠反应，乙醇呢等物质的量的甲醇，乙醇，取等质量 </t>
  </si>
  <si>
    <t xml:space="preserve">都是1摩尔，因为甲醇乙醇，都只有一个羟基。钠只能置换出羟基中的H。 </t>
  </si>
  <si>
    <t xml:space="preserve">烫发怎样养护？烫完的头发自己不太会打理，弄得跟枯草一样，还不能梳 </t>
  </si>
  <si>
    <t xml:space="preserve">在洗发时选择质量较好的(含碱性低的)洗发液洗发，然后用液加以养护，以保持头发质地柔软，蓬松光亮，增加发花的牢固性。 每隔一个月最好对头发做一次?h油护理，在?h油护理时将?h油膏均匀抹在头发上，并使发花保持蓬松自然状态，然后再加热。发花梳平梳直时切勿再加热，防止发花变直。 每次洗发后，宜用宽齿梳梳通，使发花自然弹回(或用发梳边梳边轻轻向上推)，切勿用力将发花梳直。 烫发后最好不要染发，因为染发剂中含有较多的化学成分，极易使发花变直。在非染不可的情况下，将染发剂倒在头发上用手轻轻揉搓，切勿用梳子反复梳理头发，防止刚烫过的头发立即变直。 烫发的日常护理 烫发可使稀疏、平直的头发变得丰满而有美感，但为了保持烫发的光泽与活力，请认真仔细护理。烫发当天不宜用力梳理，以免破坏尚未完全定型的某些固发结构，使新烫的发型走样，产生不必要的误差。 烫发后三天内请尽量避免使用卷发棒及电卷发器，并尽可能不洗发，以有助于长期保持烫发的美观。 烫发不必每天都洗,洗涤时最佳方法是:用水兑洗发香波,用喷水壶洒在发根上,冲洗时使香波从发根流到发梢,彻底冲洗干净。 要打开打结的湿头发或干头发时，请使用宽齿头梳，避免用力用力硬拉硬扯。 为避免头发干化请做到：不要暴露在太阳下直晒、受到强风吹拂、接触盐水等化学品，游泳后用清水彻底冲洗。 尽量让头发在空气中晾干，吹风请使用专用于卷发的吹风机，其柔风在干发时不会伤害头发。 </t>
  </si>
  <si>
    <t xml:space="preserve">加分娃哈哈营养快线烟台批发每箱多少钱？500ml小瓶的 </t>
  </si>
  <si>
    <t>原来的批发价：￥3.26元/瓶  起批量：15瓶=1箱  49元现在的批发价涨钱了 长了五角钱还多  1箱近60元</t>
  </si>
  <si>
    <t xml:space="preserve">DN是什么？ </t>
  </si>
  <si>
    <t>迪恩的简称</t>
  </si>
  <si>
    <t xml:space="preserve">哮喘有什么方法根治呢？哮喘能根治吗？喘了有几十年了，肺功能差，有 </t>
  </si>
  <si>
    <t xml:space="preserve">　　轻度症状治疗方案： 　　1．按需吸入β2激动剂，效果不佳时口服β2激动剂控释片。 　　2．口服小剂量控释茶碱。 　　3．每日定时吸入糖皮质激素（200～600μg）。 　　4．夜间哮喘可吸入长效β2激动剂或加用抗胆碱药。 　　中度症状治疗方案： 　　1．规律吸入β2激动剂，或口服长效β2激动剂，必要时使用持续雾化吸入。 　　2．口服控释茶碱或静脉点滴氨茶碱。 　　3．加用抗胆碱药物吸入。 　　4．每日定时吸入大剂量糖皮质激素（600μg/日）。 　　5．必要时口服糖皮质激素。 　　重度症状治疗方案： 1．持续雾化吸入β2激动剂，加用抗胆碱药物吸入或静脉点滴沙丁胺醇。 　　2．静脉点滴氨茶碱。 　　3．静脉用糖皮质激素，病情控制后改为口服，乃至吸入用药。 　　4．注意维持水电解质平衡。 　　5．避免严重的酸中毒，pH值&lt;7.20时应适量补碱。 　　6．氧疗；有指征时进行机械辅助通气。 　　7．防治呼吸系统感染。 　　8．驱除痰液。 </t>
  </si>
  <si>
    <t xml:space="preserve">围棋中黑白棋子各有多少枚？ </t>
  </si>
  <si>
    <t>棋子的数量以黑子181、白子180个为宜。也就是一般这么多。对了，如果考虑棋子的被吃，黑181，白子180，是不一定够的。围棋规则附录：围棋规则（来自）：第一章 总则第一条 围棋的棋具 一、棋盘 盘面有纵横各十九条等距离、垂直交叉的平行线，共构成361个交叉点（以下简称为 “点”）。 在盘面上标有几个小圆点。称为星位，中央的星位又称“天元”。二、棋子 棋子分黑白两色。均为扁圆形。 棋子的数量以黑子181、白子180个为宜。第二条 围棋的下法一、对局双方各执一色棋子，黑先白后，交替下子，每次只能下一子。 二、棋子下在棋盘的点上。 三、棋子下定后，不得向其他点移动。 四、轮流下子是双方的权利，但允许任何一方放弃下子权。第三条 棋子的气 一个棋子在棋盘上，与它直线紧邻的空点是这个棋子的“气”。 棋子直线紧邻的点上，如果有同色棋子存在，则它们便相互连接成一个不可分割的整体。它们的气也应一并计算。 棋子直线紧邻的点上，如果有异色棋子存在，这口气就不复存在。如所有的气均为对方所占据，便呈无气状态。无气状态的棋子不能在棋盘上存在，也就是第四条——提子。 第四条 提子 把无气之子提出盘外的手段叫“提子”。提子有二种：一、下子后，对方棋子无气，应立即提取。 二、下子后，双方棋子都呈无气状态，应立即提取对方无气之子。拔掉对手一颗棋子之后，就是禁着点（也作禁入点） 第五条 禁着点 棋盘上的任何一子，如某方下子后，该子立即呈无气状态，同时又不能提取对方的棋子，这个点，叫做“禁着点”，禁止被提方下子。第六条 禁止全局同形再现 第七条 终局一、棋局下到双方一致确认着子完毕，为终局。二、对局中，有一方中途认输，为终局。另一方中盘胜第八条 活棋和死棋 终局时，经双方确认，不能避免被提取的棋，都是死棋。 终局时，经双方确认，不能被提取的棋，都是活棋。活棋有两只或以上真眼，死棋没有两只真眼。第九条 计算胜负 双方下子完毕的棋局，计算胜负采用数子法。 先将双方死子全部清理出盘外，然后对一方的活棋（包括活棋围住的点）以子为单位进行计数。 双方活棋之间的空点各得一半，一个点即为一子。 胜负的基准以棋局总点数的一半180又1/2点为归本数。凡一方活棋与所属空点的总和大于此数者为胜，小于此数者为负，等于此数者为和。 采用贴子方式的棋局，胜负标准另行规定。 第二章 竞赛规定 第一条 先后手的确定对局的先后手，由大会抽签编排或对局前猜先决定。第二条 贴子 为了抵消黑方先手的效率，现行全国性正式比赛在终局计算胜负时，黑方需贴出三又四分之三子。 第三条 计时 计时是保证比赛顺利进行的重要手段之一。一切有条件的比赛应采用计时制度。 一、时限 根据比赛性质的不同，应事先规定一局棋的每方可用时限。棋手用时不得超过规定时 限。 规定一局棋的时限可长可短，基层比赛可规定为1-2小时，全国比赛要求在一天之内 结束。 二、读秒 在采用读秒的比赛中，应事先规定在时限内保留几分钟开始读秒。全国比赛保留五分 钟读秒，基层比赛亦可保留一分钟开始读秒。 读秒时，凡一步棋用时不足一分钟的不计时间。每满一分钟则在保留时间内扣除一分 钟，但不得用完规定时间。 读秒工作由裁判员执行，在30秒、40秒、50秒、55秒、58秒、一分钟时各报秒一次。 每扣除保留的一分钟，裁判员应及时通知棋手“还剩 X 分钟”。最后一分钟读秒的 方式是30秒、40秒、50秒、然后1、2、3、4、5、6、7、8、9...以准确的语声逐秒 报出。最后的报法是“10，超时判负”。 快棋比赛的读秒办法，可根据具体情况由竞赛大会另作规定。 第四条 终局 一、除总则第七条的规定外，凡比赛一方弃权或因各种原因被裁判员判负、判和的对局， 也作终局处理。 二、双方确认的终局，确认的次序应是，先由轮走方，后是对方以异色棋子一枚放于已方 棋盘右下角的线外。第五条 对局的暂停和封棋 规定有暂停的比赛对局中（如一日制比赛，中午须暂停等）暂停时间不计入对局时限。 重大的比赛，可采用封棋制度，当比赛到规定的封棋时间，而对局尚未结束。已下过子的一方应立即退场，轮下子的一方思考后，把准备下的点写在记录纸上，然后密封交裁判员。续赛时，裁判员当场启封，按所标记的位置下子，比赛继续进行。第六条 赛场纪律 一、对局者不得无故弃权和中途退出比赛。二、比赛时，对局者不得有任何妨碍对方思考的行为。三、比赛中，对局者不得和其他人议论对局的棋势，或查阅有关资料。 四、比赛中，对局者不得随意在赛场来回走动，观看他人的棋局。五、对局者应注意言行文明，保持衣着整洁。第七条 对局者的权利和义务 一、读秒时，有询问已方还剩几分钟的权利。二、如出现足以妨碍自己正常比赛的现象或发现问题，有向裁判员提出意见的权利。但除 较紧迫的事件外，对局者应在自己走棋的时间内提出。三、终局计算胜负时，对局者有要求纠正数子和计算胜负失误的权利。四、裁判员作出判决，对局者必须服从，如有疑义应通过组织程序立即向大会提出申诉。五、对局者有遵守赛场纪律的义务。六、在对手离席时下的子，有告诉对方棋子下在哪里的义务。七、比赛终局后，对局者有整理好棋具和立即退场的义务。 第八条 行棋 一、一方并未表示弃权，另一方连走二步，判连走二步者为负。 二、棋子下完后，又从棋盘上拿起下在别处。判棋子放回原处，警告一次。如棋子确系掉 落，允许其拣起后任选着点。 三、对局中途发现前面下的棋子已有移动，在征得对局者一致意见后，可判移动之子挪回 原处，或者判移子有效。在对局者意见不一致时，应立即报请裁判长处理。裁判长可 根据移动之子对棋局进程的影响程度，判： 1.移动之子挪回原处； 2.移动之子有效； 3.和棋 4.重下 如属故意移子，应判移子者为负。四、对局中，因外界不可抗拒的原因导致棋局散乱，应经双方复盘确认后，继续比赛。如 双方没有能力复盘，则判和或重下。 如对局者确属无意散乱了棋局，可复盘续赛。不能复盘的，则判散乱棋局一方为负。 如对局一方故意散乱棋局，判负。 第九条 提子下子后，误将对方有气之子提取，判误提者警告一次，把有气之子放回原处。第十条 禁着点 棋子下子在禁着点上，判着手无效，弃权一次。 第十一条 全局同形再现一、劫争马上回提，判回提者着手无效，弃权一次。二、终局时，按照禁止全局同形再现的原则，不允许以“假生”作为活棋。三、对双方互不相让的三劫、四劫循环，长生、双提二子等罕见特例，可判和棋或者重 下。四、根据禁止全局同形再现的原则，对局者不得将其作为不能终局的理 由。 第十二条 终局一、轮走方确认终局，着手随之弃权，如对方不同意终局，可再下子。此时弃权方恢复着 手权利，对局继续进行，直至双方确认终局。二、双方都表示终局后，如棋盘上尚留有双方可争之点，按双活处理。三、对死棋和活棋的确认，必须对局者双方意见一致。如有争议，以实战解决。第十三条 封棋 续弈时，封局方必须按封棋的点下子。如封棋之点已有棋子时，判弃权一次，轮对方下子。 第十四条 计时 在有计时制的比赛中： 一、一方迟到超过赛场规定时间，判其弃权作负。二、双方迟到超过赛场规定时间，则判双方弃权作负。三、一方或双方迟到均未超过规定时间，则在一方或双方时限内分别扣除各自的迟到时 间。四、提子时，必须把棋子提清后方可按钟，违者劝告或警告一次。但在读秒时，提子不计 时间。五、对局者用时（包括读秒）超过时限，一律判负。六、读秒时间棋手离席，裁判员应按规定继续读秒计时，超时判负。棋手如急需离席，须 在对方思考时提出，并征得裁判员同意，但每局只限一次。 第十五条 赛场纪律一、对局者在比赛中，无故中途退场，警告一次并申报大会组委会。二、对局者如有妨碍他人思考的行为，给予劝告或警告一次。 三、对局者在比赛未终局时，查阅资料或与他人交谈棋势者，根据情节判警告一次或判 负。第十六条 其他 一、凡裁判法所未包括的犯规现象，裁判员根据总则或竞赛规程的精神，作合理的判决， 对不能确认的判例，应及时申报裁判长处理。二、对局者被判的警告，应记录在案，在一局棋里满二次者，判该局为负。</t>
  </si>
  <si>
    <t xml:space="preserve">谁是世界上最乖的人？MANORWOMAN </t>
  </si>
  <si>
    <t>BABY</t>
  </si>
  <si>
    <t xml:space="preserve">食道癌晚期第二次化疗后胃胀不想吃饭一直感觉胃不舒服，周围隐痛，心 </t>
  </si>
  <si>
    <t>患者您好：1⃣️食管癌在我国北方地区是常见病，目前主要的治疗手段还是手术、放疗和化疗。其中能根治的办法就只有手术和放疗。2⃣️，您的具体情况没有说明（比如肿瘤浸润的深度，病灶范围和长度，有没有淋巴结转移，有没有肺或肝转移），是否能手术或放疗？3⃣️，如果肿瘤引起食管梗阻或瘘，目前有一种钛钇合金支架可以放置在食管撑开狭窄。4⃣️，中医药目前在食管癌的治疗上处于辅助治疗的地位，能减轻放化疗不良反应，改善肿瘤患者的生活质量，单独用中药尚不能控制肿瘤的发展。</t>
  </si>
  <si>
    <t xml:space="preserve">开具红字发票后的账务处理问题2008年11月份我我公司给对方开具 </t>
  </si>
  <si>
    <t xml:space="preserve">要先去税局申请开具红字发票的申请  然后你就可以直接冲抵了  </t>
  </si>
  <si>
    <t xml:space="preserve">怪物掉蛋跟什么有关系？例如跟时间啦、性别啦、力准敏智啦、级别啦等 </t>
  </si>
  <si>
    <t>就是和掉蛋率有关,怪级越高,掉蛋率越低实在要说有,就和你的运气有关.现在开了商店,去买个废墟证,掉蛋率是原来的3倍.或着,要舍命怪就专打什么.不信它不掉!!祝你好运!!!</t>
  </si>
  <si>
    <t xml:space="preserve">战歌峡谷在哪里？ </t>
  </si>
  <si>
    <t>贫瘠之地　和灰谷　连通的那里 在左边马上要进入灰古那地方的左边（不过还有点距离　不过离和灰谷　连通的那里　也不是很远了　）从灰古出来到　贫瘠之地的方向是右边！</t>
  </si>
  <si>
    <t xml:space="preserve">?┱?杏林醫隱，我有?乐氐耐唇?我有子?m?饶ぎ?位症引起的?乐 </t>
  </si>
  <si>
    <t>你可以先把你以往的资料或出院小结传给我,再把舌苔的照片传给我,我先了解你的病情后才能帮你想办法.阿弥陀佛!!!</t>
  </si>
  <si>
    <t xml:space="preserve">我不知道该怎么办?我在他的猛烈的追求下结婚了,再没有举行仪式的时 </t>
  </si>
  <si>
    <t>其实，有时候问题并没有看上去那么困难，因为最难的是在你作出选择的时候，一旦作了选择，再多的麻烦你都会去面对。听起来你确实是遇人不淑（而且这个男人绝对是无耻，他只是把你当作保姆），其实36岁还不老，你可以作个美容，和自己的朋友好好聊聊，充充电，出去旅游......转换一下心情，不要把家庭主妇作为自己的职业。其次，你可以和孩子好好交流一下，听听他的意见，现在的孩子其实比我们想像中的要成熟得多。最后，我觉得离婚是一个明智的选择。我建议你可以去进行一下法律咨询，现行的婚姻法中有因婚姻的另一方的不忠的行为导致离婚必须要承担相应的责任的规定，希望你早日走出生活的阴影。</t>
  </si>
  <si>
    <t xml:space="preserve">内蒙古的哪个盟市面积最大？ </t>
  </si>
  <si>
    <t>阿盟是阿拉善盟的简称。阿拉善系蒙古语，一种说法为贺兰山谐音，另一种说法意为野骏马。位于内蒙古自治区的最西部。北与蒙古人民共和国交界，国境线长达733公里，东与巴彦淖尔盟、乌海市接壤，东南与宁夏回族自治区毗邻，西和西南与甘肃省相连。面积27万平方公里，是自治区面积最大的盟市。人口20多万，每平方公里平均不到1人，是自治区人口密度最低的盟市。辖3个旗。</t>
  </si>
  <si>
    <t xml:space="preserve">桑德兰怎么搞落后了？单3啊快进球扳平，扭转局面 </t>
  </si>
  <si>
    <t>本场桑德兰绝对无3！！</t>
  </si>
  <si>
    <t xml:space="preserve">中国扶贫基金会还接不接收抗震救灾的捐款哦！ </t>
  </si>
  <si>
    <t>全国范围的捐款方式一、中国红十字会总会银行汇款：开户单位：中国红十字会总会 人民币开户行：中国工商银行北京分行东四南支行 人民币账号：0200001009014413252 外币开户行：中信银行酒仙桥支行 外币账号：7112111482600000209 热线电话：(8610)65139999 邮局汇款：地址：北京市东城区北新桥三条8号 邮编：100007 网上捐款：登陆中国红十字会总会网站： ， 点击捐款热线栏目进行在线捐款。 （通过银行、邮局和网上捐款在捐款时请注明捐款人姓名、通信地址、捐款意向如：四川地震捐款等信息，以便邮寄捐赠收据和感谢信） 通过短信捐款：中国移动、中国联通用户以及中国电信、中国网通小灵通用户均可编辑短信1或2，发送至1069999301，即向“红十字救援行动”捐款1元钱或2元钱。 通过短信咨询：中国移动、中国联通手机用户以及中国电信、中国网通小灵通用户均可编辑短信“中国红十字会”，发送至12114，即可了解中国红十字会有关情况。中国红十字基金会同时也接受社会各界捐赠：地址： 北京市东城区东单北大街干面胡同53号 邮编：100010 银行汇款： 户名： 中国红十字基金会 开户银行： 中国银行北京分行 账号： 800100921908091001 开户银行：中国工商银行北京东四南支行 账号：0200001019014483874 开户银行：中国建设银行北京朝内大街支行 账号：11001070300059000427 外币开户银行：中国银行 账号： 800100086608091014 二、中华慈善总会5月12日上午，中华慈善总会紧急开展“万众一心，抗震救灾”救援行动，并成立紧急赈灾小组。本会接收捐赠联系电话：010-66083260010-66083191010-66055848本会接收捐赠公开帐号：银行汇款:人民币捐款帐户 开户单位：中华慈善总会 帐号：0200002809014450409开 户 行：中国工商银行北京西四支行 外币捐款帐户 开户单位：中华慈善总会 帐号：00100914908091014 开户行：中国银行总行营业部[北京市复兴门内大街1号邮局汇款:中华慈善总会地址： 北京市西城区二龙路甲33号新龙大厦 邮编：100032 在线捐款：登录中华慈善国际互联网救助中心（ ）的支付平台进行在线捐赠登录中华慈善网（ ）的支付平台进行捐赠这两个支付平台的捐款都将直接进入中华慈善总会的捐赠账户，请网友们放心。同时，需要开具收据和取得证书的网友们，千万记得在捐赠时予以说明，以免造成日后的不便。 三、中国扶贫基金会1、银行汇款开户单位：中国扶贫基金会开户行：中国银行北京科技会展中心支行账号：8145—11681908091001 (捐款请注明“汶川地震救援”)2、邮局汇款地址：北京市海淀区双榆树西里36号南楼五层邮编：100086(捐款请注明“汶川地震救援”)3、现场捐赠办公地址 北京市海淀区双榆树西里36号南楼五层咨询热线：010-62655199(8：30—21：00)中国扶贫基金会网站： 4、中国扶贫基金会捐助热线：010-626551995、请登陆  或   点击在线捐赠。</t>
  </si>
  <si>
    <t xml:space="preserve">为什么我进去的时候出现cannotdownloadserverl? </t>
  </si>
  <si>
    <t>我有时候也有,现在不过没有了.</t>
  </si>
  <si>
    <t xml:space="preserve">F1摩托艇世界锦标赛的来历、如何举办？ </t>
  </si>
  <si>
    <t>一级方程式（简称）摩托艇世界锦标赛是由国际摩托艇联盟（简称国际摩联）于1981年发起组织的，它和奥运会、世界杯足球赛、F1汽车赛一道，被公认为世界具有最大影响力和最高收视率的世界四大体育赛事之一。    与F1方程式赛车一样，“F1摩托艇世锦赛”也是系列赛事，其惊险性和观赏性在于其风驰电掣最高250公里/小时的超高速和从0到100公里/小时加速只要3.5秒钟，代表了水上摩托艇运动的最高水平。其驾驶员技术、摩托艇与发动机技术三者结合，代表了人类向速度极限挑战的一种超越，是现代文明中高速度、高科技的天然载体和象征。    F1摩托艇世锦赛每年在世界各国和地区举行10～15站比赛，2006年分别为卡塔尔（4.15）、法国（5.21）、葡萄牙（5.28）、塞普路斯611、希腊(6.18)、意大利(7.16)、马来西亚(9.17)、中国(10.5)、阿联酋(12.8)、阿联酋(12.15)。每站比赛电视观众近10亿人次，全年电视观众在100亿人次以上，75%的体育爱好者对F1摩托艇运动充满向往。在欧洲, 每站收看F1摩托艇比赛录像的观众人数达到500万，且人数以每年10万递增；约有27%的电视观众年龄范围为25-39，在远东地区这一数字已增长到35%；在关注F1摩托艇的群体中，76%是男性，65%的观众是高收入、高职位者。每站比赛所在国的国家元首、政要、社会名流、知名公司代表均会亲临现场一睹为快，并为获奖者颁奖，马来西亚总理马哈蒂尔、阿联酋国王及王储、新加坡总理、法国副总统、比利时王子、沙特阿拉伯王子等就都曾亲临现场观看并为获奖选手颁奖。    F1摩托艇世锦赛通过美国国际管理集团所属转播公司（TWI）三颗同步卫星进行转播，每站赛事有超过150个国家和地区进行电视转播。每站赛事超过2000家平面媒体对赛事做专版报道，全年报道总量在50万次以上，且每年都在增加。竞赛规则解释 遇到国际规则无法预见的情况，国家当局在牢记竞赛规则精神的前提下进行裁夺。遇到与竞赛规则相冲突的情况，优先适用巡回赛规则手册蓝页上印刷的锦标赛规则。1．组织1．1F1比赛及锦标赛的组织权归UIM所有及管理，同时把对竞赛的管理权授予理事会。1．2在任何有需要之时，理事会可以更新这些竞赛规则。1．3F1日常管理委员会负责锦标赛的管理工作。F1世界锦标赛只受到UIM巡回赛国际规则的约束，该规则即巡回赛手册白页和蓝页内容。1．4UIMF1的常任委员必须在预定的时间内于比赛得到批准之前，检查新的比赛场地。同时必须为每一次比赛指定一名技术委员。这两个委员都是F1管理委员会的成员。1．5为每一次比赛任命一名处理争议的裁判员，由其解决所有的争议和纠纷。该名裁判员必须在比赛预案中任命。1．6当日的值班长必须能说一口流利的英语。大赛官员还包括：俱乐部官员、国家当局官员、UIM官员、值班长、副值班长、安全负责人、技术人员及检查员、计时人员、维修站长和信号员。1．7严格禁止在比赛期间将俱乐部成员资格让与那些相关的外界团体。1．8每一次赛事中，必须在显著位置悬挂UIM旗帜。2．比赛安排2．1每次F1比赛赛程为两到三天，遵循下面列出的所有比赛、分级、抗议与上诉规则和一些特别规则。星期五     12：00-13：00             登记和注册12：00                    技术检查赛艇和所有的比赛设备,包括驾驶员的个人比赛用品，必须在12点集中于检修加油站。如果没有到场将罚款。星期六     9：00                     驾驶员在比赛总部集中开会。驾驶员,无线电技术人员和每条赛艇的领队都必须到场。如果点名时不在现场，则要受到罚款。10：00-11：00             自由练习赛13：00-13：45             第一次排位赛，每艘赛艇除开第一圈，只能跑15圈15：00-15：45             第二次排位赛，每艘赛艇除开第一圈，只能跑15圈16：00-17：00             前六名排位赛星期日     09：30                   　驾驶员在比赛总部集中开会。驾驶员,无线电技术人员和 每条赛艇的领队都必须到场。如果点名时不在现场，则要受到罚款。10：15-11：00             自由练习赛14：30                    F1正式赛，大约持续45分钟，最多90 分钟，包括重新起航所用时间如果比赛场地有任何变化，则可以增加自由练习时间。2．2赛艇通过技术检查和信息核实以后，才算合格进入赛场。一艇一人进入赛场，允许有备用船壳和引擎。2．3如果因不可抗力致使两轮计时赛中的一轮被取消，则另一轮比赛的结果仍然有效。如果另一轮比赛还没进行到一半，则起始位置就由目前的冠军位置决定。2．4每次计时赛中，每艘赛艇最多能通过计时点15次。2．5确定计时赛中赛艇的起航位置。2．5．1每个选手必须参加两次计时赛。2．5．2每个选手的最终起航位置将根据两轮计时赛中其赛出的最快时间确定。2．5．3如果因不可抗力致使两轮计时赛中的一轮被取消，则另一轮比赛的结果仍然有效。如果另一轮比赛还没进行到一半，则起始位置就由目前的冠军位置决定。2．5．4对计时赛中排位前六的赛艇的起航位置将作进一步调整。在随后的竞争赛中，根据这六位选手取得的最好成绩排序。此前计时赛中取得的成绩不再有效。2．5．5如果由于官方宣布的不可抗力因素或一名选手的个人决定致使另一名选手没能参加竞争赛，则该选手自动取得六个起航位置的最后一个位置。如果有不只一位选手因此受到影响，则他们的位置将根据计时赛的成绩排序。2．5．6必须封存计时赛中前六名赛艇的引擎，称船重，检查燃料。计时赛中随机抽查燃料，称艇重。2．5．7限定计时赛或竞争赛以后，更换的引擎应由UIM技术委员封存，并检查其合法性。2．6在赛事控制中心张贴出正式练习时间表。比赛时，禁止在赛道外和规定的时间前后进行检查。2．7如果发生了不可抗力情况，该安排的内容可由值班长和两名委员修改。如果因不可抗力而要缩短比赛，则由值班长和UIM委员自由裁定和更改时间表，如有需要，可相应改变赛场布局。如果比赛要在崎岖的水域进行，理论上应保持比赛的圈数。但是如果UIM固定委员认为合理，也可以减少比赛圈数。如果时间充裕，在常任委员和驾驶员代表同意的情况下，能改变环行赛道的结构。2．8如果他们要换用在崎岖水域里使用的赛艇，则在起航线上排最后一个位置。资格证明程序2．9参赛的赛艇数量不得超过24艘，除非UIM的常任委员和主办者有不同的决定，并在第一次驾驶员会议上宣布。如有更多的赛艇参赛，则那些连续签约的赛艇自动进入正式练习和计时赛。除此之外的所有赛艇将参加一次30分钟的预选计时赛，于星期六早晨的自由练习开始前一小时举行。最快的赛艇将被允许参加正式练习和计时赛，最终赛艇总数不超过24艘。如有需要，无资格参赛的船只必须离开比赛围场。2．10UIM委员有权在决赛中安排使用一艘未正式认证的赛艇。主办国国家队员或由主办方选送的选手有资格参赛。这些非固定选手将在第一次驾驶员会议上公布。2．11下午比赛之前，必须召开会议并检查比赛的各主要点。与会者和议事日程必须按照UIM的相关规定一致。2．12UIM委员必须保证对驾驶员，无线电技术人员和各领队进行点名，并且每个人用自己的比赛号码应答。如果点名时驾驶员不在场，那么将对其处以罚金。3．起航3．1起航应按规定在码头熄火启动。牢记以下内容：加长浮码头，使每艘艇的占用范围接近五米。这样可以留出更大的空间让选手保持自己的航道。倾斜浮码头（50度），或改变第一个浮标的位置，尽量不让浮码头与第一个浮标垂直。假如这几点都不可行，则由UIM委员决定重新更换。对不保持自己航道的选手，大赛委员将对其处以更重的处罚。3．2赛艇应在熄火的状态下拖起，赛艇尾部先着陆到码头、浮码头或岸边。赛艇如不按规定与相邻赛艇排成直线，在被告知20秒内仍不行动，则要对其处以罚金。3．3考虑到所有的安全因素，起航线与第一个转向浮标之间的距离至少间隔300米。3．4如果浮码头指挥官认为所有赛艇处于熄火状态，作好起航准备以后，就举起绿旗，这时值班长启动起航程序，通知信号员举起30秒倒计时的牌子（至少80×80cm，上面的数字60×10cm）。信号员一旦举起30秒倒计时牌子，在红色信号灯熄灭之前，选手们就发动引擎或离开浮码头的，将被罚一圈，在比赛最后扣除这一圈。举牌30秒之后，所有红色信号灯将开启。接下来5到15秒之内，所有红色信号灯熄灭，比赛开始。一段时间以后，红色信号灯将再次打开。3．5选手在红色信号灯再次亮起前还未起航的，必须等到所有参赛选手通过了起航浮码头之后，才能从入口航道驶入赛场加入比赛。3．6信号员在判断有必要时，可以举起红旗取消起航，重新开始起航程序。3．7起航码头或浮码头必须至少75米长或是按最多准许参赛赛艇的数量乘以每艘赛艇5米得出的长度。码头至少1.5米宽。调整浮码头，使排头位置最大限度地便于驶向第一个转弯浮标，这一优势相对于起航线上的最末位置而言。环行赛场的设计包括起航码头的位置，必须在赛期前60天送往UIM办公室，争得常任委员的同意。3．8任何不能起航的赛艇必须由驾驶员自己将其开回岸边。如有队员游去帮忙，将导致取消其参赛资格。只有身穿制服，佩带 F1起航浮码头通行证的FI队员才能进入浮码头。3．9为了从开始带赛艇到达第一个浮标前，将所有赛艇分为两组，从2005年开始的起航程序可能有所改变。具体是在第一个转弯浮标之前，将两个大型浮标标志为两扇门来指引驾驶员。日常管理委员会将决定2005年是否采用该机制。有关起航系统的具体内容将在驾驶员会议上公布。3．10两赛艇行驶于同一赛道或几乎于同一赛道时，一赛艇从内侧超越过程中，两赛艇的驾驶舱平行时，就会发生重叠。从外侧超越，后船超越前船，改变航道但不互相接触时，就会发生重叠。发生重叠现象时应适用以下规则：重叠发生之前，领先的赛艇靠右行驶。超越赛艇有责任确保重叠的安全。一旦发生了重叠，被超赛艇只必须给予超越赛艇空间来通过航道上的各种标志。领先赛艇已经改变航道准备转弯时，后面的赛艇不得强行发生重叠。重叠可以发生于赛艇的左弦或右弦。4．停止比赛4．1假如比赛停止，所有赛艇必须在自己的努力下回到起航虎码头或回到UIM委员在驾驶员会议上指定的环行航线上的其他位置。这时就要举黄旗，所有的驾驶员将慢行，不可超车。4．2在比赛中任何一点，驾驶员接受外界帮助都将被取消资格，无论比赛是否因故停止。4．3在停赛以及可用临时船只的条件下，那些坏掉，得到他人帮助被拖到赛道内场或拖离赛场的赛艇，将被拖到下水时的浮码头。4．4赛艇只能在自己回到下水或起航浮码头以后，才能进行修理和维护。修理好的赛艇能在任何浮码头指挥员指定的时间回到比赛中。驾驶员会议上将对修理区域作进一步说明。4．5在列队起航或重新开始程序进行时，不能在起航浮码头进行修理工作。4．6按照规定，驾驶员能在自己的赛艇上自行修理。驾驶员自带的两名机械工和主办方提供的起重机驾驶员不算作外界帮助者。4．7假如有重新开始，被修理的赛艇必须在浮码头指挥员的指引下进入其起航水平线位置。如果该赛艇没有准备好就位，则必须在浮码头的最末位置起航。4．8重新开始比赛的赛程是用最初的总距离减去在比赛停止时，领先赛艇完成的总圈数，而且每重新开始一次，再减去一圈。4．9比赛的组织者可以在任何时候判定谁将会为比赛的停止负责，甚至在比赛结束以后；在这种情况下，负有责任的驾驶员（们）将被取消本场比赛的资格。4．10重新开始比赛中的起航位置，或是如果没有重新开始，就是最终的排名，将由比赛停止时前一圈的各赛艇所处名次决定。4．11所有赛艇座舱内必须有远程控制的红灯和黄灯。驾驶员有责任确保这些灯都能起作用，并且在比赛时，能让其他驾驶员清楚地看到。4．12比赛停止时，营救船只和比赛控制中心将举起红旗，同时控制中心将打开赛艇上面的红灯。见到这种信号，所有驾驶员必须立即减速，返回起航浮码头，或事先规定的重新开始区域。4．13从浮码头重新开始或边缘区域重新开始的决定和程序将在驾驶员会议上宣布。5．间断比赛5．1赛艇重新起航的位置是由在给出黄色信号前一圈各赛艇所处的名次决定。不在正确位置重新起航的赛艇将被罚一圈。5．2当黄旗升起时，领头的赛艇或一艘指定的赛艇将作为开路船，低速前行。黄旗由控制中心或营救船只出示。举起不动是通知驾驶员有险情；用力摇动则要求驾驶员要极度小心。5．3主办方可以因为任何安全或紧急帮助的原因间断比赛，这时，比赛控制中心和营救船只举起黄旗，控制中心打开赛艇上的黄灯。见到这个信号，所有驾驶员必须立即减速，不能超越。在黄色信号亮起后5秒发生的任何超越，都将被罚一圈，除非值班长或UIM委员指示其改变重新起航的位置。5．4当赛场畅通无阻时，只有控制中心的黄旗能继续显示。5．5所有赛艇低速行驶到起航位置就位（大约4000转每分钟），直到控制中心举起绿旗。各领队有责任确保各自的赛艇进入正确的位置准备重新起航。5．6当进行重新起航时，如果前10艘赛艇在正确位置就位以后，UIM委员就能举起绿旗。不在正确位置重新起航的赛艇将被罚一圈。5．7当显示黄色信号时，赛艇可以离开赛道，但是必须跟在最后位置赛艇后面加入到比赛中。5．8在比赛结果张贴出来一小时内，值班长或UIM委员可以决定谁该为停止或间断比赛负责，甚至是在比赛结束以后。这种情况下，有责任的驾驶员们将被取消该次比赛资格。6．比赛场地6．1任何两向浮标之间的直线长度不超过850米。6．2至少要两个起重机，用于帮助赛艇下水。6．3练习和比赛用的水域边界必须在预案中给定。6．4停泊的区域应足够大，以防赛艇下水时撞到其他赛艇。6．5安全规则应该是适用于该场比赛的UIM规则，除非该规则另有特殊规定。6．6赛场中可置右转标志。为了避免混淆，左转标志为橙色浮标，右转标志为黄色浮标。7．分级7．1在最短的时间内赛完规定航程的赛艇排第一位。7．2所有的赛艇都要根据其完成的圈数来分级。对完成同样圈数的赛艇则根据其通过终点线的先后顺序分级。7．3在重新起航后行驶的圈数也应成为分级的依据。7．4排前10名的选手能得分，条件是他们都至少完成了第一名选手所完成圈数的70%。（按四舍五入法计算。例如：18.5=19   18.49=18）7.5第一名越过了终点线之后,某些赛艇完成了比赛90%或以上的路程,但没有过终点线时,其应排于那些与之完成了同样圈数,但是越过了终点线的赛艇之后。7.6领先的赛艇必须完成比赛圈数的70%,才能得到满分。7.7如果因不可抗力而终止的比赛不能重新开始,则应根据以下范围给分:   完成了70%或以上的比赛                     得满分   完成35%--70%                             得一半的分   完成少于35%                               不得分7.8评分制度   名次 得分 名次 得分 1      20     6      52      15     7      43      12     8      34       9     9      25       7     10     17.9选手在F1个人世锦赛中的总体排名,应根据其在每站比赛的得分之和确定。选手得分属于个人,不用分配给所属队伍。如果选手在该赛季转到另一个队伍，他保留自己的得分。7．10如出现比赛平局的情况，应首先考虑第一名的数量，接下来再是第二名等等。7．11比赛一结束，获得第一名的选手要再行驶一圈，展示自己获得的荣誉。7．12前三名选手要站上领奖台领取奖牌。这一仪式只根据一个暂时的分级进行，并在技术检查和抗议上诉处理完以后，才能确定最后名次。7．13在这一系列比赛的最后一场比赛中，UIM将提供3枚奖牌（金牌，银牌，铜牌），颁发给在世锦赛总排名中前三名选手。这些奖牌不能代替其他正常获得的奖品。8．燃料8．1在每个比赛地点，主办者或组织者将提供比赛用正式燃料。燃料要有一直稳定的规格和质量，与数据表和样本一致。该数据表和样本是在本赛季开始时公布，并由UIM、主办方和引擎制造商共同同意的。比赛时只能用该种燃料，比赛队伍自己携带燃料到比赛场的将受到处罚。8．2比赛时，对选手使用的燃料随机抽查样本，并在赛场检测或之后送往实验室分析。因违反燃料使用规则而被取消资格的选手将支付所有的实验室检测和分析的费用。8．3唯一准许使用的添加剂是用于二冲程发动机的润滑油。禁止为增强发动机马力而使用添加剂，无论是在燃料中添加增碳剂还是在进气管中加入添加剂。8．4在起航浮桥处，不允许使用任何化学助动装置。8．5任何时候，所有的参赛者都要接受详细的检查。整个燃料系统可以拆卸，从船上移除，接受检查，并且或选择提取燃料样本。在装载的燃料系统中发现使用不合格燃油，该选手在比赛当场立即被取消资格。只有UIM委员能根据他所得到的检测结果和信息来判定燃料的合法性。8．6赛艇只有在其拖车上时才能加油。9．黄牌9．1每次出示黄牌，应以表格文书形式加以确认，与比赛结果一并贴出。驾驶员有60分钟时间向处理争议的裁判提出抗议。如果该抗议被驳回，该驾驶员可以上诉，提出争议和上诉都必须按照UIM规则办理。9．2由于以下原因可以出示黄牌：危险驾驶每次可以最多出示两张黄牌；对极端的危险驾驶出示红牌。得到红牌或三张黄牌的驾驶员不能参加下一轮的世界锦标赛。（本赛季或下一赛季）但是其赛艇必须参赛，由一名替补驾驶员参赛。如果其同意对其做出停赛一次的处罚，则取消对其出示的红牌或三张黄牌。9．3在出示最后一张牌以后的四场比赛中，所有已出示的牌都有效。参加了练习赛，计时赛和决赛，才被认为是完成一场比赛。9．4主办者给一名选手出示一张或多张黄牌，必须在三天之内传真或邮件通知UIM。UIM将把这些情况告之下一站世锦赛主办者。当一名选手在完成四次比赛而未再得到黄牌时，他之前得到黄牌的记录将从名单上消除。9．5出示黄牌必须在委员的工作报告中提出，该报告要提交给相关UIM委员小组的所有成员。9．6根据以下规则进行处罚，罚款和出示黄牌：违犯情况 罚款（欧元）赛艇和比赛设备太晚到达检修加油站 420规定时间之后报道 420驾驶员会议上点名不在场 840不遵守穿戴规则 135不遵守出口航道规则 1或200（值班长或UIM委员决定）不遵守入口航道规则 1或200（值班长或UIM委员决定）无线电技术人员不在时间控制处 42020秒内未排列准备好 340不在检阅场正确位置 420抢先起航 1圈破坏第一个浮标 1圈或420破坏第二个浮标 取消资格或420在出示黄旗时超车 1圈出示黄旗期间仍在停泊区 排在最后的位置出示黄旗时不在正确位置 1圈危险驾驶 1张或2张黄牌极度危险或恶意驾驶 红牌驾驶员拒绝分别起锚 405在船上未使用红/黄灯系统 420接受外界帮助 取消资格对停赛负有责任 取消资格带技术员上船（不适用于比赛获胜者） 340违反噪音或消音规则 510自带燃料到赛场 840不遵从UIM委员的指示 200不把输油管上的短绳系在救生衣上 1000关闭保险气囊阀门 1500在计时赛、自由练习和比赛中不系安全带 5000在发生重叠时，，无线电技术人员将对不遵守规则的选手出示黄牌，如果该选手仍然不改正，则对其出示红牌，其赛艇将被取消资格。驾驶员违反规则或有任何不雅或不像运动员的举动，F1委员有权对驾驶员进行处罚，罚款或暂停比赛。所有支付的罚款由大赛秘书收集，由主办方保管。最后加入奖品总基金，在该赛季末进行分配。10．抗议和上诉程序10．1根据第400条规则，可以由驾驶员或领队提出抗议。该抗议必须由处理争议的裁判处理。F1抗议费为250欧元。10．2上诉必须以书面（传真、邮件）的形式交给UIM官员以得到秘书长的关注。该上诉书必须在特定的时间内，由驾驶员或其领队签字。10．3递交上诉书的时限为48小时，从将处理争议的裁判的决定告知相关机构那一刻算起。星期日那一整天不计算在上诉的48小时内。上诉书里应明确列出地址，电话，邮箱地址和传真号码，以便UIM能直接寄送回复信件给驾驶员，同时给国家当局寄送一份复印件。10．4驾驶员可以放弃参加上诉委员会召开的会议，而通过电话或传真解决该次上诉（如果可以的话），目的是尽量减少上诉的费用。10．5F1委员将选择3人组成上诉委员会，该3人都是中立且独立的团体。委员会主席将通过合法程序确定。最后决定必须在7天内给出，无论如何在下一场比赛开始前给出。11．安全规则11．1事故发生以后，驾驶员必须接受身体检查，在医护人员认为其健康后才能继续参加比赛。     事故发生以后，受损的船必须接受完全的检查。在得到UIM的同意以后才能再次加入比赛。11．2必须穿戴救生衣和短裤。驾驶员必须穿戴救生衣，该救生衣穿于肩上和腿上，以方便驾驶员从座舱里面出来。也可以用救生圈代替救生衣，但是必须要有撑手的位置，以方便驾驶员从座舱中出来。11．3必须要有官方认可的浮力保险气囊。各个队伍有责任维护保险气囊。11．4UIM保留权利，在合理时间介绍安全规则。11．5主办方为整个比赛签订一支正式的营救队。由组织者提供的所有地方服务要与正式营救队伍联合起来工作，并接受值班长，其代理人或医务人员的管理。11．6不允许带技术人员上船（适用罚款处罚），冠军能在最后的胜利游行中带上技术人员。营救船要紧跟获胜船之后。12．概述12．1所有正式的F1世锦赛影像人员都又F1主办方签约。所有电视、电影、媒体和广告权都归属于UIM。UIM签定的主办者代表UIM处置这些权力。任何组织想拍摄电影或使用已有电影资料，必须与主办方签订合同。12．2佩带正式的F1通行证，才能被认可进入赛场。12．3从所有赛艇两侧的显著位置均能看见UIMF1的官方标志。12．4如果悬挂了其他旗帜，那么UIM旗帜应飘扬于奖台上方。放大的UIMF1标志必须显著标著于领奖台上面，无论是在颁奖仪式上还是在其他公众用途上。</t>
  </si>
  <si>
    <t xml:space="preserve">常回家看看歌曲 </t>
  </si>
  <si>
    <t xml:space="preserve"> 这里有一大堆，你自己去看吧，我试过可以听。</t>
  </si>
  <si>
    <t xml:space="preserve">我想做家居顾问大家好，之前是网络宽带行业，现在想从事家居行业，做 </t>
  </si>
  <si>
    <t xml:space="preserve">家居顾问要求：了解购房到装饰设计，装修施工，以及平时遇到的各种家居上的知识。一、装璜学；二、及环保知识；三、预价知识、财会知识；四、美学；五、建筑力学；装修的“禁区”　　1、承重墙：装修中不能拆改承重墙，许多人都知道。但什么样的墙是承重墙，就没有多少人能说清楚了。一般在“砖混”结构的建筑物中，凡是预制板墙一律不能拆除或开门开窗；超过24厘米以上的砖墙也属于承重墙，也是不能拆改的。而敲击起来有“空声儿”的墙壁，大多属于非承重墙，可以拆改。　　另外，有人在承重墙上开门开窗，这样也会破坏墙体的承重，也是不允许的。　　您如果在装修中要拆改屋中的墙壁，最好请建筑专业的人看一下，确定是否为承重墙后再施工。在施工之前，还要报物业管理部门备案，得到批准后方可施工。　　2、墙体中的钢筋：如果把房屋结构比成人的身体的话，墙体中的钢筋就是人的筋骨。如果在埋设管线时将钢筋破坏，就会影响到墙体和楼板的承受力。如果遇到地震，这样的墙体和楼板就很容易坍塌或断裂。　　3、房间中的梁柱：这些梁柱是用来支撑上层楼板的，拆掉后上层楼板就会掉下来，所以也不能动。　　4、阳台边的矮墙：一般房间与阳台之间的墙上，都有一门一窗。这些门窗都可以拆改，但窗以下的墙不能动。这段墙叫“配重墙”，它像秤砣一样起着挑起阳台的作用。拆改这堵墙，会使阳台的承重力下降，导致阳台下坠。　　5、“三防”或“五防”的户门：这些户门的门框是嵌在混凝土中的，如果拆改会破坏建筑结构，降低安全系数。而且破坏了门口的建筑结构，重新安装新门就更加困难了。　　6、卫生间和厨房的防水层：这些地方的地面下都有防水层，如果破坏了，楼下就会变成“水帘洞”。所以在您更换地面材料时，一定注意不要破坏防水层。如果破坏后重新修建，一定要做“24小时渗水实验”即在厨房或卫生间中灌水，如果24小时后不渗漏方算合格。六、风水学；七、排水 </t>
  </si>
  <si>
    <t xml:space="preserve">我家差半个月就满7个月的加菲猫突然只知道睡觉,不吃不喝,谁知道是? </t>
  </si>
  <si>
    <t>量个体温看有没有发烧。如果排除发烧，你说的这个情况一般是惊吓或者消化道异物造成的。有没有不尿？可能是结石或者泌尿系统感染。别的也不敢下结论怕误导你。希望我的回答对亲有帮助，如果满意还请亲给我个好评（好评对我非常重要），非常感谢～可能是生病了，带去医院检查</t>
  </si>
  <si>
    <t xml:space="preserve">问一下：动画片的名字叫什么？我是80年代，在我小时候有一部动画片 </t>
  </si>
  <si>
    <t>宇宙骑士　　日文：宇宙の骑士テッカマンブレード　　英文：Tekkaman Blade　　导演：ねぎしひろし 　　企画：青木勇人、汤浅昭博、稲垣光繁 　　系列构成：关岛眞赖、あかほりさとる 　　脚本：岸间信明、川崎ヒロユキ 　　人物设定：TOlllO、佐野浩敏 　　机械设定：佐山善则、中原れい 　　制作：东京台、创通エージェンシー、タツノコプロ　　首次播映时间：1992年2月18日～1993年2月2日　　集数：49话[编辑本段]登场人物　　D-Boy／相羽高野（Dボゥイ／相羽タカヤ、声优：森川智之） 　　主角。可变身为宇宙骑士。和Space Knights一同战斗。因为没有成为完全体，所以只能变身30分钟，30分钟后他就会被拉达姆支配身体。 　　如月亚纪（如月アキ、声优：林原惠） 　　Space Knights成员。蓝色地球（ブルーアース）号飞行员。 　　诺亚尔・贝鲁斯（ノアル・ベルース、声优：松本保典） 　　Space Knights成员。蓝色地球号飞行员。后期转用人造宇宙骑士二号(ソルテッカマン２号)。 　　米莉（ミリィ、声优：横山智佐） 　　Space Knights操作员。 　　本田（声优：饭冢昭三） 　　Space Knights的机械师。 　　相羽美雪（相羽ミユキ、声优：水谷优子） 　　D-Boy之妹。（Tekkaman Raiper）之后因为对抗其他テッカマン而自爆死亡。 　　相羽孝三（あいば こうぞう、声优：麦人） 　　相羽兄弟的父亲。宇宙物理学教授。 　　巴尔扎克・阿西莫夫（バルザック・アシモフ、声优：堀内贤雄） 　　地球联合军少校。 　　柯尔贝特（コルベット、声优：大?鼋福?　　地球联合军准将。 　　佛利兹・冯・布朗（フリッツ・フォン・ブラウン／テッカマンダガー、声优：飞田展男） 　　最初率领拉达姆侵略地球的Tekkaman (Dagger)。 　　相羽新也（相羽シンヤ、声优：子安武人）(Tekkaman Evil) 　　相羽高也的孪生弟弟。[编辑本段]故事概要　　联合宇宙历年X年X月，有一种神秘的宇宙怪兽侵略了地球，人们开始恐慌于那庞大怪物的无度破坏，人们对他们的进攻毫无抵御的力量，地球开始变为一片废墟。有一天，外宇宙开发基地救了一个从天上掉下来的人。那个人可以变身为身穿盔甲的战士和怪兽作战，他不记得自己是谁，却知道那种怪兽的名字――拉达姆。更奇怪的是，他所变身的样子，和领导拉达姆怪兽侵略的战士一模一样。但是无论如何，濒临死亡的人类终于抓住了一根稻草……这位可能是神派来的使者，以D-boy（dangerous boy）的身份在外宇宙开发基地留下来。 　　D-boy并不亲切，也不友好，对他而言，快乐甚至不是生命中的一部分。一个不同于普通人的战士，从来不向任何人诉说他的心情，却要独自承受一些自己无法接受的痛苦，是何等寂寞。每一次与拉达姆战士的战斗，仿佛是要将他拉进绝望的的深渊。D-boy到底是谁，是拥有怎样过去的人？ 　　时间追溯到，三年前阿尔果斯号从第八空间站出发…… 　　身为人类的向宇一家在那次宇宙探险中被卷入了宇宙种族拉达姆侵略地球的步骤中。这是一种没躯体却具有极为发达的大脑的宇宙生命体，它可以控制任何高等生物的大脑。飞船上只有一个人获救，那就是现在的D-boy，过去的向宇高野。被早先判为不合格而排除在外的父亲救出了拉达姆的战斗系统，同时获得变身为宇宙战士的力量而没有失去自我的高野，所要面对的，是残酷的现实。所有与他一样曾经被拉达姆捕获的亲人、朋友，都在思想完全被改变的情况下以敌人的身份出现了。 　　莫名其妙地遇见这样可怕的事情，拥有变成在其他人眼中可能是怪物的能力。如果早已经失去自我，完全被拉达姆所操纵，对个人而言，反而到是一件好事。然而事实正好想反，高野所要背负的，却是比这样痛苦几百倍的命运。什么所谓的“拯救地球”，要面对的敌人却是自己的亲人。仅仅因为“只有他才能做得到击溃拉达姆，所以就一定要他去做”，那样在任何人眼中都正常的说法，对他本人而言，却是最不公平的。也许人类会因为自己是被选中的，被挑选出来的救世主而做出牺牲，但是那样的牺牲是否真的理所当然，更况且，这世界上还有为了羡慕那个救世主的位置而拔刀相向的人。在地球的危难中，仍旧有着人为了向上爬而拼命地踩着别人的身体，也有人为了自己的利益舔着别人的伤口。 　　心灵已经破碎的高野象一只受伤的野兽，拼命掩饰自己的伤口，他不对任何人提起自己的过去，用失忆来搪塞别人的询问，甚至逃避所有人的关怀。没有任何朋友，也不想要任何朋友，因为不愿意让别人来承受自己的痛苦。寂寞的高野无法用现实冲淡回忆的痛苦，也无法去想象不愿意见到的未来。他只知道用异样的屏障，将自己流血的心隔离起来，置于遥远的宇宙中。他想忘记过去，忘记所爱的父亲、妹妹、兄长、以及最爱的孪生弟弟……但是，拉达姆战士的出现一次又一次地提醒着他，他是在和谁作战。军部间谍的来到血淋淋地撕开了他的伤口，他们要的不是一个不服从的英雄，而是可以利用的武器。英雄或许有拯救世人的满足，但是他完全没有成为英雄的条件。这样一个充满了力量的，危险的，不是人类的怪物，在没有了利用价值后，本来就不应该存在这个世界上，他逃出来根本完全是个错误。[编辑本段]主题曲　　前期OP（1～27话）‘REASON’（作曲：小坂由美子　作词：安藤芳彦　歌：小坂由美子） 　　后期OP（28～49话）‘永远の孤独’（作曲：小坂由美子　作词：さとうみかこ　歌：小坂由美子） 　　前期ED（1～27话）‘ENERGY OF LOVE’（作曲・作词・歌：小坂由美子） 　　后期ED（28～49话）‘LONELY HEART’（作曲：小坂由美子　作词：さとうみかこ　歌：小坂由美子） 　　插曲（40话）‘午前0时’（作曲：山本智惠子　作词・歌：小坂由美子） 　　插曲（40话）‘Meditation’（作曲・作词・歌：小坂由美子） 　　插曲（46话）‘Once More Again’（作曲：山浦克巳　作词：岛エリナ　歌：三松??美・山浦克己） 　　插曲（48话）‘Masquerade’（作曲・作词・歌：小坂由美子）</t>
  </si>
  <si>
    <t xml:space="preserve">这个垃圾..棍子..能值几个钱..呵呵..就这一个...偶是新手 </t>
  </si>
  <si>
    <t>35级的召唤以挂机为主,不会有太多人特意买个蓝棍去挂机用的,而且虽然是"完美的",但因为是蓝色,又因为是35级,所以个人认为价格不会高,在我们服务器(网通"江湖霸业")大概卖15-25两左右吧,你摆摊可以出更高的价格,但是基于上述分析,如果价格定得高了就很难有市场了.具体的你也可以去"拍卖管理员"那里查看其他玩家拍卖类似物品的价格.另外,这个棍子是你打怪掉的吧?如果一段时间你不能把它脱手卖掉的话,也可以把它拿去武器、防具、首饰锻造商那里拆成原料,不管是留着以后自己打装备,还是把原料拿来卖,也都是不错的选择.</t>
  </si>
  <si>
    <t xml:space="preserve">谁給我几个赛道外的图片　我前几天就来到了太空飞碟的起飞路上 </t>
  </si>
  <si>
    <t>这是夺年金游乐场的图片</t>
  </si>
  <si>
    <t xml:space="preserve">韩山师范学院图书馆的书中的文件怎么下载下来 </t>
  </si>
  <si>
    <t>可以直接右键 复制</t>
  </si>
  <si>
    <t xml:space="preserve">那里有中超球队的球衣卖？鲁能泰山的球衣那里有卖的？ </t>
  </si>
  <si>
    <t>在北京，国安队的球衣工体有卖因此我推断，山东队的球衣自己主场就有卖（球迷用品专卖店）</t>
  </si>
  <si>
    <t xml:space="preserve">33的收集如果和等级比他高很多的职业组队是不是还是能正常收集到东? </t>
  </si>
  <si>
    <t>能收到只不過網站上説是5/5其??和高?的組隊只能3/8多?刀冀o吸跑了。。。</t>
  </si>
  <si>
    <t xml:space="preserve">我的烂机器能玩不？CPU：塞扬2.1内存：512显卡：七彩虹MX </t>
  </si>
  <si>
    <t>内存尽量升级到1G 2G会更好玩3D游戏建议你用的显卡:显卡一般的有这些产商 影驰 迅景 七彩虹以及盈通.（这仅仅是本人知道的）看你用那种那要看你的资金怎么样哦。玩奇迹世界的话，建议买7600GS或者7900GS左右</t>
  </si>
  <si>
    <t xml:space="preserve">怎样能快速的把舞蹈练好呢? </t>
  </si>
  <si>
    <t>跳舞没有捷径的～要坚持才会进步除非你是很有天份的～</t>
  </si>
  <si>
    <t xml:space="preserve">汽车比较省油实惠V是？ </t>
  </si>
  <si>
    <t>飞度2厢。日产骐达颐达，别克凯越，</t>
  </si>
  <si>
    <t xml:space="preserve">见习骑士的第3个任务再哪里可以找到那个怪物?怎么找啊? </t>
  </si>
  <si>
    <t>你可在天2官网的转职向导中点击骑士，第三个任务是打食人妖吧？请仔细看好食人妖左侧地图上的箭头所指，一定会找到的，我就是经大家的指点才找到它的，之前我走了很远走过头了。记住出古城不远就会找到的！欢迎你加入骑士的行列。切记地图上的箭头啊！！！！！</t>
  </si>
  <si>
    <t xml:space="preserve">巨蟹座男生和天秤座女生能结合吗?很多网站上都不看好.... </t>
  </si>
  <si>
    <t>关于命理，我的理解是：一，决定一个人命运的因素是多方面的，包括：出身时间、地点和家庭；身高、长相和姓名；“八字”、星座和血型；婚姻家庭的建立以及德识才学的拥有程度等。　 二，由于每个人的出发点不同，所以人生道路不会相同，终点也就不同。三，由于自然界尚存我们人类无法认知、科学无法解析的事情，所以对命理采取的态度应当是：1，不可不信，不可全信；2，不信为无知，全信则愚昧；3，虽先天命中注定，但后天不可不努力；4，是非成败转头空，一切都不必太在意；5, 人生不过百来年，应当快快乐乐每一天；6，算命改变不了命运，人生应当顺其自然.请人渣“一南”学者不要抄袭我的答案!!!!!!!!</t>
  </si>
  <si>
    <t xml:space="preserve">帮我配太电脑！只要配主机。主要是要玩游戏不卡。效果好的。。！显卡 </t>
  </si>
  <si>
    <t>方案一:该套不到2300的经济型配置性能却好不含糊,Celeron 420搭配945PL和小影霸GT3显卡,能够流畅运行所有主流3D游戏.CPU:Conroe-L核心Celeon 420 270元;主板:磐英945PL天尊版 390元;内存:威刚DDR2 1G 270元;硬盘:日立160G 8M SATA2 430元;显卡:小影霸GT3 7300GT DDR3 390元;光驱:明基DVD-ROM;键鼠:明基神雕侠侣套装 90元;机箱:富士康飞狐140 120元;电源:航嘉冷静王标准版 150元;合计2270元.方案二:性价比超高的酷睿架构双核配置,炙手可热的E2140搭配945PL天尊版和小影霸GTS3,基于7600GS核心,采用1.4ns DDR3显存,可以畅爽体验最新的3D游戏性能.CPU:Pentium双核E2140 530元;主板/内存/硬盘/机箱/电源同上;显卡:小影霸GTS3 7600GS DDR3 490元;光驱:三星18X DVD刻录机 280元;键鼠:微软极动鲨套装 170元.合计2830元.</t>
  </si>
  <si>
    <t xml:space="preserve">我想带爸爸妈妈春节去旅游的话去哪呢从现在开始存钱正好到过年能存住 </t>
  </si>
  <si>
    <t>朋友，首先为你的孝心所感动，所以有必要为你提出几点建议，供参考。建议1，春节期间出去旅行，应以民俗旅游为主，冬季游山水天寒地冻对老人身体不宜。而且你的时间也比较短，去太远的地方如海南、昆明、武夷山等地，时间太紧，双飞的话，全家5000元预算根本打不住。建议2，如果你和你的父母原意春节去民俗旅游的话，有两个地方可以考虑，一是河南古都开封，这里春节期间的民族文化气息非常浓厚，清明上河园、包公祠、相国寺、开封府、龙庭等景点加上民俗表演和风味小吃，肯定会让老人过上一个难忘的春节，而且这里消费水平也不高，春节期间的住宿一律打六折，三星级的宾馆一般在120－160元之间，各景点的门票对50岁以上老人半价，70岁以上全免，你们全家在开封玩上3－4天，花费超不过3000元，而且徐州和开封同在陇海线上交通也十分方便（2003年春节，我们同学三家驾车在开封过年，3天花了2000多元，玩得高兴极了）。二是山东曲阜，孔圣人的故里，孔府、孔庙、孔林三孔名扬天下，每年春节期间这里都要举行规模盛大孔家祭祖、学子拜师、官人朝圣等民俗活动，可不是表演，十分热闹，而且这里距离东岳泰山也很近，实在想去游一下山水的话这里也是一个非常不错的地方，你们全家在这里玩上3－4天，加上泰山花费也超不过3000元，经济实惠（明年春节我们已经计划去曲阜过年了）。建议3，如果你们决定了要游山水的话，我认为最好的地方还是去黄山，因为黄山的冬季也是最美的，而且离你们那里也不远，春节期间是淡季，花费我想不会太高，交通也很方便，坐火车即可直达，不过一定要注意老人的保暖和安全哦。</t>
  </si>
  <si>
    <t xml:space="preserve">考中级电算化有没有什么用？我现在从事会计工作，去年考的会计证，今 </t>
  </si>
  <si>
    <t>作为会计人员，只有职称考试才是最有用的，本人搞财务工作已经有几十年了，也是从会计员、助理会计师、会计师、高级会计师一路考过来的。要记住，会计的职称是你吃饭的本钱，而且要考得越早越好，越晚越难。至于，会计电算化只是领取会计上岗证的一个条件，没有区分初等和中等，不知你是什么地区，不过从目前财政部的规定来看，没有这种说法，电脑证书也只是一级、二级等等。不知我的回答你是否满意？</t>
  </si>
  <si>
    <t xml:space="preserve">7c1希望意大利西班牙给力场次对阵(让球)投注内容彩果SP值胆3 </t>
  </si>
  <si>
    <t>活着就有希望 祝你好运吧</t>
  </si>
  <si>
    <t xml:space="preserve">我宝宝两个月8天，现在能否把尿？ </t>
  </si>
  <si>
    <t>当然可以了，我家宝宝一满月就开始把尿了。不过把尿的时候要注意将他的头靠在你的胳膊上，因为宝宝的头还不能抬起来。刚开始我也不太会把，慢慢的就可以了。</t>
  </si>
  <si>
    <t xml:space="preserve">麻烦大家帮选车？10万以内，我和老婆都是新手，想买个自动档的车， </t>
  </si>
  <si>
    <t>关于自动和手动的问题。我个人建议新手来说选择AT车稍好一些。特别是您和您的爱人都要开车的话，选择AT车是有必要的。AT车操作简单，在驾驶过程中只要掌握好油门的力度和刹车就行了，不用MT车那样不断的离合换挡，油门这样的过程。很多人说AT车的油耗高，我感觉其实AT车想省油也不是很难，关键是你要掌握好油门的力度，就是在转速升高到自动切档的时候这时松一下油门再给油较好一些。也有人说就是一脚一脚的意思，如果掌握不好的话，就用一D到底的开法也没问题的。至于您说的车，我建议还是选择骊威把，福美来倒是便宜了，但是现在海马的质量不如老海马的好，做工很一般，故障率也比以前多很多了。骊威在油耗，质量，空间上都要比福美来好。保养费用上福美来会低一些。但是要是老去修车的话。。。所以建议您重点考虑骊威把。</t>
  </si>
  <si>
    <t xml:space="preserve">均线呈多头排列是什么意思?谢谢回答者! </t>
  </si>
  <si>
    <t>均线的”多头排列“与“空头排列”是相对的两个意思。在股票的股价上升到各均线以上，如果在股票的K线图形上，各条均线由左到右向上行进而且呈发散状态，短期均线在上，长期均线在下。这种状态说明股票的升势良好。如ST中西近六天以来的走势，新华光等。而“空头排列”的以上形态则刚好相反，空头排列的股票目前很多，如G宝钢等许多基金重仓股近来的走势（今天由于有许多股票的股价上穿了几条均线而将结束这种形态）。以上回答不知是否满意。祝好运。</t>
  </si>
  <si>
    <t xml:space="preserve">命中和降低对方魔抗对于法系来说+1%的命中或暴击和降低对方10点 </t>
  </si>
  <si>
    <t>降低对方10点魔抗肯定好多了</t>
  </si>
  <si>
    <t xml:space="preserve">麻烦大家鉴定邮票5它们是哪个国家的?,它们是不是一套?那年发行的 </t>
  </si>
  <si>
    <t>这是波兰1966年8月15日发行的“收获节”邮票，全套共3枚。目前邮市参考价:(新票)每套7.00元左右,(盖销)每套3.00左右。</t>
  </si>
  <si>
    <t xml:space="preserve">请问孕期饮食方面请问怀孕期间可以吃海鲜么?辛辣的东西可以么/有哪 </t>
  </si>
  <si>
    <t>1、烟、酒、毒品有可能造成胎儿体重过轻、发育不良，甚至先天异常，应尽量避免。　　2、辛辣与刺激性的食物会造成胃肠蠕动加速、胀气、痔疮发作等不适，也应避免。　　3、孕妇少吃垃圾食物。  孕期虽然有额外的营养需求，但是仍不应该放纵口欲，造成体重大幅增加，不但身材变形、胎儿变成巨婴，更会造成难产，实非母子双方之福。多吃鱼、肉、蛋、奶、蔬果等天然食品，少吃零食或添加物过多之垃圾食物，才能供给胎儿发育所需的营养。　　特别推荐：怀孕，孕期饮食10大疑问　提振孕妇食欲的饮食建议　　小贴士：关于体重增加　　一般妊娠40周的妇女体重平均增加到10-15公斤，其中胎儿约占3至4公斤，而支持胎儿系统的胎盘、羊水、血液、脂肪、乳房组织约占7-12公斤。通常怀孕初期的3个月，体重增加量较少，在第4个月时体重增加速度较快，然后增加量又会稍微减少。这种节奏其实意味着：母体逐渐适应体重的增加，胎儿也获得充分的养分。　　越接近分娩期，你会发现自己的食欲越佳。这时，你应当注意养分是否足以供应你和胎儿的需要。你对热量的需求，每天要增加15%，应该是平时食量的2倍。有些准妈妈可能因先前饮食不足，这时候需要特殊的补充。　　提醒：“双份食量”表示你必须摄取足够自己和肚中胎儿的养分。孕期绝对不能。根据研究指出：饮食不均衡或不足的准妈妈，经常会发生自然流产、新生儿死亡、婴儿体重不足的现象。　　对于准妈妈来说不一定要在每餐中求均衡，而是在24小时内的食物量中求平衡。摄取食物的种类要多一些，这样才能真正达到营养的均衡。　　在吃双份量的同时，你会小小增胖，堆积在手臂和腿上的脂肪，产后不易去除。所以在怀孕期间，避免吃下列食物，因为这些营养价值较低的垃圾食品，正是造成过度肥胖的原凶。　　﹡任何甜味剂：包括白糖、黑砂糖、糖密、糖浆、阿斯巴甜　　――糖份含量高，最易促胖，而且，大量糖份的摄入还会影响牙齿的健康。需要调味的话可使用少量天然砂糖。　　﹡糖果及巧克力　　――糖果中的香料和色素，巧克力中的咖啡因，以及它们含有的大量糖份，对健康无益。建议孕程结束后在少量食用。　　﹡可乐或人工添加甜味果汁饮料　　――它们里面含有的食用添加剂对胎儿健康有不利影响。可饮用百分百的天然果汁、纯净水、矿泉水或直接吃水果。　　﹡罐头水果　　――含有防腐剂。请选用新鲜的当令水果。　　﹡人造奶油　　――含有色素以及添加剂，营养成分不高，且容易产生饱腹感，影响其他营养物质的吸收，建议不吃。﹡冰淇淋、冰冻果汁露　　――热量高，含各种添加剂，少吃。　　﹡含糖花生酱、腌济物、沙拉酱、美乃滋、意大利面酱　　――热量高，含各种添加剂，少吃。　　除了保证自己营养的均衡以外，妈妈们更关心的是胎儿的需求。  的确，在怀孕期间，你是胎儿的唯一供应站，胎儿需要的每一分热量、维生素、蛋白质，都来自妈妈所摄取的食物。　　如果你在每日的饮食中摄取大量新鲜蔬果、豆类、花生、鱼、禽肉及低脂肪乳制品等食物的话，必能满足胎儿对养分的需求。根据一项丹麦研究指出，多吃含脂肪酸的鱼类，如沙丁鱼、鲑鱼、鲱鱼可以预防早产。　　当然也别忘了自己，良好的饮食，意味着你可获得充足的养分，以应付怀孕期间身体所承受的沉重负担，可以减少心情变动不安及疲劳。营养不良的孕妇，容易发生贫血、害喜、腿部抽筋的症状。　　4、准妈妈和咖啡与茶　　香浓的咖啡、清新的茶香，为人们增添了许多生活情趣，并已成为我们日常生活的一部分，对于职业女性来说更是解除压力的良方。但是，想要怀孕或已经怀孕的准妈妈要注意了！在怀孕前三个月，每天喝超过三杯的咖啡或茶，会使流产的几率增加一倍！因为茶和咖啡都含有咖啡因，而咖啡因有可能会造成胎儿畸形和流产。　　研究报告指出，咖啡因会加快胎儿心跳速度及新陈代谢的速度，因此对胎儿有不良影响，咖啡因也会降低母体血液流入子宫的速度，从而使供给胎儿的血液中氧气量与养分降低，影响胎儿发育。此外，由于咖啡因有利尿的作用，使原本已经有尿频现象的准妈妈更加不方便，同时还会造成钙质从尿液中流失，并影响铁质的吸收。值得注意的是由于胎儿的肝脏尚未成熟，是不能快速地代谢掉咖啡因的。所以，专家们都建议准妈妈不要摄取含咖啡因的食物，包括茶、咖啡、可乐、可可、巧克力等。　　但对于许多准妈妈来说，每天喝茶或咖啡已经成了习惯，一下子要戒掉并不容易，下面的办法可以帮助你减少咖啡因的摄取：　　﹡茶或咖啡不要泡太久，因为越浓的咖啡和茶或巧克力，所含的咖啡因就越多。　　﹡在购买饮料前注意看标示，若饮料含有咖啡因则不要喝。　　﹡尝试喝不含咖啡因的花草茶，或用水煮低咖啡因的咖啡，以尽量降低咖啡因的摄取量。　　﹡尽量以牛奶、果汁、开水来取代茶、咖啡。　　﹡假如真的非喝咖啡不可，?⒖Х鹊呐ǘ燃醢耄⒓跎俸鹊拇问ソサ嘏ǘ仍?碓降汀⒋问?碓缴伲钡酵耆缓任埂?　　在此要特?e一提的是，准妈妈绝对不可以喝绿茶！绿茶含有天然的抗氧化成分，可以防癌、美白、预防感冒，在日常生活中是一种有益于身体健康的饮料。但对准妈妈而言，却是碰不得的！因为绿茶含有会阻止新血管增生的成分，可以杀死变态性快速生长的癌细胞，对准妈妈来说，此时正是身体进行新血管增生作用来孕育小宝宝的时候，如果在怀孕时喝绿茶，对胎儿的生长发育会产生不良影响。　　提醒：从怀孕之前的三个月到哺乳期结束，请远离咖啡因。 　　特别推荐：孕期饮食影响孩子喜好　孕妇饮食习惯也能遗传</t>
  </si>
  <si>
    <t xml:space="preserve">如何去体内湿气试过很多方法，如：刮莎、拔罐。都没有用。 </t>
  </si>
  <si>
    <t>喝去湿茶，天天喝，坚持喝，肯定有效的，我也天天喝去湿汤的，对身体好。</t>
  </si>
  <si>
    <t xml:space="preserve">油性肌肤夏季用什么护肤品？ </t>
  </si>
  <si>
    <t>油性肌肤夏天更爱出油，就得用控油的产品，活泉的冰泉清爽平衡系列就很好，冰泉清爽平衡洁面泡沫洗完脸，感觉特别清爽舒服。</t>
  </si>
  <si>
    <t xml:space="preserve">我的小腹疼痛是怎么回事？我前从未有这样的症状，那天和女友在河边， </t>
  </si>
  <si>
    <t>你好！首先祝你早日恢复健康！我来给你谈谈“小腹疼痛”。 小腹疼痛的肇因很难查找和确定。如果是女的，大多数医生可能会检查你的阴道，因为他们由病症所能想到就只有他们所精通的妇产科。小腹这片“区域”遍布神经末梢，这使大脑都很难区分清楚疼痛到底是来自生殖系统还是来自泌尿系统，或是肠道。我们在描述病情时通常会说，下腹有疼痛、刺痛的感觉，因此医生和病人都容易将其与生殖系统联系起来，并由此入手去探询病因。但结果常常是：这不是生殖系统惹的祸。疼痛常常不是只身而来，还有其他伴生的症状能为我们提供线索。 以下给你列出“小腹疼痛”病症，请对照自己的症状，及时对症下药： 1）每月例假期间小腹剧烈疼痛，同时经前也出现轻微疼痛。 子宫内膜异位--子宫内的细胞逐渐长到子宫外那些不属于它们的地方，比如输卵管、卵巢、膀胱外面。而在经期的尾声，这些细胞也会少量出血，同时导致它们延展到的区域发炎和遭受损害。我们的肌体会自动产生瘢痕组织来包围这些细胞，并阻断这一破坏作用。而瘢痕组织的产生会导致小腹疼痛，并降低我们的生育能力。一开始，患者感到经前常有的那种腹部饱胀感，接下来是类似经前那种小腹疼痛的感觉，但时间却不是在经前。 如果妇科医生觉得患者的小腹部位很柔软、瘦弱，他可能会检查是否有子宫内膜异位，然后会为患者的小腹做宫内或超声波检查。如果子宫内膜异位的情况比较轻微，那么吃药即可治愈。而如果情况比较严重或者患者准备要孩子，那么可能需要进行宫内镜手术(即剖腹手术)，医生会用带有激光的宫内镜清除掉瘢痕组织和子宫内膜增生。治疗越及时，就恢复得越快。 2）小腹抽搐着疼，并伴有头晕、腹胀、持续腹泻或便秘。 急性肠炎--大肠功能紊乱导致神经和肌肉极度敏感。20％的人群患过肠道敏感综合症(ibs)，其中65％是女性。洗澡能有效消除疼痛、头晕、腹胀、持续腹泻或便秘。 建议去看主治消化问题的医生。情况通常是，当医生对你进行全面检查，排除了感染ibs的可能之后，他会告诉你，导致这种疼痛的原因仅仅是精神过于紧张而已。许多ibs受害者曾使用过解除便秘的药物。 3）下腹中间疼，并且小便不适，排尿频繁。 间质性膀胱炎(ic)--你的尿路正处于一种使膀胱肿大的炎症状态。医生通常认为患ic的女性，其膀胱内壁可能出现了病变，从而刺激大脑中枢神经产生排尿反应。耻骨附近疼痛，想排尿时疼痛加剧；尿频(白天每小时至少1次，晚上起夜多次)，做爱时有尖锐的痛感。 建议让妇科医生看看有没有尿路感染和肾脏病变。如果有，进行一段时间消炎治疗就行了。在受膀胱内部检查之后，病情会大有改善，因为，检查会破坏神经末梢，而正是这些家伙将膀胱的疼痛传导到中枢神经系统。科学合理饮食，剔除那些容易“肇事”的食物，将有助于病情改善和身体健康。 4）活动时小腹伴有痛感。 卵巢囊肿--卵巢囊肿是指子宫内有包裹积液的肿块。在患卵巢囊肿的人中，只有少于5％的人会发生癌变。所有卵巢囊肿都属于功能性囊肿，就是说，发育中的卵子可能被囊肿积液包围，导致卵巢肿大，从而引起疼痛感。卵巢囊肿会随着时间逐渐发展，以致于当你运动或者静坐后站起，也会感到疼痛。这个时候，病情已经比较严重。因为囊肿内的积液因为重力作用使卵巢下垂，当你运动时就有一种坠痛。 妇科医生能从触摸小腹了解病情，确定是否有卵巢囊肿。如果超声波检测发现有卵巢囊肿，并且有可能癌变或体积过大的话，医生会建议做手术摘除。 5）小腹持续或断续胀痛。 子宫纤维瘤--这是一种良性肿瘤，可能生长在卵巢的内侧、外侧或卵巢壁肌体内部。在发现前，病人的症状很轻微，几乎无法发现。根据子宫纤维瘤组织的研究数据，80％的女性都有患这种病的可能，但其中只有1/4的人会为自己的症状担心而去检查并最后发现，从而得到及时治疗。一种小腹的饱胀感，并不确切是痛的感觉。此外，经期出血量增加也是一大症状--出血量特别大，以致于1小时就能浸透一张卫生巾，经期内有阵痛和局部浮肿的症状。纤维瘤最大的危害是导致生育障碍。 妇科医生会为你作腹部检查，辅助你本人对症状的描述，病情将逐步明晰。如果腹胀并不厉害，说明纤维瘤并未严重到影响生育。你只需要自己买些止痛片或避孕药服用，就可以抑制纤维瘤的生长。手术到没办法抑制肿瘤生长的时候再做，因为手术会留下疤痕，影响生育能力。如果腹胀逐渐严重到影响日常生活，那就得进行肿瘤切除术，手术需要6周左右的恢复时间，但具体要看纤维瘤大小和手术的情况而定。 6）提醒--如果你小腹疼痛剧烈，或者伴随下列任何一种症状，最好就近就医： 1.无力。 2.头昏眼花。 3.怕冷。 4.发烧。 5.呕吐。 6.类似于经期的强烈阵痛。 如果有这些症状，你可能患上了子宫肿大(pid)。如果不及早进行治疗，可能导致胎盘异位、子宫破裂或萎缩、阑尾炎等。pid是完全能够治愈的，但就怕延误治疗时机。 以上回答如果满意，请不要辜负我的一片好意，及时点击“采纳为答案”。</t>
  </si>
  <si>
    <t xml:space="preserve">祝福~~祝福正直善良幽默的师父与美丽善良贤惠的师母2014年工作 </t>
  </si>
  <si>
    <t>谢谢吵吵！不过，看电视上穿绿衣服人的脑袋是嘿嘿啊！呵呵……</t>
  </si>
  <si>
    <t xml:space="preserve">打开FLAS提示内存不能为READ怎么办 </t>
  </si>
  <si>
    <t xml:space="preserve">1、驱动不稳定，与系统不兼容，这最容易出现内存不能为 Read 或者内存不能“written”文件保护 2、系统安装了一个或者多个流氓软件，这出现 IE 或者系统崩溃的机会也比较大，也有可能出现文件保护 3、系统加载的程序或者系统正在运行的程序之前有冲突，尤其是部分杀毒软件监控程序 4、系统本身存在漏洞，导致容易受到网络攻击。 5、病毒问题也是主要导致内存不能为 Read、文件保护、Explorer.exe 错误…… 6、如果在玩游戏时候出现内存不能为 Read，则很大可能是显卡驱动不适合（这里的不适合有不适合该游戏、不适合电脑的显卡），也有可能是 DX9.0C 版本不够新或者不符合该游戏、显卡驱动 7、部分软件本身自身不足的问题 8、电脑硬件过热，也是导致内存不能为 Read 的原因之一。 9、电脑内存与主板兼容性不好也是导致内存不能为 Read 的致命原因！ </t>
  </si>
  <si>
    <t xml:space="preserve">小孩问什么说这些话？我家小孩才三岁多！刚刚上学！只有和奶奶二人家 </t>
  </si>
  <si>
    <t xml:space="preserve">无意识的受到影响了吧 可能是个玩笑 大人么的谈话 等等 </t>
  </si>
  <si>
    <t xml:space="preserve">国画名品《泼墨仙人》是谁的作品？ </t>
  </si>
  <si>
    <t>《泼墨仙人》图是南宋画家梁楷的作品.</t>
  </si>
  <si>
    <t xml:space="preserve">帮忙解道题某学校高3年级举行一次演讲比赛共有10位同学参加，其中 </t>
  </si>
  <si>
    <t>B A3 3 *A6 6*A2 7/A10 10=1/20A3 3 是一班3位全排列 把他们当作1个单位A6 6 是一班加上其他班有5位6个单位全排列A2 7 是按照插空法6个单位的空隙有7个（加上两边的）将2班2个全排列A10 10是总共10个人的全排列算出是B</t>
  </si>
  <si>
    <t xml:space="preserve">想知道狼孩的故事狼孩、猪孩、豹孩等的故事还有原因 </t>
  </si>
  <si>
    <t xml:space="preserve">狼孩 从小被狼攫取并由狼抚育起来的人类幼童。世界上已知由狼哺育的幼童有10多个，其中最著名的是印度发现的两个。狼孩和其他被野兽抚育的幼童又统称为野孩。 此外，人们还发现过熊孩、豹孩、猴孩以及绵羊所哺育的小孩。他们也和狼孩一样，具有抚育过他们的野兽的那些习性。1920年，在印度加尔各答附近的一个山村里，人们在打死大狼后，于狼窝里发现了两个由狼抚育过的女孩，其中大的年约7、8岁，被取名为卡玛拉；小的约2岁,被取名为阿玛拉。后来她们被送到一个孤儿院去抚养。阿玛拉于第2年死去,卡玛拉一直活到1929年。孤儿院的主持人J.E.辛格在他所写的《狼孩和野人》一书中，详细记载了这两个狼孩重新被教化为人的经过。 狼孩刚被发现时，生活习性与狼一样；用四肢行走；白天睡觉，晚上出来活动，怕火、光和水；只知道饿了找吃的,吃饱了就睡；不吃素食而要吃肉（不用手拿,放在地上用牙齿撕开吃）；不会讲话，每到午夜后像狼似地引颈长嚎。卡玛拉经过7年的教育，才掌握45个词,勉强地学几句话，开始朝人的生活习性迈进。她死时估计已有16岁左右，但其智力只相当3、4岁的孩子。 如果狼孩在出生时不属于先天缺陷，则这一事例说明：人类的知识与才能不是天赋的，直立行走和言语也并非天生的本能。所有这些都是后天社会实践和劳动的产物。从出生到上小学以前这个年龄阶段，对人的身心发展极为重要。因为在这个阶段，人脑的发育有不同的年龄特点，言语的发展可能有一个关键期（发音系统逐渐形成比较稳定的神经通路，以后要重新改变，非常困难）。错过这个关键期，会给人的心理发展带来无法挽回的损失。因此长期脱离人类社会环境的幼童，就不会产生人所具有的脑的功能，也不可能产生与语言相联系的抽象思维和人的意识。成人如果由于某种原因长期离开人类社会后又重新返回时，则不会出现上述情况。这就从正反两个方面证明了人类社会环境对婴幼儿身心发展所起的决定性作用。 20世纪70年代，印度又发现了一个狼孩，人们正在进一步研究，试图揭开狼孩生活的全部秘密。那还是在1920年，在印度加尔各答东北的一个名叫米德纳波尔的小城，人们常见到有一种“神秘的生物”出没于附近森林，往往是一到晚上，就有两个用四肢走路的“像人的怪物”尾随在三只大狼后面。后来人们打死了大狼，在狼窝里终于发现这两个“怪物”，原来是两个裸体的女孩。其中大的年约七八岁，小的约两岁。这两个小女孩被送到米德纳波尔的孤儿院去抚养，还给她们取了名字，大的叫卡玛拉，小的叫阿玛拉。到了第二年阿玛拉死了，而卡玛拉一直活到1929年。这就是曾经轰动一时的“狼孩”一事。 据美国《自然史》杂志1976年4月号刊登的一篇书评说，“狼孩”的发现者、孤儿院的主持人辛格在他所写的《狼孩和野人》①一书中，详细地记载了他和妻子一起如何努力把这两个像狼的女孩转化为人的经过，书中还附有美国人类学家津格的评论。 ①此书于1947年出版，1966年再版。 像印度“狼孩”这种野兽抚育人类幼童的事例绝不止一件。1875年时，著名的瑞典生物学家林耐所著的生物分类著作中，就记载了关于野兽抚育孩子的事例：如1344年在德国黑森发现的被狼哺育长大的小孩；1661年在立陶宛发现的与熊一起长大的小孩；及1672年在伊朗发现的为绵羊所哺育的小孩。据传我国古籍中也记载过有关“狼孩”的事例。 最近上海《少年报》编辑部知识组的同志，还为本文提供了一个很有趣的资料——据伊拉克《笛子报》1978年第339期报道： 一批医生和心理学教授正前往肯尼亚首都内罗毕，去研究一个曾在猴群中生活过的男孩。 这个男孩是四年前布隆迪的一些村民发现的。发现时，他全身赤裸，身体大部分长着毛，用四肢爬行、跳跃。村民们经过一段紧张的追赶，才把他抓住。他先被送到一家精神病医院，现在住在肯尼亚的一家医院里。 人们给他起了个名字叫“约翰”。已确定他现年八岁，是在森林中与家人失散或是家里人全部遭难后独自留下的。猴子们见到他很高兴，把他当自己的孩子来抚养，并保护他免受其他动物的伤害。 在被发现后的一段时间内，他学习了两脚行走，由于回到人类中生活，性情也变得温顺了。但是，他至今还不会说话。起初他只吃香蕉，慢慢地他已习惯吃人们所吃的各种食物。 关于被遗弃在森林里长大的小孩，其中最有名的，就是1797年法国大革命时代，猎人从森林里找到了一个17岁的男孩，由于长久隔绝于人类社会之外，找到他时已变成“野兽般的孩子”。这一发现曾引起学术界的广泛注意，并进行了多方面的科学研究。这个野男孩死于40岁。据说经过长期人为的训练，他终于被“驯化”了，“失尽了他的动物行为”。1976年出版的《阿威龙的野男孩》一书，介绍了这个野男孩被发现的概况。 至20世纪50年代末，科学上已知有30个小孩是在野地里长大的，其中20个为猛兽所抚育：5个是熊、1个是豹、14个是狼哺育的，其中最著名的即本文开首讲的印度“狼孩”。 人们会问：这些“狼孩”回到人类社会后是怎样生活的？他们和正常的孩子有些什么不同？ 据记载，本文提及的印度“狼孩”刚被发现时用四肢行走，慢走时膝盖和手着地，快跑时则手掌、脚掌同时着地。她们总是喜欢单独活动，白天躲藏起来，夜间潜行。怕火和光，也怕水，不让人们替她们洗澡。不吃素食而要吃肉，吃时不用手拿，而是放在地上用牙齿撕开吃。每天午夜到清晨三点钟，她们像狼似地引颈长嚎。她们没有感情，只知道饥时觅食，饱则休息，很长时间内对别人不主动发生兴趣。不过她们很快学会了向辛格的妻子去要食物和水，如同家犬一样。只是在一年之后，当阿玛拉死的时候，人们看到卡玛拉“流了眼泪——两眼各流出一滴泪”。 据研究，七八岁的卡玛拉刚被发现时，她只懂得一般6个月婴儿所懂得的事，花了很大气力都不能使她很快地适应人类的生活方式，2年后才会直立，6年后才艰难地学会独立行走，但快跑时还得四肢并用。直到死也未能真正学会讲话：4年内只学会6个词，听懂几句简单的话，7年时才学会45个词并勉强地学几句话。在最后的3年中，卡玛拉终于学会在晚上睡觉，她也怕黑暗了。很不幸，就在她开始朝人的生活习性迈进时，她死去了。辛格估计，卡玛拉死时已16岁左右，但她的智力只相当于三四岁的孩子！ “狼孩”的事例告诉了我们一些什么呢？ 我们知道，人类学和心理学工作者往往通过对高等类人猿的观察和实验，来探索人类语言、智力及许多社会行为和习性的形成过程，而人类儿童与动物共同生活的意外事例，却提供了少有的机会，通过对这一类特殊情况下的人的观察和研究，可以得到很有价值的资料。 首先，“狼孩”的事实，证明了人类的知识和才能并非天赋的、生来就有的，而是人类社会实践的产物。人不是孤立的，而是高度社会化了的人，脱离了人类的社会环境，脱离了人类的集体生活就形成不了人所固有的特点。而人脑又是物质世界长期发展的产物，它本身不会自动产生意识，它的原材料来自客观外界，来自人们的社会实践。所以，这种社会环境倘若从小丧失了，人类特有的习性、他的智力和才能就发展不了，一如“狼孩”刚被发现时那样：有嘴不会说话，有脑不会思维，人和野兽的区别也混灭了。 这里也应当指出，“狼孩”本身毕竟是人类千世万代遗传下来的后辈，因此当“狼孩”回到了人类社会中，必然会逐渐恢复人类特有的习性。印度“狼孩”尽管似乎成了野兽般的生物，但她死时已接近于人了。而辛格夫妇所豢养的那些家狗从没有学会直立行走，更没有学会说话。 其次，“狼孩”的事例说明了儿童时期在人类身心发育上的重要性。人的一生中，儿童时期在生理上和心理上都是一个迅速发展的时期。例如仅就脑的重量而言，新生儿平均约390克，9个月的婴儿脑重560克，2.5岁到3岁的儿童脑重增至900～1011克，7岁儿童约为1280克，而成年人的脑重平均约1400克。这说明在社会环境作用下，儿童的脑获得了迅速发展。正是在儿童时期，逐步学会了直立和说话，学会用脑思维，为以后智力和才能的发展打下了基础。“狼孩”由于在动物中长大，错过了这种社会实践的机会，这就使她们的智力水平远远比不上同年岁的正常儿童。 再次，正如个体发育史是它的种系发展史简短的重演一样，人类幼儿智力的成长过程也反映了从猿到人漫长历程中人的智力的发展历史。由于缺乏社会实践活动，“狼孩”未能学会直立，不得不用四肢爬行，使得她们的发言器官——喉头和声带的运用受到阻碍，发不出音节分明的语言。更重要的是，由于脱离人类社会，印度“狼孩”自然不会有产生语言的需要。此外，她们总是四肢爬行，面部朝下，只得从下方摄取印象，不可能使头脑获得较其他四脚动物更多的印象，这一切根本地阻滞了她们智力的发展。“狼孩”的事例从反面深刻地反映了，人类起源过程中如果没有直立行走和语言的形成，人类祖先就不可能实现由猿到人的转变，而直立行走和语言的形成却又离不开最基本的实践活动——劳动。所以狼孩给人们以深刻的启示：没有劳动，也就没有可能实现从猿到人的转变！ </t>
  </si>
  <si>
    <t xml:space="preserve">资生堂的爽肤水好用吗？贵不？我毛孔很大，老爱出油。皮肤也有些黑，? </t>
  </si>
  <si>
    <t>资生堂的部分产品还是不错的，日本原产的价格会比较贵。不过资生堂主营还是化妆品的。对于护肤品类的只能说是一般般。爽肤水我是不建议用了，添加的表面活性剂太多，我建议你去看看欧芙乐这个品牌。是前阵子在法国留学的姐妹给我带的一系列一套精油和纯露。说是法国40年的老牌子了。我的黑头多，毛孔也很粗大，当时就用了里面的玫瑰纯露，很吸收，补水和美白的效果也很好。还有他们的柠檬精油。现在姐妹送的那套都快用完了，现在准备再去入手一套，真的不错。</t>
  </si>
  <si>
    <t xml:space="preserve">清泉老师,请问000816后市走势000816均价在4.5左右, </t>
  </si>
  <si>
    <t>继续持有,等待中阳.</t>
  </si>
  <si>
    <t xml:space="preserve">取日文名谁帮我取个日文名啊，女生的，我名字有素字，最好带上，ども </t>
  </si>
  <si>
    <t>姓氏放一? 具體你也?]講名字就用もとこ好了 不用?h字??(もと??成?h字就是"素") 女生流行只用假名 尤其?巫置?もとこ　?h字也可??作元子・雅子もとこ　モトコ　Ｍｏｔｏｋｏ(謀斗勾)不用?h字 這種名字用?h字顯得俗??</t>
  </si>
  <si>
    <t xml:space="preserve">我在完美论坛的帐号被禁用了~在我的电脑上怎么一直进不了论坛了，要? </t>
  </si>
  <si>
    <t>注册个新帐号试试，要是直接封的 IP 就没有办法了</t>
  </si>
  <si>
    <t xml:space="preserve">600508后市？？？？？？？后市可以看好吗？后市会继续涨吗？ </t>
  </si>
  <si>
    <t>该股前期小幅反弹,上方短中期均线压力较大,后市有盘弱可能,建议逢高出局观望.</t>
  </si>
  <si>
    <t xml:space="preserve">重阳节送什么礼物给父母好？重阳节到了，正在头疼送什么给父母好？大 </t>
  </si>
  <si>
    <t>可以不送东西，说真的父母不在乎你的东西。在乎的是你是否常回家看看。是否关心他们 他们苦一点没事，只要精神上不苦就可以了如果非买的话，建议买一件保暖内衣。或者老人用的手机之类的</t>
  </si>
  <si>
    <t xml:space="preserve">用什么喂宠物喂我的小狐狸要用什么食物啊？ </t>
  </si>
  <si>
    <t>在仙宠食品商那里买可以增加饱食度的药（绿豆什么的）。卖的药都有说明是什么作用的，鼠标在药上面停一会，看清楚再买。还有就是打怪掉的各种小食品（什么旺仔小馒头，牛肉之类的），都可以右键喂给BB吃。实际上，所有你不想要的东西（没绑定的），都可以拖到BB头像上，给它吃掉。</t>
  </si>
  <si>
    <t xml:space="preserve">请那位高手帮我一下!请问发电机的发电转速和额定转速的关系是怎样请 </t>
  </si>
  <si>
    <t>发电机并不是转起来能发电就行,像一种产品,它是需要一定的产品规格与质量的.达不到规定的质量指标.就像是伪劣产品,带来的危害是巨大的.发电机如果不工作在额定转速,它发出的电(一般是指交流电)频率就会不准确(比如略低于50Hz),严重影响用电器的正常工作.有时还有可能损坏用电设备.再者,电机也不能发挥最大的效率(功率因数下降).造成能源浪费.用电设备也不能正常工作或损坏.如果不达到额定的转速,它也肯定不能并网工作(并网工作时需要频率,相位精确一致).这时不能有效输出电能,反而会影响电网的正常运行.消耗电能或造成设备损坏.另外:不达到额定转速,肯定会引起功率下降.不能带动设备正常运行.反之,超过额定转速时,带来的危害也是巨大的.对于精密的设备,要求的供电的质量是十分严格的.比如用于卫星或导弹发射设备的供电,就需要发电机的工作十分稳定.而不是普通发电机能够胜任的.</t>
  </si>
  <si>
    <t xml:space="preserve">请问:属于日用百货的发票,一般能开多大的金额,能开其他的吗我想了 </t>
  </si>
  <si>
    <t>以后遇到这样的问题，最好发消息，否则可能看不到付的中介费，最好是去税务机关代开相关票据 （如劳务发票或服务业发票）开日用百货，对方可能会造成账实不符，虽然不能被定义为偷税，但可以定义为“未按规定开具发票”，尽量不要这么做，被查到也是有可能要处罚的</t>
  </si>
  <si>
    <t xml:space="preserve">怎么觉得过年的活动象GM正我们啊没啥自己过部去发泄下 </t>
  </si>
  <si>
    <t xml:space="preserve">  这个ＦＢ估计以后会成为一个很冷门的ＦＢ，去一次需要那么多的幻仙，谁愿意去啊，只是方便了那些拿钱砸等级的人升级而已，如果改成象丛林一样，不要用什么材料去刷都好．</t>
  </si>
  <si>
    <t xml:space="preserve">学烹饪能挣到钱吗？ </t>
  </si>
  <si>
    <t>当然能挣到钱那，烹饪职业是十大高薪职业之一，能轻松就业，让你不用再等多少年买车买房，这些以不是问题了，选择好学校是关键。</t>
  </si>
  <si>
    <t xml:space="preserve">液化石油气中主要含有哪些成分？ </t>
  </si>
  <si>
    <t xml:space="preserve"> 液化石油气是石油产品之一。英文名称liquefied petroleum gas，简称LPG。是由炼厂气或天然气(包括油田伴生气)加压、降温、液化得到的一种无色、挥发性气体。由炼厂气所得的液化石油气，主要成分为丙烷、丙烯、丁烷、丁烯，同时含有少量戊烷、戊烯和微量硫化合物杂质。由天然气所得的液化气的成分基本不含烯烃。 形状、情况:    液化石油气主要用作石油化工原料，用于烃类裂解制乙烯或蒸气转化制合成气，可作为工业、民用、内燃机燃料。其主要质量控制指标为蒸发残余物和硫含量等，有时也控制烯烃含量。液化石油气是一种易燃物质，空气中含量达到一定浓度范围时，遇明火即爆炸。     LPG主要是由丙烷（C3H8）、丁烷（C4H10）组成的，有些LPG还含有丙烯（C3H6）和丁烯（C3H8）。LPG一般是从油气田、炼油厂或乙烯厂石油气中获得。LPG与其他燃料比较，具有以下独特的优点。 ①污染少。LPG是由G3（碳三）、G4（碳四）组成的碳氢化合物，可以全部燃烧，无粉尘。在现代化城市中应用，可大大减少过去以煤、柴为燃料造成的污染。 ②发热量高。同样重量LPG的发热量LPG的发热量相当于煤的2倍，液态发热量为45 185～45 980kJ/M3。 ③易于运输。LPG在常温常压下是气体，在一定的压力下或冷冻到一定温度可以液化为液体，可用火车（或）槽车、LPG船在陆上和水上运输。 ④压力稳定。LPG管道用户灶前压力不变，用户使用方便。 ⑤储存设备简单，供应方式灵活。与城市煤气的生产、储存、供应情况相比，LPG的储存设备比较简单，气站用LPG储罐储存，又可装在气瓶里供用户使用，也可通过配气站和供应管网，实行管道供气；甚至可用小瓶装上丁烷气，用作餐桌上的火锅燃料，使用方便。 由于LPG有上述优点，所以被广泛用作工业、商业和民用燃料。同时，它的化学成分决定了LPG也是一个非常有用的化工原材料，因而也广泛用于生产各类化工产品。 加工工艺情况:    液化石油气是炼油厂在进行原油催化裂解与热裂解时所得到的副产品。催化裂解气的主要成份如下(%)：氢气5-6、甲烷10、乙烷3-5、乙烯3、丙烷16-20、丙烯6-11、丁烷42-46、丁烯5-6，含5个碳原子以上的烃类5-12。热裂解气的主要成份如下(%)：氢气12、甲烷5-7、乙烷5-7、乙烯16-8、丙烷0.5、丙烯7-8、丁烷0.2、丁烯4-5，含5个碳原子以上的烃类2～3。这些碳氢化合物都容易液化，将它们压缩到只占原体积的1/250-l/33，贮存于耐高压的钢罐中，使用时拧开液化气罐的阀门，可燃性的碳氢化合物气体就会通过管道进入燃烧器。点燃后形成淡蓝色火焰，燃烧过程中产生大量热(发热值约为92 100 kJ/m3-121 400 kJ/m3)。 液化气的用途    随着石油化学工业的发展，液化石油气作为一种化工基本原料和新型燃料，已愈来愈受到人们的重视。在化工生产方面，液化石油气经过分离得到乙烯、丙烯、丁烯、丁二烯等，用来生产合塑料、合成橡胶、合成纤维及生产医药、炸药、染料等产品。用液化石油气作燃料，由于其热值高、无烟尘、无炭渣，操作使用方便，已广泛地进入人们的生活领域。此外，液化石油气还用于切割金属，用于农产品的烘烤和工业窑炉的焙烧等。 一、用于有色金属冶炼有色金属冶炼中要求燃料热质稳定，无燃炉产物，无污染，而液化石油气都具备了这些条件。液化石油气被加热气化后，可以方便地引入冶炼炉燃烧。山东金升有色金属集团公司已将液化石油气成功地用于德国克虏伯熔炼炉的铜冶炼工艺，代替了原煤气燃烧工艺，减少了硫、磷等杂质的危害，提高了铜材质量。 二、窑炉焙烧我国的各种工业窑炉和加热炉历来以烧煤为主，这不仅造成能源的浪费，排出的烟气也严重污染着环境。为此，国家有关部门提出我国能源今后发民任务是：优化能源结构，建立世界级清洁、安全、高效的能量供应体系，建立能源技术发展促进机制等。为适应这一任务的要求，许多工业窑炉和加热炉改用液化石油气作燃料，如用液化石油气来烧瓷制瓷砖；用液化石油气烘焙轧制薄板等，既减少了对空气的污染，又大大提高了产品的烧制质量。 三、作汽车燃料据2000年我国城市环境状况公告显示，监测的338个城市中，超过国家大气质量二级标准的城市占到63。5%，其中超过三级的有112个，我国大气污染已由工业废物、煤烟气型向光化学烟雾型转变，大城市中汽车排放尾气成为大气的主要污染源之一。目前，城市空气污染源中约有70%来自汽车的废气排放。为解决这一问题，自20世纪末，我国各大中城市相继建起了汽车加气站，用液化石油气替代汽油作汽车燃料，这一燃料品种的改变，极大地净化了城市空气质量，也是液化石油气利用的又一大发展方向。 四、居民生活燃用居民生活燃用液化石油气主要有管道输送和瓶装供给两种方式。1、通输送：管道输送方式主要集中在大中城市进行，它是由城市燃气公司把液化石油气与空气、液化石油气与煤气或液化石油气与化肥厂排放的空气等混合后，通过管理直接输送到居民家中使用，目前，许多城市都实现了这种供应形式。2、装供给：瓶装供给是通过一个密封钢瓶将液化石油气由储配站分配到各家各户，作为家庭灶具的供气源，它起源于20世纪60年代初，最早是在炼油厂和几个工业城市使用，现已发展到乡镇农村。在民用部地区就建有从事钢瓶供气的液化石油气储配站一万多个，有的个别乡镇平均建有2个以上。由此可见，液化石油气的使用范围愈来愈广，使用量愈来愈大，发展愈来愈快。因此，加强对液化石油气知识的宣传学习，保证液化石油气的安全使用，是非常必要和迫切需要的。 液化石油气的相关知识    随着我国石油工业的发展，许多城镇已开始使用液化石油气做燃料。    液化石油气虽然使用方便，但也有不安全的隐患。万一管道漏气或阀门未关严，液化石油气向室内扩散，当含量达到爆炸极限（1.7%～10%）时，遇到火星或电火花就会发生爆炸。为了提醒人们及时发现液化气是否泄漏，加工厂常向液化气中混入少量有恶臭味的硫醇或硫醚类化合物。一旦有液化气泄漏，立即闻到这种气味。而采取应急措施。</t>
  </si>
  <si>
    <t xml:space="preserve">如何挑选铺面?假如是自己营业应以那几种标准挑选?最重要要的要考虑 </t>
  </si>
  <si>
    <t>你在开店前选址，必须进行充分调查，没有调查就没有发言权特别是店面选择，对生意兴衰有很大关系。例如调查店铺所在地的人口分布情况，附近聚集的单位性质和工作性质能否为你带来商机，本区域的消费能力、习惯如何？有无同类店铺，如果有，则他的生意好还是不好，你将如何与他们竞争等。 选择店铺经营地点最好避免同条街道上有较强的竞争对手，因为商场上“同行是冤家”，但这仅是就一般情况而言，而就某些商品而言，却以“成行成市”的形态出现比较有利，如时装、电器、、家具等商品。    就算是生意最旺的街道，也难免有些位置是死角；而一些被人视为偏僻冷清的街道，也有些地方适合于开店铺。投资者怎样才能在芸芸的街道上，确定有利于自己开店经营的王牌位置或“黄金市口”呢？这里提供几点建设性的意见以作参考：    1． 交通便利的地区，或者在几个主要车站的附近。可以在顾客步行不超过20分钟的路程内的街道设店。街道通常被马路隔开，形成两侧，选择哪一边较有利于经营，需要观察马路两边行人流量，经过调查分析后以行人多的一边开店为好。    2． 接近人们聚集的场所。如剧院、电影院、公园等娱乐场所附近，或者大工厂、机关附近，这一方面可吸引出入行人经过，另一方面易于使顾客记住该店铺的地点，来过的客人向别人宣传介绍，会比较容易指引人光顾。    3． 选择靠近人口会增加的一边。企业、居民区和市政的发展，会给店铺增添更多的顾客而使其经营上更具发展潜力。    4． 同类店铺聚集的一边。大量事实证明，对那些经营选购耐用品的店铺来说，若能集中在某一个地段或街区，则更能招揽顾客。    5． 要选择较少横街或障碍物一边。许多时侯，行人为了要过马路口，因为集中精神去躲避车辆或其他来往行人，边忽略了一边的店铺。    6． 与其选择现在被商家看好的店铺经营位置，不如选择不远的将来会由冷变热的未被人看好的街道。    7． 有时与其定好店铺经营方向再去寻找经营场所，不如先找到一个地点适中、价格低廉的营业场所，再根据当地环境情况确定经营方向。买下后出租完全是另一回事，关注短期【至多5年】的商业量和交通的变化。</t>
  </si>
  <si>
    <t xml:space="preserve">我的号被盗了！已经是第三次了！我在那个号里投入了几百块钱了！哎！ </t>
  </si>
  <si>
    <t xml:space="preserve">关于您的问题，请您到天晴机战客服部联系，谢谢。联系电话：0591-87085777-5论坛链接： </t>
  </si>
  <si>
    <t xml:space="preserve">要是长时间处于营养失衡会发生癫痫病吗？ </t>
  </si>
  <si>
    <t>如果营养失衡，缺钙是常见现象。而缺钙与癫痫发生有密切联系。钙是人体所必须的矿物质，也是人体骨骼的必要成分。而在人体的血液中，钙离子也有其重要的生理作用。血清总钙量在一定的范围内，过低或过高，对身体都是有一定影响的。钙离子在血液中的作用，主要是使神经细胞稳定，防止膜电位的异常放电活动，同时下降神经肌肉的兴奋性等。需要注意的是，癫痫虽然不容易治疗，但不代表它是不治之症。癫痫是一种让人望而生畏的疾病，有很多人都认为癫痫是不治之症，其实癫痫只是需要长期治疗。而癫痫的病因多种多样，有时人们认为很平常的一件事情，却也是导致癫痫的病因。因此，人们应多了解有关癫痫方面的知识，在日常生活中做好预防工作。</t>
  </si>
  <si>
    <t xml:space="preserve">我进不去,说连接失败我玩游戏突然卡住,我退出后就进不去,说连接失 </t>
  </si>
  <si>
    <t>我也连接不上了啊，真是的……</t>
  </si>
  <si>
    <t>海拉尔哪儿的童装物美价廉1</t>
  </si>
  <si>
    <t>物美：奇日天价廉：开发区</t>
  </si>
  <si>
    <t xml:space="preserve">请问治疗肿瘤的好方法?我爸刚查出得了骨髓瘤,颈椎处,腰椎处,肋骨 </t>
  </si>
  <si>
    <t>你好 ！多发性是浆细胞异常增生的恶性肿瘤。           诊断要点    １、好发年龄多为４０岁以上，男多于女。    ２、病变前期可无明显症状，仅存在血沉增快、贫血、蛋白尿等症状。    ３、可有骨关节、腰背疼痛、颅骨、胸肋骨瘤形成，以胸肋、锁骨连接处发生串珠样结节及溶骨性钻凿样或鼠咬状圆形骨质缺损为特征，可出现病理性骨折、截瘫、肋间及坐骨神经痛等。    ４、可损害肾脏而造成蛋白尿、肾小管病、肾病综合征、尿毒症等。    ５、因血液粘稠度增高而引起头晕、头痛、视力障碍、胸闷、眩晕、出血等症状。    ６、易引起肺部、泌尿系感染。    ７、实验室检查    （１）血清异常球蛋白增多而白蛋白正常或减少。尿凝溶蛋白半数阳性。    （２）贫血多呈正细胞、正色素性、红细胞、血小板正常或偏低。    （３）骨髓检查主要为浆细胞系异常增生性质的改变。    （４）骨骼Ｘ线检查可见多发性溶骨性穿凿样骨质缺损区或骨质疏松、病理性骨折。    （５）误诊率罚高，应注意与慢性炎症、伤寒、红斑狼疮、肝硬变转移癌所致反应性浆细胞增多症（浆细胞小于１０％，无形态异常）、良性单克隆丙球蛋白血症（无骨骼变化）和老年性骨疏松、甲状腺功能亢进相鉴别。         治疗    １、无根治疗法，仍以抗肿瘤化疗为主。    （１）Ｍ２方案：卡氮芥２０ｍｇ／ｍ２静注，第１日环磷酰胺４００ｍｇ／ｍ２静注，第１日；苯丙酸氮芥每日４ｍｇ／ｍ２，第１～７日口服，每日１０ｍｇ／ｍ２口服，第１～４日；强松每日４０ｍｇ／ｍ２口服，第１～７日，每日２０ｍｇ／ｍｇ口服，第８～１４日。２１日为１个疗程，２个疗程间竭１４日，共６个疗程。强的松在第３或第４个疗程起逐渐停用。对Ｍ２方案已产生抗药、难治或晚期多发性骨髓瘤者，可采用ＶＡＤ方案：长春新碱１ｍｇ静注，每日１次，共４日；阿霉素１０ｍｇ静注，每日１次，共４日；地塞米松１０ｍｇ静注，每日１次，共４日，再于９～１２日，１７～２１日应用，每２５日重复１个疗程。如不能耐受联合化疗，可单独或使用。    （２）干扰素：ａ－２ａ干扰素３×１０Ｕ肌注，每日增加剂量为６×１０Ｕ、９×１０Ｕ、１８×１０Ｕ以至５０×１０Ｕ，反应严重或治疗４周以上无效应停药。    （３）贫血、感染可难予对症抗贫血、抗感染治疗。    （４）高血清粘滞症可行血浆分离；高钙血症可给生理盐水１０００ｍｌ静滴，强的松２０ｍｇ，每日次口服或氢化可的松每日２００～３００ｍｇ静注。    （５）骨髓移植。大剂量化疗已解后，可考虑自身或同种异体骨髓存移植。</t>
  </si>
  <si>
    <t xml:space="preserve">为什么我买回的新手客户端光盘已下载到桌面，双击却打不开，电脑提示? </t>
  </si>
  <si>
    <t>要解压缩的你不会把盘里的图标复制到桌面上了吧</t>
  </si>
  <si>
    <t xml:space="preserve">矿晶体和虎指甲是怎么制作的？44级武器需要的原料的合成配方是什么 </t>
  </si>
  <si>
    <t xml:space="preserve">虎指甲1=牙刃2＋金刚贝石2 牙刃=巨狼牙2+博石2 巨狼牙=狼牙2+珍珠石2 矿晶粒=玉如意2+仙霞金刚贝石2 </t>
  </si>
  <si>
    <t xml:space="preserve">在新时期大学生如何端正入党动机？ </t>
  </si>
  <si>
    <t>入党为了什么？就业找工作？做为一名大学党员，老师同学们都看着你，你会感觉怎样？压力？应该化压力为动力，时刻严格要求自己，使自己不断完善不断进步，起到学生党员应有的模范带头作用诚然，党员相对来说在就业上会有优势，但它最多只是一块敲门砖，今后考察的还是你的能力，还要靠你的不断努力。。</t>
  </si>
  <si>
    <t xml:space="preserve">关于5巫必修技能谁帮我介绍一下4~8阶必学的技能网上资料很混乱都 </t>
  </si>
  <si>
    <t xml:space="preserve">4阶百步`  万魔2 ``5阶魂飞  火木辅助（打算学化血可以只学一个火的）  火圈2 6阶飞火  或不学7阶  随便学8阶 化血  草海  披肝4   炎龙  </t>
  </si>
  <si>
    <t xml:space="preserve">pads问题我在空的地方打了一些地网络的过孔，铺铜时它们都与地连 </t>
  </si>
  <si>
    <t>如果这些错误是你“认可”的，那么其实是可以“忽略”不理的。就怕真的有错误，而ｐａｄｓ软件不能给出提示。这个现象是不会影响板子的正常工作的。</t>
  </si>
  <si>
    <t xml:space="preserve">被小狗划伤的地方处理后肿了怎么办啊啊啊我看这个用不用去医院打针啊 </t>
  </si>
  <si>
    <t>如果用双氧水的话，可能对小狗的刺激有点大！建议使用常用的抗生素胶囊，将其打开后直接投撒在伤口处，并同时采用口服的话，效果会比较好</t>
  </si>
  <si>
    <t xml:space="preserve">开广告公司的利与弊，潜在的竞争对手有哪些？ </t>
  </si>
  <si>
    <t xml:space="preserve">开公司，分二种，一种是制作设计类的公司，这种比较简单，一种是有广告发布权的广告公司，这种需要经过行政审批，获得广告经营许可证，才能开办。广告经营许可证其实也不难办，现在很多地方开有行政办事大厅，工商注册、税务登记、行政许可，全部在一个大厅一站式的完成，你可到你当地的行政办事大厅或工商局咨询你当地审批广告经营资格的条件。 关于注册公司的手续步骤，我给你介绍一下，供你参考。 要注册一个公司，首先想好经营什么，怎样经营好，再来注册。要不，注册了也没有用，注册了公司是需要很多成本的，不是一件“好玩”的事情。 前期可行性分析调查，建议你自己认真的考虑一下。接下来谈谈如何注册公司，需要哪些手续、怎样操作。 一、选择公司的形式： 普通的有限责任公司，最低注册资金3万元，需要2个（或以上）股东， 从06年1月起新的公司法规定，允许1个股东注册有限责任公司，这种特殊的有限责任公司又称“一人有限公司”（但公司名称中不会有“一人”字样，执照上会注明“自然人独资”），最低注册资金10万元。 如果你和朋友、家人合伙投资创业，可选择普通的有限公司，最低注册资金3万元；如果只有你一个人作为股东，则选择一人有限公司，最低注册资金10万元。 二、注册公司的步骤： 1.核名：到工商局去领取一张“企业（字号）名称预先核准申请表”，填写你准备取的公司名称，由工商局上网（工商局内部网）检索是否有重名，如果没有重名，就可以使用这个名称，就会核发一张“企业（字号）名称预先核准通知书”。这一步的手续费是30元。 （30元可以帮你检索5个名字，很多名字重复，所以一般常见的名字就不用试了，免得花冤枉钱） 2.租房： 去专门的写字楼租一间办公室，如果你自己有厂房或者办公室也可以，有的地方不允许在居民楼里办公。 租房后要签订租房合同，并让房东提供房产证的复印件。 签订好租房合同后，还要到税务局去买印花税，按年租金的千分之一的税率购买，例如你的每年房租是1万元，那就要买10元钱的印花税，贴在房租合同的首页，后面凡是需要用到房租合同的地方，都需要是贴了印花税的合同复印件。 </t>
  </si>
  <si>
    <t xml:space="preserve">紧急求助！紧急求助！儿子先天性脂肪代谢异常（肉碱棕榈酰基转移酶I? </t>
  </si>
  <si>
    <t>脂质代谢异常是先天性或获得性因素造成的血液及其他组织器官中脂质及其代谢产物质和量的异常。脂质的代谢包括脂类在小肠内消化、吸收，由淋巴系统进入血循环（通过脂蛋白转运）,经肝脏转化，储存于脂肪组织,需要时被组织利用。脂质在体内的主要功用是氧化供能，脂肪组织是机体的能量仓库。磷脂是所有细胞膜的重要结构成分，胆固醇是胆酸和类固醇激素（肾上腺皮质激素和性腺激素）的前体。脂类代谢受遗传、神经体液、激素、酶以及肝脏等组织器官的调节。当这些因素有异常时，可造成脂代谢紊乱和有关器官的病理生理变化。具体病症:1高脂蛋白血症2脂质贮积病3肥胖症4脂肪肝5酮症6新生儿硬肿症7蛋白减少症</t>
  </si>
  <si>
    <t xml:space="preserve">静静很想请朋友们喝杯安吉白茶。有朋友愿意来安吉玩吗？安吉是一个非? </t>
  </si>
  <si>
    <t>静静陪我 安且吉兮关键词：竹乡 白茶 黄浦江源 龙 芙蓉 等等（有机会详细了解 哈哈）</t>
  </si>
  <si>
    <t xml:space="preserve">我从一年前开始常常在伤心的时候喝酒,最近我又想喝酒,如何纠正这种? </t>
  </si>
  <si>
    <t>酒人愁肠，化作相思泪.喝酒固然解决不了任何问题。但是，暂时可以缓解一下你的苦恼。尽量克制你自己，努力忘掉烦恼的事。多做做其它有意义的工作。实在忍不住了可以喝醉一回，也可以大哭一场。来发泄发泄心中的郁闷和痛苦。</t>
  </si>
  <si>
    <t xml:space="preserve">暴走鞋是什么样的呀？ </t>
  </si>
  <si>
    <t>旱冰鞋的演化，在鞋子底部只装一个走珠滑轮。</t>
  </si>
  <si>
    <t xml:space="preserve">暴涨必有暴跌，暴跌未必会有暴涨。　为什么？　　因为信心的问题。　 </t>
  </si>
  <si>
    <t>打个比方,要想做个好人很难,需要一辈子做好事,而要做个坏人很容易,只需要做一件坏事就能定性.所以,大盘也同样,要涨起来,太难,要下跌,几天就可以给你跌个精光.</t>
  </si>
  <si>
    <t>高手进谁能告诉我狮驼岭45</t>
  </si>
  <si>
    <t>1-10级：不苯的人都会找个带善恶的高手（最好是龙宫的）加入队伍然后到沉船去练级（建议先抓几只乌龟卖，买些0级的装备）有人会问有人带了要装备干吗？我告诉你们，一般带人的都是秒3秒4的，就算宠秒3，那1回合也只能秒7只，还有3只还在，大家都知道新手被海毛虫打一下都会去半条命，必杀下都可能GAME OVER所以点好。练到9级的时候多打点经验等10级的时候学法。加点嘛！我觉的加4攻1血比较好攻强打的快，血就只能多吃点包子了。 　　 　　11-20级：有人说干吗11-20级都要归纳一段，因为11-20级是前期最无聊，最难升级的阶段，没师门做升级到T去又怕会挂，狮驼岭的好处就是是皮厚耐打，所以这里有优势哦。把9级时候打的经验学法，把加属性的法练到20，你就可以去T去了，保证事半功倍 ，打的快不会死还能在同一等级的玩家面前用用法什么的，嘿嘿！很威风的。加点就3功2血因为T怪比较厉害，所以3功2血是比较保险滴！ 　　 　　20-39级：搞师门，每天拼命的搞，一天搞上100环（反正不亏钱）一天就能升N级，搞到你自己都不知道自己叫什么的时候你已经升到39了这个时候，把法冲上去，（每个都高自己10级）把你的宠扔了，可以尝试到D3去抓只马面或牛头来带（34级前我建议带只体制高的海龟就可以了，加全血，这样对你升级和师门都有帮助，狮驼岭功高，搞师门不怕打不死挂，就怕和别人组队练级被砍死）抓只有高必的牛或马，然后马上组队练宝宝，练到和你差不多等级的时候就可以升40了。加血随意 想加4功1血的时候就加4功1血，想加3功2血的时候就3功2血的加。 　　 　　40-69级：新的师门开始了，第一次搞40-69的师门会让你觉的经验是一个天文数字，现在，你有宠，技能也高了 嘿嘿！练级绝对N快，领双到D3去，牛马保证打不死你，这样一边搞师门一边练级，过不了几天就50了。上BJ去，不要换宠，等到55的时候再换天兵或战神，到60的时候，把法刷到70，这样去PK同一等级的绝对没几个人是你的对手，我曾经就是这样的，服务器里同等级没超过10个以上的人打的过我。60级的时候你就可以打4下了。嘿嘿！加点一定要3功2血了，不然血不够等你变身好找就被人P了。（注意，不管和哪个门派PK都要先变身，不要先用极度疯狂，不然会死的很惨的！可以的话强身刷上去这样对PK更有利哦！ 　　 　　70以上：师门又刷新了，坚持搞，开始觉的难后面就不觉得了！75级有钱的带打书的芙蓉，没钱的带天神，不过一定要记得学法，80级你要是觉的自己有能力，有等级高的朋友可以叫他们带你去女蜗或鬼城练练，以你现在的血，女蜗鬼城的怪是打不死你的，秒也只是秒等级高的，只是看到宝宝不能抓，痛苦哦！85以后花点钱过下剧情，离可以带发亮的武器就不远了，呵呵！我现在82了血有2400+，功900+，不过没钱学法，法才75正在刷当中相信刷完会更强的。后面就要靠你们自己掌握了。</t>
  </si>
  <si>
    <t xml:space="preserve">杭州混合痔的治疗方法是什么？ </t>
  </si>
  <si>
    <t xml:space="preserve"> 混合痔治疗方法分一是非手术治疗:即用一些药物或擦剂，也称为保守治疗，治疗方法同内外痔一样. 二是手术治疗:1.内痔注射,外痔切除术,适用于外痔为結締組織的混合痔.2.外剥内扎术治疗,适用于外痔为静脉曲张的混合痔.药物疗法也可以分为很多种的。混合痔治疗方法中的外科手术疗法,切除痔核,仍是目前最常用的治疗方法,其特点中随着手术方法的改进,手术中及后痛苦较轻,创面愈合快,疗效肯定,但要求手术条件较高,是目前治疗痔疮最可靠的方法. 混合痔是肛部直肠疾病中的常见病，除少年儿童外，可发生于任何年龄。混合痔以便血、脱垂为主症，给患者的生活、工作带来诸多痛苦和不便;而长期便血，则使人体虚弱，甚至产生面色萎黄，头晕、眼花、乏力等贫血症状。了解了这样症状对于治疗混合痔有一定的帮助。混合痔的症状具有内、外痔两者的特征。一般情况下先有内痔，而后因静脉曲张，又伴发外痔。混合痔多发于截石位3、7、11点位。故诊断并不困难，在检查时只要嘱患者作排便动作、努挣肛部，内痔部分即能很快脱出或冲血隆起，这是关注混合痔的患者需要了解的。</t>
  </si>
  <si>
    <t xml:space="preserve">作业,请大家一定帮忙!!有1,2,3,4,5个完全相同的小滑块， </t>
  </si>
  <si>
    <t>(1)(2)减速运动,加速度方向沿斜面向下,第1个滑块沿斜面上滑80cm时，速度恰好减小为零，此时第5个滑块开始从A点滑出,说明第一个滑块的运动时间是4*0.5=2秒,所以(设加速度大小a,初速度V0-V^2=-2a*0.80=V-a*2解出a和V(3)第5个滑块开始从A点上滑时，第3个滑块已运动了2*0.5=1秒所以s=V*1-(1/2)a*1^2V'=V-a*1解出s,V'</t>
  </si>
  <si>
    <t xml:space="preserve">看完爱问的问题你们会有性冲动吗?经常看完一些问题的描写我就有种幻 </t>
  </si>
  <si>
    <t>会呀,每次看完下面都会湿湿的,好想要哦</t>
  </si>
  <si>
    <t xml:space="preserve">体温不到35度正常吗?男,41岁,体温不到35度,没什么特别的感 </t>
  </si>
  <si>
    <t>人体各部位体温不一样，左、右掖可能相差1°，建议你测舌下温度。那里比较准。时间应在5分钟以上，（事先不要喝水、抽烟）最好在早晨?]起来时测。如确实低于36°。那你是有病了。而且是西医不太好治疗得病（他不知原因），建议看中医。</t>
  </si>
  <si>
    <t xml:space="preserve">长沙无痛人流多少钱，哪家比较好？我怀孕了，要做人工流产手术。 </t>
  </si>
  <si>
    <t>800到1000。去医院了解了解吧。</t>
  </si>
  <si>
    <t xml:space="preserve">两年，我要等他吗？我刚和前男友分手，就认识了他，我没有分手的伤心 </t>
  </si>
  <si>
    <t>奉劝你，冷静一下。感情是需要慢慢品味的，更何况去了解一个人，那需要很多心思和时间。但是你们俩的基础那么薄弱，刚认识一个星期你就想那么多了，不如顺其自然。他要是真的在乎你，什么西班牙葡萄牙，他都不会在意，因为他只想跟你在一起。反过来，你如果等他两年，好像赌博一样，你能忍受败局么？这种两地分居的情况，造成了多少夫妻离异，大家都听说过的，更不要说你们才认识几天，想想两年后分开的几率会有多大吧。女孩子，要多为自己着想，因为只有你自己才能保护自己！总结一下，你应该骑驴找马！你把话跟他说明白了，女孩子的青春就那么几年，要付出两年独守空房，你做不到。当然，如果你做的到，那我就祝福你们啦！</t>
  </si>
  <si>
    <t xml:space="preserve">化妆品过敏怎么办啊?化妆品过敏,用什么化妆品都过敏? </t>
  </si>
  <si>
    <t xml:space="preserve">    一方面要停用化妆品，另一方面要外用（如皮炎平）或者口服抗过敏药物（如盐酸赛庚啶）。</t>
  </si>
  <si>
    <t xml:space="preserve">关于敏力龙骑的事项敏力龙骑升级加点方案(1到40级)敏力出技能吗 </t>
  </si>
  <si>
    <t>这位朋友..我强烈建议你前期别练敏力或者力敏..脱离技能的职业是没任何前途..不相信,咱们走着瞧.格斗后期提升队伍物理攻击龙舞后期提升智力和回SP速度..建议你60级之后再来练敏力或者力敏..</t>
  </si>
  <si>
    <t xml:space="preserve">文学举例请举出2个用真理的力量征服我们思想的人,要有具体论述.3 </t>
  </si>
  <si>
    <t>达尔文的进化论爱因斯坦的相对论</t>
  </si>
  <si>
    <t xml:space="preserve">祁山一个人过有卷吗？ </t>
  </si>
  <si>
    <t>第一年 春 行政 出诸葛刀44位 出魏延弓33位 出王平弓53位战斗 一月 诸葛刀向汉中走 王平弓到54位 魏延弓不动 二月 诸葛刀向汉中走 王平弓到51位 魏延弓到每1位或23位 射城 三月 诸葛刀到汉中33位 王平弓到每22位射城 魏延弓到21位 射城 夏 行政 汉中32 34位建防 22位建米 战斗 一月 诸葛刀到汉中43位 两弓不动射城 二月 诸葛刀不动 两弓原地射城 下城三月 诸葛刀不动 魏延弓到陈仓46射城 王平弓到魏延边上秋 行政 汉中42位建米 魏延弓下面桥上建米 在每53位出张苞弓 战斗 一月 诸葛刀向扶风走 王平弓45位射王双 魏延弓46位射城张苞弓向扶风走 二月 诸葛刀向扶风走 魏延弓46位射城 王平弓退回魏延边上射王双 张苞射扶风 三月 诸葛刀向扶风走 魏延弓到55位王平弓到54位射城 张苞射扶风 冬 行政 在每53位出关兴弓 征弓一指 练弓一指 战斗 一月 诸葛刀向扶风走 王平弓魏延弓下城。然后一直向武都打，站在62位和7位下城就行了，按下不表。 关兴弓向扶风走 张苞弓不动射城 二月 诸葛刀到扶风34位 关兴弓41位射城 张苞42位射城 三月 诸葛刀站扶风45位 关兴弓到52位 张苞弓到44位 第二年 春 行政 练指弓 在扶风43位出赵云刀 53位出马代弓 战斗 一月 天水兵向长安走 二月 继续走，张包到41位三月 诸葛刀43位踩阵 三弓射城，赵云站后面（诸葛刀中阵不死） 夏 行政 长安52位一米，买粮，后面加一米（要先建一米，不然会建不上） 战斗 一月 赵云刀不动 3弓射城 二月 全不动 3弓射长安 （注意粮仓，没有时赵上粮的位置补位）三月 诸加气，三弓射城，赵不动秋 行政 补粮战斗 一月 射下魏兴 刀不动二月 长安兵向魏兴走 三月 长安兵弓射城 冬 行政 随意战斗 一月 魏兴弓射城 诸到61位二月 弓射城，赵刀到向里走到52位。三月 三弓射城，两刀上去砍。（正常赵云刀加三弓射就可以下城了，由于诸加过气这里一定是后动。只是为了）几个注意点 1 走位很重要 诸最好在水里走，不要自己的兵挡自己的路 2 诸葛刀不砍扶风 不然中阵会挂 3 王双有可能在天水出，同样单弓射一下连射一下先打王双再打城，若天水出姜维营不理他，他不打你。4 汉中42 22位一定要建米不能建防 特别是22位 5 扶风兵的位置很重要 一不小心长安就出兵6 打武都时可能彻里吉会回来，不理他。在他射下你二弓前已经先下武都了。7 上面的差不多全是最坏的打算，如：诸要是没中阵，可建完米第一月就赵抢位。诸加气然后不动。二月冬就可以过关。任务电脑都比较笨最重要的是冷静，按上面我打过七回，全部过了，特殊情况应该全在里面了</t>
  </si>
  <si>
    <t xml:space="preserve">急求会计从业资格证我现在急需保真的北京会计从业资格证,谁有办法啊 </t>
  </si>
  <si>
    <t>真难得，还有这么多的人知道－诚信！！！</t>
  </si>
  <si>
    <t xml:space="preserve">哪些原因是导致癫痫病发作的？ </t>
  </si>
  <si>
    <t>先天性脑积水，胼骶体发育不全,脑皮质发育不全，先天性的脑瘫，染色体畸形等。产伤：是婴儿期症状性癫痫的常见病因，在生产时脑部挫伤，水肿、流血和梗塞也能导致局部脑硬化，脑性瘫痪。若干年后形成病灶。专家说，30岁以后发生癫痫的病人，除脑外伤外，脑肿瘤是常见原因，尤其是慢慢生长的胶质瘤、脑膜瘤、星形细胞瘤等。脑部损伤后遗症，有的在数周，数月数年才开始发癫痫，损伤的成程序不一样，发作类型也各不相同严重者CT或磁共振检查多数有软化灶等。</t>
  </si>
  <si>
    <t xml:space="preserve">002035会反弹吗华帝股份5.53元买进，还可平仓吗 </t>
  </si>
  <si>
    <t>以后记住不要追高了。建议趁今日反弹，考虑部分止损。</t>
  </si>
  <si>
    <t xml:space="preserve">问天有没有婚姻系统？ </t>
  </si>
  <si>
    <t xml:space="preserve">    人生漫漫怎能一人度过？问天特推出婚姻系统，让您找到完美的“另一半”。 只要双方等级都达到30级，就可以去长安的月老处结婚拉。求婚    2人组队去月老处，求婚的人必须携带定情信物“三生石”。选择求婚后，输入您要求婚对象的名字，然后确认，她（他）便会收到你的求婚信息了。    这时，只要被求婚的一方选择“我愿意”两人就正式结为夫妻拉。此时，“三生石”消失。此后两人的名字上方便会显示“XXXX的娘子”“XXXX的夫君”。 若被求婚方选择“我在考虑下”，则求婚失败。“三生石”并不会消失。你可以选择继续求婚，直到对方同意，或者向其他人求婚。</t>
  </si>
  <si>
    <t xml:space="preserve">WX高手,进来看看我该怎么办哪,我现在是35级WX,我练的敏武, </t>
  </si>
  <si>
    <t xml:space="preserve"> 七十级以前力体为主。七十以后敏为主，”楼上说得不错地，但我教你一个加点法，后期不要洗点就是70级前，力量够拿斧头，敏捷能穿上装备，其他全T70以后敏捷要在60以上！！就不算少，以后主加敏捷80级时敏捷要在80以上，这样后期就不需要洗点90级时敏捷最好能到120 以上，，，这样后期PK也不会弱！！偶想是这样加滴！！ </t>
  </si>
  <si>
    <t xml:space="preserve">侠义谷收100+10以上刀，武器染剂蓝项链。游戏里鸽子天行 </t>
  </si>
  <si>
    <t>恩~~~这个问题值得深思，蓝链可以卖你，要啥样的</t>
  </si>
  <si>
    <t xml:space="preserve">请问，破财真能消灾嘛？有什么说法？ </t>
  </si>
  <si>
    <t>这种说法，一般是针对，遇到绑票或拦路抢劫的情况下，只好给钱保命。而根据因果报应的说法，是福不是祸，是祸躲不过。人有旦夕祸福。真要消灾免难，合家平安吉祥，最有效的方法就是念佛念经，可念《地藏经》。因为念佛念经的功德非常大，而且佛菩萨都是以普度众生为己任的。</t>
  </si>
  <si>
    <t xml:space="preserve">取消对方的关注之后，会自动掉粉吗？我取消了对方的关注，那么他还会 </t>
  </si>
  <si>
    <t>我有一次取消了一个朋友的关注之后，他说我也不在他的粉丝里了，我做过实验，貌似是只有拉黑之后的才会互掉，否则单方面的取消，对方还是在你粉丝里！</t>
  </si>
  <si>
    <t xml:space="preserve">济南专业医院输卵管疏通需要多少钱 </t>
  </si>
  <si>
    <t>你好，专业医院输卵管疏通需要多少钱，输卵管疏通钱数是多少，其实是因个人而议的，由于每个人的病情程度一样，在治疗程度上也是不一样的。输卵管疏通的钱数和疏通的手法以及疏通后期用药都是有关系的，这些病理都会影响疏通费用的多少。所以要选择一些国家批准正规的专科医院进行治疗，不仅不会出现乱收费用的情况，而且结果也是有效的。你好，专业医院输卵管疏通需要多少钱，治疗费用依据每种的因素而影响，各个医院的治疗手法有很多，每种治疗的费用也有不同，依据患者选定的治疗法案不同，治疗的费用也就会有所不一样，选择好的国家批准正规的专科医院治疗就不会浪费钱，浪费精力来承受疾病的每种危害，请咨询就诊医院。你好，专业医院输卵管疏通需要多少钱，只要是输卵管疏通的。建议你首去做碘油造影，这种手术可以看到你的输卵管到底有没有堵塞，到什么程度，然后再根据医生指导再做输卵管疏通。碘油造影要比较贵一些，要七百至八百。建议到国家批准正规的专科医院进行治疗，针对性较强，祝健康。</t>
  </si>
  <si>
    <t xml:space="preserve">那猪蛋为什么放不到宠物框里呢？放到宠物框里就提示不是宠物蛋类型啊 </t>
  </si>
  <si>
    <t>猪蛋是参加游乐园单人项目的时候随机给的一个东东，用它可以在5分钟内可以拿到几十万的经验哦，要是在双倍时间在用双倍经验卡的时候可以打到130万的经验哦，，拿到猪蛋在游乐园里找那个阿星坐标是70：100。通过他进入猪笼，战士用诱惑，法师用火，就可以了</t>
  </si>
  <si>
    <t xml:space="preserve">CT检查报告问题咨询CT报告结果:肝右叶可见一不规则形低密度影， </t>
  </si>
  <si>
    <t>CT检查发现肝脏有肿块（低密度影），根据现在的描述很难判断肿块的性质。肝脏的肿块有良性的，如血管瘤等。也有恶性的，如肝癌。CT平扫对肿瘤的良恶性价值不大，所以建议还是要增强CT或磁共振检查，增强CT能够分辨出大部分恶性肿瘤的。我觉得目前没有必要太过担心，等进一步检查结果出来再说。</t>
  </si>
  <si>
    <t xml:space="preserve">请问哪位高手能帮忙上传王文韶的《退圃老人直督奏议》，多谢王文韶一? </t>
  </si>
  <si>
    <t xml:space="preserve">找了爱如生、儒藏、龙腾国学、国学数典等网站，都没有找到，只在中国国家图书馆特色资源网站上找到一本中华书局版的《王文韶日记》，是不是有用，仅供参考。链接地址如下： </t>
  </si>
  <si>
    <t xml:space="preserve">怎样把我喜爱的一歌设置为背景音乐？在QQ空间，我想把自己可爱的一 </t>
  </si>
  <si>
    <t>你先添加播放器。如果你不是绿钻或黄钻，可以按照以下步骤添加背景音乐。步骤一：登录QQ空间→点导航里的“音乐盒”→点上方“正版音乐库”：步骤二：往下翻，在右下方（仔细找，在客服下面）→点“添加网络音乐”：步骤三：弹出添加网络音乐窗口后，请填写网络歌曲信息：歌曲链接地址、歌曲名、歌手名（带有红色*为必填项）→点“添加”→弹出提示“恭喜您，添加网络音乐收藏成功！”；（至此，网络音乐已经添加到了空间的“音乐盒”→我的收藏里了，接下来把刚刚添加好的音乐设置成背景音乐）步骤四：在成功提示页面中点“返回我的收藏”，在我的收藏里将刚刚添加的音乐设置成背景音乐（点歌曲右边的“设为背景音乐”图标）即可。提示：1、络歌曲格式必须为mp3或是wma格式，查找歌曲推荐你进入搜搜： 2、网络歌曲链接地址来自第三方提供，可能存在播放不稳定或无法播放情况（请添加完整链接，若插入省略号等特殊字符，可能无法播放）； 3、为提供更稳定的背景音乐服务，普通用户只能设置5首网络背景音乐用于体验尝试。</t>
  </si>
  <si>
    <t xml:space="preserve">电话回访员要以什么样的口吻回访最合适。一种是专业的术语，让人一听 </t>
  </si>
  <si>
    <t>不要让人家觉得你是推销而要让人家觉得你是来提供售后服务，征求顾客意见的，这样他们会很乐意交谈的</t>
  </si>
  <si>
    <t xml:space="preserve">1、“黄花闺女”这个称呼的来历？有什么样典故啊2、黄花闺女一般是? </t>
  </si>
  <si>
    <t xml:space="preserve">你好！黄闺女的由来?    南朝宋武帝刘裕的女儿寿阳是一位长得非常漂亮的公主。　　农历正月初七这天下午，寿阳公主与宫女们在宫廷里嬉戏。她躺卧在含章殿檐下，一阵微风吹来，将腊梅花吹得片片起舞，有几瓣竟吹落到了寿阳公主的额头上，留下了斑斑花痕，拂拭不去，寿阳公主反而更加妩媚动人。从此以后，寿阳公主便经常摘取几片梅花，粘贴前额，以助美观，那些宫女们见了，个个称羡，并跟着仿效起来。这样打扮，人们把它称为 “梅花妆”，简称“梅妆”。　　由于腊梅有季节性，不能经常保持，于是，宫女们便想方设法采集其他黄色花粉，而后做成涂饰粉料代替腊梅，以便长期使用。大家把这种粉料称为“花黄”。“梅花妆”不久便流传到了民间，很快受到女孩的喜爱，特别是那些富有大户的女孩以及歌伎舞女，更是争相仿效。　　在当时，人们都认为不贴花黄，就缺少了女性特征。用黄颜色在额上或脸上两颊画成各种花纹成为少女的一种必不可少的装饰。但少女出嫁以后，就要改变这种贴黄的装饰，别作一番打扮。同时，“黄花”在古代又指菊花，因菊花能傲霜耐寒，常用来比喻人有节操。因此，人们在“闺女”前面加黄花，不仅说明这个女子还没有结婚，还说明这姑娘心灵美好，品德高尚。这样，“黄花闺女”就成了未出嫁的年轻女子的代名词了。 </t>
  </si>
  <si>
    <t xml:space="preserve">有没有一种软件可以把歌曲转换成伴奏的音乐中呀!等待中!! </t>
  </si>
  <si>
    <t>coo 这里可以下载</t>
  </si>
  <si>
    <t xml:space="preserve">我的L7为什么发短信时打出来的字是繁体字？用什么办法可以解决？ </t>
  </si>
  <si>
    <t>假如你的手机是水货的话那么很有可能你的软件就是繁体的就算你选择简体中文在发短信时依旧还是繁体,所以你最好还是重新写简体中文的资料,也就是刷成简体软件才可以,你可以到手机售后找找办法</t>
  </si>
  <si>
    <t xml:space="preserve">下载网站求!!!!不要有病毒的100%没 </t>
  </si>
  <si>
    <t xml:space="preserve">一些大型网站都可以保证的 新浪下载华君 都是不错的，如果您想避免病毒，您最好安装杀毒软件，开启监视功能，这里有破解 </t>
  </si>
  <si>
    <t xml:space="preserve">精华的同学们注意了!近视眼镜为何越戴越深？（转）观实生活中家长发 </t>
  </si>
  <si>
    <t>此倡议很好,全中国人都应该晓得才是.特别是家长和老师们.</t>
  </si>
  <si>
    <t xml:space="preserve">合欢的祈福问题我现在120级合欢战场20000血祈福加满没加天书 </t>
  </si>
  <si>
    <t>4万</t>
  </si>
  <si>
    <t xml:space="preserve">（七区皓月二）换装备，请高手指教请问七区皓月二45级的女衣服（凤 </t>
  </si>
  <si>
    <t>肯定可以</t>
  </si>
  <si>
    <t xml:space="preserve">比亚迪M6外观怎样？网络上说比亚迪M6外观尊贵、大气，大家怎么认 </t>
  </si>
  <si>
    <t>个人在几次车展上见过几次比亚迪M6，印象还不错，确实如你如说。想了解M6或对M6感兴趣的话，我想大伙也知道比亚迪M6借鉴了日韩汽车的成功经验，并根据中国人的审美喜好进行了更加完美的修改完善。外观更是尊贵、大气，是“政商家三栖尊贵座驾”，融合国际最流行的子弹头式设计，线条有力而不失优雅，车身曲线流畅。从头到尾散发着一股科技、前卫的魅力，彰显驾乘者尊贵品味。车内空间也不错，舒适与实用完美集合。</t>
  </si>
  <si>
    <t xml:space="preserve">iphone如何一件关闭所有程序iphone什么插件deb文件可 </t>
  </si>
  <si>
    <t>有个app叫Process Killer，用它可以一下关闭所有后台程序。已经在itunes store里下架了。</t>
  </si>
  <si>
    <t xml:space="preserve">红米成功预约4月15日开放购买真的直接购买到吗？ </t>
  </si>
  <si>
    <t>还需要你在开放的那天，及时去抢购。不是预约成功的都可以买到哦。</t>
  </si>
  <si>
    <t xml:space="preserve">英语作业三、单项选择题31.Ifyoudon’twanttowa </t>
  </si>
  <si>
    <t>没人答我给你答一个吧！回去把这些单词掌握了就没问题了！！！31 A ,32 B, 33 B, 34 C, 35 B.</t>
  </si>
  <si>
    <t xml:space="preserve">什么东西永远喝不了努力啊~~!~!~!~!~!~! </t>
  </si>
  <si>
    <t>都错啦 是没有的东西</t>
  </si>
  <si>
    <t xml:space="preserve">清泉老师你好刚才分批进入了600358.问老师持有到什么时候出呢 </t>
  </si>
  <si>
    <t>11元上方注意压力.上扬后9.70元可列止损.</t>
  </si>
  <si>
    <t xml:space="preserve">十个月宝宝怎么喂养？您好奶奶我家男宝十个月白天两顿饭中间加水果吃 </t>
  </si>
  <si>
    <t>你的宝宝已经10个月了，可3次饭食，早晚各一次奶，每次约200毫升。每天约4-500毫升。</t>
  </si>
  <si>
    <t xml:space="preserve">麻烦大家帮我选一下!将小写字母变成对应大写字母，且要使y变成A， </t>
  </si>
  <si>
    <t>。。。。。。 大饼这位兄弟的if语句写错了if(c='y') if(c='z') 这个=号是赋值的时候用的。我看到了这里，我想到了这个，你们以后判断他们是否相等的时候。一定要把值写在前面，变量写在后面。这样，即使你把==写成=号，编译器也会报错的。好了，说这个题了。y的ascii码是121，A的ASCII码是65，121－65＝56。z比y大一个，B比A大一个，所以，也是相差56个。我觉得应该减去56，所以，我认为这里面没有答案才对啊。</t>
  </si>
  <si>
    <t xml:space="preserve">分钟寺附近哪儿有韩国烧烤啊 </t>
  </si>
  <si>
    <t>A 金泉烤肉(方庄店)全景￥52起  310条评论 团地址： 北京市丰台区东铁营桥横一条2...电话：(010)87689989B 老地方特色烧烤店全景￥65起  12条评论地址： 成寿寺路4号 附近电话：(010)67650325,15...C 江湖炭烤羊腿全景￥57起  47条评论 团地址： 朝阳区十八里店南桥吕家营电话：(010)67027575查看全部228条结果&gt;&gt;</t>
  </si>
  <si>
    <t xml:space="preserve">机战有个小的BUG不知道上报后能不能得到小小的奖励啊！~要是没有? </t>
  </si>
  <si>
    <t>举报bug有奖必须达到以下条件： 一：在第一时间第一个举报资料的玩家二：官方是通过这个资料进行测试查实后确实存在问题 三：官方相关人员确定为bug 达到以上条件的，我们将您的资料提交给相应部门申请奖励</t>
  </si>
  <si>
    <t xml:space="preserve">小刀高手进！！！！！现在练个90级火小刀大概要压多少技能点？还有 </t>
  </si>
  <si>
    <t>大概要要压100W左右的技能点。全力火小刀穿道服来提高魔防。赠送半张技能图。</t>
  </si>
  <si>
    <t xml:space="preserve">爱一个人却不愿承诺，这是真爱吗？爱上了一个人，这个人对我很好，让 </t>
  </si>
  <si>
    <t xml:space="preserve">《欲望和男人》中，有这么一段话：已婚男人通常像带刺的玫瑰，让女人进退两难。跟他结婚？不可能，重婚可是犯法的；离他远去？不可行，因为他又拥有单身男子所不具备的魅力。所以最聪明的选择是把他们借来用用，然后好借好还。我们的里到处都是已婚男人，朋友、同事、老板、客户……每个已婚男人都渴望被五马分尸，一方面他死死抓住家庭，家庭的稳定是他绝对不会割舍的；另一方面他又渴望枯木再次逢春，爱情火花的诱惑又促使他像只扑火的蛾子。两方面都被他牢牢抓住的时候他抱怨太辛苦，可如果一方面脱手了他又惶惶不可终日。已婚男人永远也不可能是我们的归宿。我们和他们在一起，仅仅是为了享受生活中美好浪漫的一面，他们可以是忠实的听众，热心的出谋划策者，在工作中扶你上马并送你一程的人，给你购买贵重衣物和饰品的人（为了平息他对你的歉疚之情），他也可以是你永远的情人，陪伴你的日子可能比你的每一任丈夫都长——只要你不要求他离婚。对女人来说，那段和已婚男人的爱情，可以是一个痛苦的疤痕，也可以是一个酸甜的往事。可以是毁掉你一生的劫难，也可以是一段特殊的体验而已。结局是什么，全看你选择什么样的态度…  </t>
  </si>
  <si>
    <t xml:space="preserve">仙剑2在哪下载!一定要可以下载的! </t>
  </si>
  <si>
    <t xml:space="preserve">  一定可下</t>
  </si>
  <si>
    <t xml:space="preserve">excel表格求和~具体见附件~ </t>
  </si>
  <si>
    <t>C3单元格公式如下：=IF(A3="专题",SUM(B$2:B2),"")请看附件。</t>
  </si>
  <si>
    <t xml:space="preserve">请教一下关于NBA外围外围买NBA,如果打平,盘口要算加时吗?谢 </t>
  </si>
  <si>
    <t>不算加时啊。。。。</t>
  </si>
  <si>
    <t xml:space="preserve">急性子的人都表现在哪？ </t>
  </si>
  <si>
    <t>赶紧的老大，把红旗给俺！！！！！急死俺了！！！！别磨叽啦！！！</t>
  </si>
  <si>
    <t xml:space="preserve">竞赛游戏之四:哪个队会在终场前进最后一个球?前三期分别由第一期: </t>
  </si>
  <si>
    <t xml:space="preserve">??人比較看好 大?m松鼠--大阪刚巴 之大阪刚巴(或柏雷素尔---清水脉冲  之柏雷素尔) 下半场在终场前进最后一个球呵呵... </t>
  </si>
  <si>
    <t xml:space="preserve">狮鹫现在是加攻好还是加敏的好啊？小弟想搞只49玩玩，最近冲了只8 </t>
  </si>
  <si>
    <t>加攻!!!加敏就浪费了,改僵从前不是也都加敏但现在又全加攻了么.现在的情况是狮鹫加敏没有很大的优势,敏没普通敏蜂高,何况现在又出改蜂和其他新宠,比狮鹫敏高的宠太多了.狮鹫加敏无非是为了PK抢敏,不PK的话加敏更没用.要想任务和练级爽就加纯攻.改僵加敏是因为它自身敏低,不加敏出手慢命中低,狮鹫敏自身成长就很高,加纯攻也比一般的宠敏高,任务和练级出手速度和命中根本不成问题.PK的话你加敏也打不到百闪的人,现在轻装重装都百闪,法传巫咒和4转忍者也能弄到几十闪.闪狮鹫足够了.现在装备和首饰那么多,随便加个8骑再带个首饰就几十闪.再说敏狮鹫也高不敏舞者,纯敏的人带首饰再穿抢敏装,PK时候都比狮鹫快.    所以狮鹫还是加攻吧.</t>
  </si>
  <si>
    <t xml:space="preserve">声纳我一直没弄明白听音怎么知道方位，在潜艇里也看不到，就听声然后 </t>
  </si>
  <si>
    <t>因为声纳接收基阵在潜艇上不止一个，艇艘、艇侧各有一组。已方发射声纳信号，遇到对方潜艇后，反射的回波被己方各个接收基阵受到的时间会有微小的时间差别，经过声纳计算机运算，就可以得到目标的方位和距离。然后通过通过火控系统，向鱼雷装定有关参数，鱼雷就可以发射了。现在大型鱼雷都使用光纤制导，通过已艇声纳计算，不断修正鱼雷的航迹，直到鱼雷本身制导系统找到并锁定目标，发起攻击。</t>
  </si>
  <si>
    <t xml:space="preserve">生活中老年癫痫患者治疗须注意的有哪些 </t>
  </si>
  <si>
    <t>必须要对老年患者明确诊断、调整药物、控制癫痫的发作。也就是在癫痫确诊后，确定中医和西医的分类、分型和病因，逐步调整药物的种类、剂量和治疗方法，直到癫痫不再发作为止。这段时间一般不长，一到三个月左右，当然个别重症患者适当延长时间。要给老年癫痫病患者合理用药、调理巩固、防止癫痫的反复。这段时间老年人癫痫的治疗，建立在癫痫不再发作的基础上，对准癫痫易复发的特点，注重病体的整体调理，增强病人的抗病能力，巩固疗效，使之不再复发，远期疗效可靠。这段时间比较长，一般在两年以上。必须要分清主次、逐渐减药、直到患者完全康复，在以上两个治疗期间过后，患者的病态症候完全恢复正常、复查脑电图两次以上都很正常、癫痫再没有发作过，符合癫痫治愈标准，断定确为治愈而开始有计划有步骤地减小药量，直到患者完全摆脱药物。这段时间一般在半年到一年之间。</t>
  </si>
  <si>
    <t xml:space="preserve">为什么很好的朋友却会背叛自己相处的越好.伤害自己时才最心疼. </t>
  </si>
  <si>
    <t>不要对任何人寄予太多的希望！还有背叛也是相对的，也许你认为是背叛，而对方并不认为是。这个金钱至上的社会，没有永恒的感情，只有永恒的利益。所以不要把感情看得过于严重，相信自己才是对的。你的朋友就是这样做的！</t>
  </si>
  <si>
    <t xml:space="preserve">喝什么酒对女性有好处？具体有什么好处？有人跟我说喝红酒对女性有帮 </t>
  </si>
  <si>
    <t>红酒，可以促进血液循环，使人面色红润。女性喝红酒，自然就会越来越漂亮啦，但是量不要太多，每天一小杯就够了，喝多了对身体也没有好处的。</t>
  </si>
  <si>
    <t xml:space="preserve">初二数学题已知ａ+ｂ+c=0,a^2+b^2+c^2=1,求a^ </t>
  </si>
  <si>
    <t>ａ+ｂ+c=0 平方后 ==&gt; ab + bc + ac = -0.5 再平方后 ==&gt; ab^2 + bc^2 + ac^2 =1/4a^2+b^2+c^2=1 ==&gt; (a^2+b^2+c^2)^2=1  即 a^4 + b^4 + c^4 + 2[ab^2 + bc^2 + ac^2] = 1==&gt; a^4+b^4+c^4 = 1/2</t>
  </si>
  <si>
    <t xml:space="preserve">产后如何收腹?请教各位有经验的姐姐\妹妹:我老婆刚生完孩子两个多 </t>
  </si>
  <si>
    <t xml:space="preserve">最有效减肚腩的办法就是：晚饭后半个小时不要坐，晚饭后不吃东西，这招绝对有效$$ ★四步骤转腰：　　平躺、膝盖弯起脚板着地，手指放在耳边；仰卧起坐后上身转向左面（此刻吐气、肩膀放松），再转回正面、缓缓躺下。右边的动作也一样，各重复10次。　　★躺卧曲膝：　　平躺、双手平放两侧，膝盖呈90度。吐气并将膝盖拉往右肩，回复，再拉往右肩，重复10次。　　★侧弯曲膝：　　平躺、双手平放两侧，膝盖呈90度。用双脚的力量往身边右侧压至距离地板15公分，吐气，回复，再吸气、往左侧压。每边重复10次。　苹果牛奶瘦腹法每次只需两天，到第三四天就恢复正常饮食，然后再开始两天。一般在第一个周期内就可以看到明显的瘦腹效果，如果重复两到三个周期，则效果更稳定，但过程当中一定要忍耐，要忌口！第一天：苹果1公斤（五六个，最多不能超过七个）。在这一天里，全天只能吃苹果，不能喝水，不能喝酸奶，不能吃任何东西。吃的时候将苹果洗净，然后一小口一小口地吃。　　第二天：酸奶或脱脂牛奶1000ml，分成六等份，每次喝一份。全天只喝牛奶，不能吃其他任何东西，渴了就用牛奶代替水。（也可牛奶、酸奶同时喝，但要注意分量）　◎◎◎减肥美味 你的饮食新生活　　如果达到理想体重后，就可以用这个方法再来一遍。中间是不能喝水的，也不能把苹果和牛奶混在一起吃，必须单独分开吃，这样才有效。不能喝水，是因为我们在减肥期间如果摄入了水分，那么身体肯定要先消耗摄入的水分，而不会消耗体内的水分。吃苹果日断水，基本上减的就是身体的水分，到了喝牛奶日，水分减得差不多了，就会减到脂肪。　　　推荐：一日水果瘦身食谱巧按排　　节前警讯 胖瘦食谱榜中榜　　关键提示：喝牛奶日很关键，不能喝水。如果循环几回，体重肯定可以下来，而且会比较切实地减掉体内的脂肪。建议可以把这个方法放在周末实行，作为清肠减重的好方法。适合人群：轻微超重，且肠胃健康者。  </t>
  </si>
  <si>
    <t xml:space="preserve">000996今天冲高回落，不知是否继续持有，请老师指导 </t>
  </si>
  <si>
    <t>明日继续高位震荡，风险大，建议再次冲到23元附近择高卖出。</t>
  </si>
  <si>
    <t xml:space="preserve">有初中教师资格证可以教幼儿园吗? </t>
  </si>
  <si>
    <t>不可以。应为幼儿教育和初中教育是相差和大的。幼儿教育并不简单。若不曾报读任何于幼教有关的学系，在某程度上，老师是很难地管理一班的幼儿。原因是知识和经验都不足。有爱心和喜欢小朋友是不足够的。不论是国内还是国外，幼儿园老师基本上都要有一张学前幼儿教育专业证书。要有基本的常识。我曾遇到一位幼儿园园长。他的幼儿园是新开的，而我朋友参观了他的幼儿园后，认为环境很好，且园长说他很喜欢小朋友。结果，后来我们发现他根本没上过任何的学前幼儿教育专业课程。他根本就不会怎样管理一间幼儿园， 和小朋友。尤其是当有小朋友跌倒，我们询问他时，他的答案都是我不知道或我没在现场，然后就不了了之。当然不只这些。后来我的朋友就帮他的小孩给转校了。我个人还认为不论是幼儿园还是初中或是高中老师，最重要的还是个人的责任感。</t>
  </si>
  <si>
    <t xml:space="preserve">请问怎样学习或培训才能考到平面设计证？在那里考？怎样报考？我喜欢 </t>
  </si>
  <si>
    <t>你可以去泰龙城后面那个老干部活动中心(泰龙桥那边),那边可以报考,但不知道有没有单一的平面设计,一般在大一点的电脑培训学校就可以学习了.去咨询一下.</t>
  </si>
  <si>
    <t xml:space="preserve">小学数学题两颗树上共有24只麻雀，从第一棵树上飞5只到第二棵树上 </t>
  </si>
  <si>
    <t>小学还没学方程吧第二棵树：24/3 -5=3（只）第一棵树：24-3=21（只）     或  24/3*2+5=21（只）</t>
  </si>
  <si>
    <t xml:space="preserve">深圳瑞萦传媒到底如何啊,我朋友一直强烈介绍他公司,我有点担心 </t>
  </si>
  <si>
    <t>深圳瑞萦传媒是一家专门做网络推广的公司，还不错的。</t>
  </si>
  <si>
    <t xml:space="preserve">物价狂升各位大侠，我玩的飞黄腾达，2个半月的区，物价高的离谱啊， </t>
  </si>
  <si>
    <t>我们区恰好相反物价都在狂降原先108=140 328=380现在108=100 328=330降的还不少  会员原先2900现在降到2300可能是因为WDB越来越不好弄了</t>
  </si>
  <si>
    <t xml:space="preserve">盘古皇和扁古皇是什么关系？ </t>
  </si>
  <si>
    <t>盘古皇　　盘古皇是什么意思　　我国瑶族有纪念盘古皇的习惯　　天地浑沌如鸡子。盘古生在其中。万八千岁。天地开辟。阳清为天。阴浊为地。盘古在其中。一日九变。神于天。圣于地。天日高一丈。地日厚一丈。盘古日长一丈。如此万八千岁。天数极高。地数极深。盘古极长。故天去地九万里。后乃有三皇。　　首生盘古。垂死化身。气成风云。声为雷霆。左眼为日。右眼为月。四肢五体为四极五岳。血液为江河。筋脉为地里。肌肉为田土。发为星辰。皮肤为草木。齿骨为金石。精髓为珠玉。汗流为雨泽。身之诸虫。因风所感。化为黎甿。</t>
  </si>
  <si>
    <t xml:space="preserve">麻烦问一下，这是哪部电视剧的剧照 </t>
  </si>
  <si>
    <t>那个男的不是神话的东万吗。我没看过他演的电视，但是知道他演过回旋踢 再见悲伤 相爱的人啊可能是其中的一部吧。</t>
  </si>
  <si>
    <t xml:space="preserve">有关充值卡的问题。我没用充值卡为手机充过钱，不知用充值卡充费和到 </t>
  </si>
  <si>
    <t>您可根据需要在以下几种方式中任选一种适合您的缴费方式。* 　　1移动电话缴费卡您可以购买移动电话缴费卡，刮开缴费卡背面的黑色条纹，获得充值密码，拨打缴费卡上印刷的充值号码，根据语音提示将缴费卡上的面值金额一次性充值到您的移动电话帐户中，实现自助缴费。　　2 储蓄代扣您可到指定银行办理个人活期储蓄，并委托银行将您的移动电话话费分次从您登记的个人活期储蓄存折内划扣。　　3预付话费中国移动当地营业厅缴纳一定数额的预付话费，移动通信公司将根据您的消费情况，准时从您的预付话费中进行扣减。　　4 现金交费到营业厅或收费营业点以现金方式缴纳移动电话使用费。　　5 银行交费您若使用STK卡，并已办理了“手机银行”业务，您只需在手机上通过简单操作就可立即缴费。注意：l          推荐您使用移动电话缴费卡，因为它能实现自助、方便、即时地轻松缴费。l          当您选择缴费方式时，请以中国移动当地实际开办方式为准，具体情况您可到中国移动当地营业厅咨询或拨打中国移动通信客户服务热线1860咨询。</t>
  </si>
  <si>
    <t xml:space="preserve">晒黑了怎么才能恢复美白出去学车被晒黑了，要怎么才能恢复变白 </t>
  </si>
  <si>
    <t>DIY1、买一瓶白醋，每次洗脸/洗澡时，放一小盆水，倒上一鲜橙多盖那么多的醋。2、倒入水中调匀，扑到胳膊上，或者干脆把胳膊浸入好了，温水、凉水都可晒后恢复不好恢复啊。。在家多捂捂吧。。</t>
  </si>
  <si>
    <t xml:space="preserve">求电影《爱的是你》插曲，在这里先谢谢了！ </t>
  </si>
  <si>
    <t xml:space="preserve"> 你有迅雷吗？这个用迅雷下的地址，你可以打开，我试过了可以下。</t>
  </si>
  <si>
    <t xml:space="preserve">请帮助我！我每天没来精力，脑里蒙蒙的，老想睡觉。记忆力不好，阴囊 </t>
  </si>
  <si>
    <t>肾气虚弱所致.找中医看看吧</t>
  </si>
  <si>
    <t xml:space="preserve">衣服有汗臭味只要身上出一点汗，刚换的衣服就有汗臭味，我是一天两次 </t>
  </si>
  <si>
    <t>清除衣服上的汗臭味：夏季，衣服常带有汗臭味。把洗净的衣服再放入加有少量食醋的清水中漂洗一遍，就能除衣服的异昧。去除身上的汗臭味：勤洗澡    洗澡时在水盆里洒点香水，可除去汗臭，或者洗完了后洒在颈后、胸怀、手臂，这样会感到清凉，也可把品混进洗澡水，洗完后，同样起到护肤作用。     洗澡后，要立即把脚丫的水擦干，再扑点爽身粉，以免时间过长。止汗香体剂    最快捷方便的方法，便是使用现成的止汗香体产品，它能在抑汗和抑制细菌生长两个方面同时作用，从而抑制体味产生。一般来说，止汗香体产品也提供多种香型供消费者选择。所以不妨试一下最适合夏天的止汗喷雾，每天早晨享受一下腋下的清凉，同时保证一天的干爽清新。使用前，可先用湿纸巾清洁腋下，然后再喷上止汗喷雾。 浴后涂爽身粉    冲凉后，可拍上爽身粉，因为爽身粉具有吸水分子，能帮助吸干汗水。但爽身粉只建议在家用，外出的话就要小心白色的粉留在皮肤上的难看印记了。 酒精加冰水    酒精有挥发水分的作用，而冰水又可收缩毛孔，如发现腋下经常汗水过盛，可取四汤匙酒精，加适量冰水，用棉花蘸湿在腋下轻擦数次，就可以有效除汗。但如果对酒精敏感又或刚脱毛，就千万不要尝试。     另外尽量穿棉、麻材质的浅色衣物，有助体表散热。 少吃大蒜、洋葱、韭菜重口味的食品。 各种调味的香料和鱼、肉的腥味会经过血管，从汗腺渗透出毛细孔，加重汗味。</t>
  </si>
  <si>
    <t xml:space="preserve">帮忙查下圆通快递D01 </t>
  </si>
  <si>
    <t xml:space="preserve">D018607340 2011-1-8 21:34:00 广东广州海珠区中山大学/快件揽收扫描 D018607340 2011-1-8 23:59:17 广州分拨中心/下车扫描 D018607340 2011-1-9 0:18:19 广州分拨中心/建包扫描 </t>
  </si>
  <si>
    <t xml:space="preserve">请问常州的银饰品和头饰批发在哪里？谢谢！ </t>
  </si>
  <si>
    <t>去九龙和路桥看看呢?好象没有专门这样的市场:)</t>
  </si>
  <si>
    <t xml:space="preserve">帮我改个名字我姓龙名泽．出生于１９９４年农历１月１８日凌晨５点半 </t>
  </si>
  <si>
    <t>性别：男　　阳历：1994年2月27日5时31分　　阴历：甲戌年(山头火)正月十八日卯时　　　比肩　　　食神　　　日元　　　伤官乾造：甲戌　　　丙寅　　　甲申　　　丁卯　　(午未空)　　　辛正官　　戊偏财　　戊偏财　　乙劫财　　　　　丁伤官　　丙食神　　壬偏印　　　　　　　　　　戊偏财　　甲比肩　　庚偏官　　　　　　　神煞：国印贵人　福星贵人　驿马　　　羊刃　　　　　　华盖　　　禄神　　　　　　　　桃花　　　　　　　　　　　驿马　　　　　　　　天德贵人　　　　　　　　　月德贵人　　　　　　　　　　　　　　立春：公历1994年2月4日9时33分　　惊蛰：公历1994年3月6日3时43分起运：命主于出生后2年3个月又21天0小时起运交运：命主于公历1996年6月17日5时交运　　　伤官　　偏财　　正财　　偏官　　正官　　偏印　　正印　　比肩　　大运：丁卯　　戊辰　　己巳　　庚午　　辛未　　壬申　　癸酉　　甲戌　　　　　02岁　　12岁　　22岁　　32岁　　42岁　　52岁　　62岁　　72岁　　始于：1996　　2006　　2016　　2026　　2036　　2046　　2056　　2066　　流年：丙子　　丙戌　　丙申　　丙午　　丙辰　　丙寅　　丙子　　丙戌　　　　　丁丑　　丁亥　　丁酉　　丁未　　丁巳　　丁卯　　丁丑　　丁亥　　　　　戊寅　　戊子　　戊戌　　戊申　　戊午　　戊辰　　戊寅　　戊子　　　　　己卯　　己丑　　己亥　　己酉　　己未　　己巳　　己卯　　己丑　　　　　庚辰　　庚寅　　庚子　　庚戌　　庚申　　庚午　　庚辰　　庚寅　　　　　辛巳　　辛卯　　辛丑　　辛亥　　辛酉　　辛未　　辛巳　　辛卯　　　　　壬午　　壬辰　　壬寅　　壬子　　壬戌　　壬申　　壬午　　壬辰　　　　　癸未　　癸巳　　癸卯　　癸丑　　癸亥　　癸酉　　癸未　　癸巳　　　　　甲申　　甲午　　甲辰　　甲寅　　甲子　　甲戌　　甲申　　甲午　　　　　乙酉　　乙未　　乙巳　　乙卯　　乙丑　　乙亥　　乙酉　　乙未　　止于：2005　　2015　　2025　　2035　　2045　　2055　　2065　　2075　　你是甲木日主生于春天，得时为旺，八字“两比一劫一食一伤一财一杀”，日主命旺又强，取用神申中庚金。大义：1、学业不错，家庭出生较好；2、将来要离祖成家，开创新天地，西方发展是大吉之位；3、你的八字中虽然无水，但不需要水来生木，八字本身就木多木旺，因此需要金来雕琢，行西方金运才大吉，从行运看，你52岁后才到西方金运，较晚，因此，建议取名应该有金旁或数格有金为大吉。我为你取名如下：龙   15画，天格数土（16），祖先运暗示；景   12画。人格数金（27），为一生运，吉利之数格；为一生运；元   4画，地格数土（16），为36岁前运，吉祥之数。总格为31木，大吉之数，为36岁后行运暗示。此名三才搭配“土金土”稳重相生之局，人格金得两土生扶，特别有力，可助命主上升！供参考。</t>
  </si>
  <si>
    <t xml:space="preserve">火影3的4代怎么选啊?感谢啊 </t>
  </si>
  <si>
    <t>把其他41个角色全部打出来后,四代火影就会自动出现,第40个就是日向花火,送他两次东西,最后在吃团子店附近碰见他说话后,就一起去吃团子,得到日向花火后,四代火影就会自动出现了.</t>
  </si>
  <si>
    <t xml:space="preserve">诺基亚N82机主提醒大家，千万别装手机护士我装了，便倒大霉了，我 </t>
  </si>
  <si>
    <t>风凰刷机之前先备份好</t>
  </si>
  <si>
    <t xml:space="preserve">点击小喇叭图标为何没反应,没有声音 </t>
  </si>
  <si>
    <t>建议卸载声卡驱动，重新安装一次。</t>
  </si>
  <si>
    <t xml:space="preserve">蓝鬼和红鬼D一样的红鬼和蓝鬼，红鬼精神是出了名的高的，出手也比蓝 </t>
  </si>
  <si>
    <t>呵呵，PK的话配合合理的战术，两个鬼都很强的，红鬼以速度精神为长处，而蓝鬼是均魔宠，综合能力强，更能进行护卫。推荐高敏人用红鬼，中低敏人用蓝鬼。然后攻人用红鬼，魔法系的用蓝鬼。还是那句话，并不能说哪个鬼一定好，只能说哪种鬼更适合某些人，更适合某些战术的应用。建议去PK场多看看。</t>
  </si>
  <si>
    <t xml:space="preserve">登记吉日及龙宝宝的问题各位大师。问个问题，我85年三月初九生（时 </t>
  </si>
  <si>
    <t>男方：83（癸亥）年正（甲寅）月（甲戌）生（凌晨三点） 女方：85（乙丑）年三（庚辰）月初九（丁酉）生（时辰记不清了）1、想生个龙宝宝，不知道和我们的属相合吗？从属相看2012（壬辰）龙宝宝的禄是爸爸生肖，龙宝宝和妈妈生日六合，龙宝宝和爸爸生日相冲（没关系）。从属相看2011（辛卯）兔宝宝是爸爸生肖的贵人，兔宝宝和爸爸生肖三合，兔宝宝和爸爸生日六合；兔宝宝是妈妈生肖的禄，兔宝宝和爸爸生日相冲（没关系）。2、我们八字里的财运各自如何两人八字里的财运不错，只是女方在2010、2011的财运比男方好。3、想在2011年的三月或四月登记。领证、宴客(结婚摆酒)和举行结婚仪式的吉日如下：领证和宴客(结婚摆酒)没有忌生肖，结婚仪式才有忌生肖。2011年农历（阴历）二月十二日～四份除了下面的日子，没有你们可以领证和举行结婚仪式的日子。如果已经领了结婚证 ，就在下面的吉日中，选适合自己结婚（仪式）的黄道吉日。2011年农历（阴历）二月十二日～四份适合两人领结婚证登记举行结婚仪式结婚（仪式）的黄道吉日：阳历2011年3月22日、3月24日、4月15日、4月27日、4月30日或5月9日。分析如下：1、阳历2011年3月22日，农历（阴历）二月十八（丙子）日：丙子日是男方生肖的禄；丙子日的贵人是男方生肖；丙子日是女方生肖的贵人；丙子日和女方生肖六合。“拜堂典礼、仪式”时请生肖属马的亲朋好友暂时避开。2、阳历2011年3月24日，农历（阴历）二月二十（戊寅）日：戊寅日和男方生肖五合；戊寅日和男方生肖六合；戊寅日的贵人是女方生肖。“拜堂典礼、仪式”时请生肖属猴的亲朋好友暂时避开。3、阳历2011年4月15日，农历（阴历）三月十三（庚子）日：庚子日是男方生肖的禄；庚子日是女方生肖的贵人；庚子日的贵人是女方生肖；庚子日和女方生肖六合。“拜堂典礼、仪式” 时请生肖属马的亲朋好友占时避开。4、阳历2011年4月27日，农历（阴历）三月二十五（壬子）日：壬子日是男方生肖的禄；壬子日的禄是男方生肖；壬子日是女方生肖的贵人；壬子日和女方生肖六合。“拜堂典礼、仪式” 时请生肖属马的亲朋好友占时避开。5、阳历2011年4月30日，农历（阴历）三月二十八（乙卯）日：乙卯日是男方生肖的贵人；乙卯日和男方生肖三合；乙卯日是女方生肖的禄。“拜堂典礼、仪式”时请生肖属鸡的亲朋好友暂时避开。6、阳历2011年5月9日，农历（阴历）四月初七（甲子）日：甲子日是男方生肖的禄；甲子日是女方生肖的贵人；甲子日的贵人是女方生肖；甲子日和女方生肖六合。“拜堂典礼、仪式”时请生肖属马的亲朋好友暂时避开。2011年农历（阴历）二月十二日～四份可以领结婚证和结婚，但对两人助益不大（无助无害）的日子：阳历2010年3月20日、3月23日、4月4日、4月17日、5月10日、5月11日、5月15日或5月24日日。1、阳历2011年3月20日，农历（阴历）二月十六（甲戌）日。“拜堂典礼、仪式”时请生肖属龙的亲朋好友暂时避开。2、阳历2011年3月23日，农历（阴历）二月十九（丁丑）日。“拜堂典礼、仪式”时请生肖属羊的亲朋好友暂时避开。3、阳历2011年4月4日，农历（阴历）三月初二（己丑）日。“拜堂典礼、仪式”时请生肖属羊的亲朋好友暂时避开。4、阳历2011年4月17日，农历（阴历）三月十五（壬寅）日。“拜堂典礼、仪式”时请生肖属猴的亲朋好友暂时避开。5、阳历2011年5月10日，农历（阴历）四月初八（乙丑）日。“拜堂典礼、仪式”时请生肖属羊的亲朋好友暂时避开。6、阳历2011年5月11日，农历（阴历）四月初九（丙寅）日。“拜堂典礼、仪式”时请生肖属猴的亲朋好友暂时避开。7、阳历2011年5月15日，农历（阴历）四月十三（庚午）日。“拜堂典礼、仪式”时请生肖属鼠的亲朋好友暂时避开。8、阳历2011年5月24日，农历（阴历）四月二十二（己卯）日。“拜堂典礼、仪式”时请生肖属鸡的亲朋好友暂时避开。“拜堂典礼、仪式”指在女方家中拜别高堂（娘家父母）、拜高堂（婆家父母）、戴戒子、新娘奉茶…等。“拜堂典礼、仪式”举行后，就不忌生肖了。祝白头偕老，百年好合。</t>
  </si>
  <si>
    <t xml:space="preserve">每种磁体都有N、S极吗？通电直导线有南极和北极吗？如果有在哪里？ </t>
  </si>
  <si>
    <t>通电直导线周围也存在 着磁场，用右手螺旋定则来判断 。具体的方法是用右手握住直导线，大姆指的方向与电流的方向相同，那么四指弯曲的方向就是直导线周围磁场的磁感线的环绕方向。每个磁体都有N、S极。</t>
  </si>
  <si>
    <t xml:space="preserve">想去看骨科病，但不知道哪个医院的骨科专家最厉害？ </t>
  </si>
  <si>
    <t>看骨科最好的医院是武警山东省总队医院里面的专家是全国有名的骨科专家，比如有关家文主任医师、王作红主任医师、窦建副主任医师等等都是擅长各类骨病的疑难杂症，治愈好无数的骨病患者，在当地的名声很不错，是许多外地慕名而来的主要对象。</t>
  </si>
  <si>
    <t xml:space="preserve">各位朋友，有没有最新最好看的国外恐怖片呀？介绍下哦！ </t>
  </si>
  <si>
    <t>《殉难者》强烈推存《分裂》《心慌方》（也叫异次元杀阵）系列。这个很不错。推存。〈迷雾〉怪物的。〈苜蓿地〉〈身在其中〉《恐怖蜡像馆》《1048幻影凶间》这个就不要错过了《撕裂人》《德州电锯杀人狂》《隔山有眼》1.2《人体解剖》《13号星期五》《惊心食人族3》《恶灵空间2，3》1就不要看了 不怎么好看。《针孔旅社》《人肉面包店》〈珀金斯14亡魂〉《死亡录象》《致命ID》《魔窟》《八面埋伏》《狙击电话亭》《沉默的羔羊》《小岛惊魂》《鬼挡路1.2》《心理游戏》《十二宫》《黑暗侵袭》《闪灵》《死寂》</t>
  </si>
  <si>
    <t xml:space="preserve">为什么10元震撼包安装后，更新不了游戏？ </t>
  </si>
  <si>
    <t>能啊？？？我买了好几个都没问题，你还是看看你的网络，要不在装一遍。</t>
  </si>
  <si>
    <t xml:space="preserve">如何改变性格问题我的妹妹从小就是一个性格内向的人，大家都很不喜欢 </t>
  </si>
  <si>
    <t>所谓性格，其实指的是在某种环境下或者说遇到某种事物时，习惯性的选择特定行为。既有点像‘条件反射。这就是性格，处理事件时，特有的‘运行’模式。而这一模式，一般是由环境造成的。一旦置身于一个对立或者相差很大的环境下，他的性格就会出现改变。当然了，前提是在他不能改变环境的情况，而他则必须在适应好环境情况下，性格就会被改变。性格不是绝对的，只是相对的。由于环境的改变而改变。性格也是需要适应的，如果你生处在一个新环境里，如果现在拥有的性格特制无法适应环境，那么，你要么改变性格（它会自行改变）、要么逃离这个环境，否则你将活的很被动。因此，如果你现在所处的环境已经养成了某种性格，也想改变的话，有点难度。除非你在另一个新的环境下。当然了，前者的环境下的一部分特质也会习惯性的带入下一个环境。前提是这个特质足以应付新的环境。还有一点，如果你下定万分决心想要改变性格的话，也不是说不可能做不到。只不过难度很大，就像左右手的使用习惯一样。这些都是长期处在一个环境下所养成的行为惯性。改变可不是一朝一夕可以办的到的。</t>
  </si>
  <si>
    <t xml:space="preserve">我的疑心是不是太重了？我很爱我男朋友，前段时间我们闹过矛盾，现在 </t>
  </si>
  <si>
    <t>怕，是因为你爱他。但是两个人在一起应该坦诚，应该彼此相信对方。能明白你的感受，是因为你爱得太深而让自己感觉得太累。要相信别人，也就是相信自己，不要因为他的一点小事让不相信自己，从而让他觉得你不相信他。而且你这是以他的一种过份的行为，应该想一想正确的，而不是极端的知道不？</t>
  </si>
  <si>
    <t xml:space="preserve">养颜喝红枣茶有什么好处呢 </t>
  </si>
  <si>
    <t>别看小小一颗红枣，其效用可不小，含有糖类，有机酸、蛋白质以及维生素A、B和C，性平，味甜醇，能补脾胃，用于脾胃虚弱。         有补精养血，健脾和胃之功效，适用于贫血，久病体虚，维生素缺乏症    常喝可以脸色红润，防止手脚冰冷    每次用红枣7-8个，把枣皮切破，放在茶杯中，沸水冲泡代茶饮，常服有健胃滋补作用</t>
  </si>
  <si>
    <t xml:space="preserve">旅游费：单位旅游费用2万元，如何做账？ </t>
  </si>
  <si>
    <t>旅游费用属于职工福利费的核算范围。1、如果按照新会计准则，会计分录：（1）支付时借：应付职工薪酬--职工福利贷：库存现金（2）月末分配时借：管理费用--福利费贷：应付职工薪酬--职工福利2、如果按照原企业会计制度，会计分录借：管理费用--福利费（或应付福利费）贷：现金</t>
  </si>
  <si>
    <t xml:space="preserve">求AdobeAcrobat8.1.2Professional的授? </t>
  </si>
  <si>
    <t>看看这个可以不：5849 7256 8103 8063 6070 4319</t>
  </si>
  <si>
    <t xml:space="preserve">唐僧师徒四人谁最可爱？ </t>
  </si>
  <si>
    <t>最可爱的人最可恨----猪八戒最不可爱的人最可敬----孙悟空最平庸的人最可气-----唐僧最普通的人最普通-----沙僧</t>
  </si>
  <si>
    <t xml:space="preserve">一般纳税人如何建帐?是否必须要有待摊费用这个科目? </t>
  </si>
  <si>
    <t>一般纳税人的账簿和小规模纳税人的账簿是没有多大区别的，唯一的区别就是增值税的核算科目设置，其他都一样，只是一般纳税人的会计核算要求相对更加高。待摊费用这科目是根据经济业务来设置的，如果没有相关的业务，可以不设立。</t>
  </si>
  <si>
    <t xml:space="preserve">电影007里面的这个女的是谁?007有很多部,所以不得那一部叫什 </t>
  </si>
  <si>
    <t>有曾江的好像是《Die Another Day》那个女的是Rosamund Pike(罗莎蒙德·派克)Rosamund Pike，一个生于79年的英国MM，是迄今为止最年轻的邦女郎。毕业于牛津，主修英国。英文名： Rosamund Pike  性 别： 女  生 日： 1979-01-27  1979年1月27日罗莎蒙德·派克出生在英国伦敦西区一个著名的音乐世家，父亲是交响乐团的小提琴家，母亲是歌剧台柱演员。所以罗莎蒙德·派克从小就受到典型的英国淑女式的教育，在语言、文学、音乐上都有很深的造诣，她可以流利地讲法语和德语，会弹钢琴和拉大提琴，而且她是地地道道的牛津大学英国文学专业的毕业生，这使她成为007电影史上第一位来自牛津的邦女郎；良好的家庭条件让她的父母有条件让罗莎蒙德·派克从小就穿得漂亮时髦，她到现在还会说，她妈妈让她穿成洋娃娃似的。   成长于伦敦这样一个标榜特立独行、各种新思维相互碰撞、新兴艺术形式不断涌现的国际大都会，也对她后来的艺术思想产生了深远的影响。而对于在英国被传媒爆炒的戴安娜王妃的故事，她有这样的评价：“她是那么的高贵优雅，同时又坚毅执著，敢爱敢狠，她是我们英国人的骄傲。”戴安娜王妃被称为“英格兰的玫瑰”，而自儿时起亲友们都叫她“罗斯”（玫瑰），她觉得她与戴安娜王妃有一种天生的亲近感。正是在这种良好的文化熏陶和独特的社会环境的潜移默化下，形成了她独特的形象气质：清丽聪慧、明艳照人。  虽然身出名门，但从小到大罗莎蒙德·派克的父母都严格要求她谦虚谨慎。自从罗莎蒙德·派克走进《Die Another Day》剧组之后，各种关注的视线便接踵而来，她的父母还是一如既往地叮嘱她。她说：“自从我第一次上银幕之后，父母亲就不断地提醒我要虚心向前辈学习，因为我是一个新人，还有很多东西要学。”正是在父母这种传统谦逊的教导之下，才有了今日银幕之下与众不同的邦女郎。而罗莎蒙德·派克的表现也赢得了《Die Another Day》的导演李·特马赫瑞的好感，他亲切地称她为“我们的‘OxbridgeGirl’（意为来自牛津和剑桥大学的女孩）。”   《Die Another Day》是罗莎蒙德·派克的第一部主流电影，在此之前，虽然在英国本土小有名气，但在国际影坛上，罗莎蒙德·派克可谓是寂寂无名。但是罗莎蒙德·派克本人对于007系列电影也带来了某种意义上的“第一”，因为罗莎蒙德·派克是40年来，20部007电影中首位毕业于牛津大学的“邦女郎”。   参与影片：《 Caitlin 》 (2008) ...Young Caitlin Thomas《四处散落的碎片/漂泊手记 Fugitive Pieces 》 (2007) ...Alex《破绽 Fracture 》 (2007) ...Nikki Gardner《 Devil You Know 》 (2006) ...Zoe Hughes《傲慢与偏见 Pride &amp; Prejudice 》 (2005) ...Jane Bennet《毁灭战士 Doom 》 (2005) ...Samantha Grimm《 The Evening Standard British Film Awards 》 (2005) ...Herself《风流才子 The Libertine 》 (2004) ...Elizabeth Malet《 Promised Land 》 (2004) ...Rose《 Inside 'Die Another Day' 》 (2003) ...Herself《007:择日再死/改天再死/谁与争锋/不日杀机/择日而亡 Die Another Day 》 (2002) ...Miranda Frost《 Premiere Bond: Die Another Day 》 (2002) ...Herself《 James Bond: A BAFTA Tribute 》 (2002) ...Herself《 Bond Girls Are Forever 》 (2002) ...Herself《 "Love in a Cold Climate" 》 (2001) ...Fanny《 Trial &amp; Retribution IV 》 (2000) ...Lucy《锦绣佳人 "Wives and Daughters" 》 (1999) ...Lady Harriet Cumnor《欢喜冤家俏佳人 Rather English Marriage, A 》 (1998) ...Celia希望我的答案对你有帮助，谢谢。</t>
  </si>
  <si>
    <t xml:space="preserve">关于设计名片请各位老师帮助：1名片的尺寸是多少呢？2用photo? </t>
  </si>
  <si>
    <t>大约是5.4-9mm的样子。没有绝对限制，可以根据需要自定。用photoshop设计名片，需要新建文件，尺寸就是名片的实际尺寸，另外四周流出2-3mm的出写，分辨率在300，颜色模式采用CMYK四色模式，以备印刷。背景内容根据您的需要自定，但要有企业标志等基本元素，以简洁大气为主。</t>
  </si>
  <si>
    <t xml:space="preserve">关于兴业卡的问题在上投网站用兴业卡注册，又碰到怪事，输入二次卡号 </t>
  </si>
  <si>
    <t>给上投公司打电话解锁</t>
  </si>
  <si>
    <t xml:space="preserve">济南同学聚会去哪里大学的同学毕业四年了，去哪里聚会比较好呢？请济 </t>
  </si>
  <si>
    <t>山大南校区的西苑餐厅,面积比较大也实惠,我们就是在这里办的.或者其它校园的餐厅(大点的就行)</t>
  </si>
  <si>
    <t xml:space="preserve">下载了QQ如何才能在计算机里彻底删除在公司上网偷偷下载了QQ，但 </t>
  </si>
  <si>
    <t>你可以到开始-运行-regedit（注册表）-编辑-查找-（分别查找qq和Tencent），将这册表自行查找出的文件夹以及文件都删光，注：一定要注册表显示已经查找光了才能查找下一项</t>
  </si>
  <si>
    <t xml:space="preserve">如图,在△ABC中,已知∠ACB=90°,点M,N在AB上,BE? </t>
  </si>
  <si>
    <t>这题很简单。要学会分析：结合条件变革结论，角MCN不能真接求，可转化求角CMN与角CNM的和，而这二个角又与本题条件别垂直平线有联系了，三角形是直角三角形那么角CAB+角CBA=90度，二条垂直平分线产生二个等腰三角形及三线合一定理的基本图形！解答如下：因为AF别垂直平CN所以角ANC=90度-1/2角BAC，同理角BMC=90度-1/2角ABC，所以角MCN=180度-（90度-1/2角BAC）-（90度-1/2角ABC）=1/2（角BAC+角ABC）=45度（我的电脑不便打数学符号，谅解）希望你以后不要只看人家如何解的，要研究如何想出来的！如何把条件与结论联系起来，千方百计把条件与结论联系起来，哪怕一点联系！解题的更本出路是“结合条件变革结论”！！慢慢学，等你学会这种方法后你就会得心应手了！</t>
  </si>
  <si>
    <t xml:space="preserve">为什么少数民族汉化后战斗力退化得那么快？少数民族总想问鼎中原，问 </t>
  </si>
  <si>
    <t>随便揣测下：1）所谓“游牧的战斗力”，按人头算肯定是少数。打下了江山后，统治集团即使为了守江山肯定也会忙着扩军。然后问题就来了，是继续召一帮由牧民而贵族的“贵族军”呢，还是招数量上几乎只受条件限制的炮灰兵。考虑到选择后者的话，前者可以放心的用来到各地“看家护院”，如何取舍几乎是不言自明的。2）以产生兵员的社会阶层来说，游牧民族的情况似乎类似欧洲中世纪时候，都是能自己负担装备、训练成本的小贵族之类。而我们国家，或者是所谓军户、或者是普通农民和流民、或者是矿工之类的手工业者。换句话说，“汉化”本身就意味着要改变军队组建方式。3）如果是清朝的话，其实“退化”问题可能还有时代北京。当年在北京附近向英法联军冲锋的所谓“最后的蒙古铁骑”，往前放个几百年未必没有一战之力，不过放到当时肯定是落伍的。希望不会太没道理。不管怎么说，个人觉得这里没必要太考虑什么民族分野。所谓“游牧民族的汉化”，其“汉化”目标肯定不是是上述的基层百姓的。这种“汉化”，或者其实是“贵族化”。贵族化之所以代表强的战斗力，无非是因为这个阶层靠特权可以有闲暇时间搞训练，同时也能靠剥削所得添置装备。当国家机器为士兵出面搞定这些东西的时候，贵族对平民也就没什么优势了。八旗之强，简化的说，就是东北地区四方周旋下的生存压力迫使他们强起来。入关之后，一方面是生存压力骤然消失，另一方面是国家机器有了更便宜获得相当的战斗力的方法，这一增一减，后果不言而喻。也就是说，游牧民族统治阶层之所以不顾退化而“汉化”自己，正有意无意的以上述的“另一方面”为目标。他们对于自己同胞的战斗力变化问题的关注，可能更多是出于所谓“传统”，而并不是作为“不得不另练新军”的最初出发点。</t>
  </si>
  <si>
    <t xml:space="preserve">请问刚刚办理的广发理财通卡年费刚刚办理了一张广东发展银行"理财通 </t>
  </si>
  <si>
    <t>目前广发卡确实有年费这一项,只是到目前为止没有执行,目前广发的理财通卡是没有年费,也没有小额管理费(需要存款不能低于300元,收一元),并且同城跨行也是免费的,网上银行也是免费.</t>
  </si>
  <si>
    <t>专家您好：我想买个二手的车，价格在2</t>
  </si>
  <si>
    <t>练手车最好找皮实一些的，2.8万可以买个05年的奥拓大王子，3.5万可以买个2000年左右的捷达，都是不错的选择。适合练手，练一年再出售卖掉也损失不了多少。95年的高尔夫还是不要了！维护保养太贵！另外也超费油。练手车，最好车龄在8年以内的。不然太容易坏</t>
  </si>
  <si>
    <t xml:space="preserve">有没有好的学习方法?高二了,一学习就犯困,效率还不高,怎么办?有 </t>
  </si>
  <si>
    <t>看过你的回答情况肯定不是厌恶学习不然就不会回答英语问题了人也很用心、很认真啊这很好，不是么？高二了，不得不着急了学习方法都是自己归纳出来了，别人的终归是别人的回想自己总有学习“辉煌”的时刻当时是怎么学的想想怎么学适合自己、能让自己提高成绩自己是背攻呢，还是智力型自己喜欢怎么学，最舒服sunny 代表着 阳光 美丽的纳西女子开美久命金和朱补羽勒盘深深相爱，却遭到男方父母的极力反对，伤心绝望的开美久命金殉情而死，朱补羽勒盘冲破重重阻挠赶来，已是阴阳两隔。悲痛之中他燃起熊熊烈火，抱着情人的身体投入火海，双双化为灰烬…… 开美久命金死后化为“风”神，她在玉龙雪山顶上营造了一个情人的天堂：没有苦难、没有苍老、无比美好的玉龙第三国，专门诱惑失意的情人步她的后尘。开美久命金和朱补羽勒盘是纳西传说里最早殉情的一对恋人…… 后来，民间逐渐相传，在丽江玉龙雪山顶上， 每到秋分的时候，上天就会撒下万丈阳光， 在这一天，所有被阳光照耀过的人们都会获得美丽的爱情和美满的！ 可这招来了善妒的“风”神的嫉妒，因此，每到这天，天空总是乌云密布。 人们的所有梦想都被那厚厚的云层所遮盖。 风神善良的女儿，因为同情渴望美好生活的人们，就在那天， 偷偷的把遮在云层里给人们带来希望和幸福的阳光剪下一米， 撒在陡峭的悬崖峭壁上的一个山洞中，让那些爱情的勇者， 让那些对爱情执着同时又不惧怕困难和危险的人们， 可以在那天得到那一米阳光的照耀，而因此过上幸福美满的生活！ 这就是那个一米阳光的美丽传说！ 暂且不提爱情你是会做那个“执着同时又不惧怕困难和危险的人”哪么是一米，看似每一次失败中总会有收获，学习也是如此如果，有信心“决战”那一米的“成功”为什么不 再多往前一点也许会“粉身碎骨”，但只要还有一丝希望，就不要放弃不论效率再低，只要学了，就“问心无愧”再加上心灵怎么能没有效果呢自己做出了努力不用“艳羡”别人的分数不用“艳羡”别人的能力不用“艳羡”别人的方法因为阳光从不挑剔，会大方的为每一个人照耀。会成功的，先行动吧</t>
  </si>
  <si>
    <t xml:space="preserve">有人知道骄虫之怒,搜魂金翅在哪个位置吗知道的MMM告诉下 </t>
  </si>
  <si>
    <t>你是不是在游戏书上面看来的,这些怪好象国际版里面是没有的,这些都是内册时候的怪,现在都没有了'</t>
  </si>
  <si>
    <t xml:space="preserve">食人树果实从哪采呀?同上 </t>
  </si>
  <si>
    <t>到比齐或白日门 找食人花,杀死后ALT+左键挖就有可能的到叶子或果实了</t>
  </si>
  <si>
    <t xml:space="preserve">韩文翻译~翻译附件中的韩文~~ </t>
  </si>
  <si>
    <t>又是您，伊卡鲁斯 ！以下译文请参考！</t>
  </si>
  <si>
    <t xml:space="preserve">店宝宝好不好啊，我也想加入，都说这店宝宝是最好的实物软件，真的吗? </t>
  </si>
  <si>
    <t>当然是真的,现在市面上最好的实物软件就是店宝宝 ,有自己的仓库, 一键装修,一键铺货,很是方便,从发货到好评都说全自动,</t>
  </si>
  <si>
    <t xml:space="preserve">关于烷烃的问题！请问甲烷乙烷丙烷丁烷戊烷的同分异构体分别有几个？ </t>
  </si>
  <si>
    <t>甲烷 乙烷 丙烷各一种，即分别为甲烷 乙烷 丙烷；丁烷二种：丁烷、2-甲基-丙烷； 戊烷三种：戊烷、2-甲基-丁烷、2，2-二甲基-丙烷</t>
  </si>
  <si>
    <t>红叶知秋</t>
  </si>
  <si>
    <t>呵呵,现在正热血沸腾呢!!!!!!!!!!!!!!!!!</t>
  </si>
  <si>
    <t xml:space="preserve">老实木地板上铺装复合地板要注意哪几点? </t>
  </si>
  <si>
    <t xml:space="preserve"> 你好，因为旧式木地板上铺复合地板要求旧地板使用寿命能延长复合地板一样寿命，所以要检查老实木地板的是否完好，是否有响声，是否平整。(1)老实木地板平整度:如果是很窄的老式小木条的实木地板，如果有不平处理一下。如松动，固定牢固;如果是起翘，可以刨平。或者干脆把一两片去掉，因为面积较小，不影响复合地板的铺装。如果是宽板的，要刨平处理好。(2)检查老实木地板是否有响声，是什么原因引起的，龙骨松动还是地板松动。(3)龙骨的完好性。检查龙骨是否松动，有松动，要重新加固;检查是否有腐烂，如果腐烂老化，更换新龙骨。因为连带作用，如果龙骨不好，会对新装复合地板有影响。(4)凡是用几年以上的实木地板，在其上铺复合地板前，最好用美固钉龙骨进行加固。复合地板铺装要求的平整度是相对的，就是2平方范围内高低差不超过3毫米。如果LZ是订购柯诺莱茵阳光的，，可以电询或是预约上门检查一下。</t>
  </si>
  <si>
    <t xml:space="preserve">关于桌面的问题怎么样才能把桌面上的图表移来移去？？ </t>
  </si>
  <si>
    <t>在桌面 右键   排列图表   把自动排列的勾去掉!</t>
  </si>
  <si>
    <t xml:space="preserve">市盈率和市净率分别是什么？如何评价这两个指标？ </t>
  </si>
  <si>
    <t>市盈率是股价除每股业绩;市净率是股价除每股净资产.</t>
  </si>
  <si>
    <t xml:space="preserve">腰长而腿短的人怎样穿衣才好看？身高165，体重110斤，腿不长， </t>
  </si>
  <si>
    <t>来双高跟鞋吧一定会看起来好很多！记得不要穿宽松的裤子，那会让你的腿看起来更短上衣可以选择腰线比较高的，但是不能是短装夏天的时候你可以尝试一下旗袍类的连衣裙，那是专为腰线长的女士准备的，腰短的人穿起来反倒难看了 :)</t>
  </si>
  <si>
    <t xml:space="preserve">讲座音频是否能附一个TXT文件简介时间、内容？听了一些讲座，很受 </t>
  </si>
  <si>
    <t>不好意思，有些讲座是我录音的，有些是我转别人的，对于讲座涉及到的内容一些可以百度到。有些比较稀有的。你可以和我QQ或者微博沟通。</t>
  </si>
  <si>
    <t xml:space="preserve">清泉老师600232老师600232明天能否介入？什么价格合适？ </t>
  </si>
  <si>
    <t>靠近10日均线附近少量仓位.</t>
  </si>
  <si>
    <t xml:space="preserve">女朋友正郁闷着呢？怎么劝劝她呀？？她总是觉得工资太少，其实也的确 </t>
  </si>
  <si>
    <t>你告诉她，你不在乎这些，但是如果她自己不满足那么就要她去努力。没有不劳而获的好事。</t>
  </si>
  <si>
    <t xml:space="preserve">最高档位的宠是?听说是时长的改造QML是吗? </t>
  </si>
  <si>
    <t>算上稀有宠就不是了寒冰巨龙~红龙绿龙等都是155D的宠道具魔法黄金龙是150D的宠</t>
  </si>
  <si>
    <t xml:space="preserve">求！胃下垂的治疗？胃下垂如何治疗？ </t>
  </si>
  <si>
    <t xml:space="preserve">胃下垂是指人在站立时，胃的位置偏低，胃的下缘垂坠于盆腔，胃小弯弧线的最低点降至髂嵴连线(约在肚脐水平线上)以下。 胃下垂多见子体型瘦长、体质虚弱、腹壁松驰、腹肌薄弱者。产生的原由，主要是由于悬吊、固定胃位置的肌肉和韧带松驰无力以及腹部压力下降，使胃整个位置降低、胃蠕动减弱。妇女产后，腹压突然下降，或瘦长体型、慢性消耗性疾病，以及长期从事站立工作或卧床少动的人，容易患此病。 轻度胃下垂患者一般无不适感觉，下垂明显者常见腹都不适、饱胀重坠感，每于餐后、站立或劳累后症状加重，伴有食欲不振、恶心、嗳气、消化不良、便秘等现象。胃下垂严重时，可同时伴有肝、肾、结肠等内脏下垂的现象。 诊断胃下垂最好的方法是X线钡餐造影，可显示无张力型胃：胃体呈垂直状，蠕动无力，胃内滞留液较多，胃小弯弧线最低点在髂嵴连线以下；超声波检查可见胃的下缘下移入盆腔（小腹部位），胃电图描记检查可见胃电波幅值无论在餐前还是在餐后都低予正常。 胃下垂的治疗，要以功能锻炼和饮食调节为主。经常参加锻炼，着重对腹肌进行锻炼，没有体育器械者，可采取仰卧起坐的简便方法，每日做三至五次，做累为止。饮食要少食多餐，选择易消化而富于营养的食物，餐后应卧床休息45分钟至1小时，以减轻胃的负担；减少站立时间，避免过度劳累。腹胀、恶心明显者，可服用吗丁啉、维生素B6以促进胃蠕动、增加胃的张力；食欲不振、消化不良者，以多酶片、酵母片助消化。 胃下垂在中医属于虚证，脾气虚衰是根本的原因。治疗以扶脾健胃为主，辅以体育锻炼和饮食调养。中医治疗如下： a. 由于素体脾胃虚弱或饮食不节、过度劳累等引起脾气虚衰，中气下陷，治疗以补中益气丸健脾升提。 b. 若脾胃不和，升降失常，导致气机不畅，表现为胃脘胀满、嗳气后舒适，属脾虚气滞型，以健脾丸加香砂养胃丸健脾理气和胃。 c. 脾气虚不能正常运化水湿，湿聚为饮，水饮停留胃脘，可见胃脘痞胀、感觉胃中有水液晃荡、肠鸣作响，治以苓桂术甘汤健脾化饮。 胃下垂是怎么回事? 健康人的胃相对固定在上腹腔，当人站立时，胃的最低点不能超过脐下二横指(指胃小弯)。所谓胃下垂，就是胃在站立时明显下移，甚至从上腹移至下腹。由于胃的下垂，病人都有胃部不适的感觉，吃点饭就感到胃部饱胀，所以不敢多吃，饭后走路快一点就感到肚子疼。有的胃下垂病人，还合并有其他脏器如肾、肝、脾、横结肠下垂，称之为全内脏下垂。引起胃下垂的原因主要和体质有关，身体虚弱，腹壁脂肪薄，肌张力减弱，脏器韧带松弛，易发生胃下垂，且女性多于男性。这种病变易诊断。因胃移到下腹部，所以吃过饭下腹膨隆，上腹部胃区下陷，并且可以看到主动脉搏动，用手摸及更加明显。最可靠的方法是钡餐造影，如果胃小弯低于两侧髂嵴连线，就可以诊断为胃下垂。此病西医尚无较好的治疗方法，用胃托系于腹部，可缓解临床症状。中医在这方面相对西医有很多优势，如中药、推拿、针灸，可视病情轻重而确定方法。中医将胃下垂分为中气下陷型、脾胃阴虚型、脾肾阳虚型等。 怎样治疗胃下垂? (1)加强营养 胃下垂的孩子形体消瘦，营养不足，所以应该选用营养丰富、容易消化的食物，尤其是蛋白质、脂肪的含量应丰富一些。由于小儿食量少，应该用少食多餐的办法，逐渐适应胃的承受能力。进餐后应该有一段时间平卧，切不可暴饮暴食。经过一段时间的饮食调养，身体会逐渐强壮起来，胃下垂的症状也就会大大减轻了。 (2)全身性康复锻炼 患儿午饭后取头低位、垫高骨盆的姿势仰卧床上20～30分钟。仰卧后双腿伸直，然后抬高、放下，反复进行数次，稍事休息，再重复做数次。也可在仰卧时，双腿做仿蹬自行车的动作。晚饭后散散步，回家后再仰卧床上，自行按摩腹部，从脐下轻柔地向上按压，然后在胃脘部做环行按摩。每天坚持可使胃逐渐上移。 (3)仰卧起坐锻炼 患儿仰卧在硬板床上，头部端正，双腿伸直，足尖向上，双手放在大腿两侧，全身肌肉放松，做腹式呼吸，即吸气时腹部隆起，呼气时腹部下陷，反复做数次。一呼一吸应保持每分钟16～18次。吸气时思想集中在下腹部的丹田穴(脐下1.5寸处) ，呼气时思想也要集中，四肢肌肉随呼气而放松。15分钟后做仰卧起坐，即身体平卧，双手放于头后，收缩腹部肌肉，上身由平卧位渐上抬，双肘向膝部靠拢，随后复位。仰卧起坐次数由少而多，逐渐增加，3个月为1疗程。 康复锻炼期间，严禁做跑跳动作，不要长时间站立或久坐。 中气下陷型胃下垂有何临床表现，如何施治? 临床表现：形体消瘦，食欲不振，食后饱胀，呃逆，上腹部疼痛，身体乏力，舌体胖大苔白，脉沉无力。治以举气升阳。方选补中益气汤，药用炙黄芪、白术、陈皮、升麻、当归、柴胡、党参、焦三仙等。水煎，日1剂，分3次服。 脾胃阴虚型胃下垂有何临床表现，如何施治? 临床表现：形体干瘦，口渴喜饮，饮后胃脘不适，不思饮食，食后倒饱，手足心热，苔白少津，舌质红，脉细无力。治以滋阴养胃，健脾益气。药用经验方：山药、党参、黄精、玉竹、石斛、荷叶、柴胡、扁豆、佛手、焦三仙等。水煎，日1剂，分3次服。 脾肾阳虚型胃下垂有何临床表现，如何施治? 临床表现：形体消瘦，畏寒肢冷，渴不喜饮，胃脘不适，不思饮食，食后饱胀，腹胀矢气，苔白而润，舌体肿大，脉沉细弱。治以温中健脾，补气冲阳。方选附子理中汤合补中益气汤加减，药用附子、炮姜、炙黄芪、党参、炙甘草、白术、柴胡、当归、佛手、木香。水煎，日1剂，分3次服。 胃下垂有哪些外治法? (1)推拿法 腹部取穴：鸠尾(剑突下0.5寸)、中脘、气海、天枢，仰卧位，术者站于患者右侧，以推揉鸠尾、中脘为重点，循序往下至腹部，以脐周天枢、气海为重点按揉，并用托法，即医者四指并拢，根据胃下垂的程度不同，自下而上托之。再以摩法在腹部治疗(逆时针方向操作)14分钟。 背部取穴：肝俞(背部第9胸椎旁1.5寸)、脾俞(背部第11胸椎旁1.5寸)、胃俞(背部第12胸椎旁1.5寸)。患者取俯卧位，以轻揉的滚法，沿脊椎两侧操作，重点在胸6～12两旁的穴位，然后在脾俞、胃俞按揉10分钟。 ( 2) 针灸法 取穴：中脘、天枢向下斜刺外陵，气海向下斜刺关元。用补法，留针10～20分钟。恶心呕吐，配上脘、内关，用平补平泻法，留针20～30分钟，和中降逆；如合并有溃疡病，可配巨阙、内关、公孙、脾俞、胃俞，用补法，留针10～20分钟，以温中止痛；阳虚灸关元、气海；阴虚者加阴陵泉、太溪；气虚加足三里。 </t>
  </si>
  <si>
    <t xml:space="preserve">手脚出汗怎么治？各位大虾，拜托了 </t>
  </si>
  <si>
    <t>如果出汗还有脱皮现象最好还是去医院检查一下！如果只是爱出汗，你可以试一下下面的方法：可以试试用萝卜熬水温洗手脚.每晚一次.连续半月，白萝卜，熬出水后还可以吃掉的。仅为个人看法。</t>
  </si>
  <si>
    <t xml:space="preserve">关于存货新准则中存货的采购成本包括买价、相关税费、运费、装卸费等 </t>
  </si>
  <si>
    <t>存货核算跟以前的核算并没有什么变化。1、存货的采购成本包括买价、相关税费、运费、装卸费等，仅指工业企业的大宗长途运输、装卸费用。一般市内运输及商业公司运输费、装卸费并不可以计入存货采购成本。2、商业公司税费、运费、装卸费等直接在“经营费用”科目中列支。3、工业企业大宗外地税费、运费、装卸费，在发生时才计入存货成本，核算方法根据各个公司的实际情况会有些区别。一般在支付时：借：材料采购（或在途材料）贷：现金（或银行存款）验收入库连同买价一起时：借：原材料－XX材料贷：材料采购（或在途材料）</t>
  </si>
  <si>
    <t xml:space="preserve">雪见？小葵？在剑冢选剑的时候你们是选哪把的……我拿不定主意了…… </t>
  </si>
  <si>
    <t>抛硬币吧!!!到时候希望你忍心说:都是人民币惹的祸!!!</t>
  </si>
  <si>
    <t xml:space="preserve">请问不同规格的妥泰能不能混合在一起吃？ </t>
  </si>
  <si>
    <t>妥泰，为抗癫痫药，有三种不同规格：25mg、50mg、100mg，分别以白色、淡黄色、黄色标志。三种不同规格的药片，同属一种药物，可以混合服用，但总剂量不得超过医嘱用量。</t>
  </si>
  <si>
    <t xml:space="preserve">怎么跟同学关系自然融合起来呢?我性格内向但喜欢交朋友,在班里我尽 </t>
  </si>
  <si>
    <t>很多人和你说话很陌生是因为平常和你说话不是很多  并且你自己说性格有点内向  所以别人和你接触时会有一定的防备吧  解决方法就是多和别人接触 让别人了解你 明白你 坚持下去就可以了！！~~万事开头难嘛！~加油吧~</t>
  </si>
  <si>
    <t xml:space="preserve">第一次做的问题上周六我和女友ML了一次，但她那里缩的太小了，还有 </t>
  </si>
  <si>
    <t>你们还是太紧张的原因.也没有经验,你上次做时有没有弄破处女膜啊?你们第一次就给她口交是没用的.她根本就不知道什么是高潮的.在互相之间对对方的性器官熟悉的情况下再进行口交.这样,先来浪漫的,来一段牛排红酒,在一点醉意时做,在这几天可以让她服避孕药,以免有心理负担.做时让她在下面,张开两腿.你在直视下进入.不好进可以让她给你含一下,或用点水.就好进了.祝性福.</t>
  </si>
  <si>
    <t xml:space="preserve">取一个英文名字我的中文名字是吴佳 </t>
  </si>
  <si>
    <t xml:space="preserve">Hannah 神之优雅 Olivia 橄榄树 </t>
  </si>
  <si>
    <t xml:space="preserve">乌龟的龟壳为啥会腐烂？ </t>
  </si>
  <si>
    <t>污染了！估计水不干净！兄弟，多换水啊！</t>
  </si>
  <si>
    <t xml:space="preserve">为什么脸上总长痘痘我今年19了！每次做爱或手淫后，痘痘就会长的特 </t>
  </si>
  <si>
    <t xml:space="preserve">我是混合偏油肤质，而且比较敏感，我觉得这两个东西比较有效： 1、洗脸，朋友推荐我用普通食用细盐洗脸，先把脸洗湿，在手心里倒点盐，放点温水或者凉水，感觉盐颗粒融化一点了，就擦在脸上，然后轻轻按摩，最后用水洗掉。盐的细小颗粒可以有效去角质死皮，淡化痘印，而且盐也对新生的痘痘有消炎作用。刚开始你可以晚上洗脸的时候试试，先用洗面奶洗过脸之后，再用少许细盐轻轻按摩脸部，然后洗掉。等到适应了，可以早晚洗脸的时候都用细盐洗一下。我试了几个月，感觉不错，洗完脸滑滑的，而且不干涩，也没有副作用； 2、专门针对痘印，我用的中药的面膜粉，中艸堂自制面膜粉就有，加牛奶做面膜。（咱是男的）效果不错，每天坚持晚上做面膜，擦薄薄的一层就行了，过15多分钟洗掉。一个月下来效果就很明显了。去痘印真的是要坚持，小女生的痘印可能消得快一点，25岁以上的女性新陈代谢开始慢了，所以要坚持做，而且尽量避免不良的生活习惯，多吃蔬菜水果，祝大家美丽健康一辈子！嘿～ </t>
  </si>
  <si>
    <t xml:space="preserve">怎么来钱最快 </t>
  </si>
  <si>
    <t>买彩票和做梦都来得比较快！</t>
  </si>
  <si>
    <t xml:space="preserve">上海哪个车站有去杭州的大巴 </t>
  </si>
  <si>
    <t xml:space="preserve">上海南站--老沪闵路399号    沪铁长途--恒丰路783号  嘉定客站--沪宜公路3205号交运高速--恒丰路258号客运总站--中兴路1662号徐家汇站--虹桥路211号白莲泾站--浦东南路3843号巴士沪太--中山北路1015号  提供一个网址: </t>
  </si>
  <si>
    <t xml:space="preserve">我已经登陆自己的博客，可谓生么别人给我的悄悄话留言不能显示出来呢? </t>
  </si>
  <si>
    <t xml:space="preserve">你好,这是系统没连接上的原因.在登录时,你直接到"管理博客"-"管理留言"中,就会全部显示的.这里不会受系统的影响.周末愉快!欢迎光临我的博: </t>
  </si>
  <si>
    <t xml:space="preserve">QQ游戏中的QQ堂和那种要自己下载安装的QQ堂一样吗? </t>
  </si>
  <si>
    <t>你好，QQ游戏里面的QQ堂游戏我玩过了，QQ堂这个游戏我也安装了，并且玩过了。我现在就可以告诉你，不一样的。因为QQ游戏里面的QQ堂游戏是最早的版本，只是没有BUG和外挂可以使用罢了。地图只有几个，就是给那些新手们在里面练习用的，不是正式的，而QQ堂的正常客户端下载的QQ堂游戏，地图很多，很完整，还有道具商店和紫钻等业务。所以，这两个地方的QQ堂是不一样的，你要是想玩的全面一些，建议你到QQ堂的官方网站 下载最新的安装客户端下载最新版本使用，祝你快乐！现在明白了吗？不明白请留言，谢谢你的提问！</t>
  </si>
  <si>
    <t xml:space="preserve">一个队打配合很重要么？ </t>
  </si>
  <si>
    <t>对啊，一人难守3口啊！</t>
  </si>
  <si>
    <t xml:space="preserve">中央三台专家:人民币升值可有效减少外币储备?昨天经济专家在讲,听 </t>
  </si>
  <si>
    <t>目前的储备是在被动增加的，实际也是流动性泛滥的一个现象。外汇储备并非越多越好，过多了也会造成极大的风险，但人民币估值偏低就造成现在这种被动增多的情况，所以央行不得不提升币值来抑制这种状况，至于原因，请参考以下文章，希望能对你有帮助。回答：紫色猫级别：新手11月29日 15:41 转载一个收录于去年年初的文章，题目：经济是条狗-----门口的大排面要卖30块一碗，当时的外汇储备在四千亿左右，现在是一万亿。希望能对你的问题有所参考。乍看这个题目，很多人第一个反应就是写错了。人民币面临巨大的升值压力，何来贬值而言？不错，对外升值，对内贬值---国际市场上，人民币VS美元要升值，在国内人民币VS大排面要贬值。 　　1、美元公式：一个很重要的公式是我们一切分析的基础：美元报价=人民币报价*汇率。如一只中国产的茶杯，价格4元，人民币汇率8.27，茶杯卖到美国，报价为4/8.27=0.5元美元。美国抱怨中国货太便宜，0.5美元的价格让美国人实在难以竞争，小布什想尽一切办法，要让美国市场上的中国货从0.5涨价到0.7-0.8美元。 　　官方媒体翻来覆去强调，美利坚强制人民币汇率升值，汇率升值至1：5，美元报价自动涨至4/5=0.8美元，就没什么竞争力了。 　　事实上，等式的右边有两项---汇率、人民币报价。美国人还有另一种阴谋，如果中国通胀，杯子卖到7元一只，则7/8.27=0.8美元，一样达到目的。 　　2、通胀：通胀说来就来，一夜之间，物价就涨上去、电煤矿油就缺口、经济就过热了。什么导致经济过热？按央行官员的口径，是汽车、钢铁、电解铝等行业的过度投资。但过度投资的根源是价格上涨。价格上涨的根源是需求过热，需求过热的根源呢？央行官员就瞠目结舌，答不上来了。 　　在8.27的汇率下，美国人的一个手段，就是用尽量多的美元冲击人民币体系。固定汇率类似一种坐庄系统，卖盘太多时，庄家就要进场维持价格。美国人抛多少，央行就得要接多少。不然这个8.27就名存实亡了，也达不到帮助企业出口的目的。 　 　　过去的一年中，大量热钱涌向中国，美国人的行为可谓疯狂---中国的基本面很强，美国财团充满信心，投机资金源源不绝。年终总结，央行每天买进5亿美元，一年累计买入了1600亿美元。04年1-6月又买了700亿之巨，外汇储备达到4700亿美元。 　　央行和商业银行有很大区别，商业银行资源有限，且用的是旧钱；商业银行买卖外汇，不会影响金融稳定。央行是发钞行，拥有铸币权。理论上，央行的接盘能力是无限的。手中一些有限的流动资金用完后，可以开动印钞机，印制新钱，接下美元。 　　但新钱有新钱的坏处---新钞一发，后患无穷。美国人要的就是这个效果。大量新印制的人民币流入市场，将导致物价系统的灾难。 　　中国商业银行的放大系数约为2.5-3.5。去年，M2货币总量由18万亿增长到22万亿，如果没有美元潮，放贷额甚至是缩减的，商业银行会惜贷，信贷失控纯属无稽之谈。 　　新增4万亿货币总量，对仅有10万亿GDP的经济体来说太大了。一下子多了这么多钱，物价岂能不涨？物价一涨，生产企业岂会不大干快上，尽量多快开工？便出现所谓的经济过热。即是说，联系汇率导致人民币被低估，美国人冲击人民币，货币供应量增加、物价上涨、经济过热。用格林斯潘的话说，如果中国坚持不升值，他们自己的货币就会出问题。 　　3、鱼与熊掌：如果人民币被低估，美国人必然乐意将美元兑换成人民币，最终导致人民币过多，通货膨胀。经济是均衡的，你坚持固定汇率不动摇，我就用美元冲你人民币，最终导致你通货膨胀，失去竞争力。鱼与熊掌不可兼得，是选择固定汇率，还是选择稳定物价？中央的态度很明确，固定汇率是长期坚持的基本国策。去年顶住7国财长的压力，被认为是外交纵横的一项重大收获。 　　按中国人的一贯思路，敌人的敌人就是我们的朋友。美国的劝告，反着做就可以了。美利坚要我们升值，我们偏不能升值。 　　但事实究竟怎样，还是要讲清楚：汇率上涨，受益者是人民币持有人，即13亿民众。你可以轻松去加勒比海滩度假，甚至娶一个年轻漂亮的马来西亚太太。 　　汇率不涨、国内通胀的话，受益的是政府和银行。作为最大的债务人，几万亿坏帐相应缩水，更容易偿还，政府获得大量的铸币权，以应付财政开支。 　　财富只有一笔，鱼与熊掌不可得兼，总之，百姓去加勒比渡假是没有指望了，更没钱娶一房马来太太，这些钱将用来填补国有银行的亏空。 　　总体上，以国家利益而说，填补银行总比去海滩渡假重要得多，但还是应跟民众解释清楚，中央的选择中，谁是受益者、谁是受害者。 　　 　　4、房地产：新一轮热钱潮的一个奇怪现象，是游资收购房地产，而不是传统意义的股票与债券。国际换汇资金，讲究的是光速划拨，要求高流通、低风险、固定收益。从这个角度，债券是最好的选择，一些短期债票面受益率，甚至成了一国汇率的基准。 　　 　　相对而言，股票不会受宠，因为波动太大，收益率也不确定。一般而言，房地产根本不是游资的选择，因为流通性实在太差，且千房千面，每一套房源都要单独评估、单独销售，简直是游资的恶梦。 　　 　　但在中国，价格正逐渐向美国靠拢。到底是人民币报价变动，还是汇率变动，游资心中没有底。事实上，中央坚守固定汇率的决心，不容小视。因此，最好的选择就是购买房地产。一旦8.27的汇率不变，而是内部通胀，房价就会随物价上涨。无论是汇率涨，还是物价涨，房地产两相得宜。 　　 　　外行看热闹，内行看门道。目前来看，8.27牢不可破；简单地将美元兑换成人民币的初级投机者们，将遭受毁灭性的打击。 　　 　　5、宏观调控：调控有一个很大的漏洞，即对内资外资的影响不同。内资奄奄一息、外资如鱼得水。调控之下，江苏省十几家银行集体停贷，民企几乎被屠戮殆尽。国内企业再也无力取得贷款、扩大产能，再也无力抢占市场了。 　　中央管得了国内银根，却管不了国际银根。当前银根空前紧张，国际市场呢，却是45年来最低的利率，宽松得要命，外资企业可以大量融资。 　 　　我们很痛心地看到，国内企业普遍停产的时候，外资公司却是心是心非。一些外资学者大喊中国必需减速、减速、再减速时，他们自己的公司却在急步跑马圈地。 德国大众新加了两条生产线，广州本田加了一条，大摩在上海投了几十亿的地产项目，转手又买了建行的几十亿抵押物业。行政命令规定，银行不许做银行系统违约率最低的个人房贷，而天津的一家德资银行却连5.04%都不要了，干脆开出3%的优惠利率。 不知道外国专家究竟是看多还是看空，但我们知道总产能并没有下降多少。唯一的区别是内资让几步，外资就进几步。 　　一个完全的市场经济体系中，抽紧银根，则货币减少，供应紧张，汇率相应上升。实行紧缩性货币政策时，内资借不到贷款，外资因为汇率上升，一样要付出更多的投资成本；一句老话是，固定汇率下，外资涌入将抵销紧缩性的货币政策。但固定汇率下的调控，却只苦了内资，便宜了外资。 　　 　　国内银根很紧，国外银根很松；国企奄奄一息，外企如鱼得水。固定汇率加上宏观调控，便导致一个大漏洞，使国企不战而溃，大好市场份额拱手让人。 　　其实，解决的方案很简单，对某些特定行业，征收投资调节税。凡不许增加产能的国企，外资也不许进入，进则征收额外税。更进一步讲，如果觉得某行业产能过大，第一个应砍掉的是外资的工厂，调控也应从外企开始。如果觉得汽车业产能过大，第一个被砍掉的应是广州本田，广州马自达。残害民族企业取媚洋人，砍掉民企市场份额让给洋人，一直是统治者的思维。 　　7、日本模式：从宏观经济讲，中国越来越象80-90年代的日本，越来越在复制日本模式。和90年代的日本一样，中国也是一个出口导向型国家，希望用较低的汇率补贴出口，都也面临外储急剧增加的情况，不得不解决外汇占款引发的通胀情况。 　　货币泛滥的情况下，怎样保持出口竞争力，将出口导向型经济维持尽量长的时间？日本的对策方针是，进一步扭曲价格体系，不出口的东西都涨价，出口的东西都不涨价。日本的葡萄卖到1美元一粒。日本的西瓜卖到30美元一个。但无论如何，都比不上日本的房地产价格夸张。 　　房地产是一个典型的内销型部门，为房地产买单的99%都是国内百姓。很多人都认为，房价过高，会导致城市的商务成本过高，丧失竞争力---其实这是一个误解，一家大型跨国公司中，房地产、员工房贴只占总成本的8%，甚至还比不上一些公司的电话费。 　　房地产的价格，99 %由本地百姓负担，剩余的1%中，还要分工业地产、商业地产、民用地产。普通城市的住宅楼可以很贵，但工业用地可以很便宜，政府可有意识补贴。 　　 　　政府从房地产可以取得大量税收，这样一笔巨额财富可用来造机场，造码头，改善基础设施；或高额出口退税，或提供优惠项目。 　　 　　房地产事业是典型的剥削内贸、补贴外贸。用民众的负担补贴出口竞争力，甚至可以说，房价越高，出口竞争力越强。现在，中国也将走上日本的老路---低汇率导致外储急增，引发通胀压力。政府将之引向房地产，让民众买单，令外贸出口业不受损伤。99%内销的部门始终是宣泄通胀压力的好去处。房产、交通、医疗、教育，莫不如x此。 　　日本出口一台彩色喷墨打印机，价值750元。对中国一年出口10万台，价值7500万元。当东京都一套很普通的公寓，价值和出口到一个国家的打印机相等时，东京都的房地产事业崩溃了，扭曲的价格体系再也无法维持。 　　现在，日本的土地是全世界最昂贵的，日本的出口是全世界最强的。即使经历一次崩溃，无论民生痛苦指数如何，仅就出口而言，日本仍是全世界最强劲的国家。 　　8、结语：经济是一具活物，任何扭曲都不能长久，并且要为扭曲付出代价。中国为追求出口优势，人为扭曲人民币汇率---无论人民币升不升值，只要背离基本面，美国都能从中找出弱点，借而打击人民币。长期坚持固定汇率，美国就会用美元冲击人民币，扩大货币供应量，并最终导致通胀。如果学习日本模式，扭曲国内价格，用房地产宣泄通胀力，将人为地延长汇率扭曲，未来，不仅房价飙涨，门外大排档的碗面也要涨到30元一碗。 -----我对这文章的理解是，经济这东西，是一个整体，单一的考虑汇率和利率等都还不够全面。经济也不是能够用政策可以制约的，它有自己的心跳和呼吸。我们只能顺应经济的规律而动，否则任何的制约都是这里摁下去，那里弹起来。我们政府的目的在于，她希望藏富于国，而不是藏富于民。所以她拥有巨量的外汇储备。而我也没有这个能力去评判到底这样做再将来是否正确，这个文章也只是给我们打开了一扇窗户，引起我们的思考。对所发生的经济活动的成因给出了一钟解释。摘录这篇文章的确切时间我已经不清楚了，肯定在去年初之前，可能是04年晚些时候，现在再看，恐怕更有启发。</t>
  </si>
  <si>
    <t xml:space="preserve">怎么去追女孩子? </t>
  </si>
  <si>
    <t>看来你还是个好男人，不懂还知道去问！我认识他时他说我不懂，可是不懂最起码也得付出真心呀！可他除了偶尔说他是真的，偶尔见几面外我根本感觉不到他的心！连暗示都不管用！所以你只要有真心，并且让她看到，能信任你，去主动关心你，那末你就成功了！记住！如果她不是图你的钱，那末你就用实际行动去感化她，执白的表达是最有用的，女人是听觉动物懂吗？拿出你的真心，多约她，给他电话或短信关心她，记得她说过的话，给她意外的惊喜，很用心但不需多贵的礼物，女孩子都是心软的。记得你是最棒的，永不气馁（当然她不烦你）持之以恒，包容她体贴她，记得有点厚脸皮呀，女孩有时是虚荣的，虽然嘴上说你不要脸，但心里美滋滋的，有哪个女孩不高兴有个男人坚定的追求呢！祝福你还有那个你倾心的女孩，她比我幸福！</t>
  </si>
  <si>
    <t xml:space="preserve">没锤子了怎么办？完美军备箱我开到45的时候包裹箱满了，我就把锤子 </t>
  </si>
  <si>
    <t>直接去乾坤袋去买一个吧,开了到80级还要一个锤子的`</t>
  </si>
  <si>
    <t xml:space="preserve">再进一个土耳其2比0了 </t>
  </si>
  <si>
    <t>正常了后面太冷了没法中呵呵</t>
  </si>
  <si>
    <t xml:space="preserve">我有严重的便秘，可是最近上厕所的时候还老是出血，我想知道这没什么? </t>
  </si>
  <si>
    <t>严重的便秘解决就用南方李锦记有限公司生产的中草药口服液,方便快捷，无毒副作用。用一下这个产品,会有非常好的效果的,消除你的痛苦。中药的生物活性成分有特殊的效用,全面调理身体,补中益气,调节肠道运行能力,加服"红果清露",选用天然植物天然北山楂 优质蜂蜜和特选金银花制成,即可去火解除大便燥结便秘还补充维生素C,当作饮品,解决这个不是病又不得不引起重视的问题. 如需要帮助,尽力帮助.</t>
  </si>
  <si>
    <t xml:space="preserve">在初中数学基础不太扎实的情况下，怎样进行高中数学的有效学习？上初 </t>
  </si>
  <si>
    <t>想要学好数学、首先你看到题目不要盲目动笔做，要理清思路，找到题目的下手点和有关知识点，要学会用数形结合的方法，才能又快又准。</t>
  </si>
  <si>
    <t xml:space="preserve">·我可以不吃油腻的食物，但很喜欢吃面粉类的食物，就怕胖，请问有没? </t>
  </si>
  <si>
    <t>我也和你有几乎一样的饮食习惯,可是最近看过一篇文章说:从健康的角度讲应该是吃的要酸碱平衡,否则的话,我们的身体就会出现各种各样的问题,并且后患无穷.多运动,晚饭控制一下饭量,基本上是可以控制体重的.试试看吗?</t>
  </si>
  <si>
    <t xml:space="preserve">魔力卡有什么特色服务？ </t>
  </si>
  <si>
    <t>魔力卡有什么特色服务？      魔力卡持卡人可以免费获得女性健康保险和意外入院医疗保险。此外，魔力卡有4款超现实风格卡样选择，它们都具备夜光功能。</t>
  </si>
  <si>
    <t xml:space="preserve">不知道膏方能够吃到啥时候？去年冬天开的膏方，吃的慢了点，小袋装，? </t>
  </si>
  <si>
    <t>膏方能不能吃、吃到何时要看你的膏方治什么病，属清热解毒的还是滋补的。如果属解毒通络的就没有忌讳，如果属于补药，夏天、春天不要吃。不过一方治一病，人的体质今天和前天都不一样，还是不要乱吃的好。</t>
  </si>
  <si>
    <t xml:space="preserve">请问上投的成长先锋现在可以买入了吗?是不是又封闭了?同上 </t>
  </si>
  <si>
    <t>还不能买,暂停申购.</t>
  </si>
  <si>
    <t xml:space="preserve">"坐在指挥台上,如果什么也看不见,就不能叫领导.坐在指挥台上,只? </t>
  </si>
  <si>
    <t xml:space="preserve">　正确的领导，对未来应有科学的预见。毛泽东在中共七大上所作的结论中说过：“坐在指挥台上，如果什么也看不见，就不能叫领导。坐在指挥台上，只看见地平线上已经出现的大量的普遍的东西，那是平平常常的，也不能算领导。只有当还没有出现大量的明显的东西的时候，当桅杆顶刚刚露出的时候，就能看出这是要发展成为大量的普遍的东西，并能掌握住它，这才叫领导。” </t>
  </si>
  <si>
    <t xml:space="preserve">一时兴起，影子了个PF。现在问下PF秒高2，3板能力问题一时兴起 </t>
  </si>
  <si>
    <t>你这能力跳太低了，如果能跳能达到98就好了，这样77 98左右高2都能秒，也比较稳，如果再升一级，我没记错的话板能力应该能达到79，这样高2就非常稳了，但79也秒不到高3，190男PF秒高3最低能力为80，不稳，但如果再买个VIP，板能力达到81，跳98即可，高3也可非常稳。关于男PF我经过详细研究的，也亲身试验过，以上数据都是实践得知，能力达到，就需多练掌握时机了。说句多余的，除了男C，女C和男PF要想痛快秒板就得用钱砸，什么新手包啊，VIP尽管招呼，多多益善。</t>
  </si>
  <si>
    <t xml:space="preserve">吃葡萄干真的补血吗?是白的还是黑的? </t>
  </si>
  <si>
    <t>葡萄含糖量高达10%-30%，以葡萄糖为主。葡萄中的多量果酸有助于消化，适当多吃些葡萄，能健脾和胃。葡萄中含有矿物质钙、钾、磷、铁以及多种维生素B1、B2、B6、C和P等，还含有多种人体所需的氨基酸，常食葡萄对神经衰弱、疲劳过度大有裨益。把葡萄制成葡萄干后，糖和铁的含量会相对高，是妇女、儿童和体弱贫血者的滋补佳品。 我国历代医药典籍对葡萄的药用均有论述。认为，葡萄味甘微酸、性平，具有补肝肾、益气血、开胃力、生津液和利小便之功效。《神农本草经》载文说：葡萄主“筋骨湿痹，益气，倍力强志，令人肥健，耐饥，忍风寒。久食，轻身不老延年。”葡萄不但具有广泛的药用价值，还可用于食疗：头晕、心悸、脑贫血时，每日饮适量的葡萄酒2-3次，有一定的治疗作用；干葡萄藤15克用水煎服可治妊娠恶阻。《居家必用》上还曾记载葡萄汁有除烦止渴的功能。现代医学研究表明，葡萄还具有防癌、抗癌的作用。葡萄具有极高的观赏性，人们将其制作成各种盆景放置室内，清香幽雅美观别致；或在居室前后栽植，藤蔓缠绕，玲珑剔透，芳香四溢，是美化环境的佼佼者。然而，葡萄的巨大经济价值主要在于酿酒，全世界80%的葡萄都用于酿酒。但是，随着人们保健意识的增强，消费观念的转变，越来越多的葡萄被酿成果汁，成为味美多效的营养保健果品。其不但能治疗多种疾病，直接饮用葡萄汁还有抗病毒的作用。　　营养成分：葡萄的含糖量达8%～10%、维生素A、B1、B2、C、蛋白质、矿物质钾、磷、铁等,此外它还含有多种具有生理功能的物质。</t>
  </si>
  <si>
    <t xml:space="preserve">6品以后不用将军令怎么快速刷文勋 </t>
  </si>
  <si>
    <t>6品以后可以每天做文官的文勋任务（就是太学里面接的）可以获得25点文勋，8点以后在末央那接文官任务（两次战场的）可以选择濮阳或者颍川，一次可以得50点文勋，其余的只能收文勋了。到5品以后不刷将军令要很久才能到从四的。</t>
  </si>
  <si>
    <t xml:space="preserve">传奇私服手机充元宝传奇私服里手机充元宝都有上限，请问那个上限是针 </t>
  </si>
  <si>
    <t>应该是手机的上限啊</t>
  </si>
  <si>
    <t xml:space="preserve">荐谜：十里桃花映富春－－词牌一 </t>
  </si>
  <si>
    <t>满江红</t>
  </si>
  <si>
    <t xml:space="preserve">成都机场到蜀汉宾馆怎样乘车？（急）谢机场大巴坐到市区哪里下车比较 </t>
  </si>
  <si>
    <t>在美领馆下车!然后坐72路就可以了!</t>
  </si>
  <si>
    <t xml:space="preserve">怎么删除审核未通过的资料这些资料会显示在个人中心，想去除它们 </t>
  </si>
  <si>
    <t>如果显示在你的个人中心，说明这些资料已经通过审核了，否则你的个人中心不会有这些资料的（要删除很容易，在你的个人中心选择这些资料前面的框框勾选，在下面的删除就可以了）。</t>
  </si>
  <si>
    <t xml:space="preserve">金属板甲在哪里买啊？是不是谁都可以修理？还是要指定某个NPC修理 </t>
  </si>
  <si>
    <t>金属板甲 铁匠制作物品 样本出处普莱达(仙魔平原黑LOLI) 样本价格93,000G需要材料：铁块×4 高档皮带×3打结绳×2 14% 收尾材料 高档布料×1赛连蝙蝠面具×1  修理NPC：普莱达(仙魔平原黑LOLI)</t>
  </si>
  <si>
    <t xml:space="preserve">央行近期加息吗？会吗？ </t>
  </si>
  <si>
    <t>按照温总理在国外的表态，可能不会</t>
  </si>
  <si>
    <t xml:space="preserve">请问加盟服装店,要不要考虑服装设计师??? </t>
  </si>
  <si>
    <t xml:space="preserve">不用.一般的加盟是指连锁的形式在地区或全国内征招,所以产品都是成型的或有一定知名度的.服装也是,既然加盟,就已是成衣了.我觉得要考虑的到是以下几点:1 是否为成熟品牌？因新创品牌的风险系数大于老品牌；2 是否是在成长期？产品同人一样，总有衰退的时候；3 是否有增长空间？也就是前景广不广阔；4 是否有完善机制？好的连锁企业会有一套与众不同的赢利模式；5 是否适合当地市场？再好的东西也有卖不好的地方；6 是否提供假的样板市场？不要只去走访厂家给你提供的样板店，多走访一些店，你会了解的更透彻；7 是否有完善的退换货制度？8 是否有专业人员指导？9 是否有合理的加盟价格？10 经营不善是否有完善的退出机制？仅提供以上几点供参考，做连锁一定要注意细节，也不要轻易相信厂家的一面之词，最后请紧记：商海有风险，投资需谨慎！ </t>
  </si>
  <si>
    <t xml:space="preserve">请问盗贼的涂毒任务到底要几级才能做啊?要怎么做啊?如题.看完了盗 </t>
  </si>
  <si>
    <t>20级,联盟的好象是到暴风城把,部落的好象是到兽人的那个主城,偶知道的就这么多拉^Q^(任务难度好象是21~24把??不是很清楚..)</t>
  </si>
  <si>
    <t xml:space="preserve">瘢痕疙瘩怎样治疗呢怎样治疗瘢痕疙瘩？ </t>
  </si>
  <si>
    <t>你好，目前修复各种疤痕一般采用手术。磨皮术。胶原蛋白注射术等医学方法。都各有不理想的后果。特别是手术方法。因为疤痕与手术是挛生兄妹。手术后仍会留下疤痕。植皮术后也会留下难看的疤痕。祝你健康，生活愉快。您好，疤痕是由于禸厊组织的生长所形成的，目前康复在这方面的治疗效果很好，建议去康复科做软化瘢痕的治疗如激光，蜡疗，微波等治疗。瘢痕疙瘩暂时还没有特效治疗，同位素敷贴也仅仅60---80%有效。一般在同位素敷贴60天左右会脱皮，变淡，但需要多次治疗。</t>
  </si>
  <si>
    <t xml:space="preserve">什么是爱什么是情 </t>
  </si>
  <si>
    <t>是非常抽象的东西，是一种感觉，一种体味、一种身心超越现实的纯美反应，牵动着整个身心和悲喜情绪。而且力量巨大，大到往往不是理智可以控制的，或根本无理可讲。爱是一种思绪，似蓝天里飘荡的白云。爱是阳光，是风，空气。爱是一种心痛，似拨动你心灵的颤音。爱是一汪情怀，似静谧而又荡漾的海湾。爱是黑夜能看见明亮的光。爱是雪中感觉温暖的春，爱是笑脸，是满足，是新希望，爱是一切，它无处不在，爱是读到一本好书，你会想，如果他也能看到该多好！什么是爱的滋味/感觉？是愉快的，是难过的，是陶醉的，是情绪的，是勇敢的，是信赖的，是诚意的，是体贴的，是相思的，是怀念的，是甜蜜的，是醇酒的，是甘泉的，是沉醉的，是幸福的，是牺牲的，是高尚的，是奉献的，是责任的。什么是情？情就是当你想到这个人，你会祈愿他幸福快乐平安，你会想永远陪伴他，当你不得不离去，你希望留下什么给他。情是在寂寞的夜里，思念如潮水般涌来，手里捧着书却怎么也看不进去，心里惦记着他此时有没有吃晚饭，是不是和自己一样想着自己。爱是，周末利用半天时间亲手做出几道好菜满足的看她（他）吃下去；是在寒冷的冬天不断为她（他）的咖啡杯里续上热水；情是看到花，想跟他或她一起欣赏，爱是走过山崖水畔，你会带点遗憾地想：如果两个人同游共赏该是何等赏心乐意之事！</t>
  </si>
  <si>
    <t xml:space="preserve">小儿白癜风,白殿风能治好吗？深圳哪家医院治疗白癜风最好 </t>
  </si>
  <si>
    <t>病情分析：      您好，治疗白癜风，首先建议您到专门治疗白癜风的医院采用专门的仪器进行全面的检查，查出发病诱因，黑色素丢失的程度及白斑病灶损害的程度等检查，再对症下药，方可达到治愈的效果。白癜风就可以完全治愈。千万不要盲目用药治疗，不但起不到好效果，还可能会加重病情，错过治疗白癜风的最佳时期。白癜风患者要排除忧虑，正确认识自己的疾病，保持心情舒畅，树立战胜疾病的信心。      指导意见：      小孩儿白癜风越早治疗越容易康复，白癜风属于疑难杂症，但不是绝症，是可以治愈的，对待此顽疾一定要专病专治，建议你最好还是去专门治疗白癜风的医院或研究找专家做一个全面的检查，检查出发病机制，才好对症治疗，专科的医院无论是在技术和设备上，往往都比一些综合性的医院更具权威一些。但是一定要记住，不能急病乱投医。白斑有很多疾病，而白癜风只是其中一种。可以先观察下，如果白斑表面光滑，不掉屑，而且不痛不痒的话，一般考虑白癜风的可能性比较大，具体的需要专业的仪器检查后才能确定，建议患者要及早检查确诊治疗，以免延误了病情，错过最佳的治疗时间。             目前治疗白癜风的疗法有很多，不同的病情，个体差异不同，治疗方法也是不一样，建议患者要检查清楚，再对症治疗，才能达到预期的治疗效果。盲目治疗，不仅浪费钱没效果不说，有的反而会加重病情。 白癜风患者内分泌及消化系统产生一定影响，使蛋白质、脂肪、碳水化合物三大营养物质代谢、分解加快，能量消耗相对增加。因此，白癜风患者冬季应适当增加以上产热营养素的摄入，另外，B族维生素有利于正常代谢，不妨多吃些新鲜的米面、蔬果等，尽量多吃粗杂粮。</t>
  </si>
  <si>
    <t xml:space="preserve">今天还能中吗？（图）昨晚小中一注任九，希望今天还能有好运！ </t>
  </si>
  <si>
    <t>不错。祝你好运。由于挂的较早并且比较彻底，我就不陪你看了。祝你好运</t>
  </si>
  <si>
    <t xml:space="preserve">电脑启动时总是发出很大声响和震动，但过两三分钟后就又没了，以前可? </t>
  </si>
  <si>
    <t>以您的症状几乎可以肯定风扇问题：1.可能风扇没油了，拆下后适当加入缝纫机用的那种润滑油。2.风扇被灰卡住了，从你恢复正常的时间看这种可能性很大。拆下后好好冲洗，晒干再装上。这个问题不要轻视，久了会震坏芯片和其他元件</t>
  </si>
  <si>
    <t xml:space="preserve">九场中奖图 </t>
  </si>
  <si>
    <t>中了？ 图呀？？？？</t>
  </si>
  <si>
    <t xml:space="preserve">有谁知道奔驰E级车价格的？ </t>
  </si>
  <si>
    <t>想知道奔驰E级价格啊，具我了解奔驰E级价格在网上好像都已经报出来了吧，根据我在网上看到的奔驰E级价格，大概都在50W左右。具体的奔驰E级价格，要看你说的是哪个车型了，E200L CGI优雅型大概在46W左右，E260L CGI时尚型大概在56W左右，还有一款E260L CGI优雅型的大概在51W左右，奔驰E级车在网上有着很高的评分，不仅仅是它的配置，它在舒适和安全方面都做的很好，楼主可以放心购买~</t>
  </si>
  <si>
    <t xml:space="preserve">既然三角形最稳当，为什么椅子不作出三角形的？ </t>
  </si>
  <si>
    <t>因为三角形最稳当 所以以前的板凳都是三根腿的 为了做着舒服 面都是方的或是圆的 现在人们为了美观、样式新颖 椅子的腿有4根的  不过我们家餐厅的椅子都是三根腿的 就是应用了“三角形最稳当”的原理</t>
  </si>
  <si>
    <t xml:space="preserve">如果有两个男孩同时爱你，是默默的爱好？还是直接表达的好？ </t>
  </si>
  <si>
    <t>鱼跟熊掌是不能兼得的，还是选一个你自己最爱的吧！不然最后，两个都会不爱你。还以为你在玩弄他们的感情。早点决定吧。</t>
  </si>
  <si>
    <t xml:space="preserve">人为什么喜欢听奉承的话有些时候明知道说的话是假的，却还是喜欢听， </t>
  </si>
  <si>
    <t>不是每个人，因人而异！</t>
  </si>
  <si>
    <t xml:space="preserve">为什么用铁锅做饭就可以补铁？难道我们人需要的微量铁元素就是真正的 </t>
  </si>
  <si>
    <t>人是无法吸收利用金属铁的，只有离子形式才能正常利用。铁锅做饭补铁是因为在做饭时，铁锅氧化或与蔬菜部分的起反应产生少量离子，进入蔬菜中，人进食后才可以吸收的。严重缺铁不能靠这样补，要口服一些口服液什么的才更有效，毕竟铁锅通过反应转成离子状态进入人体的还是太少，不过长期用铁锅有一定的辅助作用。</t>
  </si>
  <si>
    <t xml:space="preserve">东西全没了啊！！电信4天道。。服务器维修我就下了今天上来什么都没 </t>
  </si>
  <si>
    <t>你好新浪游戏诛仙资料组为你解答钱没了可能是被盗号了请杀毒查木马 更改游戏密码可能是系统原因换一台电脑登录看看　　　　　　　　　　　　　　　　　诛仙资料组幻之京</t>
  </si>
  <si>
    <t xml:space="preserve">菝葜的药性及作用是甚麽?治甚麽病?我在书上看到单味菝葜治附件炎及 </t>
  </si>
  <si>
    <t>　菝葜（金刚根、铁菱角、普贴）  [药物]  为百合科西南菝葜Smilax  bockii  Warb.的根状茎。产于陕西、山东、安徽、江苏、浙江、江西、湖北、湖南、四川等地。  全年均可采挖，洗净，切片，晒干，生用。  [药化]  含菝葜皂甙、帕利林皂甙、生物碱、氨基酸及糖类。  [药理]  （1）具抗癌活性；对小鼠肉瘤S-180及脑瘤B22的抑制率均在50%以上。  （2）煎剂对体内粘膜的发炎、水肿、充血与出血等均具收敛、止血作用。在治疗中还证明具有一定的止痛消肿作用。  （3）煎剂在试管中对金黄色葡萄球菌、绿脓杆菌与大肠杆菌、痢疾杆菌、变形杆菌等均有抑菌作用。  [药性]  甘、酸，凉。归肝、脾、胃，大肠、膀胱经。  [药效]  败毒抗癌、收涩敛血、消肿止痛。  [药用]  （1）败毒抗癌，用于癌瘤积毒：肝癌   菝葜、半枝莲、夏枯草、紫参、丹参、天胡荽、半枝莲、蛇果草、马鞭草各30克，徐长卿12克，野菊花（后下）15克，藤梨根60克  菝葜、藤梨根二药先煎，再入诸药，野菊花后下，煎2次，早、晚分服，每次冲服蚤休粉3克。局部肝肿大处用蟾蜍皮外敷。内服外用，能使症状缓解、肿块逐渐消除，延长生存期。食管癌  菝葜250克加水2碗，煎3~4小时，倒出药液，加肥猪肉60克，炖烂后，1日3次分服。继续服用，能使肿痛消除，增进食欲，吞咽顺利。亦宜于其它消化道癌、乳腺癌、宫颈癌及鼻咽癌。胃癌  菝葜、龙葵、蜀羊泉各30克，黄毛耳草15克  水煎3次分服，日1剂。坚持至症状消除，肿疡平复。胰腺癌   菝葜60克，黄药子、八月扎、龙葵各30克  水煎2次分服，日1剂。能使呕吐、肿痛等症状缓解，延长生存期。直肠癌   菝葜、龙葵、红藤、忍冬藤、白花蛇舌草各30克，半枝连、白头翁、白英各15克  水煎3次分服，日1剂。能使癌肿缩小，粘液血便逐渐减少。结肠癌  菝葜、藤梨根、石打穿各30克，凤尾草15克  水煎2次分服。能使胀痛等全身症状消减，肿块逐渐缩小，肠梗阻等解除。恶性淋巴肉瘤  菝葜30克，三棱、莪术各9克，龙葵60克 水煎服，日1剂。继续服用40~50剂，能使临床症状缓解，肿块消除。卵巢癌  菝葜、半枝莲、虎杖、白花蛇舌草各30克  水煎服，日1剂。3个月后，尿频、尿急等压迫症状消失，肿块缩小。可结合手术治疗。  （2）收涩敛血，用于尿频下血：尿频尿血  菝葜30克，小蓟15克  水煎3次分服。  （3）消肿止痛，用于炎肿痹痛：淋巴结肿  菝葜、生甘草各25克  水煎服。亦治蜂窝组织炎、乳腺炎及腹部炎性肿块。</t>
  </si>
  <si>
    <t xml:space="preserve">请帮忙解释一下：语文正怜火树千春妍，忽见清辉映月阑。出海鲛珠犹带 </t>
  </si>
  <si>
    <t>好难的问题啊</t>
  </si>
  <si>
    <t xml:space="preserve">五道口那卖包的地方多吗 </t>
  </si>
  <si>
    <t>挺多的，晚上有地摊也有卖的，另外就在轻轨附近有几家店也不错哦</t>
  </si>
  <si>
    <t xml:space="preserve">国内最好的口碑的游乐场所是哪个？要好玩有安全的 </t>
  </si>
  <si>
    <t>方特吧，口碑一向都不错，除了好玩的娱乐项目之外，安保工作做的很好，会有专人定期检修，我去过几次了，玩的很开心</t>
  </si>
  <si>
    <t xml:space="preserve">身体下半身骨头疼痛，怎么办呀不知道是不是最近一段时间营养欠佳，平 </t>
  </si>
  <si>
    <t>成年人骨头疼,如果没有别的器质性病变,通常都是因为缺钙.特别是在怀孕期间,对钙的要求量比平时更大一些,建议你加大补钙量,多晒晒太阳,情况会好一些.</t>
  </si>
  <si>
    <t xml:space="preserve">清泉老师：000701和601998节后如何操作10。1以后我该 </t>
  </si>
  <si>
    <t>已经回答了同样的问题.参照.</t>
  </si>
  <si>
    <t xml:space="preserve">下巴正中间长痣好不好我是女生下巴正中间长了颗痣不大黑色但颜色不深 </t>
  </si>
  <si>
    <t>很多人说这是美人痣，不管如何，存在的就是合理的，相信它会给你带来好运！</t>
  </si>
  <si>
    <t xml:space="preserve">请问太原市有那几所幼儿园招聘老师啊!我是太原幼儿师范学校的应届毕 </t>
  </si>
  <si>
    <t>可以去小区附近的幼儿园去试，正规一点的幼儿园现在都有招人计划。</t>
  </si>
  <si>
    <t xml:space="preserve">尼可请问我适合有那种牌子的粉底我是油性皮肤，还有痘痘，毛孔也很粗 </t>
  </si>
  <si>
    <t>可以用DIORSNOW的粉饼,粉质很细,而且控油不错.</t>
  </si>
  <si>
    <t xml:space="preserve">软件五子棋大师２的问题？感激不尽我玩完五子棋大师２的，老是从游戏 </t>
  </si>
  <si>
    <t>右击这个游戏双击可以运行的那个图标，点兼容，设置用98或者2000下玩玩游戏，看可否解决问题。</t>
  </si>
  <si>
    <t xml:space="preserve">我因此离婚吗？我老公非常爱我,可他每天都查我手机，还一个劲的要问 </t>
  </si>
  <si>
    <t>凑合过，如果不象《中国式离婚》那里边那个女的，我觉得都可以原谅，没有完美的，脚正不怕鞋歪，时间长了他发现没问题会好的。</t>
  </si>
  <si>
    <t xml:space="preserve">红鬼，白鬼，水蓝那个好？要实用，我是格，要好练级！谢谢了我是格斗 </t>
  </si>
  <si>
    <t>本人就觉得水蓝比较好大家都认为它的种族不好，ＰＫ的时候被人克可是，人家蜜蜂ＴＬ会不会因为是昆虫系就不用来ＰＫ了呢？也许大型ＰＫ比赛带ＴＬ的不多但没事街头ＰＫ用的不会烧．更何况敏蜂．鬼克人怎么了，在现在闪装泛滥的时代有几个ＰＫ还是人的，大多都带上飞行戒指或者拿古币换植物系的东东了更有钱点的，直接带不死系都不是让众鬼们闹的而且｀｀更有大胆的，直接放弃人不做，去做兽反正人家高闪你是人的打不到，是鬼克不到遇到抓了飞行系和植物系的更是只能用恐怖来形容了｀｀万一一个重装，转了野兽系去乾坤一个转了飞行或者植物的人．．．．配上高攻．那真的就是野兽了！！！所以野兽系也不是很垃圾｀｀ＰＫ是多变的．等你发现哪天你的鬼用一１０级强打别人，发现才１００+的血．到时候不用怀疑自己宠是不是掉了１０档魔（开玩笑）什么的，那就是说明你碰上了＂飞人＂或＂植物人＂了．．到时候你才发现自己的栏里缺个水蓝｀｀就只有乖乖认输吧｀｀｀上天赐给水蓝１０个技能格，用不中咒｀｀加上多变的魔法可爱的外表．一定会撕破不死系魔宠的天下，为野兽系寻得一丝阳光</t>
  </si>
  <si>
    <t xml:space="preserve">“气象”“天气”和“气候”有什么区别？ </t>
  </si>
  <si>
    <t xml:space="preserve">这个具体的区分是这样的。“气象”、“天气”、“气候”这3个词，我们几乎每天都要碰到。当你打开收音机、电视或是翻开报纸，就会听到或看到天气预报的消息；当您要到某地出差，总要向别人打听一下那里的气候、天气好不好？然而，“气象”、“天气”和“气候”的确切含义是什么，它们有什么区别？可能有些人会将其混为一谈，认为反正都是天气呗！其实三者的含义有着较大的区别，相互间又有密切的联系。 　　 　　 “气象”，用通俗的话来说，它是指发生在天空中的风、云、雨、雪、霜、露、虹、晕、闪电、打雷等一切大气的物理现象；“ 天气”，是指影响人类活动瞬间气象特点的综合状况。例如，我们可以说：“今天天气很好，风和日丽，晴空万里；昨天天气很差，风雨交加”等，而不能把这种天气说成是气象；“气候”，是指整个地球或其中某一个地区一年或一段时期的气象状况的多年特点。例如，昆明四季如春；长江流域的大部分地区，春、秋温和，盛夏炎热，冬季寒冷，我们就称这里是“四季分明的温带气候”；每年的7月下旬和8月上旬是北京的雨季等。 </t>
  </si>
  <si>
    <t xml:space="preserve">我的装备和钱多没了这是怎么回是呀帐号是cuiyong1225人物 </t>
  </si>
  <si>
    <t>请说标准普通话..~~~</t>
  </si>
  <si>
    <t xml:space="preserve">我计划离开孩子到外地工作，不知对我女儿有何不良影响？作为母亲，我 </t>
  </si>
  <si>
    <t xml:space="preserve">  假若是我，我不会离开孩子的，因为母亲的位置是任何人都无法替代的。虽然此时孩子不涉及到学业，但这时对孩子的情感方面是相当重要的，我就是一个从小离开父母的孩子，现在已经进入中年，可我觉得当时没在父母身边对我的一生都产生了影响。  至于怎样选择？这主要看你的人生的重点在哪里？假若你是事业型的，那么离开也无可非议的，因为鱼和熊掌不可兼得，只看自己在乎什么？</t>
  </si>
  <si>
    <t>想找个黑龙江地区一起发展完美事业的玩家.想在网通</t>
  </si>
  <si>
    <t>我和同学也是战神的　　我们是大庆的刚玩不久有时间联系下一起玩啊　我叫＄红杏出墙＄</t>
  </si>
  <si>
    <t xml:space="preserve">游山十记的译文出西直门，过高梁桥，杨柳夹道，带以清溪，流水澄澈， </t>
  </si>
  <si>
    <t>以下对此文难以理解之处做了注释,相信你自己可以参考它出来。出西直门〔西直门〕今北京的西直门，城楼已拆除。，过高梁桥，杨柳夹道，带以清溪〔带以清溪〕道旁清溪如同衣带。，流水澄澈，洞见沙石，蕴藻萦蔓〔蕴藻萦蔓〕水草积聚，枝蔓缠绕。，鬣走带牵〔鬣（liè）走带牵〕意谓水藻像马鬃那样被风吹动互相牵扯。鬣，马颈上的长毛。。小鱼尾游〔尾游〕相随地游着。，翕忽跳达〔翕忽跳达〕迅疾的样子。跳达，轻捷。。亘流背林〔亘流背林〕流水绵延，背依树林。，禅刹〔禅刹〕佛寺。相接。绿叶郁①〔（nóng）郁〕茂密繁盛。，下覆朱户〔朱户〕泛指富贵人家的宅第。，寂静无人，鸟鸣花落。过响水闸，听水声。至龙潭堤，树益茂，水益阔，是为西湖〔西湖〕指颐和园内的昆明湖。也。每至盛夏之月，芙蓉十里如锦，香风芬馥〔芬馥〕清新浓郁。，士女骈阗〔士女骈阗（tián）〕形容人多。骈阗，络绎不绝。，临流泛觞〔临流泛觞〕列坐水边，浮杯饮酒。泛觞，酒杯放在流水上，任其漂流，流到谁面前谁饮酒。，最为胜处矣。憩青龙桥，桥侧数武〔武〕古代以六尺为步，半步为武。，有寺依山傍岩，古柏阴森，石路千级。山腰有阁，翼以千峰〔翼以千峰〕以千峰为其羽翼。，萦抱屏立〔萦抱屏立〕环抱着像屏风一样站着。萦抱，环抱。屏立，像屏风一样立着。，积岚沉雾。前开一镜，堤柳溪流，杂以畦畛〔畦畛（qízhěn）〕田间小路。，丛翠之中，隐见村落。降临水行，至功德寺〔功德寺〕旧名护圣寺，建于金时。明宣德二年重建，因改今名。，宽博有野致〔野致〕野趣，田野风味。。前绕清流，有危桥可坐。寺僧多业农事，日已西，见道人执畚者、者〔执畚（běn）者、（chā）者〕拿着畚和的。畚，簸箕之类的农具。，铁锹一类。、带笠者，野歌而归。有老僧持杖散步塍〔塍（chéng）〕田埂。间，水田浩白，群蛙偕鸣。噫！此田家之乐也，予不见此者三年矣。夜遂宿焉。</t>
  </si>
  <si>
    <t xml:space="preserve">急问！！！现在孕26周了，因为上班一直坐着，到下午或者晚上，甚至 </t>
  </si>
  <si>
    <t>这么急，不如去医院检查一下!</t>
  </si>
  <si>
    <t xml:space="preserve">请问原来的双网紫禁之巅现在成哪个区了？是紫禁城还是紫金之巅我也忘 </t>
  </si>
  <si>
    <t xml:space="preserve">娃娃说的那是第一次合区，实际上紫禁城又合了一次，你现在进的区应该是北方一区（双网），而且你们的账号密码都是不变的，直接进这个区就可以了官方公告是这么写的：紫禁城＋大庆一区＋大庆二区＝北方一区（双网）    账号变更规则：    原紫禁城账号不变    原大庆一区账号改为：原账号-D    原大庆二区账号改为：原账号-C    对于合服后可能出现的ID重复的现象：（仅仅出现重复情况的ID有变）    原紫禁城ID不变    原大庆一区ID改为：原ID-D     原大庆二区ID改为：原ID-C </t>
  </si>
  <si>
    <t xml:space="preserve">压电材料在遇到压力时是不是会收缩 </t>
  </si>
  <si>
    <t>一般认为，物质的三态中，在相同的温度下，除气态受到压力可以改变体积外，液态和固态物质受到压力作用时，体积不会改变，即不可被压缩，所以只有有使用固体或液体传递压力。压电晶体的压电效应是指沿某一方向对晶体加压，当晶体变形时，在其与压力方向相垂直的方向上会成比例产生一定的电压，弯折或扭曲压电晶体使之变形时，都会发生压电效应；反之，沿产生电压的方向向压电晶体施加电压，压电晶体会在对应方向发生变形；这里只提到变形而不是压缩，主要还是压电晶体是固体，而固体被认为是不可被压缩。对固体、液体的冷缩热胀，描述为其温度下降时体积收缩而不是被压缩。</t>
  </si>
  <si>
    <t xml:space="preserve">避孕环？有那么多类型的避孕环．那么医院是依据什么给上什么样的环的 </t>
  </si>
  <si>
    <t>您好！1、医院只有众多节育环中的几种；2、根据上环人的需要。</t>
  </si>
  <si>
    <t xml:space="preserve">求能转换成MOV格式的免费软件小弟试了好多软件。不是不行就是要收 </t>
  </si>
  <si>
    <t xml:space="preserve">3GP Convert v2.0 绿色汉化版(AVI,WAV,MP3等转换)  软件大小：680 KB软件语言：简体中文软件类别：国产软件 / 特别软件 / 视频转换 运行环境：Win2003, WinXP, Win2000, NT, WinME添加时间：2005-11-7 3:01:15更新时间：2005-11-7 3:01:15软件添加：开心果果软件评级：会员级别：匿名用户下载统计：本日：15　本周：292　本月：2492　总计：8207 公告：网通镜像大概在15日左右开通 论坛嘛等下载站再储存一资本的样子 大概超过1500人在线再考虑   软件简介：3gpconvert是一个影像转换软件，支持AVI, MPEG, VCD, WAV,MP3, MOV, AMR, MP4. 等格式的转换。转换后的软件可以在手机或mp4播放器中播放。由于使用了质量优化技术使生成的文件质量高容量小。它还能搜索出一个文件夹或一个磁盘中所有支持的文件并转化。  </t>
  </si>
  <si>
    <t xml:space="preserve">键盘打久了，有些键会反应不太灵敏了，怎么办？ </t>
  </si>
  <si>
    <t>除了更换键盘外，还可以修理键盘。（1）  键盘的某个按键按下后无法弹起的故障诊断方法：键盘的某个键按下后无法弹起是由于一些键盘、键帽下的弹簧老化使弹力减弱，引起弹簧变形，导致该触点不能及时分离，从而无法弹起。其故障维修方法为：将键帽盖片下的弹簧更换，或将弹簧稍微拉伸以恢复其弹力，再重新装好键帽即可。（2）  按下某个键屏幕上没有反应的故障诊断方法：按下某个键屏幕没有反应主要是由于内部的电路板上有污垢，导致键盘的触点与触片之间接触不良，使按键失灵或该按键内部的弹簧片老化而变形，导致接触不良所致。其故障维修方法为：首先拆开键盘的外壳，用软毛刷将电路板上的污垢清除，同时使用无水酒精清洗键盘按键下面与键帽接触的部分，清洁后进行测试。如果故障依旧。接着再次拆开键盘外壳，更换有问题的按键即可。</t>
  </si>
  <si>
    <t xml:space="preserve">冬天混合性皮肤怎样护肤冬天来了,混合性皮肤用哪一种洗面奶和用什么 </t>
  </si>
  <si>
    <t>混合性皮肤到了冬天也会比较干燥,应该用些重点补水的洗面奶,注意不要用碱性太强的,要用不含皂质的,用一些补水的乳液.注意保持油水平衡就好了...碧欧泉的粉色那款泡沫洗面奶,应该是为冬天设计的吧.比较温和滋润,又能洗干净脸.配套的那些爽肤水和滋润爽,都很好啊..毕竟是欧洲三大护肤品牌..我觉得挺好的,补水效果挺好的,又温和.ZA盈活滋润霜,冬天用很滋润的,还有雅芳的保湿凝露，补水效果很好的。</t>
  </si>
  <si>
    <t xml:space="preserve">和男友一起参加同学聚会，我该怎么做？和男友一起参的同学聚会，有时 </t>
  </si>
  <si>
    <t>不用担心的，他们肯定会有人主动和你交谈的，你就把他们当做是你的朋友一样，和他们交流就可以啊，最好不要一句不吭声，适当的主动跟他们聊聊，这样给人的感觉好一点，到时候你男朋友肯定也会照顾你的。我很喜欢和男朋友去参 的聚会，不知道为什么，见到他的朋友们我都不觉得陌生，就好像是我自己多年的老朋友一样上个星期我跟男朋友去参 的一个小型同学聚会，大家一起去烧烤，因为跟他们不是很熟，所以肯定不是有很多话说的，而且他们一帮人又开始搓麻将，我没事做，就帮他们烧东西吃，呵呵，给足了男朋友面子，他们还夸我弄的好吃，两全其美哦，还有如果去KTV的话，你也可以大方的唱几首歌，反正就是要大方、开朗一点，给人感觉会亲切一点</t>
  </si>
  <si>
    <t xml:space="preserve">房间配色问题客厅想铺乳白地砖，卧室浅色地板，请问家具门等如何配色 </t>
  </si>
  <si>
    <t>客厅想铺乳白地砖，卧室浅色地板,按照墙浅地中家具深的不变法则，门和家具可以用些中性色系，如沙比利、橡木、柚木等等，门和家具的颜色接近又不相同即可或同是沙比利，因不是一个厂家颜色就会有出入，这样正好就岔开了颜色了..</t>
  </si>
  <si>
    <t xml:space="preserve">重庆有做祛痘修复的吗？怎么去除痘印？ </t>
  </si>
  <si>
    <t>渝美人健康管理机构我是慕名而去做祛痘修复的，同事去过我才放心，而且是签约的，无效退款，还比较负责任，就把自己的脸交给他们了，老板说我主要是因为内分泌失调，生活不规律长痘痘，用中医的方法给我调理了，结果还算不错，印子也修复得差不多了。在江北做还是觉得很不错的，地址------江北观音桥红鼎国际A栋15-3 ============</t>
  </si>
  <si>
    <t xml:space="preserve">急切求教，我的乙肝两对半是否正常、转氨酶过高有问题吗？我去做乙肝 </t>
  </si>
  <si>
    <t>你传来的数值提示乙肝表面抗体阳性，其它四项均为阴性。结合第一次医生说你是感染的结果判断：你是先感染了乙肝病毒，在机体产生了后将病毒清除。因此，你已经产生了有效抗体即表面抗体，因此，不需要注射乙肝疫苗了，因为注射乙肝疫苗也是要产生乙肝表面抗体，而你现在已经产生了，所以不需要再注射乙肝疫苗了。但是你可能还在恢复期，需要适当治疗与调养，使肝脏得以完全修复。</t>
  </si>
  <si>
    <t xml:space="preserve">请问一下在winXP中，要是adminnistrator的用户密? </t>
  </si>
  <si>
    <t>恢复Win2000/XP管理员密码一、删除SAM文件，清除Administrator账号密码　　Windows 2000所在的Winnt\System32\Config目录下有个SAM文件（即账号密码文件），它保存了Windows 2000中所有的用户名和密码。当你登录的时候，系统就会把你键入的用户名和密码，与SAM文件中的加密数据进行校对，如果两者完全符合，则会顺利进入系统，否则将无法登录，因此我们可以使用删除SAM文件的方法来恢复管理员密码。　　删除SAM文件后重新启动，此时管理员Administrator账号已经没有密码了，这时你可以用Administrator账户登录系统，不用输入任何密码，进入系统后再重新设置你的管理员账户密码即可。二、从SAM文件中找密码　　这里需要的工具是LC4，运行LC4，打开并新建一个任务，然后依次点击“IMPORT→Import from SAM file”，打开已待破解的SAM文件，此时LC4会自动分析此文件，并显示出文件中的用户名；之后点击“Session→Begin Audit”，即可开始破解密码。如果密码不是很复杂的话，很短的时间内就会得到结果。　　不过，如果密码比较复杂的话，需要时间会很长，这时我们就需要用下面的方法了。三、用密码重设盘设新密码　　在没有使用“欢迎屏幕”登录方式的情况下登录到Windows XP后，按下“Ctrl + Alt + Del”组合键，出现“Windows 安全”窗口，点击选项中“更改密码”按钮，出现更改密码窗口（图1）。这个窗口中，将当前用户的密码备份，点击左下角“备份”按钮，激活“忘记密码向导”，按照提示创建密码重设盘。　　如果在Windows XP的登录窗口输入了错误的密码，就会弹出“登录失败”窗口（图2），如果你的确想不起来自己的密码是什么时，可点击“重设”按钮，启动密码重设向导，通过刚才所创建的密码重设盘，重新设定密码，登录Windows XP。四、使用软件修改密码　　Windows Key 5.0和Windows XP/2000/NT Key这两款软件可以自动把Administrator密码修改为12345，重启系统后用此账号登录，然后在“控制面板”用户中，再重新修改管理员密码即可。　　软件名：Windows Key 5.0　　使用方法：运行之后会生成3个文件：txtsetup.oem、 s和 f，把它们拷贝到一张软盘中，制作成一张Windows Key盘。然后使用Windows XP安装光盘启动电脑，启动过程中按F6键让系统安装第三方的驱动程序。此时，放入Windows Key软盘就会自动跳到WindowsKey的界面，这时它会强行把Administrator的密码换成“12345”。　　软件名：Windows XP/2000/NT Key　　使用方法：用它制作一张驱动软盘；然后用安装光盘启动电脑，启动过程中按“S”，插入该驱动软盘，系统管理员账号administrator的密码就会被改为12345。</t>
  </si>
  <si>
    <t xml:space="preserve">怎样才能大大方方，我总是畏畏缩缩，说话也细声细气，很讨厌我现在的? </t>
  </si>
  <si>
    <t>你只要正确认识自己，能全面地看待他人和自己，就会感觉自己没那么差，而是自己可能感觉状态不是最佳或太在乎他人的看法或想法。而他人的看法或想法往往存在片面性，引起你不必要的自卑感。一个人要正确认识自己，因为人与人性格差异很大，了解自己的性格优势与不足。要学会扬长避短有助于形成自己独特的自信心。人是不断变化发展的，我们需要不断更新、不断完善对自己的认识，才能使自己变得更好和更完美。正确认识自己，就要作到用全面的、发展的眼光看自己。所以人就特别需要充满自信来完成自己的目标，自己的事业......你就能成为强者。首先，你要有自信心，认为自己干什么事情都能行，只有认识到通过自己的努力，自己一定能达到目标的。从心灵上确认自己能行，自己给自己鼓劲。只要有心理准备，你就不会为一点困难而退缩。相信，你就能充满信心完成任务。世界在发展，时代在进步，人也要随着时代的步伐前进。人的发展目标也在时时发生变化。只要你克服自卑心理，树立自信心，做自己幸福的缔造者。你只要有了自信心什么困难都能克服，什么事情都难不倒你；你的学业或者事业就会成功，你就是一个最有出息的年轻人。当你拥有了自信，你还要学会广交朋友，只有在朋友们推心置腹的话语中能给你一种安慰，一种大胆说话的机会，一种锻炼你的场合，让你不怕任何人，敢于表示自己的意见或建议，发表自己的见解。因为朋友能让你远离孤独，才能融入社会而获得快乐。没有友情的人生是暗淡的，就像大地失去了太阳的照耀，没有光彩。没有友情的人生是枯燥的，就像受了潮的火柴，任你怎样摩擦，也点燃不起的希望之火。没有友情的人生更是不完整的人生。一个人活在世上，既然没有朋友，没有朋友的关怀，又怎能理解人生的真正乐趣呢？只有充满了友情的人生才是充盈的，有意义的。有位哲人说：两个人分担一份痛苦，那就只有半个痛苦；两个人分享一份快乐，则有两份快乐。当你陷入困境，困窘急迫之时，忽然得到朋友的真诚帮助，即使只是平常的一句安慰、鼓励的话语，你的心情会怎样？是否会感到心灵得到了一种快慰的释放，觉得一股暖流从心底升起，于是充满信心，浑身是劲？当你获得成功，欣喜万分时，若得到朋友的真心祝福时，你的心情又会怎样？是否感觉幸福。因此，增强你的自信心，就能消除自卑感。你就感觉自己是多么自信！你在拾回自信的同时工作方面就能大展宏图，你就是一位强者！</t>
  </si>
  <si>
    <t xml:space="preserve">身边一个朋友不知道为什么，就得了抑郁症，而且好像很严重，还自杀过? </t>
  </si>
  <si>
    <t>抑郁症虽然病因尚不十分明确，但它是一种有明确基础的疾病。目前研究提示它主要由体质因素和环境因素共同作用。个体的遗传素质对抑郁症的发生有重要作用，其遗传方式可能是多基因遗传。缓解抑郁的方法：回家后先大声吼 2 分钟要将心里的怨气发泄出来；再坐在沙发上静静地听轻音乐 15 分钟，过后你就会觉得心里舒服多了。或者你将自己心中的不满向家人或好朋友倾诉，你也能得到解脱。希望通过心理调节，你能正确对待类似情况，使自己身心愉快。你平时应该多听音乐，让优美的乐曲来化解精神的疲惫。轻快、舒畅的音乐不仅能给人美的熏陶和享受，而且还能使人的精神得到有效放松。开怀大笑是消除精神压力的最佳方法，你就忘掉忧虑，笑口常开。你还应该有意识的放慢生活节奏沉着、冷静地处理各种纷繁复杂的事情，即使做错了事，也不要责备自已，这有利于人的心理平衡，同时也有助于舒缓人的精神压力。勇敢地面对现实，不要害伯承认自己的能力有限，而不能正确处理事务。你要广交朋友，经常找朋友聊天，推心置腹的交流或倾述不但可增强人们的友谊和信任，更能使你精神舒畅，烦恼尽消。相信自己一定能减轻压力，振作精神，充满自信，心情舒畅，就能以良好的心态，增进友情，学习进步，工作顺利，生活愉快！</t>
  </si>
  <si>
    <t xml:space="preserve">看过《蜜桃女孩》么？喜欢阿里么？ </t>
  </si>
  <si>
    <t>很好的片。</t>
  </si>
  <si>
    <t xml:space="preserve">我的眼镜哦！我是个近视眼，我想去掉眼镜，请问济南什么医院作激光治 </t>
  </si>
  <si>
    <t>市立二院，很专业的！我的同事最近有好几个做的，都不错，十分钟就可以做完，很方便，第二天就可以恢复视力，一般恢复到1。0，最高1。5</t>
  </si>
  <si>
    <t xml:space="preserve">&lt;人鬼情未了&gt;的主题曲叫什么在哪里可以听到 </t>
  </si>
  <si>
    <t xml:space="preserve">Unchain Melody   奔放的旋律 Oh, my love, my darling  I've hungered for your touch a long lonely time.  and time goes by so slowly and  time can do so much,  Are you still mine?  I need your love  I need your love  God speed your love to me!  Lonely rivers flow to the sea  to the sea  to the open arms of the sea.  Lonely rivers sigh  "Wait for me, wait for me!"  I'll be coming home  Wait for me!  Oh, my love, my darling  I've hungered for your touch a long lonely time.  and time goes by so slowly and  time can do so much,  Are you still mine?  I need your love  I need your love  God speed your love to me! 在线听: </t>
  </si>
  <si>
    <t xml:space="preserve">网通问价!!!我想出AUC套9件多少啊??[CT或点卡]S35和 </t>
  </si>
  <si>
    <t>正确的告诉你  AUC套  现在 网通 能卖个400-450之间~~~要说+8吗   这个东西本来就这个价  是不变的东西~~~~4S3S35贵的原因是   出了EX车身   属性的关系~~  所以S35很贵了可在网通 没你说的那么贵  也就140-150吧  希望 LZ  能 收个好价钱~~~</t>
  </si>
  <si>
    <t xml:space="preserve">观察把红墨水滴落水中后的扩散现象在不同温度的水中的扩散情况还有可? </t>
  </si>
  <si>
    <t>红墨水滴入水中回扩散开来。而且温度越高，扩散得越快。结论：分子每时每刻都在做无规则 运动。而且温度越高，运动越激烈。原因：分子每时每刻都在做无规则 运动，温度越高，分子具有的平均动能就越大，运动就越激烈。这是高二的知识，初3好象也会学到，但比较不详细。</t>
  </si>
  <si>
    <t xml:space="preserve">你家宝宝是什么时候晃晃悠悠跨出第一步的？当宝宝脱离你的怀抱，跨出 </t>
  </si>
  <si>
    <t>我宝宝真正意义上的第一个月可是13个月呢，是不是有些晚，现在15个月了，走得可好了，孩子的变化可大了，每天都会有新发现，新惊喜。七个月的宝宝正是学爬的时候，还是先让宝宝爬吧。</t>
  </si>
  <si>
    <t xml:space="preserve">在北京哪家银行能买到国债？在北京哪家银行不用凌晨排队就能买到国债 </t>
  </si>
  <si>
    <t>兴业银行可以进行预约，将资金打入兴业卡，然后在柜台办理或开通个人网上银行自己办理都可以。其它小银行也有可能有预约业务，你可以去咨询一下，四大行就不用去了，不太可能买得到。</t>
  </si>
  <si>
    <t xml:space="preserve">细胞分裂多少个某种细胞每过30分钟便由1个分裂成2个，经过5小时 </t>
  </si>
  <si>
    <t>解：经过5小时这种细胞由1个能分裂成2^10个。即等于1024个细胞</t>
  </si>
  <si>
    <t xml:space="preserve">这病有治好的例子吗？慢性咽炎有什么中成药？越多越好啊！ </t>
  </si>
  <si>
    <t>建议你服用桂龙药业生产的慢严舒柠,十盒一个疗程,根据患病时间长短确定疗程,坚持服用应该可以治愈,因为我前年服用过一个疗程发现有效果,以为好了就没继续服用,现在有些时候咽喉不太舒服.</t>
  </si>
  <si>
    <t xml:space="preserve">大脚怎么使用一键驱散大脚插件怎么没有一键驱散了？如果有怎么开启？ </t>
  </si>
  <si>
    <t>不就在主界面6个选项里么？ 团队框架 首领报警 一键驱散 还3个忘记了.</t>
  </si>
  <si>
    <t xml:space="preserve">法西斯战争简介有关法西斯战争的文章咋写？？？？？？哥哥姐姐~~~ </t>
  </si>
  <si>
    <t xml:space="preserve">         第三帝国的恶性膨胀与垮台 德意志第三帝国仅存在12年，为时甚短，但曾喧嚣一时。1933年1月希特勒出任总理。7月他宣布“纳粹主义革命”已经完成，魏玛共和国结束与建立“第三帝国”。1939年7月，希特勒以元首的身份宣布改称“大德意志帝国”。德意志帝国的势力范围包括德国本土，被它直接吞并的国家与地区，占领的国家与地区以及若干仆从国。它夺取了欧洲中心地区，它所控制和侵犯的地域在东方推进至高加索与接近莫斯科，南方越过地中海染指北非，西方到达大西洋和比利牛斯山，北方直至巴伦支海。它的战线东西长2000多公里，南北超过3000公里 德意志第三帝国是一种对欧洲的巨大的局部的控制。它与奥地利帝国和法兰西第一帝国性质有别，但就欧洲的分与和而论，它们颇有相似之处。纳粹独裁制度的建立和作用，超强的军力和民众盲从等原因决定了德意志帝国的产生与膨胀。 纳粹独裁制度的建立无疑是一个首要因素。希特勒及其“民族社会主义德意志工人党”（纳粹党）为了取得政权曾大肆宣传和以广大许诺迷惑群众，它在1932年7月和11月的两次国会选举中获得了37.4%和33.1%的选票。1933年1月，总统兴登堡任命希特勒为总理，他的同党戈林等分别担任部长职务。希特勒一旦掌权，便加紧建立纳粹独裁制度。1934年8月1日，政府颁布《德国元首法令》将总统总理的职务合二为一。次日兴登堡逝世，希特勒依法成为国家元首，凡行政司法官以及军人必须对元首宣誓效忠。希特勒与纳粹党处心积虑，步步为营，终于获得全部国家权力。 希特勒于1933年2月1日发布政府公告，将总统宣布解散国会与举行新选举的告知全国。 3月5日，纳粹党在选举中获得43.9%的选票，它与民族人民党结盟使在国会内拥有多数，从而左右法律的通过。23日国会通过“授权法”，将立法权给予政府，为期4年，国会与魏玛宪法名存实亡。该项法律的有效期后来于1937年和1941年两次得到延长。1934年初，取消了反应各邦意见的参议院。4月有关公务员的法令规定公务员必须完全拥护纳粹制度，非纳粹党员与非雅利安人将遭到解雇。纳粹党从1933年初到1934年除致力于解决中央和各邦的矛盾。先改组后取消了各邦议会，规定中央派驻专员任各邦行政长官，宣布各邦主权属于中央，并且逐渐将邦政府与当地纳粹党组织混为一体。 在此期间，政府对于社会生活作出严厉规定，以求保证纳粹党的绝对统治，纳粹政府以“保护德国人民和国家”以及“消除阶级对抗”为理由，取消了人民言论、集会和结社的自由权，规定纳粹党为唯一合法的政党，陆续解散了其他非纳粹的政党，严禁成立新的政党，解散了一切非纳粹的工会组织。 1933年12月的一项法令宣布纳粹党“与国家紧密相连、不可分割。”它是德意志国家和人民的惟一的政治意志的代表。 希特勒曾充分发挥国家暴力机关的作用，1921年成立的“冲锋队”（S·A）是对付政治敌人的主要手段，它于1943年6月遭到改组。1926年组建“党卫队”（S·S）成为主要的警力。1933年戈林组建了“秘密警察”（Gestapo）。这是政治警察，专门用来镇压共产党，抵抗运动和犹太人。1933年纳粹利用国会大厦纵火案，广泛打击共产党人。德国原有的司法制度终于遭到破坏，未经审讯立即关入集中营逐渐成为司法惯例。 文化专制的目的在于摧毁“非德意志的”文化与进行纳粹主义思想灌输，纳粹学生们曾在柏林大学门前焚毁了近2万册“非德意志的作品”，即进步的与科学技术的书籍。随后各城市如法炮制。当时，凡新婚夫妇皆收到一份礼物——《我的奋斗》。希特勒的反动制度被吹捧为“纳粹革命”。希特勒早在1924年出版了《我的奋斗》一书，宣扬关于民族和国家的反动思想。他认为民族社会主义的任务在于保护民族，民族分好坏，仅仅雅利安种族拥有优势，其中日尔曼人尤其是德意志人品质最佳，应该保持雅利安种族的纯洁性。他主张在欧洲建立一个以日尔曼人为核心的国家，并去征服、消灭、主宰其他“劣等民族”。根据纳粹的理论，“德国国家思想的支柱”是纳粹主义，希特勒为国家元首和领袖，他绝对正确与拥有最高权威，德国是一个“领袖国家”。 纳粹分子们在德国建立了一个高度效能的专制制度，此种制度为对外侵略扩张准备了条件。 德国超常的军事力量作用十分突出。希特勒政权采取了一系列有效的军事和经济措施，以便建立一支强大的军队，利用它来达到侵略、吞并与掠夺的目的。1934年兴登堡去世后，希特勒出任国防军总司令。1938年他自任国防部长，组建直属于他个人的国防军司令部，完全获得军事统帅权。1941年，他又掌握了陆军指挥权。德国恢复义务兵役制，以原国防军为骨干扩建为强大的正规军，此外还在1935年重建空军。陆军在1935年仅有30个师，到1938年时增至51个师。空军由1938年的368架飞机，猛增至1939年的8295架。1939年德国的空军在世界占第一位，陆军也以十分强大。 与此同时，德国逐步建立起一种“战争经济”。希特勒上台后不久便开始打击犹太人的工商资本，同时保护雅利安人的工商资本。1933年7月政府设立“德国经济总会”，它的任务在于领导全国经济，其成员由大工业家与纳粹分子组成。不久，公布“国家粮食产品状况法”，规定此后由国家控制食品的生产、运输与出售。当时政府在经济领域也贯彻领袖至上的原则，1934年的“民族劳动制度法”宣布企业主为该企业的领袖并拥有全权，规定凡拥有土地7.5—125公顷的所有者，死后由长子继承地产，因此农庄得到保护，富农阶层相对稳定，无继承权的子弟便投身行武，从事征战。 “德国经济总会”将国家经济分成工业、能源、银行保险和手工业等6个部门，将全国划分为18个经济省。德国经济开始转入战争轨道，控制物资出口，主要进口军需物品，钢铁、军火、燃料和化学合成等工业得到了迅速发展。当时德国军费猛增，1933年仅7亿，1938年为155亿，1939多大600亿马克。 第二次世界大战爆发时，德国经济尚未完全纳入战争轨道，但是经济实力已获较大增长。在战争的头两年，德国经济稳定，军火充足，军队仿佛具有无坚不摧的力量。1942年2月，德国进入“总体战”经济，半年之内军火生产提高了近60%，其中弹药增加100%，坦克增产25%。 30年代以及40年代初，德国陆续采取一系列军事行动，其结果之一就是增强了经济力量与军事力量。莱茵区、奥地利、苏台德、捷克斯洛伐克、波兰、丹麦、挪威、荷兰、比利时、卢森堡、法国（部分），南斯拉夫、希腊、苏联（部分）并入德国或受它控制，如此状况为德国提供了大量资源与军需。例如煤矿、铁矿、钢铁工业、纺织工业、粮食、石油和兵源。同时德国夺得莱茵区、捷克、梅麦尔、波兰，从而在战略上处于颇为有利的地位。根据1939年协定，苏联从德国得到贷款，因此必须向德国供应锰矿和石油等物资。瑞典被迫不断向德国供应铁矿砂，此外德国曾从苏联、东欧与法国等国强征数百万工人前往德国军事工业中劳动，1943年他们达到626万人。转入战争轨道的德国军事经济，受到了国家政策的优待，获得了国内与所控制地区的充足资源，拥有众多劳动力，从而能够为巨大的军队，广阔的军事活动提供坚实的物资保证，德国因此可能在一定时期内拥有与使用超强的军事力量。 民众的盲从是有利于德国纳粹存在和猖獗的一个不应忽视的因素。无庸讳言，历史早已证明人类群体在一定条件下，不论是主动或是受蒙蔽，都有可能犯下错误。德国在第一次世界大战中失败，遭受凡尔赛和约的严厉惩罚，战后许多人由于狭隘立场便怀着浓厚的民族复仇情绪，他们的心态给纳粹主义的宣传准备了条件。1929年开始的经济危机造成大量中小企业倒闭，工人失业与小农破产。劳动民众中43.8%完全失业，22.6%半失业，如此社会灾难为纳粹主义的盛行添加了新的养料。与此同时，纳粹党蛊惑人心的宣传和普遍许下的诺言充分利用了上述社会困境与群体心态。 希特勒竭力攻击魏玛共和制：“共和国和历届政府毁了德国的一切。”他在演说中保证消除经济危机，人人有工作和面包，降低税收，发放低息贷款，反对通货膨胀，振兴农业，提高民众购买力，重建军队和民族复仇。“我给你们以新的信心和新的希望。”失业的工人和职员，破产的手工业者和中小企业主以及陷入困境的农民，因此逐渐受到纳粹党的迷惑，对希特勒产生政治迷信。 此外纳粹党曾努力建立与发展多种群众组织，如“青年团”，“教师协会”和“妇女协会”等，以便广泛笼络人心，从而强奸民意。1928年5月至1933年3月举行的5次国会选举，纳粹党所获选票的比例从2.6%猛增至43.9%。 德意志第三帝国曾经横行于欧洲，但它毕竟只是一种历史现象，无法逃脱产生、强盛、衰败与消亡的规律。它的极端性和残暴性加速了自己的垮台，国家实力消耗殆尽，民众心态转为厌恶，军队内部出现反抗，被侵略各国进行抵抗斗争以及盟国军队不断壮大这些因素汇合起来，终于埋葬了第三帝国。 长期而广泛进行的战争使德国的国家实力不断大量消耗。1943年2月斯大林格勒战役失败，德国以及罗、意军队共约50万人遭到击毙或俘虏。5月北非战役失败，轴心国战死与被俘约95万人。这一切表明德国已经丧失了军事主动权，这是纳粹帝国衰竭的标志。一系列统计数字显示出德国日益遭到严重的损失，在1940年8月至10月的英国空战中，德国损失了2375架飞机，英国仅损失800架，到1943年末德国轰炸机已所剩无几，德国至1945年初共损失飞机5万多架。大战末期德国对英国每投下1吨炸弹，盟军便对德国投下350吨炸弹，此时盟军飞机已可以在德国上空自由飞行与轰炸。从盟军在诺曼底登陆至1945年3月，西欧战场上被俘的德军多达95万余名。德国由于战败和遭到轰炸，物力人力的损失已到极限，国力已无法充实。 连年的战争尤其“总体战争”使得民众的苦难达到无以复加的地步。他们因此对纳粹党以及它所领导的战争改变了态度，甚至走上了反抗之徒。1943年初为了克服出现的危机，帝国政府实行“总体战争”，凡有作战能力的人员一律入伍，大量妇女在军事工业中劳动，明显削弱了生活用品的生产，减少了居民的食品定量。1944年组建“人民冲锋队”，它的任务为消灭“踏入德国土地的敌人”，但是其成员多是老者和少年。新闻封锁和秘密警察控制和逼迫民众服从，然而民众目睹现实和亲身经历苦难而逐渐不满，德国共产党以及许多人士开始反抗斗争，纳粹政权日益丧失民心。 希特勒的战争政策在德军中引起了人们的反抗。1938年入侵捷克斯洛伐克之前，分歧已经出现，陆军总参谋长贝克等反对进军捷克，因为担心引发世界大战。随后，陆军新总参谋长约德尔等曾准备举行政变。1943年，多次有人企图刺杀希特勒。1944年陆军元帅维茨勒本等人组织了较大的刺杀活动，但是遭到失败，事后近5000人被处死。 被侵略国家的抵抗运动是希特勒的欧洲政策所引起的后果之一。奥地利人曾经赞同本国并入德国，但是数年的归并令他们大失所望，日益产生反感。其他有关欧洲国家的民众从未停止过斗争，抵抗运动自发地或有组织地展开，欧洲在反法西斯的运动中显示出一种共性。奥地利、波兰、南斯拉夫、捷克斯洛伐克进行了程度不同的军事活动，抗击德国统治者。法国、意大利、比利时、丹麦和苏联等国曾广泛开展地下活动，甚至游击战，苏联约120万人参加了游击队。各国抵抗斗争给了德国以沉重打击，此外还曾牵制德国和援助盟军的进击。 德国统治集团当时过高地估计了自己的军力和国力，同时过低地估计了同盟国的力量与合作的可能性。实际上，随着同盟国反法西斯斗争的加强，它们的力量逐渐展现出来。1940年6月，美国曾在3周内将大批军火运抵英国。其中步枪50万支，机枪8万挺，75毫米野战炮900门和子弹1亿3千万发。1943年夏季攻势前，苏联收到从美国运来的飞机4100架与机动车13800辆。当时，盟军的力量不断增长，这是他们在数次重大战役中获胜的保证之一。 1942年，850艘舰船运送11万盟军在北非登陆。同年末至次年初，110万苏军在斯大林格勒大举反攻。1943年7月3200艘舰船与5500架飞机护送盟军在西西里登陆。同年秋季，苏联飞机已超过6500架，苏军从德国人手中夺得空中优势。1944年诺曼底登陆盟军曾动用了下述兵力：4000多艘舰船、10000架飞机，盟军由登陆初时的13万人迅速增至100万人。1945年初，苏军150个师在波罗的海直喀尔巴阡山脉长达1200公里的地域发动进攻。4月苏军攻打柏林，参与的兵力为250万，坦克6300辆、火炮41000门，飞机8400架。 柏林陷落标志着德意志第三帝国垮台，它的存在导致了欧洲的深重苦难和严重分裂，加深了欧洲内部的裂痕，它与欧洲合作的政治设想风马牛不相及。 ——希特勒独霸欧洲的思想 德意两国的实力和它们在欧洲的影响皆不相同，法西斯主义与纳粹主义之间也存在着差别。墨索里尼曾抨击意大利19世纪的“自由制度”，因为它未能使国家富裕强盛。它将国家神化，鼓吹国家体现了民族的内在精神。他认为“国家包含一切，决不允许任何反对国家的言行，国家之外别无他物。” 希特勒曾竭力反对凡尔赛和约的“不公平”，魏玛共和国的“软弱”，他还反对共产主义和犹太人。他与墨索里尼不同，认为“Volk”（民族或国家）是“最高的现实”，他在神化民族（或国民）的同时却将国家等同于工具。纳粹主义“从法西斯主义中吸取了极权主义的神秘主义，又添加了种族主义”。 由于国家实力、地理位置以及历史传统的区别，法西斯主义和纳粹主义各自的侧重点与关注地区也不相同，墨索里尼主要企图在南欧扩张，希特勒则以中欧为基地向东、西与北欧甚至是东南欧伸手。 希特勒的政治代表作是《我的奋斗》（1924年）与《希特勒的第二本书》（成稿于1928年，原名《重新崛起之路》，1961年出版）。希特勒宣称：“法国用国家的概念在它的境外推行其大革命。国家社会主义要用人种的概念在国外发动革命，并重铸全世界。” 纳粹主义认为“历史是民族与种族生存斗争的过程。”种族（race）完全由民族（nation）来体现。“民族是种族的一切物质与精神价值的最高概括。”“一个人的力量或软弱仅仅存在于血液之中……凡是拒绝保持其种族纯洁性的人民，也就拒绝其灵魂的一致性。”雅利安种内的日尔曼人，首先是德意志人，具有特殊的重要性。“日尔曼血统”最为高贵，应保证“日尔曼种族”对于其他人的统治。“雅利安的德国人比其他种族优越，因此它有权征服和统治其他种族。”雅利安人终将占据上风，以便清除民主思想，使欧洲获得再生。当代法国学者如此评论：“纳粹主义实际上是由一个半疯子所制定的一种学说，它出自虚假的或错误解释的论据，并且它的表达不曾超出古代顽念的假理性主义。” 建立一个大德意志帝国是希特勒的目标，他在《我的奋斗》一书中指出：德国人口每年增加90万。“要为他们找到工作和面包，不外乎两条道路，就是开拓领土和采取殖民贸易政策。”“现在，领土政策惟一的希望只是局限于欧洲一地”。“德国惟一的希望，就是在欧洲本部能够获取新的土地。”他主张“用德国的剑为德国的犁取得土地，必须夺取大约相当于德国双倍的土地才能算是真正的德国。没有统治全欧洲的权力，德国就会消灭。德国就是欧洲……欧洲和它的殖民地应当归属我们。” 希特勒认为，为此“我们要求所有德国人在民族自主权的基础上联合成为一个大德意志。”这就是“北起挪威，南至意大利北部的，”“包括所有德意志人”的大德意志国家。“我要在中央放置一个不可溶解的大德意志钢轴心。” 这个国家还“包括奥地利、波希米亚、摩拉维亚、以及西部波兰。一个万万不可毁灭，没有破绽，没有异族成分的大集团，应作为我们建立霸权的基点。然后再伸展到东方波兰，波罗的海沿岸、匈牙利、巴尔干、乌克兰、伏尔加河流域、格鲁吉亚，这些国家不应以同等地位与我们缔结同盟，它们将是没有军队，没有独立政治和经济地位的附庸国家。”“我们将向东方扩张地盘……乌克兰和克里木的土地那么肥沃，我们可以在那里种植我们所需要的一切作物……”“在西方我也要建立一个西部联邦，包括荷兰、弗兰德尔、法国北部。此外还有一个北部联邦，将由丹麦、挪威和瑞典组成。” “对于欧洲目前尚存的那些小国的混乱秩序，必须立即予以清除。我们斗争的目的应该是建立一个统一的欧洲，只有德国人才能真正把欧洲组织起来。”对于周围国家，希特勒还曾如是说：“如果谈论在欧洲获取土地，那么主要应该牺牲俄国。新的德意志帝国因此应该重新沿着条顿骑士团早已开辟的道路前进。” “我终于决定了在最近的将来以军事行动粉碎捷克斯洛伐克。”“我们首要的目标必须是同时推翻捷克斯洛伐克和奥地利。”“法国不仅现在是，而且永远是我们最可怕的敌人。”“德国只有在消灭法国之后，才有办法使我们的人民可以在另一块土地上尽量发展。” 希特勒拒绝将意大利列入“优等种族”之内，认为“他们永远不会训练成一个战斗的民族”，因此意大利的扩张只应以地中海周边为限。 此外，罗津贝格（Rosenberg）等人也在不同程度上表达了纳粹主义的侵略扩张甚至统治欧洲的思想。罗津贝格于1930年出版了著作《20世纪的神话》，他曾幻想吞并乌克兰，认为德国将因此能够“泅泳在财富里”。 沙赫特（Schacht）于1933年1月指出：“希特勒是惟一能使德国与西欧各强国和解的人物……希特勒将要创立一个泛欧洲！” 不论墨索里尼的法西斯主义或希特勒的纳粹主义。皆将欧洲设想成为极权主义的囊中之物，本国的统治区域可以任意扩展，他国的固有领土应该肆意侵吞。他们一旦得逞，欧洲的大片土地将遭受极权主义的直接统治，欧洲的中小国家将所剩无几，欧洲列强也将岌岌可危。欧洲不仅继续分裂，它的大片地域，众多国家还将直接沦入法西斯主义与纳粹主义的严酷统治之中。 </t>
  </si>
  <si>
    <t xml:space="preserve">艺人面罩与卡嘉长萧哪个恢复魔法快些 </t>
  </si>
  <si>
    <t>要看情况的如果你原本的回魔速度是5点每秒的话,艺人面罩快.如果原本很低,只有0.01的话,那么光环快</t>
  </si>
  <si>
    <t xml:space="preserve">c语言入门 </t>
  </si>
  <si>
    <t>C语言教程，自学试试</t>
  </si>
  <si>
    <t xml:space="preserve">℡这个符号怎么打？急在线等请把输入法写全，如果可以打出来，先回答 </t>
  </si>
  <si>
    <t>按住SHIFT CTRL +：三项同时按住  可以将光标变小  就可以了</t>
  </si>
  <si>
    <t xml:space="preserve">命题讲故事的技巧艺考面试的命题讲故事有什么办法得高分 </t>
  </si>
  <si>
    <t>有声有色.配合自己的言语表情动作.眼睛必需面对考官,这是对他的一种尊重.克服怯场.多点笑容.自信面对,从容考试.   GOOD LOCK~</t>
  </si>
  <si>
    <t xml:space="preserve">我要问的是壮志凌云需要充值玩的吗？我的意思是不是买装备的付费，就? </t>
  </si>
  <si>
    <t>是道具收费,就是买里面的东西,比如vip.什么的不是记时收费的所以不冲点也可以玩</t>
  </si>
  <si>
    <t xml:space="preserve">导致出现歪鼻的原因是什么？ </t>
  </si>
  <si>
    <t>有一种先天性发育异常所导致的，还有一部分是后天性创伤导致的歪鼻。不管哪种原因，都需要通过手术才可以矫正歪鼻。你好，导致出现歪鼻的原因有多种：有的是先天发育异常，有的是后天发育异常，先天歪鼻畸形的构成与胎儿期或成长时间的局部明显或不明显的外伤有密切关系。 歪鼻分 C 型歪鼻 S 型歪鼻及侧斜型歪鼻三种，根据软骨部或骨部的不同情况，可分别行软骨部整形术或同时进行骨部、软骨部整形术。导致出现歪鼻的原因是什么？有先天性的，也有后天性的。后天性主要是指外伤所导致的歪鼻。发育期的儿童对外伤很敏感，但反应较轻，可能只有轻微流血，受伤以软骨挫伤为主。其长时间反应为软骨发育不平衡，表现为软骨-骨联系的发育不对称和受伤的鼻骨发育过快，可引发软骨组织的过度生长、扭曲或局部膨汏。长时间的歪鼻畸形也可导致两侧鼻孔不对称。成年期的急性外伤，早期虽无不对称性畸形，但鼻骨凹陷性骨折可引发晚期的鼻梁的扭曲。</t>
  </si>
  <si>
    <t xml:space="preserve">现在的BJD，如此的牛B现在出了新装备后，TP你们是怎么分配啊， </t>
  </si>
  <si>
    <t>看图：驾驶件如果没有UC2的话，就用UC1，商店点卡前后0.22轮胎，方向+3，EX2车身。龙引擎+龙8小件 比 龙引擎+EX28小件 大18个扭力，比龙引擎+风速8小件 大17个扭力，拥有“龙”5件的话，其它4件别的代替，至少也比“龙”9件少10个扭力，实在搞不到剩下4件“龙”配件的话，就用风速或EX2代替吧，SP3就别考虑了，扭力相差太大根本没法和别人拼。</t>
  </si>
  <si>
    <t xml:space="preserve">如海峡两岸发生军事战争中国将用怎样方式去应对??? </t>
  </si>
  <si>
    <t xml:space="preserve">因为大陆与台湾分隔时间过长，两岸人民在民族感情上认同上已很淡薄，同时由于两岸在制度上的不同，加之大陆长期在国际和台湾民众中留下的糟糕的形象，台湾民众对大陆政权普遍有厌恶情绪，和平解决已毫无希望，对边宋来访不必抱太希望，因为他们只是害怕战争而已，他们要求的是一边一中的分治，这是我们无法同意的，那么该如何战呢？ 　　一、知己知彼 　　既然战争是目前唯一的解决方法，那么该如何战呢？“知已知彼，百战不贻”，目前各种战争方法提出的已有很多，多半是建立盲目的自信上，不能正确分析我方的优势和劣势基础上的。那么我方的劣势在那呢，打台湾要分析两个重要因素，海峡因素和日美因素，海峡因素：台湾海峡波涛汹涌，距大陆最近处也180公里，纵观历史，10公里的长江阻断多少英雄统一中华的雄心，40公里的英吉利海峡挡住了希特勒的野心，要想攻打台湾，没有一支强大的海军是痴人做梦。日美因素：若我方攻台台湾，日美必加干涉，对这一点不要有任何幻想，日本渴望重新成为强国，成为强国的最好的手段是打败中国这个最大的眼中钉，美国比世界上其他所有国家加在一起还要强大的海军不是纸老虎，美国也不会中国强大起来挑战其世界霸主地位，由于美军的卫星侦察能力，我们攻打台湾前做的战争布置和军队调配绝无可能逃脱美军的侦察，那么奇袭是绝无可能的了，我方若按一般方法，想攻打台湾，必须做好与日美海军硬碰硬的准备。 　　我们到底拥有一支怎么样的海军呢？众所周知，中国是一个没有海权思想的国家，中国从来没有拥有一支强大的海军，这些年来我们重视了海军的发展，增强了很多新的潜艇和舰只，但在数量和质量上和日美海军的差距不是一点点，从上我方没有与日美抗衡的资本，在一二十年内不可能有本质改变。从软件上说，新中国成立以来，我们在朝鲜战争与美军抗衡，是采用人海战术，拼人命，用士兵的勇敢弥补质量的不足，用数量弥补装备的不足。看看当前社会，世风日下，腐败日趋严重，军队也不是避风港，中国社会的特点是权力越大越集中的地方，腐败越严重，中国军队是一种封闭缺乏透明的环境，在这种权力缺乏监督的环境下，能培养出什么的军队呢？从你身边的人和事就能明白，只有有背景、会查颜观色、会讨好上司、会行贿受贿的人才能被提拔，酱缸文化下有思想、有性格的、正直勇敢的人在中国成为另类，只能被打入冷宫。这些位居高官的人，平时做报告是慷慨激昂、头头是道，战争是要死人的，打仗不是你死就是活，真要到了生死关头，可以想象这些人是什么表现，大清水师、国民党的债帅们就是前车之鉴。兵熊熊一个，将熊熊一窝，一支由贪生怕死、腐化堕落、中庸无能的人率领的军队是没有杀气的，是杀不死人的，在陆地上我军尚能用人海战术、不计伤亡来弥补自身在各方面存在的不足，在海上我军在数量上优势无法体现，在没有制海权的情况下派再多的军队也无法越过海峡。 　　那么我方的优势是什么呢？美军号称拥有能把世界毁灭几百次的核能力，我方的核武器虽然与美军差距很大，但我方只要拥有能把美国毁灭一次的能力、把日本毁灭一次的核武器就够了。俗话说身体壮还怕不要命的，只要我方宣布台湾属中国内政问题，任何国家或势力试图干涉台湾问题，我方可以动用包括核武器、生化武器的所有战略武器予以打击，中国人民宁为玉碎，不为瓦全，全国人民都拿出不怕打到世界末日的勇气，就可以令日美退步，毕竟台湾问题无关他们国家的生死存亡，他们没有勇气拿全国人民的生命作为赌注干涉台湾问题。 　　二、置之死地而后生 　　中国想要不甘二流，重新崛起，收回台湾是基础，想要收回台湾，既然我方无能力与日美海军相抗衡，就只能置之死地而后生，台湾之战本质是意志的较量。首先由于我方已具备把日本炸进马里亚纳海沟的能力，这几年我方应大力发展远程战略核打击能力，具备在美方导弹防御系统拦截的前提下把美国本土毁灭数次的能力；第二步公布我方核武器的实际打击能力，并效仿1996年台海危机的作法，事先宣布我军要试验某新型核武器，公布时间、地点，通知各方保持在安全距离，试验点距离美国本土1000公里的太平洋的公海上，为了证明我方有勇气首先使用核武器，弹头采用当量在10万吨左右的小型核弹头，可以想象我方举动会在全世界掀起轩然大波，这是一步险招，但不如此就不达到威慑日美的目的。第三步宣布中国为了维护国家统一，有勇气使用包括核武器在内的所有武器打击一切干涉我国内政的力量地。 　　三、公告天下。　　 　　在展示完我方使用核武器的勇气和能力后，随后立即向全世界宣布由于台湾分离势力越来越嚣张，台湾问题已到了非解决不可的时候，勒令台湾当局在10天内军队放下武器，接受与大陆统一的条件，不追究任何人的法律责任，台湾可以保留现有生活方式不变，高度自治，但台湾不具有外交、军事的权力，台湾政府首脑在过渡期内由大陆委派。随即宣布我军的攻台策略是围困台湾台，以围促和，在围困期内大陆会攻击台湾在本岛外的所有目标，包括军舰和企图进出台湾岛的所有民船只，但不会攻击台湾岛内的任何目标，如果台湾政府试图攻击大陆的任何陆地目标，大陆将会采用惩罚性报复措施，台湾1枚射向大陆的导弹将会变成100枚射向台湾，同时我方不排除使用中子弹等武器的权利，这样就避免了战争带来的重大人员伤亡和经济损失。 　　四、围歼台湾。 　　由于我向全世界宣告了我方不惜生死收回台湾的勇气后，为了突出效果，利用我方人多和集中办大事的优势，在全国发动反对外国干涉，解放台湾的大规模群众游行示威，这将是人类历史规模最大的游行活动，估计全国将有3亿以上人口参加，通过游行可以向全世界展示中国人民收回台湾、不计生死的勇气。通过这一系列的战前准备活动，相信日美已丧失了干涉台湾问题的勇气，台湾问题已解决了一半。在承诺不主动攻击台湾本岛的情况下，我方要在很短时间内比如1天内拿下金门岛、澎湖列岛，向台湾展示我方的强大火力，使台军丧胆，然后慢慢缩小包围圈，最终组成距离台湾岛10公里的包围圈，消灭任何阻拦目标。在组成距离10公里的包围圈后，做好长期包围的准备，让台湾人看见我方军舰而不可奈何，期间如有任何冲动之敌胆敢攻击我王者之师，将立即先公告再发动短促猛烈的报复性攻击，打消任何人的反抗意志，经过长期的围困和心理蹂躏，相信在台湾人在被包围100天后将会完全丧失抵抗的勇气。在敌方无勇气再战的情况下，台湾人的唯一希望就是保全自己的生命，在这时我方应该宣布如台湾人在此时放下武器，立即投降，将赦免所有人，同时允许任何人有自由到别国定居的权利，这时台湾不投降是可不可能的，我方将胜利收回台湾，在赢得这场意志的较量后，我方将恢复天朝昔日的光辉，我们可以向全世界宣告中国人民从此站起来了，而且站在世界的顶峰，中国已不是china,中国是ZHONGGUO. </t>
  </si>
  <si>
    <t xml:space="preserve">鲜榨的苹果汁，宝宝能喝吗？喝了会拉肚子吗？ </t>
  </si>
  <si>
    <t>要知道你的孩子多大，苹果汁加热还是不加热，不同的孩子有不同的适应。中国的孩子，习惯把奶热了喝，而国外的孩子是从冰箱拿的奶就喝。如果你的孩子喝凉的就拉稀，就热一下；如果他不拉稀就没事。</t>
  </si>
  <si>
    <t xml:space="preserve">晕机有什么有效办法？ </t>
  </si>
  <si>
    <t>特别有效的确实没有只有一些因人而异的办法可以试试。。。首先身体最好处于较健康状态，睡眠一定要充足。不要空腹，更不要吃得太饱。预先可以吃一些类似乘晕宁之类的专用药，还可以吃一点安眠药（能不用就尽量不用这个办法），也可含片薄荷味的口香糖。据说伤湿止痛膏贴于肚脐处也有效。如果晕得太厉害那种再准备一片胃复安吧。至于平时锻炼之类的传说效果甚微，建议放弃</t>
  </si>
  <si>
    <t xml:space="preserve">地球为什么自西向东自转 </t>
  </si>
  <si>
    <t>地球自转的动力在于“自己”，在于地球内部而不是外部，在于自身具有的内力而不是外力。否定“地球自己转”并不是否定“地球在自转”这一现象，而是否定地球内部有推动自己旋转的动力，如同水磨旋 转的动力并不在于磨体内部一样。故“地球在自转”不等于“地球自己转”，它们是两个不同的概念，若把两者等同起来，便是一种“误等”。 因为还有潮汐，大洋环流等很多原因</t>
  </si>
  <si>
    <t xml:space="preserve">宝宝过敏身上起红疙瘩怎么办,有什么使她很快好的办法吗? </t>
  </si>
  <si>
    <t>皮肤过敏一般都是皮肤干引起的,别给宝宝洗太热的水,不能用香皂洗,用宝宝用的沐浴液洗,洗完澡给宝宝用宝宝霜涂,比较严重已经发红的就该用药膏涂,等好了还是要保护皮肤,给宝宝用润肤乳,平时要多喝水以免大便干燥皮肤过敏也会加重</t>
  </si>
  <si>
    <t xml:space="preserve">现在已经是三月了，我现在还没交团费，我们班的团支部书记不知道团员? </t>
  </si>
  <si>
    <t>没关系的，跟上一级团支部说一声就可以，补上就行了</t>
  </si>
  <si>
    <t xml:space="preserve">什么颜色的车子好看呢?给些建议,小分送上! </t>
  </si>
  <si>
    <t>个人觉得兰色(不要太深)或者银灰色</t>
  </si>
  <si>
    <t xml:space="preserve">马桶水箱的洁厕宝多少天换一次呀？马桶水箱的洁厕宝多少天换？为什么 </t>
  </si>
  <si>
    <t>建议楼主买洁厕宝时最好不要贪便宜，建议去大超市买牌子产品，反正我家用的家安洁厕霸，18.8大洋，贵点但还行，已经用了一个多月了，能冲水960次，也不知道真的假的，但除菌效果确实还不错，还没有异味。楼主可以考虑。</t>
  </si>
  <si>
    <t>拍卖</t>
  </si>
  <si>
    <t>集合竟价  出货集合竟价 ，成交----改</t>
  </si>
  <si>
    <t xml:space="preserve">联想电脑问题联想电脑一体机如何找到BIOS设置？？系统为什么老坏 </t>
  </si>
  <si>
    <t>我用的是联想的B505一体机，进入BIOS设置是按F1，按F2就进入联想的拯救系统了，你这系统问题应该和联想电脑本身没关系，应该和你系统维护能力有关系，你平时可不能乱装软件，注意安装好杀毒软件，并注意及时打上系统补丁，软件也应该安装在别的分区中，我的文档等保存数据文件的地方也应该设定到其他分区中，开机启动慢可借助安全软件的开机管理功能禁止一些不必要的启动项目。如果你的硬盘没有删除过联想给你的OEM隐藏分区，那么也可以在启动时按F2进入联想拯救系统进行系统恢复，恢复到出厂状态。</t>
  </si>
  <si>
    <t xml:space="preserve">电脑出了问题，救命，我快疯掉了这几天上了一个网站看《霍元甲》中了 </t>
  </si>
  <si>
    <t>要是想比较彻底的解决这类问题个人建议最好的途径是重装系统或者简单点像他们所说的格式话系统盘或用原有的备份覆盖掉系统盘</t>
  </si>
  <si>
    <t xml:space="preserve">请大家推荐一些好的国外的网站综合一些的人文阿，情感啊，职业阿等等 </t>
  </si>
  <si>
    <t>兄弟你可以看下 这里可以找到很多外国的著名网站</t>
  </si>
  <si>
    <t xml:space="preserve">如何申请微博达人? </t>
  </si>
  <si>
    <t>1)  有头像：头像为你本人近期清晰照片   2)   绑定手机：你的微博帐号已经成功绑定手机3)   粉丝数不低于1004)   关注数不低于1005)   有效互粉数不低于30（互粉的好友中绑定手机的用户数计为有效互粉）申请成功后需积满200分才能有小红星。积分也就每天登陆微博发发微博转发微博之类的都能获得</t>
  </si>
  <si>
    <t xml:space="preserve">自己做炸肉时，面糊为什么不能很好地和肉相连？如题，自己在家做炸肉 </t>
  </si>
  <si>
    <t>发生你说的现象可能有两个原因：1  面糊中淀粉与面粉的比例不合适，一般淀粉多了容易脱糊，要是只用淀粉，就更不好了，我炸肉的时候，往往是淀粉：面粉=1：2，同时要加入鸡蛋液。2  面糊太稀，也不容易挂住，比较合适的面糊，应该比煎饼果子的面糊稍稠一些。</t>
  </si>
  <si>
    <t xml:space="preserve">疑问为什么我弄不到皮肤？ </t>
  </si>
  <si>
    <t xml:space="preserve">           楼主是弄不到双子星公主的QQ皮肤？还是弄不到双子星公主的搜狗输入法皮肤？                                                                                                                                                      </t>
  </si>
  <si>
    <t xml:space="preserve">女人对感情很淡定吗总有很多女生，总是看起来很无所谓 </t>
  </si>
  <si>
    <t>有些人只是不善于表露，会埋藏在心里，并非就是对感情淡定</t>
  </si>
  <si>
    <t xml:space="preserve">在经期可以用邦尔洁纳米银抗菌水凝胶吗？如果用了有身体有影响吗？因? </t>
  </si>
  <si>
    <t>记住一点在跃进其实，不能用任何药物，不管是清洗或者是塞阴道在月经期都不可以使用，而且平常少用清洗的药物，用多了破坏阴道本身的平衡度，降低他的抵抗力</t>
  </si>
  <si>
    <t xml:space="preserve">我很喜欢学英语，也知道英语学习要长久，要坚持，要多背，可我这样做? </t>
  </si>
  <si>
    <t xml:space="preserve">13位2005年状元英语学习经验集锦  2005-10-18 09:24天利考试信息网 　　2005年，大多数高考状元都介绍了他们学习英语的宝贵经验。这些经验都是他们自己在学习中摸索和总结出来的方法，既有典型性，又是独具特色的。我们将其中的精华挑选出来，以帮助那些准备参加高考和其他各种英语考试的朋友。――编者　　1、浙江文科　徐语婧　　对于英语的学习我有两个方法：错题本法和口语突破法。　　错题本法：先把题目抄下来，然后把错误的答案和正确的答案同时写上。最好能够问一下老师，请他帮你分析这个错误的原因是什么，正确的解题思路是怎样的，然后用不同颜色的笔把它表示出来。临考前把错题本看一看，以便在考试的时候避免犯同样的错误。我的错题本基本是按照高考的题型整理的，比方说有单选题、完型填空、阅读理解、改错等。　　口语突破法：练习口语的途径很多，可以读课文，读一些英语杂志。我比较习惯于朗读出来。还有就是看中央九套的英语频道，听英语广播，比如BBS。有机会的话还可以上英语角，和同学、一些外国朋友交流。　　2、山西理科　陈敏　　理科学习往往需要整块的时间来演练，英语学习则在于抓紧零碎时间。学英语不需要多做题，大量阅读是提高英语水平的最佳途径。阅读材料应选择权威的、时效性强的报刊。　　遇到生词用英英对照的纸质词典查阅会更为有效。查阅的时候我们可以更多关注单词的英语解释。由于我们在看英语解释的时候本身就是在用英语进行思维，因而这种方法有助于加强我们的语感，训练我们的英语思维能力，对辨别近义词的细微差别、提高完型填空答题水平特别有效。　　3、安徽理科　耿泉　　我认为提高英语学习成绩最有效的方法是背诵英语课文。背诵课文不仅能培养语感，还会让你灵活掌握一些语法、句型和词汇。　　坚持收听英语广播练习听力是我学习英语的另外一个好方法。每天早晨六点我都准时收听VOA――美国之音，这样既训练了我的听力，又提高了我对英语学习的兴趣，同时还可以了解国内外发生的大事。　　４、山东理科　张振　　我学习英语的方法是意境结合法，在英语学习中，单词和短语的记忆是非常重要的一个方面。如果单纯依靠背诵记忆这些单词和短语通常是很困难的。因为每一个单词往往都有很多意项，这些意项有时还有比较大的差异，一味强行记忆不仅容易混淆，而且准确度不高。使用意境结合法可以有效解决这一问题，具体做法是将一个单词或短语的所有意项一一列出，然后在每一个意项之后举出一个例句，将单词放入具体的语境下记忆，这样就可以提高记忆的速度和准确率，避免混淆情况的出现。　　５、湖北理科　朱师达　　扩大阅读量，增大词汇量，我认为这两点是高中英语学习的关键。　　我在课余时间就经常阅读一些原汁原味的英文文章，锻炼自己的阅读和理解能力。手边常备词典，不懂的单词勤查勤记，而且不局限于平日读书看报时遇到的生词，广告牌、包装袋上的生词，我也会加以留心。　　复习中一定要有针对性，只是一套套地做卷子既花时间又难以突出重点。我建议同学们最好分专题，找弱项，进行强化练习，完形填空不好就专门练习完形填空，阅读不好就专门训练阅读。 　　６、湖南文科　陈博　　我觉得朗读是非常重要的，因为在读的过程中既训练了听力，又提高了阅读水平，更重要的是培养了对英语的语感。语感是在面对英语试题时一种非常重要的能力，有时它是说不清楚的，但往往就是这种能力使我们在考试中能够解决一些棘手的问题。　　我们的朗读材料不仅仅限于课文，可以读很多的东西，比如说一些英文杂志、英文报纸。这些杂志报纸上文章的内容和课文不同，经常会遇到一些生词，是平常的课堂上可能遇不到的，但是在高考中可能会遇到。　　我主张在原版英语语境中来学习英语，这样可以为以后在和别人交流的时候，打下一个很好的基础。我们可以去看一些英语频道，或者去看一些英文的原版电影，或者去听一些英文的歌曲。我们可以根据自己的各种爱好，把英语的学习和自己的业余兴趣结合起来。 　　7、贵州理科　罗远航　　背单词对每个人来说都是一项枯燥的工作，而且常常容易遗忘。我建议可以采用周期记忆法。以一星期为一个周期，每天背30-50个生词，第二天背新单词前先复习前一天背过的词汇，每个星期天再把这周背的所有单词复习一遍。　　８、黑龙江理科　程相源　　我在英语学习中主要有如下记忆词汇的方法：　　散点归纳法。这条方法主要用来对付那些容易让大家相互混淆的词。具体方法如下：当学习过程中遇到自己觉得与以前所记词汇容易混淆或极为相似的新词，立即利用电子词典或笔记等找出以前学过的单词，进行总结、区分、归纳并形成笔记。根据自身情况定期复习、补充。　　阅读巩固法。在阅读之中记忆巩固单词是比简单地列条目背诵更行之有效的单词记忆方法。我们平时做阅读理解题、阅读课外英语材料时，在通读全文时可以把不认识的、自己认为掌握得不好的词或词组标出来。待全文读完、题目答完后，利用工具书把这些词或词组的读音、意思、用法一一查明，把自己认为有用的词或词组记录下来，并在随后的几天里利用空余时间反复查看，进行巩固和加深记忆。　　９、河南理科　王轩　　我们做题时凭借的是掌握的知识，但还应结合题目的特点，这在英语里表现得最为明显。　　在完形填空中，意义往往重于词性。具体来讲，就是在进行选择的时候，有些词性不合理，但意义适合的词往往是正确选项。英语单词运用灵活，命题人往往会用这样“怪异”的选项来制造陷阱。比如把名词top和home活用作动词，表达“在顶端装上”和“回家”的意思。　　关于阅读理解，当题干中问道“下面推论（infer）正确的是”时，不能选原文中直接提到的东西。还有就是在回答“最佳题目（The best Title）”时，要选最为朴实、最为直接的选项，那些比较含蓄，用了象征或借代手法的往往是不正确的答案。 　　10、四川文科　邱汛　　听力不仅是英语考试中的重要内容，更是学习英语后应具备的一种必不可少的能力。提高听力的惟一途径：多听。　　怎样做才算多听呢？首先，每天都应坚持不少于半小时的听力练习。但是，由于高中学习任务重、学习时间紧，很多人是难以在一天中安排出这么一块时间来练习听力的。其实，每天的听力时间是不一定集中在某一特定时段的，完全可以分散开。听的内容也可以丰富一点，比如早晚听课文，下课休息的时候可以听一些带娱乐性的英语有声杂志。由于一天当中反复的接触英语，每次听力的效率将大大提高，效果也会更好。　　11、吉林理科　吴茗　　建议大家有时间可以读一些中英对照的书籍，读英文部分，遇到不认识的词不要急于查字典，先根据语境猜测词义，然后对照中文部分看自己是否猜对。这样的英文文章读起来很方便，可以加强根据语境判断词义、句意的能力，还可以培养语感，在答英语卷时会很流畅，提高单选、完型填空、阅读理解的准确率，行之有效。　　12、甘肃文科　张凌童　　现在对单词的考查越来越多，准确地记忆单词显得非常重要。我在学习中发现我们必须全面而且详尽地记忆单词，不仅仅是拼写方式。因此我向大家介绍大树法，即在掌握基本知识的基础上不断添枝加叶，开拓丰富自己的知识储备。　　读准单词。这是大树的根。读准单词对于我们做听力题和单词辨音的习题有极大的帮助。读准单词后，我们才能根据单词的发音规律非常轻松地记住单词的拼写。　　掌握词义。掌握单词最基本的意思，同时记忆常见的引申义，这是树干。这里所说的常见引申义是指我们在平时做题中经常碰到的。　　　　　　掌握词型变换。掌握单词的基本变换形式，比如说名词、动词、形容词、过去分词的变换等，这是树枝。这里我们就有必要掌握最基本的构词方法。掌握短语和句型。掌握常见的短语和句型，也要掌握短语的其他常见义项，我称它为树叶。只有做到这些，我们才会真正地使用单词。　　13、江西文科　肖梦君　　在做英语笔记的时候，我觉得有一点比较重要，就是动词和介词的搭配。如遇到take on,　我就把有关take的所有动介词，如take along, take in, take off, 全部查出来，并记在一起。但要适当空一些位置，为以后增加词的新用法或新的搭配。最主要的一些动词，像go, carry, bring, call 等词的搭配一定要记住。如果觉得困难，可适当造几个句子写在旁边帮助记忆，这样还可以顺带提高作文水平。 </t>
  </si>
  <si>
    <t xml:space="preserve">我1988年月4日出生的，请问我是哪个星座的啊？ </t>
  </si>
  <si>
    <t>你是4月几日来着?四月一般是白羊座吧```或者到新浪的星座侃侃吧``</t>
  </si>
  <si>
    <t xml:space="preserve">谁知道华工的导师怎么联系 </t>
  </si>
  <si>
    <t>它网页的导师查询系统</t>
  </si>
  <si>
    <t xml:space="preserve">忘了身份证号怎么才能找回来??我想删了一个人物.重新练个小号.. </t>
  </si>
  <si>
    <t>删除人物必须用身份证号码。如果忘了，想找回来是不可能的。也不能这么说，你可以打电话到GM那儿，提交一些材料，是可以找回的，不过很麻烦。其它没有办法了。</t>
  </si>
  <si>
    <t xml:space="preserve">尿里有油是病吗?我妈40多岁了几个月前她发现,头天拉的尿,第二天 </t>
  </si>
  <si>
    <t>小便表层漂浮着一层油，应除外某些疾病引起脂尿的可能。 引起脂尿的常见原因有： 1、高脂血症：脂质从肾小球滤出过多，出现脂尿；2、肾脏疾病：如肾病综合症时，可出现高脂血症和脂尿，肾炎有时也可导致尿里有油出现。 3、乳糜尿时主要成分是甘油三脂、白蛋白、卵磷脂、胆固醇等，也可出现脂尿。 你发现老人尿中有油脂存在，一是因尿液放置时间过长，可引起尿液混浊，可能影响尿液外观及性状，建议留取新鲜尿，应到医院做尿常规及有关检查，以除外肾脏或其他疾病的可能。</t>
  </si>
  <si>
    <t xml:space="preserve">小组赛第一出现吗 </t>
  </si>
  <si>
    <t>小组前两名（第一、第二名）出线！》》》》</t>
  </si>
  <si>
    <t xml:space="preserve">中药有可以清血毒的吗？有可以清血毒的中药吗。怎么用？ </t>
  </si>
  <si>
    <t>你所说的“血毒”在里应该是属于“血液不清”的范畴。在中医里的“毒”和“火”常连在一起的。一般来说是指血液不清，血热，火邪属热，热为火之轻，火为热之重，两者仅在程度上有差别，其患病大多由于直接感受温热之邪所引起，如疔疮、有头疽、痈、药毒、丹毒等。火为阳邪，其病一般多为阳证。致病特点：发病迅速，来势猛急，局部掀红灼热，皮薄光泽，疼痛剧烈，容易化脓腐烂，或有皮下瘀斑，常伴口渴喜饮、小便短赤、大便于结等全身症状。例如：清毒散【处方】寒水石（煅）黄柏末各30克 黄丹（炒）15克 朴消15克 【制法】上为细末。【功能主治】治小儿痄腮，耳腮处红肿胀痛。【用法用量】每次3克，凉水调敷患处，干则再换。【摘录】《普济方》卷四○六清毒饮【处方】贯众9克 葛根6克 甘草4.5克 白僵蚕3克 【功能主治】治大头瘟。【用法用量】加黑豆10粒，水煎服。【摘录】《仙拈集》卷一清热消毒散 【别名】清热消毒饮（《痘疹仁端录》卷十）、黄连消毒饮（《杂病源流犀烛》卷二十六）。【处方】 黄连（炒）山栀（炒）连翘 当归各3克 川芎 芍药 生地黄各4.5克 金银花6克 甘草3克【功能主治】清热解毒消肿。治痈疽阳症，红肿?{痛，发热作渴，内有实热，口舌生疮。【用法用量】水煎服。【摘录】《外科枢要》卷四清营解毒汤【处方】鲜生地 银花 丹皮 赤芍 山栀 地丁 甘草节 连翘【功能主治】治疡疽。血分有热，红肿?{痛，尚未成脓者。【用法用量】水煎服。【摘录】《疡科心得集》 清血内消丸：     【功能与主治】 清热祛湿，消肿败毒。用于脏腑积热，风湿毒热引起的疮疡起，红肿坚硬，痈疡不休，憎寒发热，二便不利。 【用法与用量】 口服，一次6g，一日 3次。 连翘败毒丸【功能主治】 清热解毒，散风消肿。用于脏腑积热，风热湿毒引起的疮疡初起，红肿疼痛，憎寒发热，风湿疙瘩，遍身刺痒，大便秘结。 【用法与用量】 口服，一次6克 ，一日2次。 再有常用的“西黄丸”“醒消丸”“小金丹”“紫金锭”“活血解毒丸”类的。仅供参考希望对你有所帮助。</t>
  </si>
  <si>
    <t xml:space="preserve">为什么东方大学城要建在河北廊坊市，为什么不在北京呢？ </t>
  </si>
  <si>
    <t>离北京近啊.</t>
  </si>
  <si>
    <t xml:space="preserve">你在我的心里十二年我开始喜欢他是从初中开始，那时他成绩特别好，一 </t>
  </si>
  <si>
    <t xml:space="preserve">1、从你描述的情况来说，你碰到的极可能是个感情骗子。你把你的所有观注点都集中在了他和他周围的具体事情上，根本没有认真思考你自己的内心真正想要过什么样的？ 爱最重要的是首先搞清楚你的内心想要什么样的生活？他能否提供给你这种生活？他的自身素质、发展潜力、品格如何？能否满足你想要生活的要求？能否相互欣赏？ 获得真爱不是靠感觉，而是靠理性的思考，有智慧地选择。 从你的描述来看，他可能是个典型的厚黑学实践者（这一点或许他自己也不知道）。其特征“脸比城墙厚而坚，心比煤炭黑而又亮”。他需要你的时侯嘴比蜜蜂还甜，只是把你作为玩物，不需要你的时侯可以把你完全扔在一边，极有心理学的手段，就是把你给卖了你还帮他数钱，甚至还感激他。只会把你做为他实现目标的一个工具，只有你为他付出，他缺很少付出真实的感情（但极会演戏）。 建议你看一下《美国厚黑学》或李宗吾的“厚黑学”就可以认清这种人，尽快离开，以免受更大的伤害。 《美国厚黑学》的下载地址  李宗吾的“厚黑学”的下载地址  另外，建议你看一下老子的《道德经》，有助你的智慧选择和评价适合的朋友。 老子《道德经》下载地址：  2、恋爱的关键是心态和对人本性的认识问题；对恋爱和婚姻的理解问题。 3、恋爱双方最需要注意的就是别以自己的感觉和想法去推断别人的感觉或想法！因为，面对相同的客观世界，每个人的感觉和想法都是不同的，但常常忽略这种差异，以自己的内心感受去度量别人的感受，结果造成了无数的误解。 4、爱是双向自愿平等的互动，没有互动就谈不上恋爱。爱用简单一句话来说：就是尽量让对方快乐的同时，自己也感觉快乐！ 1）爱情是双向的发自内心的关爱、信任与欣赏，而不是约束与索取。 2）爱情是如同你想着自己的一般，想着你伴侣的所需和渴求。 3）爱情是学着尊重你自己和伴侣。问自己："我有什么是值得让自己敬重的？"以及"我的伴侣有什么是值得我敬重的？" 4）爱情是想着你应该为这份关系付出什么，而不要想着你应该从中获得什么。 5）爱情是和你的伴侣交朋友。找出共同兴趣和追求。 6）爱情是充满感情地拥抱、接触，并且向你的伴侣展开双臂。 7）爱情是舍弃过去，并且宽恕。作一个新的开始。 8）爱情是开放而诚实地沟通你的感觉。 9）爱情是对你自己承诺这份关系。在你的优先次序上，把你的伴侣放在第一位。 10）爱情是在关系中重新创造热情。 11）爱情是学着信任你的伴侣，信任你们的关系，并且表现得好像它永远不会结束的样子。 好好想想！你的内心想要什么样的生活？ 你自己感到轻松快乐吗？你应该怎么办？！ </t>
  </si>
  <si>
    <t xml:space="preserve">承德资料 </t>
  </si>
  <si>
    <t xml:space="preserve">三百年龙飞地  皇家旅游城      承德是首批国家历史名城、中国十大风景名胜、旅游胜地四十佳、国家重点风景名胜区，是国家甲类开放城市。1994年位于承德市的避暑山庄及其周围寺庙被联合国教科文组织批准为世界文化遗产，从而使承德步入了世界文化名城的行列。     北部是七老图山脉，有茫茫林海，广袤草原；中部属燕山山脉，为低山丘陵区；南部则属燕山山脉东段之延续，峰峦重迭，峡谷幽深。河流有潮河、滦河、柳河、老牛河等。清美甘甜的潮河水和滦河水，源源不断流往北京和天津。承德市海拔200－1200米，平均海拔350米，最高峰雾灵山2118米。环绕市区的山峦，属丹霞地貌，奇峰异石、自然天成，千资百态，形成独特的磬锤峰、罗汉山、天桥山、双塔山等十大景观。   　　承德属河北省省辖市，辖八县三区：承德县、隆化县、滦平县、兴隆县、平泉县、宽城满族自治县、丰宁满族自治县、围场满族蒙古族自治县和双桥区、双滦区、鹰手营子矿区。全市总人口340多万，其中满、蒙、回、朝鲜等少数民族25个，人口130万。承德毗邻京、津、西顾张家口、东接辽宁、北倚内蒙、南邻秦皇岛、唐山，是燕山腹地、渤海之滨重要的区域性城市。     世界最大的皇家园林——避暑山庄，占地564万平方米，墙围长10公里，分为宫殿区和苑景区两部分，西山东湖，山峦起伏，苍松翠柏，水草丰茂，建筑古朴典雅，洲岛错落，平川旷野，莺歌燕舞，麋鹿成群，楼台亭阁棋布，堤桥交织有序，假山叠石点缀其间。康熙乾隆以四字、三字各题“三十六景”画龙点睛。集南北园林建筑艺术之精华，兼具南秀北雄之韵美，园中有园，胜景荟萃，被康熙誉为“自有山川开北极，天然风景胜西湖”。       　　世界最大的皇家寺庙群——外八庙。金碧辉煌的寺庙群，融满、汉、蒙、藏、维多民族佛教建筑艺术之长，气势磅礴，风格迥异，是抵御外辱、民族团结的象征，座座寺庙，部部丰碑，如众星捧月遍布山庄外围，加之承德特有的“丹霞地貌”，大自然的亿万年精雕细刻，鬼斧神工，形成了千姿百态的奇观，远眺近视，形态奇特而逼真，“山庄咫尺间，直作万里观”。     承德市工业生产稳步增长，经济效益不断提高。现已初步形成以冶金、机械、电子、电力、煤炭、化工、建材、轻工、纺织等为支柱产业，以钢、铁、硫、黄金、精细化工、饮料、畜产品、果品等为优势产品的工业新格局。            承德市农业、林业、牧业、矿产、野生动植物、旅游资源十分丰富。     全市水资源总量为37.34亿立方米，人均占有量1093立方米，平均耕地占有量728立方米/亩，分别为全省平均数的3.2倍和4.2倍。    全市耕地面积约34万公顷，宜牧草场约120万公顷，是全省畜牧生产基地。    林地面积约154万公顷，占全省40%，森林覆盖率39.08%，居全省第一位。    现已探明矿藏57种，铁、锰、钛、钒、铜、铅、锌、金、银、煤、萤石、磷、膨润土、建筑装饰石材等，其中铁、二氧化钛、铜、黄金等矿产储量均居全国前列。    全市野生植物1600余种，其中沙棘、猕猴桃、山葡萄、木耳、黄花、蕨菜、大扁等野生珍品100余种，黄芩、金莲花、柴胡等野生药材500多种。拥有鹿、狍、野猪、黄羊等野生动物300多种。     承德市第三产业已成为国民经济的重要组成部分。第三产业内部在传统产业得到加强的同时，新兴产业不断涌现，逐步形成了以交通运输业、邮电通讯业、批发零售贸易及餐饮业、社会服务业、房地产业、金融保险业为支柱行业的第三产业结构体系。       承德是全国对外开放较早的城市之一。对外资企业在工商、税务、银行、保险、信息、通信等方面，建立了完整的社会服务体系，创造了良好的投资环境。     承德市与日本的高崎、柏市和比利时的维尔萨姆市建立了友好城市关系。     承德市积极实施“科技兴市”战略，科技教育事业得到较快发展。     全市现有独立科研机构4家，科研人员8.2万人，取得多项重要科研成果。    高等院校5所，中等专业学校12所，普通中学347所，小学2506所，学龄前儿童入学率达99.8%    全市拥有各类卫生机构541个，卫生技术人员1.1万人。       承德旅游资源得天独厚、风格奇特。这里有许许多多的“世界之最”：世界最大的皇家园林--避暑山庄；世界最大的皇家寺庙群--外八庙；世界最大的木制佛--千手千眼观世音；世界最短的河流--热河；万里长城精萃--金山岭长城；被称世界一绝的石柱--磬锤峰；天下第一奇松--九龙松......城内皇家风范，乡村天然乐园。 今天承德日新月异，展望未来前程似锦。 　 </t>
  </si>
  <si>
    <t xml:space="preserve">请大家跟我说说你们各位事业型男友或者老公的特点吧，你们有什么苦恼? </t>
  </si>
  <si>
    <t>没时间陪你逛街，没时间陪你吃饭，没时间陪你看电影。说的最多一句话：看好了直接去买，别瞎逛。你不敢轻易打电话给他，因为怕他工作忙，或者在开会。一年当中半年在出差。在国内还好，还可以飞去和他一起玩（就睡觉在一起，其它还是分开），国外就麻烦了。反正很多苦恼～～～～不过看男友工作时还是很帅的</t>
  </si>
  <si>
    <t xml:space="preserve">白芳礼的事迹刚刚揭晓的“感动中国”十大人物中竟没有他！ </t>
  </si>
  <si>
    <t xml:space="preserve">蹬车56年，支教18年，如今白芳礼老人的支教事迹激励学子、感动中国。白芳礼老人就是这样，节衣缩食把自己蹬三轮车的所得全部捐给了事业。下边是老人捐献的不完全记录：　　1988年为中小学幼儿教师奖励基金会捐款5000元，1989年为天津市教师奖励基金会捐款800元，1990年为沧县大官厅乡教育基金会捐款2000元，1991年为天津市、河北区、津南         区教师奖励基金、北门东中学和黄纬路小学等，共捐款8100元。1992年为“希望工程”和家乡白贾村小学，捐款3000元。1993年，为我国建立的第一个“救助贫困地区失学少年基金”捐款1000元。1994年为天津市河北区少年宫捐款1000元。　　“白芳礼支教公司”成立后，老人每月都向天津的几所大学、中学、小学送去数额可观的赞助费，这些所谓的赞助费实际上就是他的“支教公司”全部税后利润。南开大学学工部老师刘唯真回忆，白芳礼老人从1996年开始，每个月都要向学校捐款1000元，总额近3.4万元，200多名南开大学的贫困学生得到了资助；此外，天津大学、天津师范大学等高校也都收到了白大爷捐出的不同数额的支教捐款。　　曾经有人计算过，这些年来，白芳礼捐款金额高达35万元。如果按每蹬1公里三轮车收5角钱计算，老人奉献的是相当于绕地球赤道18周的奔波劳累。　　2001年，白芳礼捐出了最后一笔钱。年近90岁的他已无力再蹬三轮车，也无力再经营他的支教公司了，就在车站给人看车，还把一角两角的零钱装在一个饭盒里，存够500元后又捐了出去。捐出这笔钱以后，老人说：“我干不动了，以后可能不能再捐了！”这是女儿白金凤有生以来第一次听到父亲说打退堂鼓的话。　　为了让贫困的孩子们能安心上学，白芳礼老人几乎是在用超过极限的生命努力支撑着。在十多年的时间里先后捐款35万元，资助了300多个大学生的学费与生活费。他为学生们送去的每一分钱，都是用自己的双腿一脚高一脚低那么踩出来的，是他每日不分早晚，栉风沐雨，用淌下的一滴滴汗水积攒出来的，来之不易，来之艰辛！照常理，像他这样的古稀老人不仅无须再为别人做什么，倒是完全应该接受别人的关心和照顾。可他没有，不仅丝毫没有，而是把自己仅有的能为别人闪耀的一截残烛全部点燃，并且燃烧得如此明亮，如此辉煌。 </t>
  </si>
  <si>
    <t xml:space="preserve">防火墙阻止了酷狗程序的某些功能，问回复的方法正在运行酷狗中那个删 </t>
  </si>
  <si>
    <t>用的什么防火墙？如果是瑞星防火墙，那么在设置-详细设置-访问规则，把酷狗程序放行就了。</t>
  </si>
  <si>
    <t xml:space="preserve">打49的问题。我身上有一个蛋还能跟别人去打49吗？ </t>
  </si>
  <si>
    <t>严重误导新人，以为张的帅就能拿到49蛋了！其实掉的可能是随机的。现在好像改成每次都有蛋掉，但不一定是49。不过1次掉2个蛋其中一定有一个是的，就是提问者有没有运气拿了。不是靠张的帅就能拿到的可以的,身上有没有蛋没什么关系.拿不拿的到就要看你的长相了,嘿嘿</t>
  </si>
  <si>
    <t xml:space="preserve">急等:盘锦市邮编是多少 </t>
  </si>
  <si>
    <t>124000  兴隆台区和双台子区 124100  盘山县124200  大洼县</t>
  </si>
  <si>
    <t xml:space="preserve">从重庆到河南南阳怎么走，省时又节约？我拟于9月11日到河南南阳参 </t>
  </si>
  <si>
    <t>坐火车嘛，有直达的。2222 普通无空调 运行时间: 16:05 -- 10:49， 重庆 16:05 发1390 新型有空调 运行时间: 20:31 -- 14:02 ，重庆 20:31 发</t>
  </si>
  <si>
    <t xml:space="preserve">上海订票哪里最全？城市票务列表 </t>
  </si>
  <si>
    <t xml:space="preserve">最新最全上海火车订票电话和地址 </t>
  </si>
  <si>
    <t xml:space="preserve">怎样才可以治好忧郁症啊！ </t>
  </si>
  <si>
    <t xml:space="preserve">忧郁症的治疗 忧郁症是一种很容易治疗的疾病。几乎百分之八十的忧郁症患者经过妥当的治疗后，都可以恢复正常、快乐的。以下是常用的治疗方法: 1.药物治疗∶ 用来改变脑部神经化学物质的不平衡，包括抗忧郁剂、镇静剂、安眠药、抗精神病药物。药物方面的治疗，需要求助于精神专科医生。 2.心理治疗: 主要是用以改变不适当的认知或思考习惯、或行为习惯。可以从根本上解决问题。心理方面的治疗，需求助于专业心理治疗人员（包括医疗机构的临床心理医生、临床心理学的博士或私人机构的专业心理治疗人员），若问题较为轻微，可从电话咨询或心理辅导机构得到帮助。 3.阳光及运动∶ 多接受阳光与运动对于忧郁病人有有利的作用；多活动活动身体，可使心情得到意想不到的放松作用；阳光中的紫外线可或多或少改善一个人的心情。 4.好的生活习惯∶ 规律与安定的生活是忧郁症患者最需要的，早睡早起，保持身心愉快，不要陷入自设想像的心理漩涡中。人生苦短，不论贫贱富贵都是短短数十寒暑，何不以愉悦的心情面对每一天，凡事都要抱着积极乐观的态度，期以增加个人生命的彩度与亮度。 忧郁症带来的功能损害程度并不一致，但即使在轻微的患者身上也会造成临床上重大痛苦或在社会、职业、或其他重要领域造成一些损害。若损害程度严重，此人可能无法表现社交或职业能力。极严重的患者可能无法执行最基本的自我照顾（如∶自己进食或穿衣）或维持最起码的个人卫生。忧郁症对个人最可怕的后果是"自杀"。根据统计，三分之二的忧郁症患者有自杀的意念，而大约百分之十的忧郁症病患会自杀。重郁病伴随著高死亡率。严重程度重度的重郁病患者高达15％死于自杀。重郁发作会完全康复（约占三分之二的患者），或仅部份康复或完全不康复（约占三分之一的患者）。就仅部份缓解的患者而言，发生另外一次重郁发作及日后几次发作之间仍为部份恢复的可能性较大。许多人在单次重郁发作初发之前，已先有低落性情感疾患。有些证据显示这些人可能会有更多重郁发作，几次发作之间也恢复不良，并且需要更多急性期治疗与长时期维持性治疗，才能维持较持久的心情平稳状态。 忧郁症的演变通常是由轻度演变为重度，如果在轻度忧郁的时候，可及早发现与及早治疗，预后通常会比较好，且治疗时间可缩短，因此，大家都要仔细观察与主动关心周围的人和朋友！ </t>
  </si>
  <si>
    <t xml:space="preserve">QQ问题怎样知道好友是不是已将我删除 </t>
  </si>
  <si>
    <t>你好,除了上面的说法外,我向补充一个,你到QQ商城买东西,然后选择"他人付账",填上他的号码,如果发送除去了,就是对方还是你好友,如果提示:"对方必须是你的好友才可以索要"这样的信息,那就表明他已经把你删除了,就是这么简单,谢谢!</t>
  </si>
  <si>
    <t xml:space="preserve">青少年癫痫最佳治疗方法 </t>
  </si>
  <si>
    <t>治疗癫痫病一定要采用科学的方法治疗。癫痫是由于大脑神经元异常放电引起的反复、发作性疾病，最好使用中药治疗，它的优点是副作用小、患者依从性好、没有药物间的相互作用。只要及早治疗，大多数患者都可以治愈的。</t>
  </si>
  <si>
    <t xml:space="preserve">济南，还清第一套房贷后，买第二套房利息怎么执行我现有贷款买的第一 </t>
  </si>
  <si>
    <t>二套房贷政策松动 清贷后买二套房首付3成只要第一套住房按揭已经还清贷款，按揭购买第二套房就可享受到首付3成的优惠。</t>
  </si>
  <si>
    <t xml:space="preserve">苹果手机被我碰了一下中间出现了一条白线怎么办 </t>
  </si>
  <si>
    <t>重启不行？</t>
  </si>
  <si>
    <t xml:space="preserve">现在虚假信息好多，怎么去了解哪个牌子的移动电源好啊？ </t>
  </si>
  <si>
    <t>"看安全性和口碑，用户体验总是假不了的。 对消费者而言，切勿轻易相信网络途径上的各种宣传，多从不同的渠道去了解认知，选择品牌口碑上佳，品质规范过硬，技术用料有保障的移动电源产品，才是真正地对自己本身负责，对自己的数码移动设备负责。 所以说回来，还是要买品牌的产品，安全这方面我觉得电母科技的比较高些，主打安全性移动电源的，挺多款，看你的个人喜好了。"</t>
  </si>
  <si>
    <t xml:space="preserve">我发布了个代练信息。没人接。我想取消要怎么取消 </t>
  </si>
  <si>
    <t xml:space="preserve">登入5173用户名后进入我的5173，在左边导航栏中找到“我的代练”--“我发布的需求清单”查找到对应的物品编号后点击“察看/处理”，在点击“商品撤消”即可。 </t>
  </si>
  <si>
    <t xml:space="preserve">烤猪扒饭怎么做？最好能用微波炉做 </t>
  </si>
  <si>
    <t>微波美食：烤猪扒饭　　　　　　　 　 材料：猪扒、白饭各350克（约9两半），蛋1只，番茄1个，磨菇5粒，红萝卜25克（约6钱半），洋葱（中）1个，葱1条，青豆50克（约1两半）。调味料：蒜茸、生油、糖各1茶匙，鸡汁、酒、粟粉各1茶匙，水1汤匙，油1茶匙。制作过程:（1）猪扒洗净，拍松後，加调味料腌约15分锺。（2）番茄、磨菇、红萝卜、洋葱和葱均切粒。（3）加油2汤匙在碟上，高火预热1分锺。（4）猪扒放碟上，高火煮1分锺，取出翻转，高火煮30秒，取出切长方条状。（5）蛋加少许盐，打拌後，与白饭混合搅拌，放盛器上，高火煮1分锺，翻拌後，再高火煮1分锺，取出与葱粒拌匀。（6）调拌芡汁，与已切粒的材料同伴匀，置盛器上，盖上保鲜纸，留一开口处疏气，高火煮2分锺。（7）饭置深碗内，放上猪扒，芡汁和青豆淋在猪扒面，盖上保鲜纸，留一开口处疏气，用中高火煮2分锺，便可供食。</t>
  </si>
  <si>
    <t xml:space="preserve">皮肤瘙痒一抓就破是怎么回事？ </t>
  </si>
  <si>
    <t>荨麻疹。临床特点是皮肤上出现大小不等的鲜红色、淡红色或瓷白色的风团，这种风团常突然出现，数小时后又迅速消退，消退后不留任何痕迹。常反复发作。多吃含有丰富维他命的新鲜蔬果或是服用维他命C与B群，或是B群中的 B 6。 多吃碱性食物如：葡萄、绿茶、海带、蕃茄、芝麻、黄瓜、胡萝卜、香蕉、苹果、橘子、萝卜、绿豆、意仁等。 忌食动物蛋白性食物和海鲜发物，不吃辛辣激发性食物，不饮酒。保持清淡饮食 多休息，勿疲累，适度的运动。皮肤瘙痒考虑是具备的皮炎，最好是要排除局部真菌的感染，这样的情况，才可以造成你这样的情况出现的。</t>
  </si>
  <si>
    <t xml:space="preserve">一台手术下来各个医务人员的本职工作有那些？？ </t>
  </si>
  <si>
    <t>建议买本手术护理的书看看，每个医院都差不多，不过有点小差别的，建议跟着上台手术就知道了，这很繁琐，我记得我实习时上手术，就老出错的，看几次就好了</t>
  </si>
  <si>
    <t xml:space="preserve">地理知识询问最重要的纬线是那些，分别是几度？ </t>
  </si>
  <si>
    <t>南北纬90度（南北回归线）；南北纬66.5度（寒带温带分界线）；南北纬23.5度（南北回归线，也是热带与温带的分界线）；0度纬线（赤道）</t>
  </si>
  <si>
    <t xml:space="preserve">去不了江南地图我46级了,也接到了江南地图的任务,但我进不了江南 </t>
  </si>
  <si>
    <t>你试试在未央工兵马传送使哪里传到江南云溪坡 就进去了那个多少及都可以的 我朋友20及跑开了全世界的地图《除了玉请观 黄金坛之类》</t>
  </si>
  <si>
    <t xml:space="preserve">辣椒吃多了是凉性吗？有人说，辣椒少吃上火，吃多了就是凉性了。我最 </t>
  </si>
  <si>
    <t>吃辣吃得多,發汗過度?p????若又有大便溏?a者又?p?⑽钢??所以造成手足冰凉,建議不可再吃辣了,可吃些黃耆建中?{理回??</t>
  </si>
  <si>
    <t xml:space="preserve">600150今天应该怎么操作？ </t>
  </si>
  <si>
    <t>600150 中国船舶 5日均线附近注意压力.建议持仓关注,补仓暂缓.</t>
  </si>
  <si>
    <t xml:space="preserve">大连理工大学机械工程这个专业好不好我想学机械工程这个专业，不知道 </t>
  </si>
  <si>
    <t>专业无所谓好坏，只看你能不能学精。这是最重要的</t>
  </si>
  <si>
    <t xml:space="preserve">天希把人胃口吊的……没别的！就是想知道换剧本具体时间！都督.大都 </t>
  </si>
  <si>
    <t>志成啊，安心做生意赚钱，天希不会甘于寂寞，一定会出跑马充值送+8 的，放心放心……</t>
  </si>
  <si>
    <t xml:space="preserve">影月谷是多少级去的地方呀 </t>
  </si>
  <si>
    <t>６８级以上去会好点，最好还是６９！！</t>
  </si>
  <si>
    <t xml:space="preserve">你最讨厌哪个日本足球队员 </t>
  </si>
  <si>
    <t>讨厌所有的日本球员讨厌所有的日本人讨厌所有与日本有关的东西坚决不买日货</t>
  </si>
  <si>
    <t xml:space="preserve">两强对决，又来三人插手，下一届台北市长会是谁？ </t>
  </si>
  <si>
    <t xml:space="preserve">下一届台北市长是郝龙斌可能性最大，基于如下原因：1.台北一直是泛蓝大本营，约占2/3，民调郝龙斌民调一直领先，最低时也有34％；2.绿营选民总数约35％，谢长廷14％与周玉蔻1%两者加起来与郝龙斌相比要差很多，绿营中间选民全部投谢长廷这种可能性太小，因此谢长廷机会不大；3.宋楚瑜与李敖两者加起来最高时不足20%，即使中间选民约14％，全部流入宋李，也才34％，与郝龙斌平齐，全部投给宋李这种可能性太小，因此无当选机会。注：部分数据引用《人民日报：国民党准备好北高市长选举了吗？》。原文：人民日报：国民党准备好北高市长选举了吗？　　中评社香港10月23日电／《人民日报》今天刊登台湾民意调查会秘书长马康庄题为“国民党准备好了吗？”的文章说，国民党高雄市长候选人黄俊英最近选情告急，他在9月份的民调结果还比陈菊多11个百分点（黄38％、陈27％），现在两人的差距只有4％。一般民调的误差率约3％，看来黄、陈二人目前已旗鼓相当，难分轩轾了。 　　仔细分析民调资料，支援陈菊的民众在9月、10月没有变动，仍维持在27％、28％之间；黄俊英由38％跌到32％。有人把高雄市长选情的紧绷和施明德倒扁南下的“遍地开花”连上关系，指南征激发了南部乡亲的危机意识，动员起来支持陈菊，这种推论不实。从民调结果来看，支持陈菊的绿色群众只多了1％，转而采取观望态度的民众多了5％。对国民党而言，这个现象表明国民党面临未可轻忽的危机。 　　文章说，早有人指出，国民党一直未积极面对北高两市的选举，以为民进党当局贪腐弊案不断，积累的民怨极深，国民党优哉游哉也能获得胜利。殊不知这是两军对垒，即使一方表现拙劣、犯下致命错误，但另一方不乘此机会出击，胜利也不会自动降临。台湾一个多月来，倒扁运动如火如荼，国民党的作为甚微，甚至有人讥讽这个“老大”政党在倒扁风潮中被边缘化。提出两次罢免案，明知其不可为而为之，近乎唐吉诃德式的愚痴与刻板。无怪乎有不少中间选民、浅蓝色民众，甚至于深蓝人士对国民党近来的表现怨言不断，进而采取观望的态度。浅蓝民众还没转而支持民进党，主要因为民进党照旧贪腐，令人不忍卒睹！ 　　二次罢免后，马英九在民调中的好评由6月份的51％降为47％，不满意他的比率从6月份的27％上升为36％，民间对国民党迟疑不决、不能主导形势、被动缓慢、守多于攻的表现，通过民调表现出不满。 　　文章指出，台北市的民调结果更具震撼性。国民党候选人郝龙斌的支持率由9月初的50％降为34％。但谢长廷仍维持在14％，宋楚瑜9％、周玉蔻1％，未决定的选民从9月初的24％上升为36％。交叉分析，中间选民挺郝的由36％降到18％。这个民调变化与高雄市的结果呈现了同一趋势。台北市近14％的泛蓝支持者和中间选民把他们对国民党的不满，以“不能决定选谁”来表达。民意如水，载舟覆舟，未来什么事都可能发生。 　　郝龙斌的胜算还是较高，除了因为台北市的选民分布泛蓝一直都占优势之外，宋楚瑜与李敖瓜分票源的实力也很有限。最主要的原因还是谢长廷兵老师疲，一位走投无路、过气的绿营政客，背负着高雄捷运弊案的臭包袱，到台北市来赌政治生涯中的最后一注，其情可悯。谢长廷这回选战的主要诉求是争取2020年主办奥运，这比争取台湾重返联合国还要遥远！有任何一位台北市民会为之心动吗？谢长廷已与社会脱节，他仿佛不知道小市民最关心的是什么。 　　马英九排满了南下高雄市辅选的行程，这回可要面临考验了。“马旋风”在高雄市刮得起来吗？小马哥展现他的选举魅力，肯定有助于选情。但是高雄市具有本土特质，黄俊英4年前以低姿态、务实、平易近人的风格，勤跑基层、细察民间疾苦，赢得不少地方上支持，几乎一举击败谢长廷，两人只差4万多票。这次黄俊英也应秉持4年前的作风，深耕基层，说服选民：土生土长的他，才是认真服务乡梓的好地方官。 　　文章表示，某政论家撰文质问：国民党做好执政的准备了吗？6年多来民进党当局政绩交白卷，大家期待着下一次政党轮替，期望国民党能带给台湾希望，带来一个清廉、务实、效率高、干劲十足、朝气蓬勃的团队，台湾的经济得以复苏，生活水准得以提高。民众只有一张选票，4年才用一次。国民党准备好了吗？别让选民犹豫不决，不知这张选票投给谁才好。　 </t>
  </si>
  <si>
    <t xml:space="preserve">请教大家,债券型基金里有的分什么A.B指的是什么意思啊, </t>
  </si>
  <si>
    <t>A类是前收费,B类是后收费,C类是没有申购赎回费,只有销售服务费.</t>
  </si>
  <si>
    <t>传奇—幽明圣地</t>
  </si>
  <si>
    <t>不会吧，蜈蚣洞里的叫幽冥空间，幽明圣地我没听说过，麻烦各位大哥指教一下。幽冥空间 是盟重 好象是 140 90的地方，也就是地图的左上角那边进，进了是地牢一层东，走上面的门，进了名字忘记了，是小房间没怪的，望上走，然后的名字都忘记了，反正就是望下面走，进门后是水晶小屋吧好象，走右手边的门，是地牢一层北吧好象，然后怎么走看大地图了，到了黑暗地带就一直望右下走，进门几是幽冥空间了，好久没走那么深了，坐标不记得了，就记得实际怎么走了，只能回答这么多了</t>
  </si>
  <si>
    <t>救救我,打外挂陷阱掉下去了..郁闷死.服务器：北方网通</t>
  </si>
  <si>
    <t xml:space="preserve">您好：     我们对您的账号进行核实，为正常数据，已经对您的角色人物进行了解救，您可以通过无底坑的管理员将您的角色人物传送出来。封印有您更精彩！     感谢您的支持！ </t>
  </si>
  <si>
    <t xml:space="preserve">骨髓增生异常综合征遗传吗需要怎么治疗？ </t>
  </si>
  <si>
    <t>你好，MDS的病因可是原发的，即原因不明。或曾有化学致癌物质、烷化剂治疗或放射线接触史的，虽然有许多病人有染色体和基因的改变，但大都是后天基因突变引起的，不会遗传给下一代。如果有条件的，可以进行骨髓移植，现在比较 好的治疗的方法是中西医辩证施治。骨髓增生异常综合症会不会遗传还没有定 论，它不排除与遗传相关的,目前病因还不明 确，但它不属于遗传病。只能说下一代患血液疾病的概率比普通人群稍大一些,具体大多少也没有确 切的数据.下一代子女要积极锻炼身体,增强体质,饮食作息健康规律,应该没什么问题的。现在治疗也是一些常规治疗，能骨髓移植会比较好。不会遗传的，这并不是一种遗传病。但患者如果想要孩子的话还是应该等病情稳 定后，询问过医生再决 定。治疗这种病中西医结合的方法还不错，是目前比较有效 果的，很多人通过这种方法治好了。</t>
  </si>
  <si>
    <t xml:space="preserve">狗打疫苗进口的最后一针打成国产的没事吧我家的狗前几天开始打疫苗， </t>
  </si>
  <si>
    <t>建议这事不要含糊，一是究责，不要被忽悠；二来即使国产的不是伪劣假冒没有副作用，但毕竟一分钱一分货，否则进口和国产为何价格差那么远，至少进口的也比较放心。最后建议多查询找有信誉的宠物医院（兽医）。这年头道德沦丧啥都不能轻信！</t>
  </si>
  <si>
    <t xml:space="preserve">是不是月经来了。就不会怀孕了。 </t>
  </si>
  <si>
    <t>一般的怀孕的症状首先是停止月经。既然月经来了，应该是没有怀孕的。月经是指有规律的、周期性的子宫出血。又称为月事、月水、月信、例假等。严格说来，伴随着这种出血，卵巢内应有卵泡成熟、排卵和黄体形成，子宫内膜有从增生到分泌的变化。怀孕后就不再排卵,也没有月经.</t>
  </si>
  <si>
    <t xml:space="preserve">网页内码转换的问题用了一个内码为西欧语言的网页作网页，怎么才能把 </t>
  </si>
  <si>
    <t>试试行不行？——  先用IE浏览器打开这个网页，将编码调整为 西欧语言使其完全正确显示【然后  通过 另存为 …… 将其保存为另一个文件 ——★保存时 选择 编码 为简体中文GB2312。然后再使用另存下来的那个网页文件。</t>
  </si>
  <si>
    <t xml:space="preserve">轩辕剑３外传－天之痕拓拔玉儿复活有条件吗？我打了好几遍怎么都是小 </t>
  </si>
  <si>
    <t xml:space="preserve">去到魔王岩时，三人决定偷偷潜入营寨，有两种方法：1.从营寨旁边的水路（要找到竹管子）潜入。回到豆子坑，答应和小孩子玩捉迷藏的游戏，将藏匿于豆子坑场景内的所有六个小孩找出来便能得到竹管子。2.藏身于进入营寨的运货车之后才能潜入。答应运粮的小叶的请求，帮他在豆子坑进入魔王岩的出口处找到他娘的香包他便会答应靖仇他们利用自己的货车帮助他们潜入营寨。进入魔王岩的方法会直接影响到最后的结局，如果选择从水中潜入，则最终小雪将无法和靖仇厮守终生，而玉儿无法复活；而如果选择藏身于车中进入魔王岩，则玉儿将和靖仇天人永隔，而靖仇与玉儿结为伴侣。或者你嫌玩的麻烦，你可以直接下载结局存档。《轩辕剑3：天之痕》的玉儿结局存档： </t>
  </si>
  <si>
    <t xml:space="preserve">去过塞班岛的朋友请回答 </t>
  </si>
  <si>
    <t>马来西亚塞班吗？那热，到城镇中做买卖都是华人语言不用愁。人民币可以用。</t>
  </si>
  <si>
    <t xml:space="preserve">你对实施禁烟令的看法怎么看待这个问题？禁烟令效果怎么样 </t>
  </si>
  <si>
    <t>出发点是好的，但实际上收效甚微。我们特有的人情观、文化观决定着禁烟运动困难重重。禁烟是个长期活儿，不能急，只能慢慢来。随着社会不断进步，人的素质不断提高，观念不断更新，陋习才会逐渐消失。</t>
  </si>
  <si>
    <t xml:space="preserve">日耳曼和桑坦德都赢球谁会出线？？？ </t>
  </si>
  <si>
    <t>看双方几个球，日尔曼要出线，必须要比桑坦德多进1-2个球</t>
  </si>
  <si>
    <t xml:space="preserve">为什么我总是吃完饭后总是胃涨气,相当难受??肠胃是不是有问题,要 </t>
  </si>
  <si>
    <t>首先你要从生活规律着手！不要暴饮暴食！不要食用生冷较硬的食物！注意保暖！可以去医院开一些中成药！因为中药不伤身体！总之胃病要3分治7分养！一定要注意饮食！</t>
  </si>
  <si>
    <t xml:space="preserve">夏季驾驶注意什么夏季气温高开车是否应特别保护爱车,每天应该注意些 </t>
  </si>
  <si>
    <t>经常检查气压　随着气温及路面的温度逐步升高，高速或者长途行驶，胎压很容易上升，引发爆胎。为了安全，请您经常停车降压。　　行车时要格外小心　天热时，人们喜欢打伞遮阳，而为了遮住阳光，伞的高度一般都比较低，挡住持伞人的视线。因此，司机在行车特别是超车、拐弯时，一定要格外小心。　　切忌穿拖鞋驾车　夏日里女性朋友喜欢穿拖鞋，既好看，又方便凉快，有的甚至穿着拖鞋开车。其实这种做法很危险，发生紧急情况的时候，如果踩油门或刹车时拖鞋不跟脚，很有可能因此延误刹车时机，造成交通事故。　　不宜使用气体打火机　盛夏热浪滚滚，有些司机有抽烟解乏的习惯。点燃香烟后一般也会顺手把气体打火机放在仪表台上。这样做非常危险。一次性使用 的气体打火机，其盛装液态气体的塑料容器，在40摄氏度以上时，气体会受热膨胀。塑料壳体会因受热而发生爆炸。虽然气体打火机的爆炸威力不大，但在车内和一些油料、易燃物等放在一起时，一旦发生爆炸，很容易引起火灾，后果不堪设想。所以，在炎热的夏季，司机不宜使用气体打火机，再说行车时抽烟也是不允许的。　　不宜长时间开空调　发动机怠速运转时，汽油燃烧不完全，会产生一氧化碳。一般装有空调器的车辆，密封性能较好。绝大多数人在这种环境中待几个小时就会有头晕、倦怠的感觉，记忆力也会减退。同时，车内人员呼出大量二氧化碳，使车内氧气急剧减少。所以，应适当调节空调工作状态，或每隔一段时间打开车窗透透气。　　不宜戴颜色太深的墨镜　墨镜的暗色能延迟眼睛把影像送往大脑的时间，这种视觉延迟又造成速度感觉失真，使戴墨镜的司机作出错误判断。有研究表明，颜色过深的墨镜会把司机对紧急情况的反应时间延长100毫秒，增加2.2米的急刹车距离。　　切忌疲劳驾驶、开赌气车　夏日温度高，体力消耗大，尤其是中午，容易疲劳、打瞌睡。因此，要保持足够的睡眠时间，保证精力充沛。行车中如果感到困倦，应及时停车，适当休息一会儿，待头脑清醒后再继续开车。此外，天气炎热还会引起心情烦躁。因此，车主朋友千万不要开赌气车，应时刻保持冷静心态，遵守交通规则。</t>
  </si>
  <si>
    <t xml:space="preserve">如何去除嘴里的葱蒜味呢？ </t>
  </si>
  <si>
    <t xml:space="preserve">如何祛除嘴里的葱蒜味道接----可去蒜味，然而单单喝茶水是没有用的。除非你能从口袋里提出几片茶叶来嚼一嚼。不过既然大家都知道嚼茶叶是为了去蒜味，美女嚼茶实在有点此地无银的不雅。 B、          随身携带小牙刷和牙膏，吃完火锅，以去冼手间补妆为名迅速刷牙。对火锅美女来说，刷牙绝对是最重要的一项“补妆”，否则脸抹再白也没用。 链接-----如果想偷懒，带瓶漱口剂，最好选择含中药成分、气味较浓烈的漱口剂。 C、          有些火锅店会给客人上一碟花生米备用，它不是单纯的味碟而是除味剂。吃完火锅后嚼几颗花生米（要细嚼慢咽）能有效去除蒜及其他口腔异味。 链接-----嚼口香糖能有效去除异味的说法并不可信，可能的结果是你嚼到口干舌燥，蒜味膻气却丝毫末减。 D、          水喝得太快太急会把很多空气一起吞咽下去，造成多嗝。因此喝饮料，尤其是碳酸饮料时，一定要慢，最好让水在口里略含一两秒钟再缓缓喝下。十足淑女作派不仅为你的魅力加分，更能减少餐后打嗝。要知道某些美女口中令人不爽的气味不是口腔本身的问题，而是打嗝时胃部气体上涌的结果。 </t>
  </si>
  <si>
    <t xml:space="preserve">关于游戏王的问题谁知道游戏和貘良在战斗城市里决斗的那一集是哪一集 </t>
  </si>
  <si>
    <t>第82--第84话，共３集．</t>
  </si>
  <si>
    <t xml:space="preserve">作业阿，sos注：AC⒉意思为AC的平方x⒉意思为x的平方a⒊意 </t>
  </si>
  <si>
    <t>解：1、设AC=a,则BC=m-a,因a^2=m(m-a), 即a^2+ma-m^2=0[a+(m/2)]^2=5m^2/4a=-(m/2)±(√5)m/2 (负值舍）所以AC==-(m/2)+(√5)m/2=[(√5)-1]m/22、x^2+(m+3)x+2m-1=0有两个不相等根，则△=(m+3)^2-4(2m-1)  =m^2-2m+13  =(m-1)^2+12恒大于0，又(第二问采用hongmeiyouhua 的方法较好：)x1+x2=-(m+3)&lt;0  x1x2=2m-1&lt;0解得-3&lt;m&lt;1/23、若a是方程x^2-x-1=0的一个根，求代数式a^3-2a+3的值。因a^2-a-1=0，则a^3-2a+3=a(a^2-a-1)+(a^2-a-1)+4=(a^2-a-1)(a+1)+4=4</t>
  </si>
  <si>
    <t xml:space="preserve">请问我登陆野菜部落时提示帐号错误或已登陆其他游戏可我的电脑已经关? </t>
  </si>
  <si>
    <t xml:space="preserve">1.你用这个号上了其他的游戏吧。 2.服务器比较忙，系统出错。 3.你上一次是不正规退出的。请多试几遍。 </t>
  </si>
  <si>
    <t xml:space="preserve">我的博客无法打开我的博客怎么打不开了啊.点击提示说:INTERN </t>
  </si>
  <si>
    <t xml:space="preserve">头发能种植吗？头发可以种植不呢？ </t>
  </si>
  <si>
    <t>头发是完全可以种植的，目前国内的技术水平已经很先进了，通过移植自身后枕部的毛囊组织，经过培養和处理，然后种植到脱发的部位，使脱发的部位拥有新的毛囊组织，从而长出头发，解决脱发的问题。可以种植的，不过种植的是毛囊，然后植入毛囊后就会重新长出新的头发。可以的，植发的原理是选取后枕部永久不脱落的毛囊,移植到脱落区，移植后再生的头发将保持原有特性，不易脱落，可烫染，只要选对正规的医院，都能保证术后效果的。</t>
  </si>
  <si>
    <t xml:space="preserve">能否带液晶显示器上火车？谢谢！ </t>
  </si>
  <si>
    <t>可以的。我见到过带电脑，电视上火车的，液晶显示器不属于限制物品。</t>
  </si>
  <si>
    <t xml:space="preserve">135端口是做什么用的？可不可以关闭？为什么我上次关闭135以后 </t>
  </si>
  <si>
    <t>135端口是提供endpoint mapping(终结点映射)服务(epmap)的端口。它是由RPC(Remote Procedure Call - 远过程调用)服务间接提供的。而RPC服务是电脑其它许多服务(如网络和拨号服务，Internet连接共享，信使服务等等)所依赖的基础服务。所以，135端口通常是不可以关闭的。这也就是为什么关闭135以后不能拨号的问题。135端口通常被冲击波或震荡波利用攻击。虽然您的金山网镖成功拦截冲击波，我仍然建议您安装各种安全补丁以升级操作系统(方法：开始 -&gt; Windows Update), 但是如果你的操作系统是盗版的XP, 那就算了。</t>
  </si>
  <si>
    <t xml:space="preserve">头发颜色深紫红色上多了，接近黑色，怎么闹成浅黄色具体怎么褪色 </t>
  </si>
  <si>
    <t>颜色染深了,再上浅色,颜色会吃不进去.现在要马上弄成浅黄色估计只能把颜色漂掉了,但很伤头发.</t>
  </si>
  <si>
    <t xml:space="preserve">怎么我不能回答了吗？昨天我回答了“［保证书］高分”这个提目！我的 </t>
  </si>
  <si>
    <t>昨天回答的问题.到今天还看不见回答内容,很有可能是系统的问题。因为审查只占用少许时间,现在隔了一天了,这个情况可以排除.还有一种情况,就是审核没通过.</t>
  </si>
  <si>
    <t xml:space="preserve">问一下西装和内衣如何搭配?深蓝色西装,白色条纹衬衫、粉红色(很淡 </t>
  </si>
  <si>
    <t>建议楼主选择一下三种颜色的内衣来搭配，白色、肉色、黑色，白色和肉色是百搭，黑色搭配黑色衬衣来穿着。一般白色和肉色内衣比较常见。穿着在浅色衣服里的内衣肉色是最不会透的，但是肉色的男士背心比较难买，所以白色也就成为大家的上上之选。</t>
  </si>
  <si>
    <t xml:space="preserve">推理题因电视节目而名声大噪的蒙面占卜师，在某一天夜里，不知为何人 </t>
  </si>
  <si>
    <t>罪犯是山村。　嫌疑犯中知道占卜师长相的是其情妇洋子及弟弟隆一，也就是说，对于这两个人，占卜师没有必要蒙藏着脸面，而实际上占卜师蒙着面与来人喝咖啡时被毒死的。这就是说，占卜师接待的是不好让对方看到自己脸的人。如此说来，凶手只能认为是来求卜的山村。山村由于无力偿还债款，所以盯上了正走红的占卜师，认定他会存有可观的积蓄。</t>
  </si>
  <si>
    <t xml:space="preserve">赌侠2之上海滩赌圣的哪个春天叫什么？ </t>
  </si>
  <si>
    <t>· 绮梦是张敏演的，她有一段时间很红，向华强力捧 ...</t>
  </si>
  <si>
    <t xml:space="preserve">为什么我的乳房只有下面没有上面我的乳房下面是个半球可是上半边确实 </t>
  </si>
  <si>
    <t>　　这样的胸形很好看啊，手感也很好，好多世界名模都是这样的胸形，真不知道你还抱怨什么！</t>
  </si>
  <si>
    <t xml:space="preserve">我真的好害怕,大家来帮帮我吧!我跟我女朋友ML之后她哭的很伤心, </t>
  </si>
  <si>
    <t>只要你不是强迫她硬来的（即当时她也是愿意ML的），关系就不会太大。事情已经发生了，就只能去正确面对。两个人要冷静下来，仔细分析事态的来龙去脉和对策。她一味地哭，不能解决任何问题。两个人都还不到结婚年龄，却是干了结婚以后才能合法干的事。现在，只能是面对事实冷静分析。她的自责（说什么“始终不能原谅自己”、“对不起她妈，对不起很多人”等等）是改变不了已经发生过的事实。你作为一个男子汉（虽然还不到结婚年龄）在这种情况下，理应多承担点责任，真心表白自己对她的爱意，使她能够感到不是被你耍弄了，或许心情会慢慢平静下来的。现在，两人一定要经过商议取得共识，今后两人如何相处？下一次是放在将来结婚以后还是不定期地再次ML？另外，这次有没有会怀孕的问题，也是要考虑的。如果是怀孕了，就一定要采取手术方式处理掉。最近一段时间里，务必多陪陪她，表示出一个男子汉应该承担的责任。</t>
  </si>
  <si>
    <t xml:space="preserve">飞机识别，今晚有点多 </t>
  </si>
  <si>
    <t>美国，E-2C"鹰眼"舰载预警机</t>
  </si>
  <si>
    <t xml:space="preserve">中西方餐桌文化有什么不同之处和相同之处 </t>
  </si>
  <si>
    <t>首先是座位上，国内以左为上西方以右位上座；西餐简洁,摆盘,不浪费，先上汤后上主食，一般用刀叉勺，注重营养搭配；中餐多注重地域性口味以及颜色和形状的搭配，先上主食后上汤，一般用筷子和勺子，现在中餐也重视营养搭配了；中西餐都注重器皿的美观和档次；西方人一般不在进餐时讲话的，国内则相反说的比吃的痛快，西方人不让酒的，而国内则觉得这样不够热情；这些只是的我道听途说，还有很多细节你可以去各网站的礼仪礼节查查会有很大收获·····</t>
  </si>
  <si>
    <t xml:space="preserve">猛将的点数问题~请进!!!本人的猛本来是力猛来的`~~今天将点数 </t>
  </si>
  <si>
    <t>1。要看你的角色性别我记得男女是不一样的初始属性 2。要看你角色 你的其他点数不能过高 也就说要先加点到别的属性 比如你化之前是力红点体的 这样 你是化不了其他的 只能先把力化了加到别的属性先 这样就能化了 3。是能化到初试属性的 不过要比初试的多5点才能</t>
  </si>
  <si>
    <t xml:space="preserve">你好，请问全年纳税总额是不是应交税金的全年数呀？急急 </t>
  </si>
  <si>
    <t>全年纳税总额包括：增值税,消费税,营业税,企业所地税,土地使用税,房产税,印花税等所有交纳的税款。</t>
  </si>
  <si>
    <t xml:space="preserve">该帖子内容含有非法字符中的非法字符指的是什么?原来在博客中已经发 </t>
  </si>
  <si>
    <t xml:space="preserve">非法字符，有的叫敏感词语等，简单的说就是不符合网站审核原则的字符、词语。一般是指涉及淫秽、国家安全、政治性较强的一些词语，不同的网站不一样，一般也不会公布，有时叫人一透雾水或哭笑不能！解决办法：大致根据我上面说的原则判断，把某个词语做一下处理1.插入符号、空格；2.用同义词替代；2.用拼音缩写替代。案例1爱问里，“脱 机”就是敏感词语，插入空格即可！案例2我在某论坛有句话：与男性交流……，大概系统被认为是“性交”，只好改为：与男性朋友交流 （是不是叫人哭笑不能^_^^_^） </t>
  </si>
  <si>
    <t xml:space="preserve">QQ问题以前在我的电脑上一直都是挂2个QQ但今天我上一个QQ时我 </t>
  </si>
  <si>
    <t>就是因为密码错误，所以才不显示。</t>
  </si>
  <si>
    <t xml:space="preserve">为什么结婚后觉得最爱的人并不是和自己结婚的人呢？ </t>
  </si>
  <si>
    <t xml:space="preserve">     有些人结婚前就知道她嫁的不是她最爱的，她没有嫁给她最爱的。但是要知道‘相爱的人未必能共度一生，而和你共度一生的未必是你最爱的人’。     结婚后除了爱情还有生活还有责任，你既然娶了她或者嫁给了他，你就要对你的行为负责，你要去维系这个家，让他（她）快乐，让你自己幸福。幸福不是一开始就有的，也不是单方面的，幸福是两个人共同打造的。     不要再想那个得不到的好了，就把那段回忆埋在心底吧。你现在要面对的是新的生活新的挑战。你该如何去打造这个家，如何去营造幸福。</t>
  </si>
  <si>
    <t xml:space="preserve">魂石问题~什么属性对什么职业都有帮助吗比如说~魂石的物理攻击~法? </t>
  </si>
  <si>
    <t>嗯 是什么职业都能用``   关键看需要什么     5级以后的石头 镶两个在装备上 装备就发光``     战士用加法术的没用 不过可以跟其他玩家换    五行符这个东西不也不清楚  好像毛毛有个技能也叫五行符  晕了~  如果有这个符的话 那应该是什么职业都能用的</t>
  </si>
  <si>
    <t xml:space="preserve">停经40天有可能试纸测不出来怀孕吗 </t>
  </si>
  <si>
    <t>有可能,最保险的还是上医院做个尿检</t>
  </si>
  <si>
    <t xml:space="preserve">华林路信访局有禁停标志吗？ </t>
  </si>
  <si>
    <t>没有禁停标志，不过没有禁停标志也不代表可以停车，如果这样的话，那是不是满大街都要有禁停标志了？停车要有两个条件，1有P字牌，2有停车线</t>
  </si>
  <si>
    <t xml:space="preserve">07年12月26日进行的退款现在还没收到，请问怎么回事 </t>
  </si>
  <si>
    <t>07年12月26日进行的退款现在还没收到，请问怎么回事查看详细内容隐藏详细内容 我在26日时申请了退款，并且显示操作成功，可现在支付宝和银行卡中都没有收到退款，请问怎么办 *您的回答 看看你的退款状态就知道接过了</t>
  </si>
  <si>
    <t xml:space="preserve">广州的宽带除了电信还有什么的好用啊？大家推荐下啊 </t>
  </si>
  <si>
    <t>还有移动宽带也是不错的哈。移动的，但不是哪里都可以装，有些小区装不了。流量不大的话可选MIFI联通的还行。。。</t>
  </si>
  <si>
    <t xml:space="preserve">第一次到税务局购买发票需要带什么资料 </t>
  </si>
  <si>
    <t xml:space="preserve">纳税人领购普通发票的程序  －、新办税务登记的纳税人  1．纳税人领取税务登记证件后，持《税务登记证》（副本）《申 请 领 购 发 票 审 批 表 》到所在地税务机关办理领购发票手续并购买《发票领购簿》和《发票登记簿》。  2．所在地税务机关专办人员根据其经营范围，严格核定其领购发票的种类和数量，并在《发票领购簿》上填写，经主管领导批准后领购。  3．纳税人持《税务登记证（副本）》、《发票领购簿》、财务专用章或发票专用章、税务代码章、购票人员身份证。（非当地人员购买发票的，除携带本人身份证外，还应携带当地公安部门核发的居住证）及各区、县国税局、直属分局指定的其他证件或资料，到指定的发票供应处领购发票。  </t>
  </si>
  <si>
    <t xml:space="preserve">在网上如何查找一个公司是否存在除了用百度和google </t>
  </si>
  <si>
    <t>上首都之窗.就可以或者北京工商局的网站.外地的就上公司所在地的工商局网站然后查 首都之窗</t>
  </si>
  <si>
    <t xml:space="preserve">加工机器配件购买的易耗用品的账务处理我公司是生产机器配件的加工厂 </t>
  </si>
  <si>
    <t>生产时使用的开孔器、切片、摩片、丝攻等用品，可以直接计入加工产品的成本中。也可以通过“低值易耗品”科目核算，然后，进行摊销。2012-09-09 20:41 补充问题这位师傅的回答是将以上低值易耗品直接进入成本,比如我们购买的其它低值易耗品如:电风扇,饮水机等我们采用的是五五摊销法,这样就会出现两种计算方法,采用两种方法核算符合会计制度吗?不可以采用两种摊销方法。按照规定，单位可以自行选定一种适合本企业的摊销方法，但是，摊销方法一经确定，不得随意改变。</t>
  </si>
  <si>
    <t xml:space="preserve">我现在的邮箱为什么激活不到２Ｇ邮箱内容问题发生时间：出错页面的u </t>
  </si>
  <si>
    <t xml:space="preserve">激活2G邮箱您好，免费邮箱只要攒够500分，就可激活2Ｇ空间了。请您登录到邮箱里，在邮箱左边的单里的“集邮册”里，如果您的积分已够500分了，您直接点击“激活2Ｇ空间”的按纽就可以了激活2Ｇ邮箱了。攒邮票激活2G邮箱空间规则： 　1.凡拥有1.5G免费邮箱的用户，即可用500分新浪　　邮票激活2G邮箱。 　2.2G邮箱空间激活后，会扣减相应积分。 要把您的邮箱变为２Ｇ其实很简单，您只要天天上新浪网打开您的免费邮箱，这样您每天都可以得到１０分的新浪邮票，然后您还可以把您的收件箱中的信一篇一篇地永久性地删除，这样每删除一篇您都可以得到１分的新浪邮票，每天最多１０分，当您的邮票达到５００分以后，系统就会提示您可以把您的邮箱变为2G啦，您只要登陆一下就可以啦，但登陆以后您将被扣去５００分的邮票。激活2G的邮箱您的邮票就变成0分了，不过信箱还是2G啊！也不会停您的邮箱。步骤如下：1&gt;当您的邮票达到５００分以后，先进入新浪免费邮箱,点击收件夹2&gt;进入收件夹后再点击收件夹上面查看(　Web邮件　|　 POP邮件　|　 新浪邮票)中的新浪邮票.3&gt;进入新浪邮票后再点击新浪邮票回馈区中的回馈一：攒新浪邮票得2G超大空间就能激活2G邮箱空间注:攒邮票激活2G邮箱空间规则： 1、凡拥有1.5G免费邮箱的用户，即可用500分新浪邮票激活2G邮箱。 2、2G邮箱空间激活后，会扣减相应积分。 </t>
  </si>
  <si>
    <t xml:space="preserve">东坡古老肉(菠萝古老肉)怎么做? </t>
  </si>
  <si>
    <t>　　 1》--古老肉 【菜肴口味】酸甜【涉及食材】猪肉【特点】菜色粉红，酸甜咸香，焦脆适口。【原料】肥瘦猪肉200克,番茄酱30克,清油750克(实耗约100克),酱油5克,醋25克,盐6克,料酒25克，白糖50克，葱米、姜米各2克，水淀粉75克，面粉50克，项油5克【制作过程】　　（1）肉洗净切条，加淀粉、面粉、香油上浆。　　（2）碗中放酱油、醋、盐、料酒、葱、姜、番茄酱、水淀粉对汁调匀。　　（3）锅放油烧成五成热，下入肉条，文火滑透，再改用大火炸至焦脆捞出　　（4）锅留底油，倒入芡汁，炒熟，放入炸好的肉条，颠炒，淋香油，出烧即成。2》广东菜--菠萝古老肉（图）【原料】猪肉150克,菠萝50克,青椒10克,红椒0.25克,青辣椒1克,白醋5毫升,番茄酱11克,生粉7克,糖18克,盐2克,味精1克,料酒3毫升,胡椒粉0.1克,全鸡蛋12克,山楂片2克,油50克,葱段2克,蒜茸2克. 【制作过程】1.将猪肉切成厚约0.7厘米的片,放入盐,味精,鸡蛋,生粉,料酒腌味.青椒,萝卜切三角块.2.猪肉片挂鸡蛋,干淀粉.3.将白醋,番茄酱,糖,盐,胡椒粉调成汁.4.猪肉片入热油锅内炸熟.5.浆料头爆响,放入青,红椒与菠萝炒热,放入调好的汁勾芡,下入炸好的猪肉翻炒即成. 【风味特点】味酸甜,质地外酥里嫩 【医评】高血压病、高血脂症、冠心病、肥胖症、糖尿病患者均不宜食用。 【营养成份】热量472千卡、蛋白质9.0克、脂肪28.7克、碳水化合物44.1克 维生素A13微克、锌0.2毫克、膳食纤维1.2毫克、维生素E9.14毫克、铁2.7毫克、胡萝卜素80微克、维生素B10.16毫克、钙17毫克、烟酸1.9毫克、维生素B20.14毫克 3》菠萝古老肉1 鸡肉垂嫩、切块儿，切完将肉洗一洗，放一点点盐、胡椒粉、黄酒，用手抓匀。再放一点淀粉，用手抓匀。2 肉放一会儿。3 洋葱切片、青椒切片。4 将肉在淀粉中滚，裹上淀粉，小火炸熟，取出。5 菠萝块儿和洋葱片、笋片一起过油炒一下（时间要短），取出。6 炒番茄酱、加水、盐、多些糖（酸甜味）、白醋。7 放入肉、菠萝、洋葱、冬笋，加淀粉。8 出锅。4》粤菜--古老肉 原料： 去皮半肥瘦猪肉300克、熟鲜笋肉150克、去壳鸡蛋30克、辣椒25克、葱段5克、蒜泥0、5克、精盐1、5克、芝麻油0、5克、糖醋卤（用糖、白醋、精盐、茄汁制成）250克、汾酒7、5克、湿淀粉40克、干淀粉75克、花生油750克（实耗50克）。 制法： 1、将猪肉片成0、7厘米厚的片，在上面斜着刀轻轻刻上横竖花纹，然后切成2、5厘米宽的条，再斜切成菱形块，第六块约重0、5克。笋和辣椒也都切成同样大小的菱形块。 2、肉块用精盐、汾酒拌匀，约腌15分钟，加入鸡蛋液和湿淀粉30克搅匀，再粘上干淀粉。 3、用中火烧热炒锅，下油烧至五成熟，把肉块逐件放入，约炸3分钟端离火口，炸浸约2分钟捞起。把锅放回炉上，烧至五成熟，将已炸过的肉块和笋块一起下锅，再炸约2分钟呈金黄色至熟，出锅沥去油。炒锅放回炉上，投入蒜、辣椒，爆至有香味，加葱、糖醋，烧至微沸，用湿淀粉10克调稀勾芡，随即倒入肉块和笋块拌炒，淋麻油和花生油20克炒匀上碟便成。菜品特点：色泽金黄，裹汁均匀，香脆微辣，略带酸甜，促进欲。</t>
  </si>
  <si>
    <t xml:space="preserve">为什么小孩子听老师的话多过家长 </t>
  </si>
  <si>
    <t>家长：１、望子成龙望女成凤，家长往往对孩子寄予过高的期望值，过分看重自己对孩子的责任，一但孩子达不到，便不顾孩子自尊，不顾场合，打击甚至打骂孩子，适得其反，使孩子与之形成对立；２、家长不把孩子当作自己的朋友来交流，尊重孩子的人格，贻气指使，甚至拿错误观点当真理来使用，当孩子能明辩事非时便不再相信家长。３、部分家长在孩子面前过于真实（不是说真实是错误的），把自己正面的，负面的思想一概暴露，孩子，尤其是处于的孩子，眼里是揉不得沙子的，孩子便失去对家长的崇拜感。４、当孩子有优点时，家长不及时表扬，而有缺点时却及时指出，孩子在家长面前毫无成就感可言。教师：１、是以丰富的知识出现在课堂上（备课后上课），学生便对教师有一种神秘感和崇拜感２、因照顾全班学生，教师不会象家长一样时时盯着一个孩子，孩子有自由的空间，对立面形成的机会少。３、部分优秀老师能针对孩子的年龄特点及个性特点实施教育，与站在孩子的角度考虑问题，给孩子的是孩子需要的东西，孩子的自尊心得到满足。孩子：１、聪明，知道无论怎么做，家长都会不舍得对他怎么样。而对教师对他的态度却无从估知，心里略有怯意。２、在外在面前，尤其是同学面前，维护自己的尊严，这就要做一个大众道德下的好学生。以上仅为个人观点，希望对你的孩子有所帮助。并祝孩子成才。</t>
  </si>
  <si>
    <t xml:space="preserve">母乳喂养对产妇有什么好处？ </t>
  </si>
  <si>
    <t xml:space="preserve">母乳喂养对宝宝有好处外，对产妇当然有好处，主要体现在以下几方面：一、婴儿的吸吮过程反射性地促进产妇分泌催产素，促进子宫收缩和早日恢复，减少产后并发症。二、母乳喂养有利于消耗掉孕期体内堆积的脂肪，促进产妇形体恢复。三、母乳喂养在某种程度上可抑制排卵和月经的到来，可达到产后避孕的目的。四、母乳喂养的过程也是妈妈和宝宝肌肤、目光、语言的接触与交流，可促进母子感情的建立，也可使妈妈得到心理上的满足。五、母乳喂养能够降低母亲乳腺癌与卵巢癌发生的几率。六、使用方便，可随时取用。且温度变化幅度小。 </t>
  </si>
  <si>
    <t xml:space="preserve">请问:对于回归中国,外蒙古民意是怎样表现的? </t>
  </si>
  <si>
    <t>　近年来，蒙古经济形势恶化，多年的单一经济模式、缺乏人才以及特殊的气候条件，使蒙古经济无法起飞。外蒙人经商、探亲访友来到中蒙边界中国一侧的二连浩特，总是惊呼中国城市怎么建得这样漂亮，人们那么有钱。他们一步步向内地，发现呼和浩特、北京、上海、香港，一个更比一个壮观时，从心底发出马背上的人才有那种大开眼界的赞叹。 　　2000年12月3日，外电曾经有过这样一则报道： 　　蒙古国家大呼拉尔(蒙古国会)日前讨论了一项提议，提出把蒙古并入中国，成为中国的一部分，以及蒙古和中国建立联邦国家。 　　戈壁省的委员在国家社会经济发展研讨会议上首先提出上述计划。蒙古国家大呼拉尔会议2000年12月3日专门就建立蒙中联盟及蒙古国并入中国的问题进行了讨论，在讨论中戈壁省的委员提出把蒙古并入中国，建成类似香港和澳门一样的中国特别行政区，使蒙古最终回归中国，成为中国的一部分。 　　蒙古国家大呼拉尔早在1995年就有议员提议蒙古加入中国，但是，由于受到阻力，提案却一直未能得到讨论。近年来，蒙政府由于经济困难受到的压力越来越大，中国内地的蒙古族富裕的生活对牧民产生了强大的吸引力。 　　中华民族往何处去：两岸关系与外蒙古问题 　　今天，目前，台湾问题又成为中国的当务之急。蒙古独立的斑斑血泪未干，两岸分裂又将来临，在台独日烈的特殊时刻，中国人更应了解这段被人遗忘的历史。蒙古的独立过程和结局作为一面历史镜子，为今天的两岸关系和前途，提供一些特别的经验和教训。 　　目前两岸问题如果不能解决，拖得时间越久，台湾就会象蒙古一样与大陆越生疏。这期间如果中国的政治改革和经济增长出现停滞或倒退，那么台湾问题将永无解决之日，甚至有一天会象蒙古独立一样做为即成事实，中国在极其被动的情况下被迫承认。 　　如果中国大陆再象晚清和民国那样腐败无能，软弱和混乱，又有谁愿意跟他呆在一起，或者再度统一呢？如果国家的吸引力和民族向心力逐渐丧失，今天的台湾问题难免象当初的蒙古问题一样，演化成中国的另一次解体。 　　归根到底，今天的中国面临的挑战跟晚清和民国时一样，不仅是蒙古或台湾少数人闹独立的问题，更根本性的是中国整体前途和发展问题。先进的政治、经济和社会制度，稳定、富裕和强大的国家，才是民族团结和统一的根本保障。混乱落后的国度、贫困落败、抱残守缺民族，才是国家分裂的根本原因，和统一的最大障碍。 　　目前，中华民族的最佳选择是能否在两岸间找到一个统一的模式，从现在一个分治的中国，以“一国两制”、联邦制或联合政府的方式，实现海峡两岸的最终统一。也许那时，因联合政府的一方没有承认外蒙古的独立，可在法理上找到统一的依据。再通过与外蒙逐步的经济、社会一体化，以及和平协商和友好合作，或许将来还有迎来蒙古回归的最后机会。 　　笔者在此提醒中国人：如果不想台湾问题演化成另一个外蒙古，如果不想中华民族再次土崩瓦解，那么生活在世界各地的每一个华人，就必须把改革、建设祖国大陆做为自己肩上的负担，把中国的振兴和富强变成每个中国人的历史责任，这是中华民族最终和平统一的唯一希望。</t>
  </si>
  <si>
    <t xml:space="preserve">侄子五岁生日，送什么好呢？小侄子五岁生日，在上幼儿园，送什么好呢 </t>
  </si>
  <si>
    <t>五岁的小孩子，当然投其所好，呵呵，但是我觉得在小孩子这么小的情况下，不妨多送点有意义的东西，可以培养他，挖掘他某方面的天赋，我喜欢聪明的小孩子</t>
  </si>
  <si>
    <t xml:space="preserve">关于粉装备的问题不懂的别乱说本人最近弄了个TS1400的60级剑 </t>
  </si>
  <si>
    <t>关于粉装备的问题 不懂的别乱说答：楼主看来你还有很多地方还没搞清楚。下边等我来告诉你吧：1、本人最近弄了个TS1400的60级剑 不过是850+55另外还有2个属性 不是蓝色 都说不能粉答：的确这武器不能粉。最主要原因是他不是蓝色的。不是蓝装怎么粉呢？2、但我看见拍卖行里好多绿装基本属性一大堆 不知道他们是怎么粉了再黄再绿的 答：想绿的话，装备必须是70级或以上的。还有就是装备必须是金色的。不过，如果你的是粉装。可以把粉装用黄水晶改成金装再绿。不过等级必须70级以上。3、有时候看见好多人呐喊里喊 打出个JP装备（4属性） 有意思的M 可以直接粉 答：我劝你最好不要相信这些人。如果你把极品装备给他了，让他去粉。换着是你，如果别人给了件极品装备你，你还会还给他吗？摆明就是个骗局。建议不要相信。</t>
  </si>
  <si>
    <t xml:space="preserve">1佛给我们说，“淫欲”这个念头里面是愚痴心，六道众生要想出离六道? </t>
  </si>
  <si>
    <t>淫与性只有一丝之隔。淫为万恶之首性为传宗接代之必须，是人类得以延续的源头断了性，也就绝了淫，人类也不复存在所以既要有性又要断淫处理这对关系越成功，越接近内心的空明，越接近善，接近佛，接近人性的本源，才能把人做好，其他一切都会顺利成章的做好</t>
  </si>
  <si>
    <t xml:space="preserve">男人喜欢女孩子长发,还是短发的? </t>
  </si>
  <si>
    <t>90%的男人都喜欢长发的女孩子！</t>
  </si>
  <si>
    <t xml:space="preserve">做了重脸手术,充血好严重,请问要怎么才能更快让充血消除做了重脸手 </t>
  </si>
  <si>
    <t>可以恢复的，你请放心．这一周不要吃刺激性的食物，多热敷术区，吃一些消炎，消肿的药，同时眼部可以滴氧氟沙星眼药水．</t>
  </si>
  <si>
    <t xml:space="preserve">最近中央一套的连续剧叫什么！！近期在中央一套每天中午十三点左右播 </t>
  </si>
  <si>
    <t>爱情新呼吸！！徐凯那个人渣！！！劝你不要看了！！结局老垃圾了！！来让人伤心了！！</t>
  </si>
  <si>
    <t xml:space="preserve">09年,哪些学校单招不需要过本省艺术统考分数线!(诚心)我江苏艺 </t>
  </si>
  <si>
    <t>你到底问艺术类招生？还是问单独招生？</t>
  </si>
  <si>
    <t xml:space="preserve">戒烟好难啊！到底要怎么戒烟？戒烟好难啊！到底要怎么戒烟都说靠毅力 </t>
  </si>
  <si>
    <t>无他，就是靠意志力，任何戒烟产品只不过是商家赚钱的谎言而已。真的，我以前也抽的，说戒就戒，十多年了一支都没抽过，建议平时储备些零食，当有烟瘾时吃些零食或许有效呢。</t>
  </si>
  <si>
    <t xml:space="preserve">在什么地方下载最新补丁？在什么地方能下载最新的补丁啊？我无法自动 </t>
  </si>
  <si>
    <t>这游戏目前没补丁，什么新的它自己会自动更新的</t>
  </si>
  <si>
    <t xml:space="preserve">以平常心对待今天大盘的放量下跌今天的放量应该可以说是短线获利盘了 </t>
  </si>
  <si>
    <t>年线的压力还是不小,昨天放量突破,力度和成交量都一般,这个点位应该有整理,急速回调中,补量.</t>
  </si>
  <si>
    <t xml:space="preserve">谜语：采花大盗的特性（卷帘格.成语一）见过得和猜过的不得再答，违 </t>
  </si>
  <si>
    <t>太难猜了，蒙一个吧掠人之美                                                 .</t>
  </si>
  <si>
    <t xml:space="preserve">道具1套4精多少钱能收到?现在好象比较便宜想收1套大概多少钱? </t>
  </si>
  <si>
    <t>要不了几个子的,你去买4个精的蛋,然后给自己的宠变了就可以了..水的贵一点,成套的话,100-120大概是可以拿下来的..也就是2片水左右...你要是要真的4精极品的话...估计在道具没有...</t>
  </si>
  <si>
    <t xml:space="preserve">进口奶粉什么牌子的好？ </t>
  </si>
  <si>
    <t>德国特福芬有机奶粉很好，德国原包装进口，奶源在阿尔卑斯山脚下的有机牧场，有机牛奶含有更丰富的欧米伽3脂肪酸，重要的阿尔法亚油酸和β-胡萝卜素，维生素E和多种氨基酸以及抗氧化物质等天然营养物质。特福芬有机奶粉采用有机的鲜牛奶作为原料配制，更健康，更营养。</t>
  </si>
  <si>
    <t xml:space="preserve">问道官网的录像怎么看啊?一直想看高手们切磋，但就是打不开，它说在 </t>
  </si>
  <si>
    <t>首先你的自己有录了才能 记录 在你的 问道 文件夹里userdata 再这个的文件夹中有你的区名字 在里面就可以找到了</t>
  </si>
  <si>
    <t xml:space="preserve">我在不知已怀孕的情况吃了白加黑的感昌药,可后来发现怀孕了.请问有? </t>
  </si>
  <si>
    <t>保持心情放松才是最重要的。不用紧张，只要注意以后尽量不要吃药，如果确实必须吃药的话，吃中药少吃西药。俗语说：“十月怀胎”，孕周期一般是40周，但是身体没有异常反应的话，提前半月或推后半月分娩都是正常的。至于生活上，不必太刻意去注重。所谓命里有时终须有，是你的孩子怎么也掉不了。只是在平常注意多休息，多多喝水，多吃水果蔬菜；多喝牛奶补充钙质。平常也可以喝些蜂蜜水，以防便秘。</t>
  </si>
  <si>
    <t xml:space="preserve">中国的海军实力真的能强过日本吗?在战场上真的能击败日本海军吗?我 </t>
  </si>
  <si>
    <t>我们的国家有太多的贪官,有太多的官员为了自己的前程,在建立自己所谓政绩的时候,从来不从实际出发,虚张声势,有民众的利益向上官献媚,损人利己,在帐目上也是弄虚作假,监督机构大多时候是摆设.这样的现实让我不能不怀疑:我们的军队中没有这样的误国误民的败类,我们的实力都是真实的,现在我们在对日本的斗争中,我们实在是输不起啊!!!!! ---------中国共产党再贪也没蒋介石凶呀。贪官哪国都有，日本也有，美国也有，打仗可不能含糊，贪一点就枪毙。所以不用为贪官担心，只用为战略和战术担心（在沿海500海里胜算还是蛮大的，但出去就是海航，二炮或潜艇能帮得了的，只有少量水面舰艇可以打出去，这也正须人民海军所解决的）。</t>
  </si>
  <si>
    <t xml:space="preserve">自相关函数是什么?它的概念是怎么样的?它怎么样计算?请教各位详细? </t>
  </si>
  <si>
    <t>随机过程中，自相关函数就是两个任意时刻状态的二阶原点混合矩，例如X（t)这个随机过程中X（t1)和X（t2)是T1和T2两个任意时刻的状态则X（t)的自相关函数为Bx(t1,t2)=E[X(t1)X(t2)]=自己根据数学期望的定义来算吧，积分符号我不知道怎么打，嘿嘿！反正自相关函数是反映两个不同时刻状态之间的相关程度的数学期望E（X）计算就是把xf(x;t)在全区间积分就可以了</t>
  </si>
  <si>
    <t xml:space="preserve">处于排卵期的女性身体基础体温会发生什么变化？ </t>
  </si>
  <si>
    <t>排卵前为泸泡期，卵巢分泌的为雌激素，基础体温大多被动在36.6℃以下。排卵后卵巢内形成黄体，黄体分泌孕激素。孕激素对中枢神经系统有致热升温作用，使基础体温升高0.3～0.5℃，体温的升高一直持续到月经来潮前1～2天开始下降。这样在一个有排卵的月经周期中基础体温的变化呈现双相型的曲线。那未排卵可能发生在体温下降前后2～3天，也就是发生在体温开始下降，下降达最低点或开始回升时的任何时间内。 参考资料：嘉兴武警医院</t>
  </si>
  <si>
    <t xml:space="preserve">什么是标签上传视频时这标签是什么东西 </t>
  </si>
  <si>
    <t xml:space="preserve">tag，就是标签，一个标签可以标注一种特点(如圈子的地域、爱好、特点等)，给您的圈子加上适合的标签，让更多感兴趣的人找到您的圈子。圈子可以添加多个tag，多个tag请用空格分隔。 </t>
  </si>
  <si>
    <t xml:space="preserve">换手率股票江苏索普内盘大于外盘而委比为正，今天爆涨吗？ </t>
  </si>
  <si>
    <t xml:space="preserve">换手率的高低往往意味着这样几种情况： 　　(l)的换手率越高，意味着该只股票的交投越活跃，人们购买该只股票的意愿越高，属于热门股；反之，股票的换手率越低，则表明该只股票少人关注，属于冷门股。 　　(2)换手率高一般意味着股票流通性好，进出市场比较容易，不会出现想买买不到、想卖卖不出的现象，具有较强的变现能力。然而值得注意的是，换手率较高的股票，往往也是短线资金追逐的对象，投机性较强，股价起伏较大，风险也相对较大。 　　(3)将换手率与股价走势相结合，可以对未来的股价做出一定的预测和判断。某只股票的换手率突然上升，成交量放大，可能意味着有投资者在大量买进，股价可能会随之上扬。如果某只股票持续上涨了一个时期后，换手率又迅速上升，则可能意昧着一些获利者要套现，股价可能会下跌。 　　一般而言，新兴市场的换手率要高于成熟市场的换手率。其根本原因在于新兴市场规模扩张快，新上市股票较多，再加上投资者投资理念不强，使新兴市场交投较活跃。换手率的高低还取决于以下几方面的因素： 　　(l)交易方式。证券市场的交易方式，经历了口头唱报、上板竞价、微机撮合、大型电脑集中撮合等从人工到电脑的各个阶段。随着技术手段的日益进步、技术功能的日益强大，市场容量、交易潜力得到日益拓展，换手率也随之有较大提高。 　　(2)交收期。一般而言，交收期越短，换手率越高。 　　(3)投资者结构。以个人投资者为主体的证券市场，换手率往往较高；以基金等机构投资者为主体的证券市场，换手率相对较低。 　　世界各国主要证券市场的换手率各不相同，相差甚远，相比之下，中国股市的换手率位于各国前列。 “换手率”也称“周转率”，指在一定时间内市场中股票转手买卖的频率，是反映股票流通性强弱的指标之一。其计算公式为： 　　周转率(换手率)＝(某一段时期内的成交量)/(发行总股数)x100% 　　例如，某只股票在一个月内成交了2000万股，而该股票的总股本为 l亿股，则该股票在这个月的换手率为20%。在我国，股票分为可在二级市场流通的社会公众股和不可在二级市场流通的国家股和法人股两个部分，一般只对可流通部分的股票计算换手率，以更真实和准确地反映出股票的流通性。按这种计算方式，上例中那只股票的流通股本如果为200O万，则其换手率高达100%。在国外，通常是用某一段时期的成交金额与某一时点上的市值之间的比值来计算周转率。 </t>
  </si>
  <si>
    <t xml:space="preserve">"肥胖,请您帮忙!""身高160cm,体重70kg,严重超标,吃 </t>
  </si>
  <si>
    <t>"目前主要采取的措施就是控制饮食和增加体育锻炼，造成能量的平衡，使多余的脂肪代谢消耗，体重减轻，防止肥胖引起的继发性疾病。 从控制饮食减肥方面来讲，吃什么？怎么吃？吃多少？都是有讲究的。 吃什么？也就是选择食物的问题了。减肥的目的是为了保持健康，而不是营养不良，所以减肥饮食必须是平衡膳食。只有在平衡膳食的基础上选择一些减肥食物才是可取的、科学的方法。日常生活中的减肥食物主要有：黄瓜、冬瓜、萝卜、芹菜、兔肉、茶等。 怎么吃？即如何合理烹调和餐次的安排了。蔬菜以凉拌为主，炒菜要少放油，忌油炸食品等。在餐次的安排上，一般来讲，在总量一定的情况下，多餐比少餐好；在餐次分配上，我们主张“早吃饱、中吃好、晚吃少“的原则。 吃多少？这就因人而异了。 从运动方面讲：持之以恒地进行适度的锻炼是预防肥胖的最好的方法 。在运动项目的选择上，应根据自己具体的情况，循序渐进的由强度小的慢慢过度到强度大的速度快的较为激烈的活动项目。如早晨慢跑、骑自行车等，晚上吃完饭后散散步。周末时可以选择一些球类运动、游泳、溜冰、爬山等等。友情提醒：有氧运动前要热身准备，以防肌肉拉伤，同时不要忘了检查心跳次数，不要使心跳升的过高。 另外，减肥是一个系统工程，要有目的有计划循序渐进的进行，不能急于求成。要有恒心，对自己多点信心。 建议：合理控制饮食+适当运动+恒心、毅力=减肥成功 "</t>
  </si>
  <si>
    <t xml:space="preserve">怎样快速改变同事对自己的看法我这个人给别人的感觉是很会做人做事也 </t>
  </si>
  <si>
    <t>人非圣贤孰能无过，你既然没做对不起别人的事情，那么其实他们也就没有受到任何伤害和损失，但同事们的举止无非是个潜意识的防卫，或者是觉得少跟某某人在一起，所以，这既然是不可逆转的，那么就随他去吧，你的问题也不完全是别人对你的看法，而有相当一部分是你的自责，这种自责越深，那么跟同事的感觉的反差就越大，也许同事们真的根本就没在意，现在的人自私自利，只要没直接伤害到自己的利益，哪有闲心管别人的闲事呢，尽管宽心，你是为自己活着，别活的那么累</t>
  </si>
  <si>
    <t xml:space="preserve">如果不喜欢这个男人，女孩还会答应和他约会，收他礼物吗？？？我和她 </t>
  </si>
  <si>
    <t>我看明白了，都是大男大女了，这个时间遇到了还算合适的人挺好，至于你说的自卑心理，是需要你战胜和客服的一个缺点，既然在一个公司就要把自身的工作做好，做好了工作别人就没有小瞧你的理由！包括你喜欢的这个女孩子。她回家不和你联系是正常的，毕竟家里有父母亲属和朋友么，大家总要珍惜在一起的时间，所以和你联系的少了，可以理解正常情况。你现在需要做的就有一个，给她发个短信告诉她，你喜欢她，你爱她，确立关系，然后彼此进一步的接触，才能知道彼此是不是合适！别的没有了，把分给我吧~有问题你可以持续的咨询我。</t>
  </si>
  <si>
    <t xml:space="preserve">按键精灵怎么用能不能选中一个目标然后不停的点右键而不用把鼠标一直 </t>
  </si>
  <si>
    <t>可以用录制功能把鼠标的移动和点击录制成脚本，然后保存，设置成无限循环就可以了</t>
  </si>
  <si>
    <t xml:space="preserve">佛山市顺德区尚君电器有限公司为何在新浪网站里面找不到佛山市尚君电 </t>
  </si>
  <si>
    <t>你用GOOGLE查找一下就知道罗</t>
  </si>
  <si>
    <t xml:space="preserve">关于C族的问题！请高手指教！！现在开的是狞獾,装配如下高槽:重导 </t>
  </si>
  <si>
    <t>1.单刷小行星，还是0.1的较好；最大的就是能刷出战巡。2.刷死亡空间，狞獾还是不足的，4/10如果想有效率建议用战列。3.狞獾做2级任务基本可以，除了人畜那个任务有点难度外，其他都好，但话说回来，没效率。（就是慢，打半天）建议用猛鲑做2级很顺利哦。4.因为战列舰涉及到的技能要练的时间太长了，要巡航导弹、巡洋舰4级还有其他的，少说要10天，建议中间玩玩猛鲑。我就是这样，ISK我也有，船买的起，总不至于说乌鸦配个重型导弹吧。5.都练了这么久，换号划不来的，除非你刚进来一个星期，那个无所谓了。6.建议买+3，性价比最高。当然有钱的话直接全部+4，中间还要练控制论4级，又要好几天。7.战术能量护盾暂时练4级就可以了，因为有了4级，就可以练爆炸能量补偿、动能能量补偿等4个高级技能了，5级要好久，以后再练吧。</t>
  </si>
  <si>
    <t xml:space="preserve">拜仁今天继续败认吧14场我单0呢 </t>
  </si>
  <si>
    <t>一切皆有可能。</t>
  </si>
  <si>
    <t xml:space="preserve">想问一下,考会计中级职称,本科毕业一定要有四年工作经验才可以考吗? </t>
  </si>
  <si>
    <t>是啊</t>
  </si>
  <si>
    <t xml:space="preserve">高手来做一艘轮船所带的燃料最多可用12小时，驶出时顺水，每小时行 </t>
  </si>
  <si>
    <t>解设出行X小时30X=24*（12-X）30X+24X=288   1X=5-   35又三分之一*30=160最多出行160千米</t>
  </si>
  <si>
    <t xml:space="preserve">水泥在土下可以凝固吗？水泥凝固需要什么条件？需要氧气吗？在地下或 </t>
  </si>
  <si>
    <t>水泥的主要成分是氧化钙，遇水生成氢氧化钙，而氢氧化钙和空气、水、土壤或者是任何带二氧化炭的物质中的二氧化炭接触会生成炭酸钙(也就是凝固了)  空气和土壤中都有水份和二氧化炭，所以水泥在土壤里是完全可以凝固的</t>
  </si>
  <si>
    <t xml:space="preserve">慢跑后，后腰疼是怎么回事？我刚试着慢跑减肥，但是只要跑步以停下来 </t>
  </si>
  <si>
    <t>建议你到骨科检查，拍腰椎X光片，排除先天的腰椎峡部裂，以及先天的隐性骶椎裂，还有腰椎骶化，或是骶椎腰化，这些先天异常很多见，都会导致运动后或久坐后，腰骶部出现酸痛感。</t>
  </si>
  <si>
    <t xml:space="preserve">究竟开放式厨房好不好？家里想重装一下厨房，妹妹说开放式厨房好看，? </t>
  </si>
  <si>
    <t xml:space="preserve">开放式厨房还不好要看自己喜欢不喜欢啊，很多人都喜欢这样的设计，油烟问题确实是大问题，但是只要将油烟问题解决好，那么这种格局也就没有什么缺点了，只剩下高端大气上档次了。油烟机是解决不了开放式厨房的油烟问题的，可以试一下集成灶，特别是火星人集成灶，功能全，去除油烟特别强，和无烟灶差不多。 </t>
  </si>
  <si>
    <t xml:space="preserve">秋季吃什么水果是美容的 </t>
  </si>
  <si>
    <t>梨是首选的,因为梨可以润喉,而且水分又多.</t>
  </si>
  <si>
    <t xml:space="preserve">沙拉酱为什么这么难吃我上次买了一瓶丘比沙拉酱,很难吃，有防腐剂的 </t>
  </si>
  <si>
    <t>少拉酱好多种的。有咸的有甜的。桂冠的不错，卡夫奇妙酱也不错。丘比也挺好的就看你如何用了。不过吃中式火锅这个不太好。用咸的调沙律吃海鲜火锅不错，丘比沙拉里加荞头`干葱碎，蕃茄沙司。卡夫奇妙酱加点炼乳作甜沙拉不错。如土豆沙拉和水果沙拉。作土豆沙拉用丘比和卡夫混用有独特的效果嘎嘎。土豆蒸熟捣成泥加沙拉拌匀就好。加点果酱更美味</t>
  </si>
  <si>
    <t xml:space="preserve">中风导致的头痛怎么办？怎么治疗？ </t>
  </si>
  <si>
    <t>你好！中风者的家属要用科学的态度密切配合医院的治疗，加强患者的身体锻炼，以顽强的意志，信心百倍地与病魔做斗争，家人要营造一个良好的家庭环境和和谐的气氛，这对病人的治疗和康复是非常重要的。患者的康复应多注意以下几个方面：足够睡眠：睡眠可使人体得到充分休息，保证8小时以上足够的睡眠。充分休息：中风病人要保证充分的休息，家属要给予患者更多的关爱和鼓励。你好，你的情况考虑是由于神经性头痛或者血管性头痛等原因导致的。建议去医院神经内科就诊，以明确病因对症治疗。可以服用正天丸或者脑宁片。注意休息，避免劳累和精神紧张。这种情况出现头痛需要脑部ct检查看看比较好，平时尽量是注意休息，加强抵抗力。 如果暂时没有发现器质性问题，建议是可以考虑中药调理试试比较好，其次就是针灸按摩缓解</t>
  </si>
  <si>
    <t xml:space="preserve">南京大学鼓楼校区附近的住宿?我想问下如果在那里租房子,需要多少钱 </t>
  </si>
  <si>
    <t>南京住房每月一般500--1000元,鼓楼是市中心,要700左右,方法很多,一般是贴广告和找中介</t>
  </si>
  <si>
    <t xml:space="preserve">想把磁带转录成电脑里MP3格式，如何操作？现手里有复读机，磁带， </t>
  </si>
  <si>
    <t>　　首先，电脑里要有录音机（一个录音软件）。　　内录：　复读机的输出接入电脑的“话筒”，在主机的面板上。再用录音机录音　有的录音机可直接生成MP3格式，有的要转换。　　外录：用复读机播放歌曲，话筒对着复读机，话筒接上电脑输入，和前面一样用录音机。这种做法音质不好。　　录音机可在网上下载。　</t>
  </si>
  <si>
    <t xml:space="preserve">扁桃体发炎吃什么要好 </t>
  </si>
  <si>
    <t>扁桃体炎是由于细菌及分泌物积存于扁桃体窝导致的。急性扁桃体炎要充分治疗。在临床上用慢严舒柠颗粒治疗扁桃体炎效果不错，在加上消炎药，比如；阿莫西林等。平时多喝板蓝根水，能起到预防作用。早晚用淡盐水漱口，以能感到微咸为宜。对慢性扁桃体炎的漱口液，对预防慢性扁桃体炎的反复发作特别好。 对于扁桃体反复发炎的，最好的治疗方法就是做扁桃体切除手术，术后就不会再发</t>
  </si>
  <si>
    <t xml:space="preserve">实习老师要走了,想给两位实习老师留言,不知道要怎么写? </t>
  </si>
  <si>
    <t>直接把你想说的说出来老师希望看到的是你内心正式的想法。所谓的留念啊什么的其实双方心里都清楚有细节也很重要，那你和她的点点滴滴写说来就很具有说服力！！！！（最重要）希望老师的联系方式什么之类的，表示你希望和他相处。还有要表达自己的感激之情！</t>
  </si>
  <si>
    <t xml:space="preserve">这句话，看不懂！！在Word2003中，用规定的分隔符分隔并用回 </t>
  </si>
  <si>
    <t>比如有1,2,3,45,6,7,8选择表格-&gt;转换-&gt;文本转换成表格一般它会自动识别本例中的逗号为分隔符（据我经验，分隔符必须为英文字符）点确定后，完成</t>
  </si>
  <si>
    <t xml:space="preserve">我是1月20日出生的，我到底是什么星座？？？ </t>
  </si>
  <si>
    <t xml:space="preserve"> 很好的免費命盤.?有相關解?.可以?確知道你是哪??星座的.个人星座命盘（Birth Chart 或 Natal Horoscope，简称星盘）是和你出生的那一刻，天空中星体和黄道12宫排列位置完全一样的星图。因此要排出一份正确的星盘首先得有确切的出生日期与时间（阳历出生年、月、日、时、分）以及出生地点（出生地的经度、纬度）。（别忘了，即使是同一时间，但不同地点看到的天空是不一样的）有了出生时间及地点后，我们就可以把出生时间转换为标准时间（GMT， 格林威治标准时）并查出出生地的经纬度。例如，公历1982年2月1日早上4点出生在北京的A，他的实际出生日期是1982年1月31日20点（世界标准时），出生地经纬度是116.46E、39.92N.所以只要把得到的标准时间以及经纬度输入软件，你就能拥有一张完整的个人星图了！以下是几个提供免费制作命盘服务的网站，1.奇摩星座  2.日月网　  3.占星小站   5.日月网  </t>
  </si>
  <si>
    <t xml:space="preserve">DK11定单问题5173客服进来我买武林元宝，下单付完钱，无法找 </t>
  </si>
  <si>
    <t xml:space="preserve">尊敬的客户：     您好！5173客户服务037很高兴为您服务！     您购买的点卡由卖家发货，不需选择接手客服，现订单状态是“物品移交”，请等待卖家发货。感谢您对5173的支持！！！                                   </t>
  </si>
  <si>
    <t xml:space="preserve">丹踏士是什么牌子，哪个国家生产的 </t>
  </si>
  <si>
    <t>这个是瑞士的 保健品 希望能帮到你，麻烦点击 “好评”，谢谢你^_^）</t>
  </si>
  <si>
    <t xml:space="preserve">男人真的那么在乎你是处女吗？他真的那么在乎吗？ </t>
  </si>
  <si>
    <t>爱你的人除了你的幸福，什么都不在乎。</t>
  </si>
  <si>
    <t xml:space="preserve">她说她怕我在玩她还有一个月叫我怎么等呢我打电话过去内容大概是这样 </t>
  </si>
  <si>
    <t>首先你要端正你的态度,待人要真诚。其次，你要认真，不要玩世不恭。然后，要有圣洁的心，爱和被爱都是神圣的，幸福的。</t>
  </si>
  <si>
    <t xml:space="preserve">我的打印机该如何加墨呢？？ </t>
  </si>
  <si>
    <t>不同的打印机加墨水的方法不一样，大量打印的话，建议安装供墨系统，便宜而且简单！实在少的话，买国产兼容墨盒直接安装吧，价格可以接受，操作也方便。实在要加墨的话，建议叫配材店铺教你如何加吧，免得把打印机损坏，不合算。</t>
  </si>
  <si>
    <t>什么时候才开新区啊!!我要超准确信息!!我是原1</t>
  </si>
  <si>
    <t xml:space="preserve">4月22日 12:47  1-8出售 飞翔的荷兰人 女 78+7 快79,10级防御 现在13点技术 也就是说可以连加4级技术 正好学90技能,喊M  在1-8名声不错 没骗过人.卖JB 请邮件 孝昌de恶虎　还有　双白金　双１４稀高致命　稀高突击　小马　　稀高１５面具　双５稀高龙斧　稀高锻制　７５稀高双１４执行裤子．都卖ＪＢ　有担保先货也可以．谢谢　有人看上什么了么？借发个广告啊~谢谢  </t>
  </si>
  <si>
    <t xml:space="preserve">谜语某年元宵节晚上，朱元璋微服出巡，碰见一淮人以猜谜为戏，旁边挂 </t>
  </si>
  <si>
    <t>谜底是“淮西妇女好大足”。淮西的妇女喜欢“天足”（即不缠脚），而朱元璋的马皇后祖籍正是淮西人，又恰是天足。朱元璋认为这是嘲讽皇后，故而要发怒杀人。这件事说明当时社会的本质特点是皇权至上，极端专制。</t>
  </si>
  <si>
    <t xml:space="preserve">还是动迁问题如下：我家一共有七个户口，我一个，我妈一个，我妹一个 </t>
  </si>
  <si>
    <t>我以前也碰到过类似的问题,首先平均分是不可能的,40万的补贴,动迁组一定要盖章确认,证明是户主的,18.6是个人心理问题,要按实际的情况来定.律师费是可能谈的,一般好像是标的的1%到1.5%,最少也要8000元左右.我上次标的是200万,律师费是13000.</t>
  </si>
  <si>
    <t xml:space="preserve">WX有前途不````偶很迷茫``偶是斩魂63WX技能不敢学``` </t>
  </si>
  <si>
    <t>没戏 要选就选一个 技能以后要好多原神 双修行不通  建议练个敏战</t>
  </si>
  <si>
    <t xml:space="preserve">PTC陶瓷电热片温度越高，其瓦数也越高吗？它的计算方法是什么？ </t>
  </si>
  <si>
    <t>你好：——★1、电热器在稳定发热状态下的功率是：电流的平方×电热器电阻；或：电压×电热器电流；或：电压的平方÷电阻。——★2、电流的“热效应”（发热量）为：0.24×电流的平方×电阻×时间；所以，电热器温度越高，消耗的电功率越大。</t>
  </si>
  <si>
    <t xml:space="preserve">我晚晚都做爱会不会对身体不好的? </t>
  </si>
  <si>
    <t>不知你是否新婚?或者年轻?如是新婚可以理解,也无大碍.如长此以往是对身体无益的.一般20-30岁,每周3-5次;30-40岁,每周2-3次;40-50岁.每周1-2次;50-60岁,1-2周1次;60-70岁,每月1次.当然,这是一般而言,各各个体情况不同,不好一概而论.</t>
  </si>
  <si>
    <t xml:space="preserve">出国需要哪些手续? </t>
  </si>
  <si>
    <t>出国需要到相应的部门办理,需要带户口薄、身份证、学历证书、照片等资料,办理签证.</t>
  </si>
  <si>
    <t xml:space="preserve">广州哪里做头发比较好（电染）200元左右 </t>
  </si>
  <si>
    <t>“标板”是错的，在广州江南大道中万国广场旁边。</t>
  </si>
  <si>
    <t xml:space="preserve">急！！！房产证没有办下来的二手房如何购买~~~~~~~~~~经朋 </t>
  </si>
  <si>
    <t xml:space="preserve">你好！     我国实行房产登记制度，没有房产证的房屋是不能买卖的。建议不要买。二手房交易可以不通过中介。     </t>
  </si>
  <si>
    <t xml:space="preserve">新手问题，请大虾们指点，谢谢我刚玩天2，以前玩过，但是因为配置问 </t>
  </si>
  <si>
    <t>你说的双手剑在这里面准确的说法是二刀流,也就是两手各拿一把刀,双刀!用最合适用二刀流的职业有人类的剑斗,精灵的剑诗,黑精的剑舞剑诗和剑舞属于辅助，单练起来比较累，但是组队很好练，特别是组巫师或弓团超快啊剑斗可以单练也可组战士团，有很多二刀流的技能,更适合单练!</t>
  </si>
  <si>
    <t xml:space="preserve">妮维雅的美白护体乳怎样有效吗？大瓶的多少钱？还是有什么别的建意呢? </t>
  </si>
  <si>
    <t>妮家的润肤露我就用过,至于你说的这个没用过你可以到妮家的专柜去看看啊~~应该不会很贵的吧,大概在40~50之间不过妮家的东西都挺温和的~很适合我~~</t>
  </si>
  <si>
    <t xml:space="preserve">主机经常自动断电!!!! </t>
  </si>
  <si>
    <t>电脑经常断电原因分析 1 家里用电环境不稳 有较大功率其它设备 会导致断电2 电脑散热不良 会导致断电 检查CPU卡座散热器是否正常 3 开机报F1 地确为电池没电 建议更换电池 4 显卡过热也会导致掉电 建议检查综上 根据你说的情况 判断CPU热量或者主板故障较大 建议你从网上下载3D 给机器进行压测 有问题 马上就出来了</t>
  </si>
  <si>
    <t xml:space="preserve">肝功能经常会觉得口渴 </t>
  </si>
  <si>
    <t>有时压力大会有这种情况；身体缺水也会有这种情况；与肝、血糖都有关</t>
  </si>
  <si>
    <t xml:space="preserve">如何测石块的密度？我想测一石块的密度，手下只有水杯和水，做法应怎 </t>
  </si>
  <si>
    <t>没有刻度尺吗？我还需要刻度尺和一块木板（其他物品也行，只要将石块放上后能漂浮）1设水杯底面积为S。2水杯装入水高度为H13将石块放入水中，测量高度H2。再用S表示出V石（别告诉我你不会）4将木板放入水中，测量高度H3。再用S表示出m木（别告诉我你不会）5将石块放在水中的木板上，测量高度H4（注意：一定要漂浮）再用S表示出m（石+木），算出m石（别告诉我你不会）6计算：m木/V石，S正好约掉。结果=水的密度*（H4-H3）/（H2-H1）你不会的话就应该复习浮力公式。</t>
  </si>
  <si>
    <t xml:space="preserve">请高手作诗好朋友结婚，咱想搞首诗词之类祝贺一下，要把他们的名字加 </t>
  </si>
  <si>
    <t>朱门添新喜，荣耀四乡壁！伟岸奇男子，马上得娇妻。燕来春长在，红颜两相依！百年传佳话，恩爱同风雨！～朱荣伟马燕红百年恩爱！</t>
  </si>
  <si>
    <t xml:space="preserve">男，26了，一直没谈过恋爱怎么和女的搭讪呀 </t>
  </si>
  <si>
    <t>自然大方一点</t>
  </si>
  <si>
    <t xml:space="preserve">关于饲养养宠问题我有个74级弓想转饲养请问,10级强化有多大作用 </t>
  </si>
  <si>
    <t>转职保证书任务，相信不久就会开了。关于宠物强化：一级 能使宠物提升经验值4% 二级 能使宠物提升经验值8% 三级 能使宠物提升经验值12% 四级 能使宠物提升经验值16% 五级 能使宠物提升经验值20% 六级 能使宠物提升经验值24% 七级 能使宠物提升经验值28% 八级 能使宠物提升经验值32% 九级 能使宠物提升经验值36% 十级 能使宠物提升经验值40% 练宠快一些</t>
  </si>
  <si>
    <t xml:space="preserve">女王反超、、、、就差你了，大家用它做胆的顶起来、、、、、、、、、 </t>
  </si>
  <si>
    <t>我单0，现在平了还有机会</t>
  </si>
  <si>
    <t xml:space="preserve">小语种就业前景如何？葡萄牙语好就业吗？ </t>
  </si>
  <si>
    <t>葡语前几年就业很好，近几年还算可以；但未来几年如何谁也说不准。因为外语类专业近几年各大学开办的比较多，包括小语种，这就给未来几年的就业造成很大的困难。另外一个影响就业的因素是国际贸易。如果咱们国家和中南美洲葡语国家的国际贸易发展快的话，葡语专业毕业的学生可能就业就容易些；反之，就业就有问题。如学葡语专业，最好再修一门国际贸易等方面的专业，以增加就业竞争力。小语种就业前景总体看好，但是具体到各语种形势也有较大差异，不能盲目乐观。小语种在就业渠道上有很强的共性，国内主要集中在以下几个领域：政府公务员、高校教师、新闻传媒图书出版机构、外企和中外合资企业、各省市外办、外贸、旅游、留学培训机构、文化传播、自由职业者。总体来说，就业形势看好的小语种主要有：法语、葡萄牙语、日语、西班牙语、阿拉伯语、俄语，但又各不相同。法语：是除英语之外，使用国家最多、涉及范围最广的语种。法语专业主要是为非洲源源不断的输送翻译人才。去非洲会有不错的薪水待遇，但工作生活条件较为艰苦也使很多毕业生望而生畏，特别是女生更是如此。葡萄牙语：学葡语的主要去非洲、南美和欧洲。非洲起薪较高；巴西经济发展潜力巨大，葡语毕业生需求旺盛；葡萄牙有少量需求。</t>
  </si>
  <si>
    <t xml:space="preserve">有人分配时托人找关系其堂姐,堂姐说:他不适合呆省城而应回到县城去 </t>
  </si>
  <si>
    <t>只有一个意思，就是不想帮忙，怕惹上烫手山芋。</t>
  </si>
  <si>
    <t xml:space="preserve">请问铁观音是绿茶的一种吗？如果不是，他是属于哪种类型？ </t>
  </si>
  <si>
    <t>铁观音是乌龙茶的极品，其品质特征是：茶条卷曲，肥壮圆结，沉重匀整，色泽砂绿，整体形状似晴蜓头、螺旋体、青蛙腿。冲泡后汤色金黄浓艳似琥珀，有天然馥郁的兰花香，滋味醇厚甘鲜，回甘悠久，俗称有“音韵”。铁观音茶香高而持久，可谓“七泡有余香”。 品饮铁观音茶，必备小巧精细的茶具，茶壶、茶杯均以小为好。将茶叶放入茶壶中达五分满，沸水冲泡洗茶后，再续水正式冲泡2—3分钟，倒入小杯品饮，以后可连续续水冲泡。品饮铁观音先闻其香再品其味，每次饮量虽不多，但满口生香，回味无穷。</t>
  </si>
  <si>
    <t xml:space="preserve">为什么我的电脑上安装了QQ可是不能上每次打开老是出来：由于一个软 </t>
  </si>
  <si>
    <t>你换个盘装！！别装C盘！C盘最好只装系统！！那个文件夹是可以删除的！！！</t>
  </si>
  <si>
    <t xml:space="preserve">两道数学里关于素数的问题1,如果一个两位数字的个位数字是7,并且 </t>
  </si>
  <si>
    <t>一、个位数字是7的两位数，能被3整除的有27，57，87    个位数字是7的两位数，能被7整除的有77二、个位数字是9的两位数，能被3整除的有39，69，99    个位数字是9的两位数，能被7整除的有49</t>
  </si>
  <si>
    <t xml:space="preserve">下载连续剧可不可以一次多下几集,要怎么下 </t>
  </si>
  <si>
    <t>你用BT下,应该比电骡快点,但会占空间.而且BT的种子很多,想下多少都成</t>
  </si>
  <si>
    <t xml:space="preserve">以前每次月经来都要5天才能好,可这次,就只有一天而且还特少(以前? </t>
  </si>
  <si>
    <t>你应该再发一遍在“健康、医疗”里，那里也许又很多人能回答你的问题</t>
  </si>
  <si>
    <t xml:space="preserve">寻龙任务都接吗?我现在38级可以接21和31的寻龙,请问建议我都 </t>
  </si>
  <si>
    <t>前期升级快,可以不用做寻龙,但一定要把初识寻龙的任务做了,等你到了60+以后可以把这时刷怪出的寻龙材料留下来,等到了70+80+以后升级困难,可以在跑别针的同时做做寻龙,这样既省钱,又可以增加经验.</t>
  </si>
  <si>
    <t xml:space="preserve">秒水区70WX能卖多少钱 </t>
  </si>
  <si>
    <t>字都是错的 是"秋水" 那个区70的WX送人还要看别人心情,</t>
  </si>
  <si>
    <t xml:space="preserve">小宝宝什么时候腿才能立住？双手架着她的胳膊，但是宝宝老是腿不使劲 </t>
  </si>
  <si>
    <t>宝宝现在才4个月，现在让她学着站立还为时尚早。在这个时候，她的骨骼还未完全发育成熟。按照一般规律，小宝宝一般是在7,8个月左右才开始学着站立，是她自己自发的行为。大人不用太着急，也不用太担心。我曾经咨询过儿科专家，如果孩子在4个月的时候尝试蹦着站立，就应及时去医院检查，排除有病患的可能。所以，孩子不宜过早站立。请遵循自然的规律，让宝宝自己成长，放宽心，你的孩子是很健康的。</t>
  </si>
  <si>
    <t xml:space="preserve">请问门的种类,大致价格,工艺,自己做还是定做好呢 </t>
  </si>
  <si>
    <t>一、实木复合门 所谓实木复合门，一般是指以实木作为主材，外压贴中密度板作为平衡层，以国产或进口天然木皮作为饰面，经过高温热压后制成，外喷 饰高档环保木器漆的复合门，总之，从里到外都要求是木材。从的角度分析，称之为“实木复合门”。 在欧美国家，80%以上的高档装修中所采用的实木门均采用成品实木复合门， 二、实木复合套装门的种类 1、按面材分：主要有胡桃木、樱桃木、沙比利、影木、枫木、柚木、黑檀、花梨、紫薇、斑马等十余种 2、按功能分：按用途分如户门、卧室门、书房门、厨房门、浴卫门；公寓宾馆的房间门、浴卫门、走廊门、办公商用门等 3、按开启方式分： 滑轨门：横向推拉开启，不占用空间。主要用于厨房门、卫生间门、阳台门。 合页门：转向开启，主要用于户门、卧室门、办公室门。 4、以表面处理方式可分为： 白茬门：没有上油漆，买回去后需找油工手工刷上油漆，由于手刷油漆，降低了门的品质。 油漆门：也称成品门，在工厂已喷涂油漆的门，可直接安装。 5、以门口形式分 平口门：门的边缘是平的，传统的门全部是平口门，由于锁开启的原因，门与门框之间需有3毫米的缝隙。 T型口门：从欧洲引进的新型门，门的边缘是T型口，凸出的部分压在门套上，并配有密封胶条，密闭隔音效果好，整体美观。 6 、按门型和工艺分有全玻门、半玻门、板式门、芯板门等。 板式门为密闭型，无透视透光点，多用于户门和卧室门，此门可以雕刻凹线和制作凸线，型体美观大方，整体性好。 芯板门是在门中间装有一块或多块芯板，起凸，立体艺术性较强。 全玻门是以玻璃为主体的门扇，全门只有四个边和码头，其余均采用玻璃，具有光线明亮，透体性好的特点，富有较强的艺术性与欣赏性。 半玻门是以上半截为玻璃，下半截为板式，有适当的透明性。 ＝＝＝＝＝＝＝＝＝＝＝＝＝ 另： 实木门：价格很高，2000一上，一般市场上的纯实木门非常少。纯实木门如果做工不好，非常容易变形。红松、杉木、柞木等均属于比较低档的木门用材，高档实木有胡桃木、樱桃木、沙比利等。 实木复合门：主要是实木做骨架，表面贴高级木皮做的门，造型一般非常美观，价格合理，在1200-3000元一扇左右。主要的优点是不变形，不开裂。 模压门：便宜的价格在200元一扇左右，模压门的施工工艺比较简单，看上去没有实木门厚重美观。这类门主要用在阳台、储物间等不经常开启的地方。模压门有一个问题非常重要，那就是它有害气体的释放可能造成室内污染。 买门： 优点--造型美观，做工精良。相对来说买的门更环保。因为机械化生产的板材都是批量购买的，一般会放置一段时间再加工，这样利于甲醛挥发。另外正规的厂家会注意板材的环保性。 做门： 装修工人做的门价格偏贵一些，适合对门的样式有特殊要求的家庭。做门的主要 材料是大芯板，很多家庭的装修污染来源就是大芯板使用过多，所以一定要注意板材的环保性能 鉴定门的质量： 声音： 选择实木门的时候可以看门的厚度，还可以用手轻敲门面，若声音均匀沉闷，则说明该门质量较好。 重量： 一般木门的实木比例越高，这扇门就越沉。如果是纯实木门，表面的花纹非常不规则。一眼看过去，门表面花纹光滑整齐漂亮的，往往是不是真正的实木门。希望以上见意对你有所帮助</t>
  </si>
  <si>
    <t xml:space="preserve">怎么能弄好天堂1的客户端啊！我都装了一个月了，在网吧！C盘不足。? </t>
  </si>
  <si>
    <t>现在网络游戏更新较快。天堂1的客户端已经是天与地了。如果你买的是正版，安装到C盘以外的硬盘中，然后上官网下载更新补丁覆盖后即可使用。如果是D版的。我劝你不要用了，它可能会带病毒的。唯一解决的办法就是上官网下载完整天与地的客户端，安装时变更盘符。（也就是安装到C盘以外的硬盘中）</t>
  </si>
  <si>
    <t xml:space="preserve">冥王星为什么被开除行星？ </t>
  </si>
  <si>
    <t xml:space="preserve"> 根据当天通过的新定义，“行星”指的是围绕太阳运转、自身引力足以克服其刚体力而使天体呈圆球状、能够清除其轨道附近其他物体的天体。     而冥王星因为其轨道与海王星相交，因此不符合这一定义。大会通过的决议说：“（太阳系）行星包括水星、金星、地球、火星、木星、土星、天王星和海王星。”决议称冥王星是一颗“矮行星”。所谓“矮行星”是指同样具有足够质量、呈圆球状，但不能清除其轨道附近其他物体的天体。决议还确认了一类外海王星天体，并将冥王星作为该类天体的典型代表。 谢谢^_^</t>
  </si>
  <si>
    <t xml:space="preserve">什么是高位的腰间盘突出症？ </t>
  </si>
  <si>
    <t>&lt;腰椎间盘突出 --------------------------------------------------------------------------------一.出什么叫腰椎间盘突症？　　腰椎间盘突出症简称“腰突症”。是临床常见的腰腿痛疾患，好发于20-50岁的青状年，体力劳动者多发。近几年来，本病的发病率逐渐提高，致使越来越 多的人遭受此病的折磨，所以也就有必要对此病的病因、发病机理、治疗原则、预防方法等进行探讨，以帮助患者解除痛苦，那么究竟什么是腰突症呢？顾名思义，腰突症就是因腰椎间盘突出而引起的一种病症。椎间盘是由纤维环、软骨板、髓核构成，所以腰椎间盘突出症就是纤维环破裂和髓核突出。二.那些人易患腰突症？　　从临床上看，腰突症患者各行各业都有。根据体位对腰部负重影响的原理可以推断、腰突症的发生主要与长期从事固定性姿势劳动有关，如弯腰工作的人，长期采取坐姿工作的人。如司机、会计、办公室人员、教师等。另外还与年龄、气候、外伤、风寒湿邪受凉寒（吹风扇、空调）等因素易发生此病。三.腰椎间盘突出症好发于那些部位：      在整个腰椎之间第4、5腰椎之间和第5腰椎与第1骶椎之间的椎间盘承受的压力最大，是全身用力最集中的部位，损伤的机会比较多，占整个腰突症的90%。上位的椎间盘如腰椎2、3和腰3、4等髓核突出  较少见，叫做高位腰间盘突出症 。四.腰椎间盘突出症为什么会导致腰腿痛？　　腰腿痛是腰椎间盘突出症的主要症状之一。那么腰突症为什么会引起腰痛？又如何累及到腿呢？其原因主要有以下几点：       　　1.腰椎间盘的髓核突出后，首先顶起后纵韧带，严重者穿破后纵韧带继而引起炎症反应，这是腰痛原因之一。  　　2.由于髓核的突出，导致 脊拄内外平衡失调，使椎体之间的相对位置发生改变，关节紊乱，椎体之间的韧带如前纵韧带、后纵韧带、黄韧带、棘间韧带、棘上韧带等也被波及，发生水胖、增生、拉伤等等，均是导致腰痛的主要因素。　　3、由于韧带的炎症反应，通过中枢 神经系统反射，引起腰肌反射 性 痉挛，若长时间不能缓解，腰肌就会产生疼痛，痉挛的同时又增   加了椎间盘的压力，加重髓核突出的倾向，引起恶性循环。　　上述原因引起的腰痛，其特点是局限于腰骶部(下腰部)附近,患椎棘突旁一侧或棘间有 深在压痛,腰肌痉挛时,触腰脊柱的两侧时有僵硬感,活动受限,以前屈明显。少数患者着凉后引起肌张力增高而加重腰痛。　　当突出物冲破后纵韧带，压迫邻近的神经时，即累及了腿，产生腿痛，主要是沿着坐骨神经走行疼痛或放射痛。　　坐骨神经由腰4-5及骶1.2.3.神经的前支组成。通常是L5或S1神经根 受压后变痛,发生水肿,周围组织肥厚,甚至与突出物粘连在一起,发生持续性的坐骨神经痛。疼痛部位一般在患侧大腿后侧小腿外侧，足跟或足背外侧，或是按压.叩击腰部时而产生放射痛,临床多为单侧下肢痛,少数中央型(脊髓型）腰突症，也有双侧下肢痛或伴有马鞍区麻痹，或大小便异常，或下肢瘫痪。　　上述所产生的腰腿痛，在咳嗽.喷嚏.用力排便时均可使神经根更加紧张而加重疼痛,步行.弯腰.伸膝.抬腿等动作牵拉神经根而加重症状。反之，屈膝.屈髋.卧床休息时则神经根放松疼痛减轻。若髓核与神经 根发生粘连后，疼痛可由间歇性转为持续性，夜间加重，休息后不缓解。若是较轻的患者，疼痛不明显或呈间歇性经卧床休息后可缓解。五.腰椎问盘突出症为什么会出现腿脚麻木感?　　中晚期的腰突症患者,多数人都有不同程度的小腿外侧及足背外侧 或足趾麻木。主要是因脊神经根受压，使其支配区受压造成神经损害，产生感觉和障碍，即皮肤感觉异常.肌肉运动障碍。　　坐骨神经是全身最粗大的 神经，自腰部发出经臀部梨状肌下口出骨盆,沿大腿后正中下行,至腰弯上方为二支。一支是胫神经,沿小腿后两下行至内踝关节后方,胫神经的肌支支配小腿后群肌肉的运动,皮支支配小腿后面和足背外侧的感觉。另一支是腓总神经,分二支(腓深神经和腓浅神经)分别支配小腿前外侧肌肉的运动和小腿外侧及足脊.足趾的皮肤感觉。　　另外,每一对脊神经根都在人体皮肤有一相应的支配区,如腰4神经支配小腿内侧至内踝前侧；腰5神经的支配区是小腿前侧至足背；骶神经的支配区是足踝及足底外侧的皮肤。　　神经受压早期表现为缺血,水肿。如L5神经根受压时,患侧小腿后外侧及足背痛觉敏感,中晚期皮肤感觉减退、麻木。S1神经根受压时足跟或足底外侧感觉异常,少数中央型患者压迫马尾神经时其麻木区是马鞍区。　　神经根受压时,除上述感觉异常外,其所支配的肌肉也有不同程度的麻痹。六.为什么有些腰突症患者腰部反而不痛?　　腰突症患者,绝大多数都有长短不同的腰痛,且腰痛是腰突症的主要症状之一,但并非百分之百的腰突症患者都有腰痛症状,原因有以下几方面：　　1.退变引起的腰椎间盘突出：一般发病迟缓,病程较长,髓核突出逐渐形成,对腰椎周围的组织刺激很小,无明显的炎症反应,故可能无腰痛或腰痛不明显。　　2.高位腰椎间盘突出：高位置的腰椎间盘突出症(L3.4以上),尤其是中央型患者,腰痛的比例不是很大,可能突出物对韧带损伤较轻,或者因腰部姿势无改变而不引起腰痛。  七.为什么腰椎间盘突出症的表现多种多样?　　同样患的都是腰突症,但临床表现确是多种多样的：有的人站立时疼痛,麻木加重：有的人行走,坐,卧症状反应不一样：有的人骑车时无症状,但做其他活动时明显受限等等。　　那么,为什么患的是同一种病,表现却不一样呢? 　　1.不同的人之间存在个体差异,疼痛的敏感性也不一样,故反应也不一样。　　2由于髓核突出对神经根压迫的位置不同,所以引起的症状及程度也不同,有些病人以疼痛为主,有些病人以麻木为主。　　3,有的病人在患病前就有风湿病,故患腰突症后疼痛加重。　　4,由于腰突症类型不同,所产生一侧或双侧下肢症状也不同。八,腰椎间盘突出症会出现哪些并发症?　　1.增生性脊柱炎也称肥大性脊柱炎。2.第三腰椎综合症。3腰椎管狭窄症。4.梨状肌损伤综症。九.腰椎间盘突出症患者使用腰围的目的是什么?  　　主要目的是制动.协助背肌限制一些不心要的前屈动作,以使受损的椎间盘得到充分休息,减轻腰部活动,腰背部肌肉的劳损.腰椎周围韧带的负担,加强保护腰部的作用,因此佩戴腰围使腰椎曲线保持较好的状态.这对加强治疗十分有益,还可以用于其他腰背部疼痛的疾患。十,腰椎间盘突出症患者出院后应注意什么?　　1,注意环境良好,室内干燥,保暖,不睡软弹秤床垫。　　2,不管干不干家务活都应戴好腰围,以防腰部用力再次扭伤。　　3.无论在家劳动还是锻炼，都要保护好腰部、咳嗽、伸懒腰、打喷嚏及用力排便时，防止腰部再次扭伤，要用双手护住腰部。                                      十一.家庭中如何预防腰扭伤?1、避免劳累过度，腰部避免着凉。2、避免久坐。3、避免生活在潮湿的环境中。4、注意身体功能锻。</t>
  </si>
  <si>
    <t xml:space="preserve">明锐1.4T的发动机是进口的还是国产的呀 </t>
  </si>
  <si>
    <t>1.4的发动机目前还没有国产。</t>
  </si>
  <si>
    <t xml:space="preserve">动画片《喜羊羊与灰太狼》主题曲叫什么名字 </t>
  </si>
  <si>
    <t>别看我只是一只羊</t>
  </si>
  <si>
    <t xml:space="preserve">家里的女儿两岁半了，属猴，特别调皮，每次教育她都答应好好的，可就 </t>
  </si>
  <si>
    <t>哈哈！所谓的“阳奉阴违”。好啊！因为只有2.5岁么，你还能要求她咋样？现在的家长啊，孩子调皮了，不好。孩子闷声不响了，又不好，你到底要孩子咋样才好呢？ 至于你说的，你越生气她越高兴。俺的理解是你的孩子十分想引起你的注意，怕被冷落的一种表现，这几乎是孩子的天性。难道你没有觉出来么？调皮的孩子好，至少说明孩子健康，聪明。多和孩子交流吧！与这样的孩子交流是一种无与伦比的享受，等若干年后你一定会深切怀念这段日子的。还孩子一个愉快，给自己一个享受。这才是当今做父母的应该做的。顺便说一句，孩子的调皮与属相无关哦！</t>
  </si>
  <si>
    <t xml:space="preserve">怎样处理在海边晒黑?昨天和爸妈一起到东海岛玩,玩了大约两个钟就回 </t>
  </si>
  <si>
    <t>　　你好，对于因日晒过多等原因引起的肤色较黑者，可采用以下的一些增白的方法，会取得一定效果。 　　一、酒 在好米酒中，加入去皮的苹果，浸数天后，再放些荞麦。一周后，滤出药酒，每天用脱脂棉花蘸药酒涂擦面部，会使面部红润起来。 　　二、皮肤粗黑者 可将醋与甘油按5∶1的比例混合后，每天坚持涂敷脸部，可使面部皮肤变得细嫩。 　　三、蛋清 将蛋清加放少许面粉，也可加点瓜汁，调成糊状，每晚涂在脸上，半小时后洗去，可使皮肤光滑细腻。 　　四、防晒 外出要用草帽、遮阳伞、太阳镜等，也可用一些防晒油。皮肤对阳光比较敏感者，在久晒后未出现症状之前，可服阿司匹林1克，以后每4小时服0.5克，共2天，并大量饮水，可避免皮肤发红变黑与灼痛。 　　五、枸杞酒 以好酒浸泡中药枸杞，可加生地黄汁共浸泡，空腹时加热后饮用为佳。 　　六、精神调节 许多人因为皮肤颜色稍黑而忧心忡忡，造成内分泌的进一步紊乱，使皮肤变得越来越黑。而精神情绪稳定，乐观向上，则使交感神经与副交感神经的调节正常，使人脸色变好，皮肤有光泽。 　　七、不乱用美容化妆品 一般而言，外用的药物只对皮肤起到短时的作用，而通过内服或与外用结合，才可使美容药物的效果持续久长，最好在有经验的美容师或医生的指导下进行。 　　八、中药方 白扁豆、白僵蚕各10克，当归15克、生地20克，川芎、赤芍、桃仁、红花各5克，鹿角胶、阿胶、龟板胶各6克，白附子、白芷各12克，血竭3克。每日1剂，水煎内服，药渣复煎，熏洗面部，每天3次，每次熏半个小时。 　　九、中药外用方 浙贝母、白芨、附子各适量，研粉，加入雪花膏中，早晚各搽于面部。 　　十、锻炼 实践表明，适当的锻炼，可增强体质，使内脏功能与内分泌功能趋于正常，从而起到美肤壮体的作用。当然对于皮肤较黑者来讲，要避免在阳光下运动。 　　总之，欲使皮肤变白，非一日之功，重要的是恒心、信心、决心。</t>
  </si>
  <si>
    <t xml:space="preserve">请女孩子回答现在都夏天了，怎么这么多女孩子穿黑色的胸围？为什么？ </t>
  </si>
  <si>
    <t>我就不喜欢,感觉很热,不如穿白色好.也许是以前穿的都是白色的,所以想换一下,也许是个性罢.</t>
  </si>
  <si>
    <t xml:space="preserve">宝宝出生刚十天，现有点拉肚子，请问有什么药可以吃吗？ </t>
  </si>
  <si>
    <t xml:space="preserve">新生儿的粪便性状因吃进的食物不同而有差异。如吃人奶的大便多呈金黄色糊状，每日2-4次。喂牛奶的宝宝大便多为浅黄色或土灰色，比较干一些，每日1-2次。如果新生儿大便次数比原来增多，每日4-5次以上，而且大便性质异常，如稀水、带有小块奶瓣或粘液脓血便，此病症称为新生儿腹泻病。　　腹泻病是一组多病原多因素引起的疾病。因此，当新生儿发生腹泻时，首先要找出腹泻的原因，按不同的病因给予不同的治疗。　　腹泻病从病因来讲可分两大类，即感染性腹泻和非感染性腹泻。引起非感染性腹泻的原因包括喂养不当、过敏性腹泻、乱用抗生素，以及环境过冷或过热而引起的腹泻。对于此类腹泻，要注意膳食合理，喂养。如奶量不要过多或过少，吃奶要定时，不吃凉奶或变质奶，奶中糖量不要过多，要合理使用抗生素，以及防止因环境太冷引起肠蠕动增快或因太热使消化液分泌过少而致腹泻。除此以外还要服用一些帮助消化、保护胃粘膜的药物，如多酶片、乳酶生、丽珠肠乐、思密达等，　　感染性腹泻是由于病原体侵入肠道而引起的，其表现是宝宝的大便带有粘液或脓血，味奇臭。　　此外，一些外科疾病也可以出现腹泻，如大便灰白色，多见于先天性胆道阻塞的新生儿，大便若似果酱样带血时，可能是肠套叠。　　因此，当您的宝宝发生腹泻时要分析病因，如大便有粘液脓血，或呈灰白色，或为果酱样大便，应立即送往医院及早诊治。   </t>
  </si>
  <si>
    <t xml:space="preserve">moon创造的25个经典战役2005年的谁有MOON创造的25个 </t>
  </si>
  <si>
    <t>这样把,你查阅我的上传资料.我把我有的这25个战役中的几个给你打包上传一下.  这是我尽全力找到的了。 有很多比赛没有REP文件发布.</t>
  </si>
  <si>
    <t xml:space="preserve">该何去何从我很困惑，想得到大家的帮助，我和男友交往了很长时间，偶 </t>
  </si>
  <si>
    <t>与他沟通是首要的，弄清楚他现在的真实想法，再寻找解决问题的方法。爱情是两个人的事，不可以勉强，就算你再怎么迁就，如果他的心已不属于你，一切都没有太大意义，就算有转机我想那是被你一时感动，但婚姻是现实的和平淡的，没有比和一个不爱自己的人过一生更痛苦的事，与其两个人都痛苦，我想不如给他选择幸福的自由。我的经历与你极为相似，我也曾经很爱他，但我还是做出了分手决定，一年多过去了，我已经能很积极地寻找自己的幸福了。也对自己好一点吧，长痛不如短痛----时间是最好的证明。</t>
  </si>
  <si>
    <t xml:space="preserve">求大虾帮忙马上就要毕业了，学的是土建专业，211院校，大侠们推荐 </t>
  </si>
  <si>
    <t>去一个城市的主要支柱的建筑企业，一般城市都有自己的建工集团，不管去哪个城市要去那个城市竞争力强的施工单位</t>
  </si>
  <si>
    <t xml:space="preserve">一个男从整天无所事事被女人养着结果结果还打女人，这种男人是有病吗 </t>
  </si>
  <si>
    <t>这种男人是天下最无耻最恶劣最无用最可恨的男人,趁早离开他,越早越好!不然害你一生!</t>
  </si>
  <si>
    <t xml:space="preserve">反猛杀王出什么武器和技能最好？ </t>
  </si>
  <si>
    <t>那要看是什么王了？如果是小王就用冻神弓技能穿弓就可以了，不要杀兵用兵集气。杀大王「凉州王以上」就用炎帝弓技能用落日+散弹+穿弓，前提是要有人加血最好有MJ军。　如果有好的双手武器杀小王用双击连环都可以，杀大王用爆炎就行，双手爆击率超高普攻就很厉害适当放技能就可以了　</t>
  </si>
  <si>
    <t xml:space="preserve">我该不该找小三谈谈我和我老公在一起已有10年时间，我们是大学同学 </t>
  </si>
  <si>
    <t>问题的根本并不在那个女的啊。你也说了你老公投入很多，而那个女人才进入角色，你找那个女的谈有用吗？你了解那个女人吗？如果她是个善解人意知道人间冷暖的女性，那么问题会朝着你想的方向发展，你老公会回来，但如果不是呢？如果她把你的话转达给你老公了呢？此时此刻谁都不要找了，你找了谁也找不回你老公的心了，你如果真的能接受一份已经不属于自己的感情，如果当他回来后你还能不再计较，如果你不觉得自己的心委屈；唯一的办法，只有用自己的心等。当然等的过程中，你应该学会更加爱自己。大学同学十年，那么也应该是三十出头了。三十岁的男人的爱刚刚三个月能拉回来吗？正是他的兴头上啊，这个时候去终止他的爱，可能吗？他甚至都不再藏着直接告诉你要离婚，说明他的决心有多大了。都是受过的人了，一份这么勉强的爱，多累啊。虽然婚姻都比较平淡，但当对方把自己当陌路的时候，心已经累了。你说呢？如果自己经济上独立，如果自己也有自己的空间。索性就什么都不去做吧。把这个时间段发生的事情以文字的方式记录下来，将来不管他能回来与否都给他看看，离开也要让他知道你内心所承受苦和痛。理解你，照顾好自己。为了自己也为了孩子，加油。</t>
  </si>
  <si>
    <t xml:space="preserve">伤口出血，他用嘴巴吸伤口会传染艾滋病吗我不小心被玻璃划破出血，他 </t>
  </si>
  <si>
    <t>如果他有艾滋病，你又是出血的伤口，有可能被传染；但是主要传播途径是输血和性生活。</t>
  </si>
  <si>
    <t xml:space="preserve">在哪填写代练工作室的名称 </t>
  </si>
  <si>
    <t xml:space="preserve">尊敬的客户:     您好！5173回复客服01很高兴为您服务！     请仔细说明您的问题，以便我们尽快答复。                                              </t>
  </si>
  <si>
    <t xml:space="preserve">董酒的产地在哪？ </t>
  </si>
  <si>
    <t>董酒产于贵州北部的历史名城和酒文化名城——遵义。　　遵义，不仅以中国革命的转折点闻名于世，还以酿酒之乡而著称。　　这里的酿酒历史十分悠久，据考古出土文物证明，早在旧石器时代，距今一、二十万年前，遵义一带就有人类劳动生息。原始人类在和自然作斗争的实践中，逐步发现了含糖野花果的天然发酵，出现了远古时期最初的猿酒。　　到了魏、晋、南北朝时期，这里的酿酒业就盛济一堂，出现了用杂粮酿制的叫“咂酒”。据《峒溪纤志》文献记载，“以米杂草子为之，以火酿成，……”，杂草子即本草，可见，当时古人就以“天然植物（本草）参与酿酒”。　　古人雍陶诗曰：“自到成都烧酒熟，不思身更入长安”。当时遵义一带归四川辖，经济文化与蜀紧密相联，亦已出现经蒸馏而得的“烧酒”。公元1104年，著名诗人黄庭坚在黔桂交界的直州上任时，就曾与友人一起饮过三壶“酒”并认为“殊可饮”，（遵义旧属 ）元、明之际，文献载有今云南、贵州两地的烧酒办法“一切不正之酒”经蒸馏“可得三分一好酒”。　　十六世纪后期，遵义历经了“平播战争”，结束了土司统治。战争结束后，不少内地官兵就在这里落户入籍，贵州小曲酒的生产得到迅速发展。至清康熙初年，仅董公寺到高坪不到十公里的地段，就有酿酒作坊十几家，在董公寺、刘家坝就有五、六家，在这些酿酒作坊中，要数连续几代以酿酒为生的酒坊所酿小曲酒最为出色。　　经过董公寺一带的先人们不断收集民间有关酿酒、制曲配方进行研究、加以改进以及对董酒酿造工艺和配方的代代传承、不断总结、归纳和演进延续，最终形成了制小曲的“百草单”和制大曲的“产香单”。在制小曲的“百草单”和制大曲的“产香单”中，浓缩了集天地灵气、聚日月精华的130多种本草，不仅丰富了董酒的内涵，还赋予了董酒平衡、协调的机理。　　抗日战争时期，浙江大学西迁遵义。教授们践行实地了解民情来到董公寺，在了解董酒的酿造工艺和配方、品饮董酒后，赞不绝口。教授们认为，此酒融汇130多种本草参与制曲，是百草之酒，是“药食同源”“酒药同源”真正酿酒起源的传承者。而“董”字由“艹”和“重”组成，“艹”与“草”同意，“重”为数量多之意，故“董”字寓意“百草”。同时此酒产于低纬高原、冬无严寒、夏无酷暑、植被茂密、泉水甘醇的极其酿造美酒之地，加上独特的酿造工艺、制曲配方和香味组成成分，充分体现了天人合一、和谐共生的思想，使其成为最正的酒。而“董”字在《楚辞·涉江》“余将董道而不豫兮”中，其义正也、威也，有正宗、正统、正派、正根、威严、威重之意。“董”字本身的文化内涵与董酒的文化内涵具有传奇般的巧合。随即，教授们提议将此酒命名为“董酒”，希望董酒继续秉承“药食同源”“酒药同源”的人类酿酒真谛、传承发扬“百草之酒”。从此，董酒命名开来，蜚声大江南北。　　1935年红军二万五千里长征两次经过遵义时，红军将士曾品尝过董酒，领略过董酒的神韵，为红军解乏疗伤，把董酒带上了漫漫的长征路，留下了许多美丽动人的董酒故事……</t>
  </si>
  <si>
    <t xml:space="preserve">电脑死机怎么办电脑突然死机 </t>
  </si>
  <si>
    <t>1、杀毒软件安装多，并且全部打开监控，少开监控或不开监控，经常查杀病毒就是了。2、软件或驱动与系统不兼容，重装或升级驱动。3、系统问题或有木马，查杀一下木马还原一下系统或重装（下载Win清理助手查杀木马）。4、内存、显卡、硬盘坏道等故障，另外电压不稳也可以引起死机故障的发生（如果内存太小，升级一下内存）。5、一般常见的CPU或显卡等硬件温度过高最容易引起卡和死机。6、升级硬件引起不兼容死机。7、垃圾文件太多、磁盘碎片太多等。8、如果总是不行，建议检修一下去。</t>
  </si>
  <si>
    <t xml:space="preserve">苹果4s屏幕出现一道蓝色条状在左右扫描，是怎么回事 </t>
  </si>
  <si>
    <t>更换新屏吧 __________我是活雷锋，为人民服务！亲的好评是我前进的动力！！</t>
  </si>
  <si>
    <t xml:space="preserve">同级同装备的贼怎么打火冰法?(别说跟本打不过,谢谢) </t>
  </si>
  <si>
    <t>同等技术的根本打不过，除非你装备NB，法师打贼的优势太大了，你要是不偷袭的话基本没希望，因为法师就算没血了，只要变你羊，绷带，接着寒冰剑。。。。。。一系列下来3000的血没了，碰见装备好的一下干你2000+，呵呵~所以建议你别正面和法师打，偷袭~~</t>
  </si>
  <si>
    <t xml:space="preserve">西安哪家眼镜店配隐形眼镜便宜质量又有保证？ </t>
  </si>
  <si>
    <t>奥美眼镜，波涛眼镜</t>
  </si>
  <si>
    <t xml:space="preserve">每个公司都要做财务预算表吗？如果要做，做好了是不是要交到财政局呢? </t>
  </si>
  <si>
    <t>对于企业来说，一般规范的大中企业，要做财务预算，小企业不作财务预算。是否编制预算，这个没有要求，也不需要报送财政局。对于行政事业单位来说，每年都要做财务预算的，并报送财政局。</t>
  </si>
  <si>
    <t xml:space="preserve">足球=怎样练好颠球足球 </t>
  </si>
  <si>
    <t xml:space="preserve">动作要领 1．双脚脚背颠球：脚向前上方摆动，用脚背击球，击球时踝关节固定，击球的下部。两脚可交替击球，也可一只脚支撑，另一只脚连续击球。击球时用力均匀，使球始终控制在身体周围。 2．双脚内侧、外侧颠球：抬腿屈膝，用脚的内侧或外侧向上摆动，击球的下部，两脚内侧或外侧交替击球。 3。大腿颠球：抬腿屈膝，用大腿的中前部位向上击球的下部，两腿可交替击球，也可一只脚做支撑，用另一侧的大腿连续击球。 4．头部颠球：两脚开立，膝盖微屈，用前额部位连续顶球的下部。顶球时，两眼注视球，两臂自然张开，以维持身体平衡。 5．各部位连续颠球：根据上述单一颠球技术动作要领，用各部位配合连续颠球，配合的部位越多，难度越大。颠球的部位有脚背、脚内侧、脚外侧、大腿、头部、胸部、肩等。 易犯错误 l．脚击球时踝关节松弛，造成用力不稳定。 2．击球时脚尖向下或向上勾，造成球受力后向前或向后触碰身体，使球难以控制。 3．颠球时身体其他部位不够放松，以至于动作僵硬 4．头部颠球时腿部、躯于、颈部配合用力不协调，仅靠颈部。 练习方法示例 1．一人一球颠球：体会触球的时间、触球的部位、触球的力量和整个动作的协调配合。 2．两人一球颠球：用脚背、大腿、头部以及身体各部位触球，掌握好触球的力量，尽量不让球落地。每人可触球一次颠给对方，也可触球多次互颠。 3．四五人一组，围圈用两球颠球：可规定每人触球的次数与部位，也可自由掌握触球的次数与部位。颠传时要注意观察，防止两个球同时颠传给同一伙伴。 </t>
  </si>
  <si>
    <t xml:space="preserve">什么东西在倒立之后会增加一半？ </t>
  </si>
  <si>
    <t>6...................倒立成了9</t>
  </si>
  <si>
    <t xml:space="preserve">新仙剑奇侠传下载之后打开，竟出现更瓜？？？？？？？？？？？？？？? </t>
  </si>
  <si>
    <t>我给你个网址新仙剑奇侠传电视剧纪念XP版  新仙剑奇侠传   你看哪个适合你下载吧</t>
  </si>
  <si>
    <t xml:space="preserve">为什么我的电脑QQ可以用，开网站很慢，有时候根本打不开？为什么我 </t>
  </si>
  <si>
    <t>1.打开IE时，在IE界面的左下框里提示：正在打开网页，但老半天没响应。在任务管理器里查看进程，（进入方法，把放在任务栏上，按右键—任务管理器—进程）看看CPU的占用率如何，如果是100%，可以肯定，是感染了病毒，这时你想运行其他程序简直就是受罪。这就要查查是哪个进程贪婪地占用了CPU资源．找到后，最好把名称记录下来，然后点击结束，如果不能结束，则要启动到安全模式下把该东东删除，还要进入注册表里，（方法：开始—运行，输入regedit）在注册表对话框里，点编辑—查找，输入那个程序名，找到后，点鼠标右键删除，然后再进行几次的搜索，往往能彻底删除干净。 2.杀毒软件的实时监控都添加了对网页内容的监控会导致开网站慢，关闭即可3.IE无法浏览网页，而QQ可以上时，则往往由于winsock.dll、wsock32.dll等文件损坏或丢失造成，Winsock是构成TCP/IP协议的重要组成部分，一般要重装TCP/IP协议。可以使用 netsh 命令重置 TCP/IP协议，使其恢复到初次安装操作系统时的状态。具体操作如下： 点击“开始 运行”，在运行对话框中输入“CMD”命令，弹出命令提示符窗口，接着输入“netsh int ip reset c:\resetlog.txt”命令后会回车即可，其中“resetlog.txt”文件是用来记录命令执行结果的日志文件，该参数选项必须指定，这里指定的日志文件的完整路径是“c:\resetlog.txt”。执行此命令后的结果与删除并重新安装 TCP/IP 协议的效果相同。 4.当IE浏览器本身出现故障时，自然会影响到浏览了；或者IE被恶意修改破坏也会导致无法浏览网页。这时可以尝试用“黄山IE修复专家”来修复（建议到安全模式下修复）</t>
  </si>
  <si>
    <t xml:space="preserve">乙肝大三阳为什么要做乙肝病毒耐药检查，二舅是乙肝大三阳，原来他是? </t>
  </si>
  <si>
    <t>解放军上海455医院专家指出，对于乙肝大三阳患者一般都是治疗过程非常漫长，不能轻易停药，停药后易复发，还可能发生病毒变异导致耐药产生，乙肝病毒耐药变异检测技术是近年来国际上最为先进和全面的一种乙肝检测技术。对实现乙肝的科学转阴有坚实的、精准的数据支持，专家根据这些数据来判断该病人是否需要治疗、什么药物有效，什么药物无效，这样的治疗方案成功的几率相当大。解放军上海455医院自引用以来结合肝细胞透析疗法治疗乙肝患者，已有上万例患者得到了治愈。</t>
  </si>
  <si>
    <t xml:space="preserve">谁知道哪里的牛仔裤批发最便宜 </t>
  </si>
  <si>
    <t>广州流花白马市场等等其他几个市场,全国牛仔裤都是这里批发出去的!(火车站对面)</t>
  </si>
  <si>
    <t xml:space="preserve">如何运用流行图案进行家纺设计 </t>
  </si>
  <si>
    <t>可以用作图软件（如Photoshop、CAD等）作效果图时把流行图案按着设计理念加进去。</t>
  </si>
  <si>
    <t xml:space="preserve">请问各位极品8里的车子怎样换颜色啊? </t>
  </si>
  <si>
    <t>把车开到地图上红色的点，进如就可以换颜色了，不过的要花钱的。</t>
  </si>
  <si>
    <t xml:space="preserve">市场营销需具备哪方面的能力？谢啦！！！ </t>
  </si>
  <si>
    <t>1.本专业培养具备管理、经济、法律、市场营销等方面的知识和能力，能在企、事业单位及政府部门从事市场营销与管理以及教学、科研方面工作的工商管理学科高级专门人才。2.本专业学生主要学习市场营销及工商管理方面的基本理论和基本知识，受到营销方法与技巧方面的基本训练，具有分析和解决营销问题的基本能力。</t>
  </si>
  <si>
    <t xml:space="preserve">宝宝肚子胀不通便疝气疼你好我家宝宝出生还不到一个月最近就是大便不? </t>
  </si>
  <si>
    <t>晚上睡觉后都要大哭一次应该是缺钙啊</t>
  </si>
  <si>
    <t xml:space="preserve">新手卡在那弄啊新手卡在那弄还有新手带密码吗？ </t>
  </si>
  <si>
    <t>带密码活动里弄，不过快结束了，你现在弄估计很难了还有随机抽的送，安装客户端就有机会，每天抽500名……还有网吧送，你可以看看，还有工会送，你要是临时进去就没戏还有淘宝买，5毛钱自己看着办吧</t>
  </si>
  <si>
    <t xml:space="preserve">防辐射的衣服，手机放在里面打的通是不是衣服没有作用 </t>
  </si>
  <si>
    <t>检测防辐射服的方法： 检测电磁屏蔽服的屏蔽效果，要有高精度漏能仪才能检测出来，一般消费者是没有这种高精度仪器的，因此在选择电磁屏蔽产品的时候，可通过以下几种简单的方式：1.可用万用表测试衣服的导电性，普通衣服没有导电性能；2.手机包裹测试。采用100%柔性金属纤维面料（铜、镍、银纤维），防辐射 性能更强！在绝大数情况下，将手机严密包起来之后，可完全屏蔽手机信号！3.用手机在电脑音响前拨打电话，手机所发出的电磁波会干扰电脑音响，造成杂波和杂音，这时用屏蔽服挡在手机与音响之间，杂波和杂音立刻消失，表明电磁屏蔽服可以屏蔽掉手机发出的近区场辐射。</t>
  </si>
  <si>
    <t xml:space="preserve">食堂购买材料怎么入什么费用？食堂购买的食品材料入哪个科目？气罐又 </t>
  </si>
  <si>
    <t>你们食堂是用于工人平时工作餐的吧。那你关于食堂所用的一切费用如采购材料，液化气罐等都应列入应付职工薪酬下的福利费。发生时，借：应付职工薪酬-福利费     贷：库存现金同时计提借：管理费用-福利费   贷：应付职工薪酬-福利费</t>
  </si>
  <si>
    <t xml:space="preserve">选购液晶电视应该注意什么？ </t>
  </si>
  <si>
    <t xml:space="preserve">1、屏幕　　液晶的屏幕可以占到整机成本的一半以上，是影响液晶电视的造价的主要因素。现在第七代液晶面板生产线已经建立，无论在成本上还是性能上，都实现了一个飞跃，消费者在购买时可以优先考虑。　　　　其次，液晶屏幕的物理分辨率至少应达到1280*720，目前有好多新品已经达到了否则不能完美显示高清信号。2、背光 　　和等离子屏幕不同，液晶屏幕本身并不发光，他的光线来自屏幕后方的背光系统。因此色彩并不是液晶电视的强项，这是因为液晶电视目前主要采用的冷阴极背光系统能达到的色彩范围只有CRT电视的75％，所以背光系统的新技术在选购时是值得关注的。3、视频/音频处理芯片 　　液晶电视内部的集成电路——视频/音频处理芯片,也是影响图像表现重要因素。它们处在信号接收端和显示端之间，担负着无损处理和优化信号的重任，尤其是对高清信号的处理最能考验其质量，虽然这部分元件占整机成本的比重不太大，但却需要在影音方面具有深厚的技术积累和制造底蕴，因此知名品牌的芯片能给我们更多信心。 4、寿命 　　目前平板电视的标称寿命都在6万小时左右，但是含义却大相径庭：等离子电视的6万小时是屏幕寿命，到寿命后，占电视成本70%的屏幕报废，只能更换新电视，而且其像素会随着使用逐渐劣化，影响图像质量；而液晶电视的屏幕并不存在寿命问题，6万小时指的是背光灯寿命，只要电视本身质量过硬，到寿命以后只要更换背光灯，就可以就抵新。 5、兼容性 　　随着数字家庭发展，现在液晶电视的功能已经不只是收看电视节目和电影光盘而已，它还可以作为电脑、数码相机、数码摄像机等数码设备的显示端，因此丰富的接口是非常重要的。目前的液晶电视全部都设置了复合视频端子、S端子、分量输入端子等传统接口，选购时需要注意的是可以连接电脑的VGA接口和HDMI高清晰数字多媒体接口不可或缺。 </t>
  </si>
  <si>
    <t xml:space="preserve">我已有一个月不看盘了，今天也没看。过五年再看会是什么景致呢？ </t>
  </si>
  <si>
    <t>5年以后你对股市基金变的成熟了。</t>
  </si>
  <si>
    <t xml:space="preserve">S1`ZS是选择双手武器还是双持呢？刚70`一个休闲ZS，打算以 </t>
  </si>
  <si>
    <t>自从开了70级之后，战士天赋改动，应该是武器天赋加强了，狂暴天赋该弱了，以前双持乱舞3个天赋点，效果30％加速，现在5点25％，狂暴战士主要靠乱舞输出，以前NAXX时候双持狂暴战士经常输出拍第一，让人们见识了战士的输出能力，所以都管狂暴战士叫“板贼”。。。    现在想打JJC，杀怪，还是拿双手武器，武器天赋，不要想双持了，以前的狂战＋板贼，现在不见了</t>
  </si>
  <si>
    <t xml:space="preserve">数学求值题已知关于X的方程4X+2M=3X+1和3X+2M=6X </t>
  </si>
  <si>
    <t>4X+2M=3X+1→X=1-2M①3X+2M=6X+1→3X=2M-1②将①代入②得:3×（1-2M）=2M-1→8M=4，解得：M=1/2</t>
  </si>
  <si>
    <t>周日的会错几场呢01伯明翰(06)09</t>
  </si>
  <si>
    <t>分析得不错，有前途，祝好运！</t>
  </si>
  <si>
    <t xml:space="preserve">在做“土匪夫人的情书”德时候么哦看到那有箱子啊！只看到一群守卫！ </t>
  </si>
  <si>
    <t>那个任务在7号早上停服完就不能做了，应该是BUG，完美忘了在里面放箱子了，所以造成一群守卫，还有的无聊人士把守卫引到河阳城里，鄙视他们</t>
  </si>
  <si>
    <t xml:space="preserve">能不能将下载到outLook的邮件恢复到Sina邮箱里？现在我把 </t>
  </si>
  <si>
    <t>首先, 请打开Outlook Express菜单的工具栏，打开帐户，切换到"邮件"选项卡，选择新浪帐户，打开属性，在属性的高级选项卡上勾选“在服务器上保留邮件副本”；否则，outlook express工具下载邮件后，又将会删除服务器上的邮件。然后, 将所有在Outlook里的"sina邮箱里的邮件"转发到您的新浪邮箱地址。</t>
  </si>
  <si>
    <t xml:space="preserve">可以上传别人的资料吗，怎样上传才不重复？看过的文章，小说觉得很好 </t>
  </si>
  <si>
    <t>上传的时候加注原文出处，另外把文件名更换一下也可以。现在网站审核一般不审核内容，只审核名称是否相同。</t>
  </si>
  <si>
    <t xml:space="preserve">造成儿童癫痫的常见原因造成儿童癫痫的常见原因 </t>
  </si>
  <si>
    <t>常见的造成癫痫原因的因素，具体如下：　　1、饮食方面，刺激神经的饮食要禁止，如、咖啡、巧克力、浓茶、可乐饮品等，这类饮品会提高神经兴奋度，诱发癫痫发作，是造成癫痫原因的因素。　　2、工作学习方面，一般来讲，青少年癫痫患者有相当一部分是由这方面的原因造成的，如学习不好，来自家长、亲戚、老师等多方面的压力。所以，家长朋友要注意，不管您孩子的癫痫是否能控制，都不要给孩子过大的压力，这也是造成癫痫原因的因素的一部分。　　3、娱乐方面，娱乐方面，癫痫患者应少去声音嘈杂或是光线过炫的场所，如KTV、酒吧、迪厅。处在这些场所中，由于声音和光线过度刺激，外加空气不流通，很容易导致癫痫发作，是造成癫痫原因的因素。北京广济癫痫病中医院专家说，癫痫患者应少去声音嘈杂或是光线过炫的场所，如KTV、酒吧、迪厅。处在这些场所中，由于声音和光线过度刺激，外加空气不流通，很容易导致癫痫发作，是造成癫痫原因的因素。　　4、运动锻炼方面，癫痫患者平时可以适当运动，但运动量一定要控制好，不宜过大运动量过大会使人换气过度，这是造成癫痫原因的因素之一，也是确诊癫痫所要做的检测之一。</t>
  </si>
  <si>
    <t xml:space="preserve">石景山汽车检测场周六上班么 </t>
  </si>
  <si>
    <t>不上班，他们周末休息！所有节假日都休息！</t>
  </si>
  <si>
    <t xml:space="preserve">历史21简述17,18世纪中俄发展的不同趋势 </t>
  </si>
  <si>
    <t>17世纪清朝还是世界上最强的国家18世纪清朝因为长期闭关锁国.对外界事物都不清楚,更不要说外界科学技术了,使的清朝上至皇帝下至平民都对外来的技术排斥,自认为自己的最好.而俄国则不同,俄国靠近欧洲,可以说是亲眼目睹欧洲的发展,自然也会将好的科学技术带回自己国家.说到底,还是盲目自大所带来的后果</t>
  </si>
  <si>
    <t xml:space="preserve">疑问？和她在一起的时候，经常是冲冲忙忙。吃个晚饭，超市购物，然后 </t>
  </si>
  <si>
    <t>我觉得你们还没有完全了解彼此呢,现在这样只是普通的恋爱期,不是热恋,这段时间不是很安全的,最好你们努力找一些共同的话题,先求同存异啊</t>
  </si>
  <si>
    <t xml:space="preserve">舰船识别9........................... </t>
  </si>
  <si>
    <t>日本海军“神岛”级布雷舰，共2艘，另一艘为粟岛号。2舰于战后解体，题图为神岛号，74.5×7.85×2.6M，766/787吨，2×40MM炮，10×25MM炮，120枚水雷，1900马力，16.5节。</t>
  </si>
  <si>
    <t xml:space="preserve">如何在网上发文章，让大家看，大家评论我想在望上发文章，抒发一下感 </t>
  </si>
  <si>
    <t>在新浪里的博客里申请一个个人主页,你把你写好的文章放在博客里,告诉你的朋友们你的号,他们就去点击,然后评论.你也可以把你的博客号在各大论坛发布,别人就能关注你看你的文章了!祝你好运!</t>
  </si>
  <si>
    <t xml:space="preserve">想购买儿童实木家具，哪个品牌比较好？求最健康环保的！给孩子买家具 </t>
  </si>
  <si>
    <t>首选喜梦宝！采用优质松木打造健康安全的儿童家居产品。实木的质地特别结实耐用，不会像使用粘合剂的板材那样气味大，更加健康环保。是儿童家居老品牌，拥有FSC认证、ISO9001：2000管理体系几大权威认证，产品使用起来更让人放心。</t>
  </si>
  <si>
    <t xml:space="preserve">请问荆门市癫痫病医院有哪些 </t>
  </si>
  <si>
    <t>癫痫疾病一直被人们认为是绝症，认为只要一患上癫痫病就只有等死了，其实，癫痫病本身是可以治愈的，只要癫痫患者能及时的到医院进行治疗，那么癫痫患者的疾病就能及时的得到治疗的。癫痫患者在治疗的时候要到专科医院进行治疗，这样患者的癫痫病才能很快有好转的。其实现在癫痫病的治疗已经不再像以前那样困难了，现在治疗癫痫病的医院和方法都是非常多的，只要癫痫患者在选择医院的时候小心慎重一点，找到一家好的医院那么患者的病是可以治愈的。所以患者不用太担心癫痫病治不好，患病了积极的去治疗这才是最重要的。在治疗癫痫病的时候想要把癫痫病治好，那么就要找到专业的医院，因为专业的治疗癫痫病的医院里面是会有很好的治疗团队的，而且也会有很好的治疗的方法的，并且在治疗的时候也是不会出现危险的。所以癫痫患者在治疗癫痫病的时候一定要到专业的医院治疗。想要把癫痫病治好，除了要在正规的医院治疗以外，癫痫患者在生活上也要多多的注意。癫痫患者在生活中不要长时间的熬夜，不要长时间的工作，而且癫痫患者也不要长时间的喝酒和抽烟，因为这些都会使癫痫病发作的。癫痫患者在饮食上不要出现暴饮暴食的现象。</t>
  </si>
  <si>
    <t xml:space="preserve">关于62级WX练级的问题。我62级WX，除了刷19FB还可以到哪 </t>
  </si>
  <si>
    <t>62WX除了下19外!可以去獠牙镇旁边的小木屋刷挂!我60左右都一直在那里刷!领着双!背上足够的蓝和红.1小时一个人单刷!差不多35-42%的经验.还是算快了!但我还是建议下WX46级-85级都在19练级,升级快!钱也多!在獠牙,我练了差不多4级, 钱都差不多没了!又还是回去刷19!所以你最好也是去下19吧!</t>
  </si>
  <si>
    <t xml:space="preserve">是否可以吃维生素E我怀孕快60天了，可以吃维生素E吗 </t>
  </si>
  <si>
    <t>中国人的饮食结构来说，一般是不缺乏维生素E的，别信广告上的乱说，我这可是执业药师培训资料上说的，应该比较权威。现在补充一些叶酸就行了，如果真想补维生素，还是多咱水果蔬菜比较好。</t>
  </si>
  <si>
    <t xml:space="preserve">回收站删除回收文件删除后，回收站也删除了，如何找回 </t>
  </si>
  <si>
    <t>FILERECOVERYANGEL 文件恢复利器1.13，这个东西可以帮到你，但是一定要注册，不然不好用。（可能现在有高版本了）还有就是不知道你文件删除后有没有在往硬盘里写大量的数据，这样的话，就不好找了。</t>
  </si>
  <si>
    <t xml:space="preserve">牛哥能不能推荐一个5元以下的股票~！~谢谢 </t>
  </si>
  <si>
    <t>000158 600358</t>
  </si>
  <si>
    <t xml:space="preserve">选择什么品牌的塑钢型材好呢？我想装修阳台，铝合金塑钢加工厂不少， </t>
  </si>
  <si>
    <t>实德和海螺都不错，好象海螺还好一点，重要的是你一定不能让他们给骗了，这里面有好多猫腻，比如里面的钢衬以次充好，用普通铁条充当镀锌钢衬，厚度不够等等，胶条、玻璃以次充好（质量好坏相差一倍以上），型材偷梁换柱啊等等等等，总之，有个内行最好了，可惜我帮不上你。</t>
  </si>
  <si>
    <t xml:space="preserve">我的7600连不上电脑啦！上个星期还好好的但是今天我用数据线连接 </t>
  </si>
  <si>
    <t>你先确定是不是电脑里的同步软件坏了，如果是，重新按照一个就可以了。如果数据线坏了，那只能换一条。至于说直接拔线，只要不是在传送文件的时候拔就不会有事的，在传送中途千万不要直接拔，会烧手机的。</t>
  </si>
  <si>
    <t xml:space="preserve">请问PS2上零红蝶好玩吗？有攻略吗？请说一下感受！我想知道！ </t>
  </si>
  <si>
    <t>非常好玩的游戏建议在10点后玩会很有趣的~胆子小的千万别玩会吓死的</t>
  </si>
  <si>
    <t xml:space="preserve">女孩子被口交是什么感觉？没经验勿答，最好女孩子说一下感受~ </t>
  </si>
  <si>
    <t>刚开始有点不习惯，很快我就很喜欢。只是我老公的口交技巧不是太好，没有曾经的男友好，虽然只有那么一次，但我一直记得那时的感觉。这是我的真是感受。</t>
  </si>
  <si>
    <t xml:space="preserve">老板C3套装的烟机和灶具如何清洗油污？ </t>
  </si>
  <si>
    <t>C3的油烟机是属于免拆洗的，所以你不用像传统油烟机那样把什么风机、叶轮都拆下来清洗，你只有需要定期(20天左右)清洗一下过滤网和导油槽就好。清洗的话，最简单就是用洗洁精跟食醋混合，用温水。把油网和导油槽直接浸泡在温水中，10--20分钟后，再用干净的抹布擦洗即可。灶具的话，你就用洗洁精清洁一下就好了。</t>
  </si>
  <si>
    <t xml:space="preserve">女人嫁人是嫁我爱的好呢，还嫁爱我的好呢，为什么？ </t>
  </si>
  <si>
    <t>嫁不成爱的，嫁不成爱我的，就嫁值得嫁的那个人。选对了正确的人，今后婚姻之路就会朝着正确好的方向走。</t>
  </si>
  <si>
    <t xml:space="preserve">我的戒指上刻有D0.073ct是什么意思? </t>
  </si>
  <si>
    <t>你的是钻石戒指对吧!~D***ct是指钻石的重量（也叫分数），D指diamond--钻石,ct指carat--克拉（钻石的重量单位，1ct=0.2g）.颜色，净度，切工等是写在证书上的。品牌的标识是打在戒指内侧</t>
  </si>
  <si>
    <t xml:space="preserve">为什么我下载了游戏启动程序手动升级补丁后,游戏就打不开了? </t>
  </si>
  <si>
    <t>你的问题我遇到过，不过教你一方法，点开始游戏左边的   ：“客户端完整性校验”可能时间长，但很管用，也就是系统在帮你找丢失文件并帮你把丢失文件弄好</t>
  </si>
  <si>
    <t xml:space="preserve">由抗结核药物引起的丙谷转氨酶高RT我怎么办时高时低的本来前几个月 </t>
  </si>
  <si>
    <t xml:space="preserve"> 医生会给你调整用药方案的.这只是药物性肝损伤,可以用些保肝的药.但目前主要是抗结核治疗.</t>
  </si>
  <si>
    <t xml:space="preserve">手机的进网许可证号？手机的进网许可是不是在手机里贴着的那张蓝色的 </t>
  </si>
  <si>
    <t>索爱的那款进网证是贴在后盖上面的，进网证号在电脑上可以查</t>
  </si>
  <si>
    <t xml:space="preserve">14场，让滚存来的更猛烈些。。。。忘了上图， </t>
  </si>
  <si>
    <t>本期足彩虽然难以找胆，但大冷门相应不多！足彩圈内不乏高手，为了围剿上期滚存，大手笔的单子会涌现很多，故此，难以再滚存！</t>
  </si>
  <si>
    <t xml:space="preserve">需要一双高跟鞋，不要带钻的，不要粉色的，求推荐~！ </t>
  </si>
  <si>
    <t>能讲具体是要什么颜色什么款式用于哪种场合的吗。如我的回答对你有所帮助，请点“好评”，谢谢！</t>
  </si>
  <si>
    <t xml:space="preserve">翻译句子急急急在线等快快！Iusedtobutnotanymor </t>
  </si>
  <si>
    <t>我过去常是这样,但是现在再也没有了.你有在网上购物过吗?(但)那些质量不怎么好.你(有试过)在一个特定的网站中买过东西吗?我过去最常去的那个网站是  .我过去常在那里购物.这个网站过去常提供质佳量多的衣服.我过去都很懒通过网站购物.我今天可以去看看一个在电脑部门工作的朋友.也许这是值得去游览的.让我知道你的想法吧.但是我没有时间上网.(注:最后两句有点问题,看不明白你打的一些单词,搭配很怪,所以就此翻译了)</t>
  </si>
  <si>
    <t xml:space="preserve">唐卡是种什么类型的画? </t>
  </si>
  <si>
    <t>　唐卡是藏语音译，意为布画。其分类方法较多，按大小和张挂方法，可以分画片唐卡和卷轴唐卡；按色泽可分为彩(色)唐，金(色)唐，黑(色)唐，红(色)唐，淡(色)唐，浅(色)唐六种；按制作方法又可分为绘画唐卡、堆绣唐卡、刺绣唐卡、印刷唐卡、织锦唐卡和缂丝唐卡六类。但总的来说，卷轴唐卡类的彩色绘画唐卡数量居多。卷轴唐卡上有天杆、下有地轴、地轴两端有轴头。唐卡画芯一般都用彩缎装裱，画面上多用大小相同的丝帛覆盖，丝帛上端连于天杆，悬挂唐卡时将其掀起。丝帛盖面在卷起唐卡时，能有效保护画芯不被磨损。　　　一、唐卡的起源　　　　唐卡起始的准确年代，至今尚无定论，但它源于壁画是不容置疑的。有学者认为：最早的唐卡是绘制在兽皮之上的，它应起源于牧业文明的雅砻时期。但我们认为它至多是唐卡艺术的萌芽。真正意义上的唐卡，画芯和装裱都离不开棉、麻、丝、帛这些农业文明的成果。所以唐卡的起源应是在松赞干布从雅砻迁都逻些(拉萨)之后。因为在这之后，西藏藏族地区，才真正进入农业文明时期。五世达赖所著的《大昭寺目录》记载，松赞干布用自己的鼻血绘画了一副白拉姆女神像。这个故事的真实性已无从稽考，然而唐卡艺术在此时兴起则是完全可信的。因为松赞干布定都拉萨，一方面农业文明为唐卡的创作准备了基本的物质材料。再有文成公主进藏，带来了先进的中原文化，布、帛、丝、麻也大量涌入藏区；尺尊公主进藏，则带来异域文化。总之，西藏与外界的交流大大加强。在西藏长期发展的苯教文化和摩崖石刻艺术，也为唐卡的诞生奠定坚实的基础。松赞干布将佛教旨入西藏，并对之大力扶持和发展，宗教生活的需要，也催生和发展了唐卡这种绘画艺术。　　二、唐卡艺术与藏传佛教的关系　　唐卡从公元七世纪发展至今，已成为一种十分成熟、辉煌的绘画艺术，有学者认为：唐卡是一种宗教艺术。　　唐卡的起源和发展兴衰与藏传佛教息息相关。唐卡这门绘画艺术的兴起和发展正暗合了印度佛教传入西藏，这绝非偶然和巧合。佛教的传入，宗教生活的需要，就必须要广建寺庙，寺庙中所谓佛、法、僧“三宝”，缺一不可。所谓“佛宝”就是包含了以佛为首的菩萨、罗汉、金刚、护法神像等，这些都是宗教信徒顶礼膜拜的对象，它既可以表现为立体的塑像，也可表现为平面的壁画，它们都是宗教生活不可或缺的。这就催生了寺庙壁画艺术的产生和发展。但是在当时藏区，游牧生活还是许多地区的主要生产方式，逐水草而居是他们的主要生活方式，在西藏这种统治者大力倡导、尊崇佛教，全民信教的地区，仅靠固定的寺庙，显然是无法充分满足众多迁徙不定的信徒宗教生活需要的。于是唐卡这种主要以卷轴画形式出现的艺术，满足了信徒的宗教生活需要，画在唐卡上的佛、菩萨，代替了寺庙中的塑像和墙上的壁画，成为他们可以随身携带的崇拜物。唐卡这门绘画艺术因此应运而生，蓬勃发展起来。所以，有人又针对唐卡便于携带的特点，把它称之为“可以流动的壁画”。信徒为了表示对佛法的诚信和尊崇，还往往花钱延请画师作画，并将它们布施给寺庙，以积累功德。加之各寺院的许多高僧以及喇嘛都是绘画高手，他们也往往制作大量唐卡，于是最终就形成“藏族寺院是佛画艺术的殿堂”这种局面。唐卡的繁荣有赖于藏传佛教的兴盛，而它的衰退也与佛教的衰落紧密相连。在松赞干布、赤松德赞和赤热巴巾三代赞普所在的藏传佛教前弘期，三代法王大力扶持和尊崇佛教，兴建了大批佛教寺院，唐卡绘画艺术也得到了很大发展，它不仅吸收了印度佛教及佛画艺术的精华，还受到尼泊尔和中国内地绘画艺术的影响。比如藏区的画师就有这样的说法，“画像学西藏，画景学汉地”。它一方面表明西藏和内地绘画的不同特点、长处，也表明了西藏与外界的文化交流。除此而外，藏传佛教还从西藏的原始宗教——苯教绘画艺术上吸收营养。例如，八吉祥图（即宝伞、金鱼、妙莲、胜利幢、宝瓶、吉祥结、金轮、右旋海螺）并不是佛教盛行后才的有，而是一种代表着苯教意识形态的图形。可见藏族唐卡艺术在历史上就是在兼收并蓄的基础上，总结和继承本民族绘画技巧，并不断创新的艺术结晶。唐卡艺术在前弘期就得到较大发展，为唐卡艺术在日后的繁荣打下基础。在赞普朗达玛兴苯（教）来佛（教）以来，西藏的佛教寺庙被毁，许多僧人被杀，或是被流放，壁画也随着寺庙的毁灭大多灰飞烟灭。绝大部分唐卡也难逃厄运，留存下来的也是凤毛麟角，真可谓是覆巢之下，岂有完卵。西藏藏传佛教在历史上进入了一百多年的“无明、黑暗”时代(意为没有了佛法)。唐卡艺术也遭至灭顶之灾。到了藏传佛教的后弘期，元代统治者在西藏地区册封了十四代萨迦教派的首领为帝师，以萨迦政权管理西藏事务。明统治者基本承袭了元的统治策略，封了“八王”(法王)，但西藏并没有真正统一，各教派之间纷争不息，但藏传佛教总的来说得到一定恢复发展。唐卡绘画艺术也得到一定程度复兴。明清以来，特别是宗喀巴大师创立的黄教格鲁派逐渐兴盛，到五世达赖时期，他与四世班禅借助蒙古固始汗之力，取得了西藏统治地位，于公元1642年，建立了甘丹颇章黄教政权。1652年他入京觐见顺治皇帝，并受册封，形成了格鲁派对别的教派的绝对优势，也确立了他“所领天下释教”的最高领袖地位。五世达赖对西藏除葛举派和觉囊派外的其他藏传佛教教派，采取一视同仁的政策，赢得了各派首领的敬仰和支持。以格鲁派为主的西藏各藏传佛教教派也都日益兴盛、发展起来。唐卡绘画艺术也迎来它发展的第二个高峰时期。佛教的隆盛带来唐卡艺术的繁荣，西藏所有的教派几乎都有相应的画派依附，如格鲁派的“缅唐派”，噶举派．(白教)的“嘎玛嘎雪”派。除“缅唐派”外，影响较大的还有钦泽派和希岗派。经过不断的发展和演化，最后形成前藏画派、后藏画派、安多画派(由“缅唐派”发展形成)、康区画派、汉风画派。还出现了地区性的艺术绘画中心和门派，如甘孜藏族绘画艺术、德格版画艺术、青海的热贡艺术。唐卡的种类、门派艺术和风格已趋完善。　　从唐卡的内容上讲，它主要反映的是宗教的内容，纵观唐卡的各种制作方法门派，虽然有较大差别，例如有绘制，有刺绣，堆绣等等，但他们有一个共同特点，内容都以表现宗教文化为主，纯宗教内容的唐卡占了唐卡总数的百分之八十左右，有表现佛、菩萨、罗汉、护法神、佛教建筑、宗教故事等等方面的内容。除此之外，它反映的内容还包括了藏族传说中世界的形成、藏族的起源、量理学、医学、天文、历算、文学、诗歌、戏剧、美术、民间传说故事等等。以画言史，以画叙事，是它的突出特点。从这方面讲，唐卡又是藏族的一部百科全书。即便如此，唐卡在反映别的内容和题材时，也具有浓厚的宗教色彩。　　从唐卡的使用功能上讲，这种艺术形式，也主要是服务于宗教生活的。唐卡和壁画这两大藏族绘画艺术，它的发展和兴衰如前所述，与藏传佛教密不可分。它的主要宗旨，也是服务于宗教的。寺院是藏族宗教文化的中心，多数的唐卡，特别是一些名品佳作，主要聚积在寺院。它主要的功能是悬挂后供信徒顶礼膜拜，满足他们的宗教生活需要。民间留存的唐卡，也主要用于佛教教徒布置自己的经堂、佛龛。而作为一种美术装饰作品的功用，并不主要和明显。　　从唐卡的创作人员来看，绝大多数为宗教人士，在西藏历史上，唐卡绘画艺术家以各寺院的比丘(喇嘛)为主，宗教僧侣画师，也大都不愿将绘画技艺传授给世俗之人。在许多地区，唐卡绘画的学徒规矩，是从先学画释迦牟尼佛像开始，其中的一层含义就是表示皈依师傅和佛门。俗人也乐于以丰厚的工钱为代价，邀请僧侣画师为他们作画，用于布施或是供奉，作为自己的福德。从历史上著名的唐卡画师来看，他们许多既是唐卡绘画的名家，又是通晓五明的佛学大师，例如萨迦班智达贡噶坚赞、噶玛噶举派噶玛若必多杰，缅唐派的创始人曼拉端珠嘉措，还有唐东杰波，洛扎丹增罗布，江安罗布等等。　　三、绘画唐卡的创作及主要流派的风格特点　　绘画唐卡，是唐卡艺术的一种最主要表现形式，它形成的流派最多，数量在各类唐卡中占绝大多数。绘画唐卡的制作主要分为画布制作、打线素描、制作胶泥凸纹、上色、染色、彩笔勾描、描金、铺金、磨色和开眼等许多复杂工序和步骤，要学习和掌握这些技能，必须有师傅的言传身教和弟子的刻苦学习揣摩。唐卡画面的布局原则一般是：上方为天，主要画佛像(法身、报身和应身)和菩萨像(观世音、文殊菩萨等)；下方为地，主要画英雄、空行母、度母、护法神、比丘、寺庙和供品。上边内容的尺寸应小于下边内容的尺寸，这些都是一些基本的原则。至于绘制内容的各部分尺寸、比例、身形、姿态，在有关的论著中都制订了严格的规范。《甘珠尔》大藏经中的《时轮》、《总源注疏》，宗喀巴大师的《影像观察明镜》，曼拉端珠的《如来尺度如意宝》等等著述经典，对佛画的尺度、比例等方面作了详细地论述和具体的规定，画师们为了便于对各种规范进行记忆，还编了许多的口诀。由于这些严格的规定，唐卡画师在创作时，必须符合这些规范，不可任意发挥。传统鉴定一幅唐卡优劣的重要标准之一，就是看它的内容、尺寸、比例是否符合规范。　　绘画唐卡的颜料传统上是全部采用金、银、珍珠、玛瑙、珊瑚、松耳石、孔雀石、朱砂等珍贵的矿物宝石和藏红花、大黄、蓝靛等植物颜料。这些天然原料保证了所绘制的唐卡色泽鲜艳，璀璨夺目，虽经几百年的岁月，仍是色泽明亮。这是现代化学颜料所无法比拟的。矿物质原料由于自身的物理特性，研磨调和后，仍然非常滞重，用一般的画笔很难运笔作画，唐卡的传统画笔锋毫是用猞猁的尾毛制作的，据说这种画笔饱蘸这些特殊的颜料，仍能运笔自如，潇洒作画。　　绘画唐卡经过长期发展，兼收并蓄，博采众长，形成了风格各异的许多流派，其中前藏画派、后藏画派、西康画派和汉风画派影响最大。前藏画派和后藏画派都师承于缅唐画派，前藏画派构图严谨，擅长刻画人物内心世界。如十四世达赖喇嘛丹增嘉措敬献毛主席的《金边毛主席唐卡像》，主像毛主席的面部微笑，刻画得尤为传神，那种微笑完全是发自内心的喜悦之情的表露。后藏的唐卡绘制笔法细腻，色彩浓艳，属工笔重彩一类。如十世班禅大师敬献毛主席的《四臂观音像唐卡》，就是后藏风格的力作。该作品画面构图复杂，线条勾勒精细，色彩浓艳，表现了一种华丽、细腻风格。汉风画派是模仿内地绘画风格的一个流派。它是藏区画师模仿内地写意风格，用传统唐卡材料创作的一种唐卡风格流派。如《十八罗汉像唐卡》，就属这一风格流派。它画面虚空大，构图精炼，笔法简洁，人物，山石，鸟兽的勾勒、点染无不酷似内地明清的写意风格。西康画派是在学习西藏传统缅唐派的基础上，吸收汉风画派的一些风格特点的基础上形成的。画风介于二者之间的一个流派。它很注意经营内容的布局和位置，追求写意风格的笔墨情趣和着色的雅致。如清代《赤松德赞像》唐卡就是这一流派的作品。　　四、唐卡艺术的其他表现形式和主要特点　　随着新材料、新工艺手段的出现，唐卡在绘画唐卡的基础上，又发展出堆绣、刺绣、织锦、缂丝唐卡和印刷着色唐卡等。所以从严格意义上讲，唐卡艺术又不仅仅是一门绘画艺术。这些新的制作手段和方法，丰富了传统的唐卡艺术。它们的制作手段和方法与绘画唐卡有很大区别，但是在唐卡的内容、布局及其尺寸比例上，则与绘画唐卡一致，都要符合传统的经典理论规范。　　堆绣唐卡：堆绣又叫剪贴、补花。其方法是用各色彩缎，剪裁各种人物、花卉、亭台、楼阁等，粘贴在织物上的一种创作方法。它本是源于内地的一种服装服饰的制作方法，这种工艺方法的特点是，能增加作品的色彩变化和立体感。这种工艺传入藏区后，被用于唐卡的制作，发展成一种新的唐卡门类。堆绣唐卡的制作，经过长期的发展，已日臻完善。其中以青海地区塔尔寺最为著名，被称为该寺的艺术“三绝”之一。　　刺绣唐卡：刺绣唐卡是用各种丝线，在缎面上绣成。刺绣工艺在我国的中原和南方地区源远流长，以苏绣为代表的四大名绣名扬世界。据传，西藏的刺绣工艺是由蒙古地区传入，刺绣工艺传入西藏等藏区，也被用于唐卡制作，形成专门的一类刺绣唐卡。唐卡刺绣一般是平绣。刺绣唐卡的主要特点是色泽明艳，过渡自然，作品给人浑然一体的感觉。　　　　织锦是用一色经线(多为素色)交织不同的彩色纬线制作而成的。缂丝是我国特有的将绘画移植于丝织品上的特种工艺，织锦是“经纬交织”，缂丝是“通经断纬”。这两种工艺用于唐卡制作，发展出织锦和缂丝唐卡。织锦和缂丝唐卡，质地细密，花纹精致，色彩明快，富有很强的艺术感染力。西藏的织锦和缂丝唐卡，多为在内地定做，以明代为多。因这两种唐卡制作数量少，故留存的已不多。　　印刷着色唐卡，是将画好的图像雕刻成板，用墨印于薄绢或细布上(如同内地古代的雕版印刷)，然后再着色装裱而成。这种唐卡，笔画纤细，刀法道劲，层次分明，独具特色。以四川德格地区的为代表。北京民族文化宫博物馆收藏的一张印刷着色唐卡《释迦牟尼像》，是由四川康区600年前的木雕板印制，非常珍贵。</t>
  </si>
  <si>
    <t xml:space="preserve">不想和妈妈住在一起结婚了，一般人不想跟婆婆一起住，当然我也不想跟 </t>
  </si>
  <si>
    <t>孩子都3岁了  还好是个女儿。。要是个男孩的话 以后的问题更严重 。  给你母亲商量一下  要知道这个社会 买套房子   根本是老百姓不敢想象的 好几百万 没法买</t>
  </si>
  <si>
    <t xml:space="preserve">完美世界飞行BUG谁知道完美世界到底能飞多高啊,是根据飞行器等级 </t>
  </si>
  <si>
    <t>玩家最高只能到79米,用90级的飞行器试的.至于怪的问题,那只是怪物刷新点设置错误的问题吧~或者是怪自己移动卡在那里造成的(怪物不是会自己走动的吗,有时候会跑出地图格的,我以前在禹王顶练级,就碰到过一只怪被卡在石壁里,他打的到我我打不到他,我是WX,我退出一段距离,他也不能跟上来,我和怪都很郁闷呀~呵呵)另外我在华北7看过,那上面没怪~</t>
  </si>
  <si>
    <t xml:space="preserve">单机练魔兽问题除了AMAI微操练习图还有什么能在单机上练习魔兽的 </t>
  </si>
  <si>
    <t>来我的共享资料来里面有很多好东西</t>
  </si>
  <si>
    <t xml:space="preserve">什么时候出新车啊？？飚车什么时候出野马啊？？？ </t>
  </si>
  <si>
    <t xml:space="preserve">据内部消息 :为了感谢广大玩家的大力支持和一年来的辛苦劳动 ;为了让忠实的 更多飚车新老朋友玩的开心 在五月一日劳动节到来之即 经过天纵高层研究决定:从5月1日至5月8日 继续开放黄金转转一周 希望大家能得到更多的竟速装备 “橙色火焰”永远为你燃烧 加油 ；努力吧　　！！！！！！！！！！！！ </t>
  </si>
  <si>
    <t xml:space="preserve">艾附囊肿贴在哪买 </t>
  </si>
  <si>
    <t>在淘宝上就有卖的，我以前就是在淘宝网上买的，开始我也不知道在哪买，听朋友介绍说是他以前在淘宝网上精业本草中医堂的店铺买过。恢复的挺不错的。我开始也没有多买，买了一个疗程的，用了一个疗程后也挺有效果的，这家店的服务也很周到，具体介绍的也很详细呢！</t>
  </si>
  <si>
    <t xml:space="preserve">老年人脚痛有什么好方法治?到了晚上脚经和肌肉会特别的痛,让人无法 </t>
  </si>
  <si>
    <t>老年人脚痛，肌肉痛可能有多种原因，例如：风湿，脊椎病变，痛风，动脉堵塞等等。最好是搞清原因，不可盲目治疗。其中，尤其是动脉堵塞危险性较高，若不及时治疗，有可能导致肌肉坏死，以致不得不锯掉腿。建议：到医院进行详细的检查，查明原因，对症治疗。</t>
  </si>
  <si>
    <t xml:space="preserve">如何赎回富国天惠是赎回还是托管转出，对方销售机构应是什么？有赎回 </t>
  </si>
  <si>
    <t>我昨天赎回的,我是网上直销的,里面有赎回这个功能的.按那个键就可以了.</t>
  </si>
  <si>
    <t xml:space="preserve">王菲和朴树怎么呀？这问题是不好似有一点荒谬。不过我一直都觉得他们 </t>
  </si>
  <si>
    <t>并不是所有性格相似的人都很相配的。他们都是很内向的人，不善于与人沟通。所以，他们都应该找一个个性开朗的人来敞开他们的心扉。如果他们两个都不爱说话的人呆在一起，岂不是要在沉默中死亡了？朴树的妻子吴晓敏是一个非常外向、体贴的女孩，枉费曾经的情人谢霆锋是一个性格独特的男生，现在的情人李亚鹏也是个体贴的男人。王菲的前夫窦唯酒是一个非常内向的人，但是正因为他们的个性太接近了，最后的结局是离婚了。所以，两个内向的人配成一对，其实是非常危险的。更何况，他们两人因为性格太像了，彼此一点互补性都没有。不好。</t>
  </si>
  <si>
    <t xml:space="preserve">龙珠中谁复活的次数最多？也就是死的最多（是主要的人物，不包括平民 </t>
  </si>
  <si>
    <t>小林.......在TV版1次，被大魔王手下杀死在Z版2次，被弗利沙，魔人布欧杀死GT版2次，被17号杀死（不是超级17号，因为当时人间的17号和地狱的17号没有合体）和最后老死算上未来的一共6次</t>
  </si>
  <si>
    <t xml:space="preserve">阴茎的长度阴茎多长才合格啊我的有11CM正常那吗 </t>
  </si>
  <si>
    <t>因人而异的,中国男人一般为9-16.</t>
  </si>
  <si>
    <t xml:space="preserve">请问600851后市该如何操作。我已经被套了一块多了。 </t>
  </si>
  <si>
    <t>600851最近这个股票在9.2和10.2之间做小箱体,本周在这里盘整,下周有反弹机会,可以耐心等待解套.</t>
  </si>
  <si>
    <t xml:space="preserve">鸣人的英文名字是？漩涡鸣人＝？？？？naruto漩涡的英文字母写 </t>
  </si>
  <si>
    <t>漩涡鸣人  Naruto日文名:うずまきナルト</t>
  </si>
  <si>
    <t xml:space="preserve">这个帖大家再看看....感觉有戏呀.....提问：且行且珍惜级别 </t>
  </si>
  <si>
    <t>中的必然的，恭喜了。</t>
  </si>
  <si>
    <t xml:space="preserve">请问声望做命运怎么做呀！！如题，看大家都说声望做命运是怎么做的？ </t>
  </si>
  <si>
    <t>打造命运流程： 1、获取金矿、银矿、铜矿、铁矿、木矿各一块（品质要求15以上）。 2、带上你准备好的材料，去找魔隐村的（166、102）处的炼金魔，与之对话。 3、消耗你一点声望之后，专属你的命运之刃就这样被打造成功。 4、另外你打造命运的时候，也可以放上一块蓝魔之泪，可以大大的提高打造命运的成功率，而且有可能得到高级的命运之刃。 (以上是本人引用了相关发言)</t>
  </si>
  <si>
    <t xml:space="preserve">胆囊有阴影是什么病我爸爸今年83年了，先前做彩超查说是胆囊炎，胆 </t>
  </si>
  <si>
    <t>核磁共振的阴影，可能就是B超查出的“胆囊息肉”。胆囊息肉可以癌变，一旦诊断成立，以手术摘除为宜，可用腹腔镜进行。</t>
  </si>
  <si>
    <t xml:space="preserve">玛丽黛佳的酷黑速干眼线水笔有什么特色之处？以前木有用过这个牌子的 </t>
  </si>
  <si>
    <t>高覆盖度酷黑显色配方，色泽酷感浓黑，绝佳显色；超快速干配方，随画随干，完美成型，避免上妆时因眨眼而花妆等情况，使妆效更持久。出水饱满顺畅，一笔即现不间断采用国际领先的58到碳壳笔芯技术，其独特的蓄水导流功能令线条描画更均匀流畅，一笔不间断。防晕染滋养修护配方，持久保持酷黑浓郁粗眼线；独特的防水滋养修复配方，能持久防水、防汗及油脂，并深度滋养修护眼部肌肤，令深邃酷感、炫黑浓郁的高存在感眼妆持久保持。</t>
  </si>
  <si>
    <t xml:space="preserve">如何识别京东，天猫，百巨云商城上面的飞利浦是不是正品呢？在百巨云? </t>
  </si>
  <si>
    <t>亲 我对百巨云商城的商品还是很放心的 这个上面都是正品 广西百巨云电子商务股份有限公司是由力倍特集团2014年投入巨资，在东盟商务区倾力打造的服务全球的综合性互联网电子商务平台 。《赠人玫瑰手有余香，祝您好运一生一世，如果回答有用，请点“好评”，谢谢^_^!》</t>
  </si>
  <si>
    <t xml:space="preserve">如何安全使用电热水器？ </t>
  </si>
  <si>
    <t>以其轻巧、快捷、方便的特点逐渐受到了很多消费者的青睐，不过电热水器的安全和售后服务问题也要引起足够注意。为了更好地防止意外情况的发生，我们提醒消费者在购买和使用电热水器的时候，一定要注意以下几点。一、品牌服务选择消费者必须考查电热水器的品牌和售后服务水平，名牌产品一般质量较好，售后服务也好，而且可以享受到上门安装、免费移机等一系列服务。二、使用前切断电源虽然电热水器设有断电保护装置，但为了安全起见，使用前最好先将电源切断?即拔下插头，以防触电引起人身伤害。三、看内胆的材质内胆是每一个电热水器产品的最核心部件，如果质量不合格，可能会因锈蚀或结垢造成穿孔，导致漏水、漏电，或者因内胆材质承压不够造成爆裂。四、镁棒最好及时换镁棒属消耗品，养护不及时容易造成热水器产品漏电现象。五、定期检查及清理电热水器一定要经常检查及清理，因为水中或多或少都有杂质，加热体部分使用一段时间后，很容易被水中的碱性物质腐蚀，也会造成热水器的漏电。专业人士还给出了一些维护自身权益的建议。第一，在购买热水器时，除了“用户联系卡”外，还有一张“服务金卡”，上面承诺有服务条款。专家建议，对于这样的厂家单方面承诺，消费者不要轻易相信，经销商所在的电器卖场因为不知情可能不会认可和负责。第二，根据有关规定，消费者可据“谁经销谁负责”的原则在产品出现问题时找到经销者要求解决，而后者推向售后服务是不被允许的。第三，消费者可以在得不到厂家及时地售后服务甚至经销商私自撤柜时找到购得商品的卖场，卖场有义务帮助消费者解决问题。因为卖场与租赁其场地的经销商均签有相关合同，前者有义务对经销商进行监管，同时对后者负责。</t>
  </si>
  <si>
    <t xml:space="preserve">我这只缅甸陆龟是怎么了？？专家级的来看看！！！我买的缅甸陆龟刚买 </t>
  </si>
  <si>
    <t>冬季不宜买龟,上"平常人家养龟人"在百度( )用中文搜.我是爱好贼</t>
  </si>
  <si>
    <t>初中数学竞赛题:已知等式5x^2</t>
  </si>
  <si>
    <t>5x^2-6xy+2y^2-4x+2y+1=0即5x^2-(6y+4)x+(2y^2+2y+1)=0所以关于X的方程判别式=[-（6y+4)]^2-4×5×（2y^2+2y+1)≥0即-4（y-1）^2≥0∴4（y-1）^2≤0∴y=1∴原方程可以化为5x^2-10x+5=0∴x=1所以(2x+y)^3==27</t>
  </si>
  <si>
    <t xml:space="preserve">怎样复习??高手进我现在学习很紧张不知道是每天学一科到两颗好还是 </t>
  </si>
  <si>
    <t>　　高考复习阶段是有节奏地紧张，复习起来要有章有法，一般来讲，每天要把各科的知识都要复习一部分，根据自己的实际情况，哪个学科薄弱要多花费些时间，哪个学科较强可以少花费些时间，而且要做到记忆的学科知识与计算的学科知识交叉进行复习，这样缓解大脑疲劳。　　祝你学习进步！取得理想成绩！</t>
  </si>
  <si>
    <t xml:space="preserve">8位的ＱＱ太阳号能卖多少钱？无诚意回答者勿回！ </t>
  </si>
  <si>
    <t>我前段时间看到有人卖一个7位的Q,是16.8元``8位的可能也只有10几元哦```看你那个QQ的等级,如果等级高的话可能能卖贵点噢```呵呵</t>
  </si>
  <si>
    <t xml:space="preserve">放心，补时会补到绝杀为止！ </t>
  </si>
  <si>
    <t>比赛已经结束了 哥哥</t>
  </si>
  <si>
    <t xml:space="preserve">困惑｜越来越瘦了、唉、、都快变成一只猴子了。谁能告诉我怎样才能长? </t>
  </si>
  <si>
    <t>少食多餐，但不要增加每餐的饭量。因为身材消瘦的人大多肠胃功能较弱，一餐吃得太多往往不能有效吸收，反而会增加肠胃负担，引起消化不良。可以把每天的进餐次数改为4~5餐。食物以易消化、高蛋白、高热量为原则，用循序渐进的方式逐步提高各种营养物质的摄入，如鸡肉、鱼片、绿色蔬菜、海参、黄油、奶油等。吃你想吃的东西，以促进提高食欲。于“增肥”计划初期，可选取一些你想吃的菜系，以刺激久久处于委靡状态的食欲。建议买几本带有精美图片的特色菜谱，不断变着花样地做各种。让对你有益的饮食随处可见。除了正规的用餐外，应该适量地吃些零食，平时不妨在伸手可及的地方放一些含有一定热量的零食，如饼干、葡萄干、绿豆糕、肉肠面包、全脂奶粉、巧克力等，想吃就吃。吃时佐以橙、桔子等水果，或在全脂奶粉里加入果汁，都能辅助身体摄入更多的热量。避免吃刺激性强、易产气、粗纤维太多的食物，因为这类食物易令人产生饱腹感而减少食物的摄入量。必要时可补充适量的维生素和微量元素；或吃一些调节脾胃的中成药，如山楂丸、朱砂养胃丸等。夜间进食不宜过多，否则会增加肠胃负担，不利于健康和安眠，对于健美身体也无益处。要注意控制脂肪的摄取，不要为了短时期的增肥效果而过多地食用油脂类食品，这样不会增重反而会造成冠心病等疾病。保健品市场中的一些增肥类产品一般效果多不肯定，故应慎重选择。【饮食篇】　　饮食方面，高蛋白质、高热量饮食，是增重的不二法门。浓缩的蛋白质与高热量食物，例如重乳酪蛋糕、小西点、小蛋糕等等，少量多餐、餐后适时补充帮助消化的木瓜酵素或综合酵素，以增加食物的消化吸收利用率。　　◎蛋白质的选择　　选择优良的蛋白质来源，例如鸡蛋、牛奶、肉类、家禽类等，应占每日蛋白质总量的一半以上。植物性蛋白质则以分离萃取的黄豆蛋白粉末，效果会比较好，因为少了阻碍吸收的植物纤维。至于吃肉或喝牛奶那一种方法较好？讲求效率的人，可以尝试喝高蛋白奶粉（例如三多奶蛋白），会比喝一般鲜奶、吃肉的蛋白质摄取量来的高，吸收利用率也比较好。　　◎醣类的选择　　醣类的摄取也是重要的一环，选择淀粉质较高的食物，例如白土司、馒头、白饭、地瓜、芋头、南瓜等。烹调时可以芶芡、羹汤、浓汤的型式，或在汤或果汁、牛奶中，加一些麦芽糊精（一般所谓的玉米水解淀粉，可直接加入食物中食用），增加热量的摄取。　　◎脂肪的选择　　油脂部分，可适量使用吸收利用率较佳的中链脂肪酸（MCT），以增加浓缩热量的摄取。纯的中链脂肪酸（MCT）因不含“必须脂肪酸”，需搭配一般油脂使用。建议可选用已混合必须脂肪酸的中链脂肪酸产品（例如：三多高热能），避免必须脂肪酸的缺乏。一般建议中链脂肪酸占总油脂使用量，以不超过60％为原则。　　【篇】　　欲增重者的运动，以“重量训练”为主要方式，而非减重者所强调的“有氧运动”。因为“有氧运动”是促进能量消耗的，而“重量训练”则是用来增加肌肉比例的。借助哑铃、杠铃与训练器材的使用，配合大肌肉群的完全收缩与放松，可以达到肌肉的建造工程。　　那什么叫大肌肉群呢？就是我们所谓的胸肌、腹肌、背肌、腿肌、二头及三头肌（手臂）。经由重量训练与饮食补充，可使大肌肉群成长，相对的便会累积一些体重。　　目前在美国，已经在尝试对老人加以适当的重量训练，配合增重食品补充，来增加肌肉比例，以改善营养不良、容易疲倦、抑郁、肌肉耗损、免疫力变差、容易生病等症状。对于患有慢性病的老人，也会减少并发症、愈后不良的机率。　　【早餐：一定要吃、才有活力！】　　偏好西式口味的人：　　1.现榨柳橙汁一杯　　2.低脂牛奶一杯　　3.浇满糖浆、果酱、奶油的煎饼一份。　　喜欢中式口味的人：　　1.一碗皮蛋瘦肉粥或小米粥　　2.一杯豆浆或米浆。　　3.一颗水煮蛋　　【早上的点心：帮助身体储藏能量】　　下列食物任选一份：葡萄干、核果、花生、香蕉。　　【午餐：快乐的进餐、才能吃胖唷！】　　偏好西式口味的人：　　1.苹果一个　　2.低脂牛奶一杯　　3.三明治一个　　4.生菜沙拉一盒　　5.高纤饼干一份　　喜欢中式口味的人：　　1.奇异果一个　　2.一杯优酪乳　　3.一碗饭或一碗面　　4.水煮青菜一份　　5.高纤饼干一份　　【下午的点心：不要让小肚肚饿着了】　　下列食物任选一份：奶昔一杯，高纤饼干几片、卤味小菜，或茶叶蛋一颗。　　【晚餐：尽量按时进餐】　　最好与家人或爱人一起用餐。甜蜜的感觉，会让肉肉更快长出来唷！　　1.现榨果汁一份　　2.冰淇淋或优酪乳一份　　3.生菜沙拉或炒青菜一份　　4.一碗饭或一碗面　　5.一份瘦肉或鱼肉　　6.饭后再吃点菠萝、木瓜、或西红柿。　　【宵夜：尽量在睡前两个钟头进食】　　在土司上涂满果酱、花生酱、奶油、大蒜酱。再喝一碗肉汤、牛奶、或豆浆。只要吃个意思就好了，以免吃得太饱，睡不着。吃完宵夜后，要刷牙漱口用牙线，才能睡觉唷！提升体能健康增重 “豆芽菜”、“竹竿”这些恼人的绰号、缺乏魅力、朝气的形象、小号衣服都嫌大的尴尬……确实，瘦弱不仅在形象上失分，对健康而言，影响更大。容易疲倦、抑郁、肌肉耗损，严重者免疫力变差、容易生病，对于患有慢性病的老人，还会增加并发症、愈后不良的几率。 人体要健康增重，必须满足两个条件。首先，每天必须额外摄入500千卡热量。当人体摄入的热量大于消耗的热量时，才能有多余的热量用于肌肉和脂肪组织的生长，经研究表明，体重无变化时，摄入和消耗的热量是相等的，此时在饮食量和消耗量不变的基础上，额外增加摄入3500千卡热量，便可增重1斤左右。健康的增重方式是：将额外增加的3500千卡热量分配到1周内摄取，即每天额外增加热量摄取500千卡，1周的体重增加数控制在1斤左右。 其次，摄入热量的分配必须科学。人体摄入的热量主要来自蛋白质、碳水化合物、脂肪这三种营养素，它们都可以产生热量，但不能相互代替，否则对健康不利：如碳水化合物过多脂肪过少，会加重胃肠负担；如脂肪过多而碳水化合物过少，则可能引起肥胖症、心脑血管疾病；如蛋白质过少，会使生长发育受抑、机体抵抗力降低……所以它们的摄入必须有一个科学的比例：人体摄入热量的50％~60％左右应来自于碳水化合物，20％左右来自于蛋白质，其他来自于脂肪——这样的比例，才能增“重”——感觉结实，而不是增“肥”——感觉虚胖，同时提升体能状况。 所以，增加热量的摄取，并不表示可以毫无忌惮地大吃大喝，也不是任何零食都可以随便吃，因为目标是增“重”——感觉结实，而不是增“肥”——感觉虚胖，应该避免脂肪含量高的食物，如油炸品、肥肉、甜食等。 优恩瘦人增磅营养素为瘦弱人士轻松解决难题。为保证“壮”而不“肥”，它摄入的热量由蛋白质、碳水化合物、脂肪按一定的比例供给。其中热量的54％来自于碳水化合物、21％来自于进口高品质乳清蛋白、25％来自于脂肪，符合热量分配的理想比例，彻底拒绝“肥油”。1天2杯，就等于两顿精心搭配的营养餐。（岑岢） 1.“增重”不等于“增肥” “增肥”顾名思义就系增加身体内脂肪组织的比例，而增重，其意义除咗包括脂肪组织的增加之外，仲函括肌肉组织比例的增加。 人体重量，来自骨骼、肌肉、脂肪、内脏以及水分，可以合理增加的只有脂肪与肌肉。健康增重其意义应该注重在肌肉上！脂肪的增加超过一定比例后对身体产生一系列的不良影响，最直接关系明显的是心血管疾病。 如何健康增重，其主要方法有三大要素：合理饮食、科学训练、规律生活！不过，这三句话真的是说得容易，做得难。很多人都无法真正做到。 2.增重者的运动 增重者的运动首先要与减脂者的运动区分开，减脂者以有氧运动为主，而增重者则以力量运动为主，有氧运动只是辅助作用，不必常做！ 力量训练对于增加肌肉比例效果非常明显。借助哑铃、杠铃与训练器材的使用，配合大肌肉群的完全收缩与放松，再与饮食辅助补充，可以达到肌肉的建造工程。（包括女性，不过女性增肌饮食与男性不同，有兴趣者可以留言了解） 具体肌肉训练方法，有兴趣者系本贴留言共同研究。 3.增重者的饮食 高蛋白、高热量饮食绝对系健康增重者的首选。少食多餐、同补充消化酵素以增加对食物的消化吸收率亦都好重要。 蛋白质： 选择优良的蛋白，特别系动物性蛋白，因为动物性蛋白组成与人类蛋白组成最接近，利用率最高。例如鸡蛋、牛奶、肉类、海鲜等。如果植物性蛋白，必须氨基酸摄取量受到限制，必须多种组合先可以完成补充蛋白质的任务。植物蛋白里面唯一一种含有全谱氨基酸的就是：大豆蛋白。但大豆蛋白有大豆异黄酮，系类雌激素，对于增肌者来说会妨碍有助肌肉生长的雄性激素分泌。建议不作选择！ 糖类： 增肌者对糖类选择都系十分重要的一环，糖类提供身体必须的热量摄取，以及脂肪燃烧、蛋白质合成的必须佐料，首选的糖类：米饭、土豆、番薯、南瓜、芋头等。每日糖类摄取应该占全日热量摄入40％以上 脂肪： 应该以单元不饱和脂肪为主，这类脂肪多数来自植物，有降低胆固醇的功能。例如介花籽油、黄豆油，橄榄油等。还有部分必须脂肪酸，来自深海，深海鱼油也是人体需要吸收的。 进食建议： 总脂肪&lt;30%总热量 饱和脂肪&lt;10%总热量 单元不饱和脂肪 10％～15％总热量 多元不饱和脂肪&lt;10%总热量 肥方法 中国医学认为，体病多因脾胃功能低下，气血不足所致。脾为后天之本，气血生 化之源。脾胃健，气血盛，则肌肉丰腴，肢体强劲。反之，则身体消瘦，肢软乏 力。医治体瘦先要排除因甲亢、肝病、肾病以及肿瘤等多种慢性病。然后采用中药治 疗，会有很好的效果。 瘦弱测试 一个人是胖是瘦不是凭眼睛看就能测算的，可以根据以下公式算出自己是否 瘦弱了点：用身高的厘米数减去100后乘以0.9，得出的答案就是本人标准体重。如个 人身高180厘米，标准体重就是（180-100）×0.9=72公斤，低于或高于标准体重10%都 属于正常现象。如果你的实际体重低于标准体重10%以上，就要考虑自己是否偏瘦了。 特别提醒 一般情况下，体重过轻与遗传因素有关系，同时，一些情绪容易亢奋的 人，由于内分泌的影响就可以加速热量的消耗。有些人容易紧张，结果可能是漏掉一 餐或者食欲不振，一次损失上千卡热量自然不在话下，这样肯定不会胖。 如果发现自己的体重过轻，身体过瘦，首先要查一下是不是疾病的潜在影 响。如甲状腺、糖尿病、肾上腺、消化系统疾病等，都容易造成体重过轻。排除了疾 病的情况，才可以实施增肥计划。 身心愉快 瘦弱男女在饮食方面，有不少都存在挑食和偏食现象。因此，应改掉这些不 良习惯，增加膳食的摄入量，膳食应丰富多样。多吃碳水化合物，面食最管用，此 外，高蛋白食品、蔬菜和水果一样都不能少，平日里更要口不离那些健康的零食，如 花生、奶糖等，喝完啤酒再喝点果汁也是不错的主意。 在摄入足够蛋白质的情况下，宜多进食一些含脂肪、碳水化合物（即淀 粉、糖类等）较丰富的食物。这样，多余的能量就可以转化为脂肪储存于皮下，使瘦 弱者体态健壮起来。胃肠功能较弱的瘦子，可选择鸡、鸭、鱼、羊的肝脏来食用，除 此，鱼类也易消化和吸收。 饮食多样 要想增肥，首先应当做到科学增肥，为健康增肥。平衡饮食外，还应保持充 足而良好的睡眠。人的睡眠若比较充足，胃口就比较好，而且也有利于对食物的消化 和吸收。不少瘦人喜欢过夜生活，动不动就玩个通宵，第二天又要强打精神去上 班，严重影响了睡眠的质量，这样下去不瘦才怪。 还要注意的是个人心理健康。工作中的紧张和压力、生活中一些小事的想不 开、超出人体负荷的“疯狂”学习或工作等，都会使人愈加消瘦。相反，愉快的心理状 态、和谐的人际关系则有助于增肥。 适当运动 对于那些长期坐办公室的瘦人来说，每天应抽出一定的时间来锻炼，这不仅 有利于改善食欲，也能使肌肉强壮、体魄健美。人体的肌肉是“用进废退”，如果长期 得不到锻炼，肌肉纤维就会相对萎缩，变得薄弱无力，人也就显得瘦弱。 在运动方式上，慢跑是个不错的选择，因为人在慢跑的时候肠胃蠕动次数明 显增多，这样可以消耗人体能量，在进餐时胃口就好。一般来说，大运动量运动、短 时间运动和快速爆发力运动都能起到增肥效果，也是欲减肥的人最应忌讳的。 请给好评谢谢您身心愉快　　瘦弱男女在饮食方面，有不少都存在挑食和偏食现象。因此，应改掉这些不良习惯，增加膳食的摄入量，膳食应丰富多样。多吃碳水化合物，面食最管用，此外，高蛋白食品、蔬菜和水果一样都不能少，平日里更要口不离那些健康的零食，如花生、奶糖等，喝完啤酒再喝点果汁也是不错的主意。　　在摄入足够蛋白质的情况下，宜多进食一些含脂肪、碳水化合物（即淀粉、糖类等）较丰富的食物。这样，多余的能量就可以转化为脂肪储存于皮下，使瘦弱者体态健壮起来。胃肠功能较弱的瘦子，可选择鸡、鸭、鱼、羊的肝脏来食用，除此，鱼类也易消化和吸收。　　饮食多样　　要想增肥，首先应当做到增肥，为健康增肥。平衡饮食外，还应保持充足而良好的睡眠。人的睡眠若比较充足，胃口就比较好，而且也有利于对食物的消化和吸收。不少瘦人喜欢过夜生活，动不动就玩个通宵，第二天又要强打精神去上班，严重影响了睡眠的质量，这样下去不瘦才怪。　　还要注意的是个人心理健康。工作中的紧张和压力、生活中一些小事的想不开、超出人体负荷的“疯狂”学习或工作等，都会使人愈加消瘦。相反，愉快的心理状态、和谐的人际关系则有助于增肥。　　适当运动　　对于那些长期坐办公室的瘦人来说，每天应抽出一定的时间来锻炼，这不仅有利于改善食欲，也能使肌肉强壮、体魄健美。人体的肌肉是“用进废退”，如果长期得不到锻炼，肌肉纤维就会相对萎缩，变得薄弱无力，人也就显得瘦弱。　　在运动方式上，慢跑是个不错的选择，因为人在慢跑的时候肠胃蠕动次数明显增多，这样可以消耗人体能量，在进餐时胃口就好。一般来说，大运动量运动、短时间运动和快速爆发力运动都能起到增肥效果，也是欲减肥的人最应忌讳的。　　附：食物增肥一方　　山药粥　　成分：山药、乳酪、白糖。　　其制法可分为两种。一种是将鲜山药洗净，捣泥，待大米粥熟时加入拌匀，而后调入乳酪、白糖食用；另一方法是，将山药晒干研粉，每次取30克，加冷水调匀，置炉上，文火煮熟，不断搅拌，两三沸后取下，调入乳酪、白糖即可食用。　　山药性味甘平，可补虚赢，长肌肉、润皮毛，为治消瘦、美容之妙品。乳酪可养肺润肤、养阴生津。两者合用，可健运脾胃，资助化源，故于虚瘦病人，效果甚佳。　　常常听到体瘦者抱怨，现在减肥药满天飞，就是没有增肥药。其实，一般瘦弱欲增肥健身，无需求助于药物，只要恰当饮食，用食疗来调补，就能收良效。　　体瘦之人，多有阴虚、血亏津少，故饮食上宜多食甘润生津之品，如牛奶、蜂蜜、鸡蛋、鳖（甲鱼）、海参、银耳等。常用有效食疗方有：核桃牛乳饮，蜂蜜饮料，海参膏，龟肉百合红枣汤，甲鱼滋肾羹，参麦甲鱼，银耳鸽蛋，百合鸡子黄汤等。　　阴虚往往内心热，体瘦者多见烦躁易怒、口干咽痛、性欲亢进等虚热内生现象，故在滋养的同时，还要注意清虚火，可选食蛤蜊麦门冬汤、菊花肉片等。</t>
  </si>
  <si>
    <t xml:space="preserve">“不请之请”是什么意思？ </t>
  </si>
  <si>
    <t xml:space="preserve">不合情理的请求（称自己提出请求时的客气话）。 出处 清·纪昀《阅微草堂笔记·滦阳消夏录二》：“不情之请，惟君图之。” </t>
  </si>
  <si>
    <t xml:space="preserve">还是弓小亚的问题现在技能是20魔法,20引导10多重闪避各+1不 </t>
  </si>
  <si>
    <t>致命打击２０，女武神加１点，其余都加刺入．靠装备提升等级啊，有个几级就行了，死了再召，就是个肉盾．</t>
  </si>
  <si>
    <t>八年级数学急需已知关于x的方程(c</t>
  </si>
  <si>
    <t>已知关于x的方程(c-b)乘以(x的平方)+2(b-a)x+a-b=0 有两个相等的实数根,且a,b,c是三角形ABC的三条边 求证:这个三角形是等腰三角形 证明:因为x的方程(c-b)乘以(x的平方)+2(b-a)x+a-b=0 有两个相等的实数根,所以4(b-a)^2-4(c-b)(a-b)=0,(a-b)(a-c)=0,所以a=b,或a=c,所以这个三角形是等腰三角形.</t>
  </si>
  <si>
    <t>谜语：我不想了</t>
  </si>
  <si>
    <t>懒赖心</t>
  </si>
  <si>
    <t xml:space="preserve">宇宙有多大？如果知道宇宙有多大，那么宇宙以外是什么？ </t>
  </si>
  <si>
    <t>一想这些问题确实让人不止是感到头痛，而且是非常的空虚。大爆炸理论讲，宇宙起源于一点，这一点的密度无限大，体积到底是多大？有没有最小的物质?我们知道分子，原子，中子，质子。中子星由于质量太大，在引力的作用电子被压进原子核内与质子中和变成了中子，中子星上没有原子。黑洞的质量更加大啦，中子也都比被压碎了，组成黑洞的基本物质又是什么？宇宙爆炸前的一点是不是就是一个超级黑洞？构成这一点的基本物质是什么？物质又是什么？世间有没有物质？到底有没有上帝？世间本无物！哈哈！。。。。。</t>
  </si>
  <si>
    <t xml:space="preserve">我如何回法兰城我把登入点设定在艾尔莎岛，但是我找不到回法兰的方法 </t>
  </si>
  <si>
    <t>死掉</t>
  </si>
  <si>
    <t xml:space="preserve">我是一名70后的初中生,如果学习平面设计能学会吗? </t>
  </si>
  <si>
    <t>以您的年龄来说学这行算比较大的了，如果学成后去找工作，我怕会有歧视，至于这个行业来说，入门门槛较低，学一些软件即可，而学软件只要下功夫并不是一件难事，您如果有兴趣或对设计有天赋的话也可以试一试。当然您也没必要局限于平面设计，空间上的效果图制作什么的都可以考虑考虑！建议您结合您过去的工作和生活经历来选择自己该做什么。</t>
  </si>
  <si>
    <t xml:space="preserve">靴子颜色淡了怎么办 </t>
  </si>
  <si>
    <t>大牌子都要与鞋子搭配的保养油和增色剂的，百丽和星期六这种牌子都有的，你可以到鞋柜问问</t>
  </si>
  <si>
    <t xml:space="preserve">?鸶鏊Ｋ５ァ玖恋ァ? </t>
  </si>
  <si>
    <t>来个大冷门吧</t>
  </si>
  <si>
    <t xml:space="preserve">生辰八字五行求助我姓庞，我老婆姓梁，我女儿是（公历2009年10 </t>
  </si>
  <si>
    <t>此女八字，己丑 甲戌 辛卯 己丑辛金日元生于戌月，旺，又年上，时上一片土，旺极；及需平衡之；幸月上甲木，日支卯木贴身耗体。本人不擅长八字，仅供参考！</t>
  </si>
  <si>
    <t xml:space="preserve">新款汽车,哪看比较好?只想看最新的,不要综合的 </t>
  </si>
  <si>
    <t>腾讯汽车频道、汽车之家、喜报网都有最新产品的详细报道。</t>
  </si>
  <si>
    <t xml:space="preserve">电脑怎样可以更改各个盘的内存？？？ </t>
  </si>
  <si>
    <t>用中文nortonpartitionmagic软件可以动态调整硬盘各个分区的大小。</t>
  </si>
  <si>
    <t xml:space="preserve">??到新?^我想问下冲新区70级多少道可以杀12*还有请问杀*可 </t>
  </si>
  <si>
    <t>杀*给装备.能卖多少钱那.</t>
  </si>
  <si>
    <t xml:space="preserve">请英语高手帮我写一篇作文,很短的Moreandmorestude </t>
  </si>
  <si>
    <t xml:space="preserve">   Nowadays, we can find that more and more students have  phone. We can see they use their mobile for phone call and short message sending or other entertainment in the campus. Why it is so popular? Firstly, it is usefully for the students to communicate with the outside world. It’ a convenient way to use the mobile phone to build connection with your parents, friend or someone others. Then, many of the students think to own a mobile is a fashion, young students always like pursue after the popular, so they are going to buy a mobile phone.I can not say it is good or bad for a student to have a mobile phone, but I have some suggestion for better using of it. For some of the student whose school is far away form their home, it’s better for them to call their family members to keep the good relationship, and it’s also useful for keeping a good friendship. Secondly, it’s also a good way to use the mobile to get some useful information and entertain themselves.All in all, we have a mobile is actually not fault, but we should keep as a co-worker to our life.</t>
  </si>
  <si>
    <t xml:space="preserve">老婆刚跟男人做过后，阴部会是什么样的？ </t>
  </si>
  <si>
    <t>如果女性刚刚与别的男人做过你能在10分钟之内发现的话，她的阴部可能会有红肿的现象，如果她还没清洗的话，那她的阴毛上还会附着一些白色的精液，阴道内也会有精液样沾液，如果她清洗了的话，那只会看到她阴部会有少许的肿胀，而且阴道口和阴唇会有分开的样子。</t>
  </si>
  <si>
    <t xml:space="preserve">请问以下几种植物叫什么名字?有些什么作用? </t>
  </si>
  <si>
    <t>左边的那盆看不清楚，不好说，右边的那盆是玉簪。</t>
  </si>
  <si>
    <t xml:space="preserve">如何留住你的新进员工? </t>
  </si>
  <si>
    <t xml:space="preserve"> “企”无“人”则“止”，的一切事务都是人干出来的，有效的员工流失率有利于保持公司的活力。目前，企业界高呼“留人”，留的往往是企业老员工，却忽视了对新进员工关注。一位老板向我抱怨：我们人力资源部招进来的员工没几天就走了，我亲自招聘的稍微好一些，但是工作的时间也不长。到底是哪里出了问题？　　企业人力资源部为了招到合适的员工会借助各种招聘渠道，如：招聘网站、人才市场、校园招聘、猎头等，还要花大量的时间与精力，好不容易招到一位合适的人选，没过几天就提出离职，人力资源部“前功尽弃”、“哑巴吃黄连”，又得重新招人。新员工的流失频率过高，使得招聘的直接和间接成本水涨船高，同时也影响了企业的正常工作。　　新进员工流失“二三二原则”可以解答员工流失的原因所在。即员工进入公司，二个星期、三个月、二年这三个时间段通常是流失率最高的时期。二个星期内离职通常是由于公司在某些方面有欺骗的行为；三个月离职通常是承诺的薪水、福利、职务等没有兑现；二年离职是希望有发展的平台，但没有相应的机会。如果企业能够把握这3个时间段将大大降低新进员工流失率。　　对于企业来说，应该如何把握这三个时间段以留住优秀的新进员工呢？笔者根据多年的经验主要从以下四个方面来谈，以供诸君参考。　　1、招聘过程——吸引人才　　人力资源部经常会苦恼“我通知20位来应聘，为何只来了5位？通知3位进入复试，最后1位都没来。”笔者认为，招聘的过程实际上也是留人的过程，留人从招聘始。未来的竞争将...更多详情请点击 </t>
  </si>
  <si>
    <t xml:space="preserve">听说灵堂下面任务能练级谁能告诉下,那里面哪能练级,适合什么样的队 </t>
  </si>
  <si>
    <t>本人已经去了很多次了建议50以上或者60以上的队伍去50以上去土之路打岩怪，带风水晶，那里一次固定出6个，法师去很好60以上去水之路，里面固定出10个65的海盗，1100左右血，会乾坤   抢钱 崩击，命中很高，建议攻人带回力，强烈建议有至少1个法师，2个为佳，超冰和超石头很好用，同时带个传教，被偷袭是很惨的。有条件带个士兵或者舞者，跳昏睡，然后一排一排打，可以有效减低伤害。去之前要记到把钱存银行，带上钥匙，里面刷新很快的。一次战斗有28000的经验，我开的66的号，60级的话可以上30000。完毕。ps：进去前的海盗小心他的必杀，少血法师可能1下必杀见底同时受伤。-_-|||</t>
  </si>
  <si>
    <t xml:space="preserve">2011年进宅吉日大门向北阳台朝南本人肖蛇妻肖马子肖鸡父肖鸡母肖 </t>
  </si>
  <si>
    <t xml:space="preserve">2011年5月搬家黄道吉日 2011年5月6日，农历04月(大)04日 星期五冲兔(乙卯)煞东 2011年5月7日，农历04月(大)05日 星期六冲龙(丙辰)煞北 2011年5月9日，农历04月(大)07日 星期一冲马(戊午)煞南 2011年5月11日，农历04月(大)09日 星期三冲猴(庚申)煞北 2011年5月13日，农历04月(大)11日 星期五冲狗(壬戍)煞南 2011年5月18日，农历04月(大)16日 星期三冲:冲兔(丁卯)煞东 2011年5月21日，农历04月(大)19日 星期六冲马(庚午)煞南 2011年5月25日，农历04月(大)23日 星期三冲狗(甲戍)煞南 2011年5月27日，农历04月(大)25日 星期五冲鼠(丙子)煞北 2011年5月30日，农历04月(大)28日 星期一冲兔(己卯)煞东 </t>
  </si>
  <si>
    <t xml:space="preserve">关于白精灵战士的问题我白精战士30级，有个工匠号20级会做D级的 </t>
  </si>
  <si>
    <t xml:space="preserve">  强烈建议去荒原做蜥蜴任务,不过最好能换强化弓+匕首/剑,那样打得比较快.升到32级就可以去QY,接任务打.这个时候你打亚龙还比较辛苦,建议打鸟妖,梅杜莎,大肥佬(突伦克食人妖/战士),这些掉钢铁,研磨等材料,还掉D防/武卷等,到36级学技能,想继续单练,就打亚龙;不想单练,就去塔组.  在QY打时候,想升级快,可以用攻击加速药水,一瓶效果20分钟,我暗杀者(只用诅咒突刺)刷蛋单打基本一个小时多也不用休息.打到的钱足够买蛋愈药水钱有余,你还可以打到材料等.(如果真想32级去QY打,有一个地方非常适合战士与弓箭手,那就是QY镇--QY城的道路两旁,那里专刷上面提到的怪,而且非常密集-我就是在那里打的.)  2转以后一般去塔,那里比较安全地升到50级左右.钱也可以.去塔打,建议先换衣服,再换武器.--不死,才能升得快.又不是一个人单打,武器是次要的.</t>
  </si>
  <si>
    <t xml:space="preserve">现在各个种族分别最优秀的选手是谁啊 </t>
  </si>
  <si>
    <t>NE:MyLady也就是akaSpirit_Moon,这没什么说的了,NE皇帝. 其次4K.Grubby.UD:4K^FoVHUM:不好说,就实力应该是4K^ToD,其次应该是Yoliny_Sky了吧(就此次WEG表现来看)</t>
  </si>
  <si>
    <t xml:space="preserve">几级后可御剑多少级后可御剑飞行？ </t>
  </si>
  <si>
    <t>目前没有开放   。。。   耐心等下。。。应该不会太长时间</t>
  </si>
  <si>
    <t xml:space="preserve">您好，我家宝宝现在1岁半了，经常在玩到兴奋时或哭闹凶时会把吃的食? </t>
  </si>
  <si>
    <t>俗话说小孩的肠肚还太浅，如果吃完东西短时间内进行激烈的运动或者哭闹，就容易把刚刚吃过的东西吐出来，建议宝宝进食1～2小时内保持不做激烈的运动或者哭闹。</t>
  </si>
  <si>
    <t xml:space="preserve">请问今年年底买二手车合适吗我想年底买辆二手车，是年底买合适还是年 </t>
  </si>
  <si>
    <t>富康车比较经济实惠。</t>
  </si>
  <si>
    <t xml:space="preserve">有没有办法用鼠标来控制移动方向？在魔兽里方向都是用A/D来改变的 </t>
  </si>
  <si>
    <t>按住鼠标左键可以选择你的视角,但是不会移动,而在按住左键的同时再按住鼠标鼠标右键就可以利用鼠标移动了,在移动过程中可以通过切换视角(上面提示转换视角方法)来改变移动方向建议多练习练习鼠标移动,毕竟键盘移动是很迟钝的</t>
  </si>
  <si>
    <t xml:space="preserve">3G网络和3G手机有什么区别呀? </t>
  </si>
  <si>
    <t>3G网络是供应3G的一种服务系统，好比说电视台和电脑的区别</t>
  </si>
  <si>
    <t xml:space="preserve">主板的更新我如果买了一个新的主板换进去，要不要重装系统。还有一个 </t>
  </si>
  <si>
    <t>1.如果换了主板，最好重装系统。网上有WinXP换主板不必重装系统的注册表文件，但必须重装主板驱动。你可以找找看。但不排除系统会不稳定。还是重装好。2.换了新主板后，如果网卡、显卡、声卡都是集成的。用主板带的驱动CD即可，其它用以前的驱动。显卡是独立的话，还用以前的。集成的新主板附带的CD中会有驱动。现在声卡一般都是集成的，新主板附带的CD中会有驱动。然后主板会有自身的驱动，(如VIA 的4 in 1),新主板附带的CD中会有驱动。如果网卡是集成的，新主板附带的CD中会有驱动。如果非集成，那就用以前的呗。</t>
  </si>
  <si>
    <t xml:space="preserve">我肚子上的赘肉都可用手托住，怎么减，成都产后瘦身的胖嘛问 </t>
  </si>
  <si>
    <t xml:space="preserve"> 女性膳食最佳模式　　人体的能量主要来源碳水化合物，而食用过量的脂肪就等于增加过量的体重。下面介绍目前最流行有效减肥膳食和减肥方法。科学家研究发现，同样吃某些食物，有的女性越吃越胖，另外的却体重适中，原因自然很多，但与食物搭配是否科学合理不无关系。他们将此规律归纳为甲乙两公式：甲：油脂类(牛排、奶油等)＋碳水化合物(面粉、土豆)＝增重乙：油脂类(牛排、奶油等)＋蔬菜＋豆类＝减肥不难看出，适宜于肥男胖女的当是乙种食谱，而豆芽型身材的人不妨按甲种食谱进食，各取所需，皆大欢喜。　　下面向你推荐一种具有特色的、适合中国女性健美的减肥膳食最佳模式———“一至七”饮食模式，即每天一个水果，两盘蔬菜，三餐Oslim20，四碗粗饭，五份蛋白质食物，六种调味品，七杯开水、茶水或汤水。　　一个水果：每天吃含维生素丰富的新鲜水果至少1个，长年坚持会收到明显的美肤效果。　　二盘蔬菜：每天应进食两盘品种多样的蔬菜，不要常吃一种蔬菜。一天中必须有一盘蔬菜是时令新鲜的、深绿颜色的。最好先食一些大葱、西红柿。凉拌芹菜、萝卜、嫩莴笋叶等，以免于加热烹调对维生素A、B1等的破坏。每人每天蔬菜的实际摄入量应保持在400克左右。　　三餐前oslim20：每天三餐前吃对减肥大有裨益。　　四碗粗饭：每天4碗杂粮粗饭能壮体养颜美身段。要克服对精加工主食的嗜好，抵制美味可口零食的诱惑。　　五份蛋白质食物：每天吃任何动物的肉50克，当然最好是瘦肉，任何种类的鱼50克(除骨净重)；豆腐或豆制品200克；蛋一个；牛奶或奶粉冲剂1杯。这种以低脂肪的植物蛋白质配膳非高脂肪的动物蛋白质，或用植物性蛋白质配膳少量的动物性蛋白质的方法，不仅经济实惠，而且动物脂肪和胆固醇相对减少，被公认是一种“健美烹饪模式”。　　六种少量调味品：酸甜苦辣咸等主要调味品，作为每天的烹饪佐料不可缺少，它们分别具有使菜肴增加美味，提高食欲，减少油腻，解毒杀菌，舒筋活血，保护维生素C、减少水溶性维生素的损失，维持体内渗透压和血液酸碱平衡，保持神经和肌肉对外界刺激和迅速反应能力，以及调节生理和美容健身等不同功能。七杯开水、茶水和汤水：每天喝水不少于7杯，以补充体液、促进代谢、增进健康。要少喝加糖或带有色素的饮料。</t>
  </si>
  <si>
    <t xml:space="preserve">那部电影叫什么名字好像是美国的电影，讲的是一个黑人生下来就是一个 </t>
  </si>
  <si>
    <t>叫不死劫，又叫惊心动魄，英文名：Unbreakable主要演员： 布鲁斯.威利斯 罗宾.赖特.佩恩 萨缪尔.杰克逊 简介：    两列火车发生了对撞的惨剧，131名乘客不幸遇难。唯一的幸存者大卫醒来后发现自己在费城的急诊室中，更奇怪的是他不仅得以生还，而且全身上下一点儿伤也没有。这次事件引起一个名叫伊利亚的黑人的注意，伊利亚天生手脚残废，命运多舛的他认定大卫身上有某种超自然的力量。男主角大卫能如此幸运地躲过劫难，究竟是老天的恩宠，还是冥冥中有不可思议的邪恶力量在控制著他？在伊利亚的引导下，大卫逐渐发现了其中的秘密…… 《不死劫》（Unbreakable），奈特.希亚马兰导演的新片，像他的《灵异第六感》（The Sixth Sense）一样具有无声的魅力，别具一格。他从来不用什么特殊效果、特技表演，他的特点是让人先有点迷惑，然后又想去弄个明白，大部分情节在人物对话中展开。如果电影的前半部分看起来扑朔迷离，略显低沉的话，结尾会突然给人来一下电击，虽然这部电影结尾不尽人意，但是展开部分却更离奇。    在他的这两部电影里，奈特.希亚马兰都坚信电影观众会集中注意力，他还利用布鲁斯.威利斯的平常形象，把我们带入角色，而不是被表面现象分散了注意力。杰克逊这个角色则远非平常人。    他暗藏杀机，聪明过人，用表面的世故和博学来掩盖他内心深处的愤怒：他的骨折、他身体的不争气、学校里的同学因为他经常受伤而把他叫作“玻璃人”，这些都使他愤怒。他为什么要找到和他完全相反的人，一个不会受伤的人？每个场景下面都潜藏着这个问题。</t>
  </si>
  <si>
    <t xml:space="preserve">找登录名只记得密码忘了登录名如何登陆 </t>
  </si>
  <si>
    <t xml:space="preserve">将你的通行证号10位数添在下面u后面登录你的博客试试。1） 2）或新浪首页点博客在选进入我的博客，在将这个网页存储到收藏夹即可。如果问题无法解决，请拨打新浪的客服电话95105670 （免长途费，按你当地的市话收费），客服工作人员会为你提供帮助。咨询邮箱：webmaster@ </t>
  </si>
  <si>
    <t xml:space="preserve">取英文名我单名"蜜''字,能因此帮我取个～～～谐音\译意\符合英 </t>
  </si>
  <si>
    <t>单名“蜜”字，谐音英文名，近似谐音：（1）。Myrna   蜜尔娜 释义：彬彬有礼的女孩。（2）。Mignon   蜜妮安释义：细致而优雅的女孩。（3）。Miriam   蜜莉恩释义：具有文才艺术才华的女孩。请您选用认为满意的英文名！</t>
  </si>
  <si>
    <t xml:space="preserve">wowshell插件怎么下载，我在里点立即下载怎么不行？指点，急 </t>
  </si>
  <si>
    <t>点立即下载进入下载页面贝壳图片下面有绿色版下载和安装版下载点电信或者网通就行</t>
  </si>
  <si>
    <t xml:space="preserve">黑妖黑妖黑妖对不起了，我很久没玩了，不知道这分怎么给，还不知道我 </t>
  </si>
  <si>
    <t>没玩过体黑　不过体黑　到了７０＋应该是黑妖中的强者我玩的精神黑　　１８精神　１７敏捷出身　　　０-１３新手村　我装备　安定套　７Ｕ爪　１３倒　哦瑞冰洞砍　冰人　看好了　是冰人不是高论　　　等级别到２４以后那里的怪都能砍了　砍到３０级　把任务都做了　　魔法学全　黑的魔法　便宜　　该换地方了　去傲慢２层打　因为怪少些　　很好打的　　你保姆也猛　　加血　很稳定的　到了４１级在考虑换地方　　我选择的２４层　　４０级我去过但是命中不够　打马经常空刀　４１级就不一样了　到了４５级　　那做船到遗忘吧　在遗忘变区混　经验很多的　运气好　古卷也有可能的　不过你的体黑　魔好象不够　如果没古皮的情况下　最好多带点解毒药水　１－４８级　需要３６小时　　４８-４９需要３６小时　４９－５０需要１２０小时　５０-６５的经验　和　４９-５０一样你自己算下　在线的时间　　　我回答完毕　　　满意　的话就给分吧．</t>
  </si>
  <si>
    <t xml:space="preserve">苏轼的[人间有味是清欢]是什么意思？特别是，[清欢]二字如何理解? </t>
  </si>
  <si>
    <t>“细雨斜风作晓寒，淡烟疏柳媚晴滩。入淮清洛渐漫漫。 雪沫乳花浮午盏，蓼茸蒿笋试春盘。人间有味是清欢。”（ 苏轼：《浣溪沙 从泗州刘倩叔游南山》） 这首词是苏轼贬谪黄州四年后再迁移汝州时写的。上阕，诗人用素描的手法，给我们描画出一幅淡雅的富于动感的水墨画似的景色：冬尽春萌，早上，细雨斜风，乍暖还寒，山中淡烟疏柳雾朦胧，河边突然阳光明媚、豁然开朗；从洛涧流出的清浅河水，进入淮河后逐渐变得混黄迷漫迤俪向前。下阕，抒发诗人游南山的感受：中午时分，在山庄农家，泡上一杯浮着雪沫乳花似的清茶，品尝山间嫩绿的蓼芽蒿笋的春盘素菜，心情多舒坦，人间最有味的是这清淡的欢愉啊！ “人间有味是清欢”。这一带有哲理性的诗句，是全诗的“诗眼”，给人无尽的思索玩味。何谓“清欢”？远离喧嚣的城市，远离官场的争斗，忘却名利欲望，走进山林，感受农家素朴的清茶淡饭，这就是“清欢”。“清欢”者，清淡的欢愉也，不是大欢、狂欢，更不是贪欢。无可否认，苏轼的“清欢”论有一定的局限性，隐含着他经受险恶仕途官宦之后，产生的一种隐退的消极思想和旷达的人生态度。 然而，苏轼的“清欢”论仍给我们某些有益的启示。 在当今社会中，难得“清欢”。不要说官场上的送往迎来、生意场上的接洽交易，大都在灯红酒绿的“狂欢”中完成；就是普通老百姓的婚嫁喜庆、亲友聚会，有哪一个不追逐时髦，讲究热闹排场？连中小学生在节假日都躲进游戏机室去潇洒“狂欢”。似乎缺少了大欢、狂欢，就淡薄了人情、世情，跟不上潮流！更有甚者，有一些人就在这种追求世俗的“狂欢”中迷失方向：鲸吞的贪官在“狂欢”中倒下，无餍的奸商在“狂欢”中落网，纸醉金迷的暴发户在“狂欢”中破产，贪欢之士在“狂欢”中堕为阶下囚…… “清欢”有味。当然，今天，我们赞赏“清欢”，未必要一定远离城市走进山林、拒食人间烟火。而是要面对社会人生，少一些抄作的热闹，多做一些尽心的实事；少一些虚伪的笑脸，多一些坦然的真诚。得意时不“尽欢”，想到成功只是预告新一轮的开始；失意时不丧气，感受挫折也是一笔丰厚的财富。进则能廉洁自律，知足常乐；退则能不忘忧国，与民同乐。即使是“清欢”的倡导者苏轼，在当年，也不能完全走进山林忘却人间。他虽遭受打击排挤，然而为官一任，仍造福一方：任徐州太守，黄河缺堤，他身先士卒与民共战抗洪涛；在任杭州太守，带领民众疏通西湖，筑堤防洪；晚年贬谪荒蛮澹州，仍将先进耕作技术与文化传播给黎族同胞，以造福于民为乐。“清欢”，确是一种至高的精神境界。</t>
  </si>
  <si>
    <t xml:space="preserve">谁知道《浪客行》最新的剧情啊，介绍一下。我见过的最后一本是单行本 </t>
  </si>
  <si>
    <t>井上雄彦大神的青年作品《浪客行》目前剧情已经进展到了小次郎篇的阶段，这个宫本武藏的毕生死敌堪称最强的对手，宫本武藏要经过怎么样的历练才能面对他——佐佐木小次郎呢？井上雄彦画，吉川英治原作的《浪客行》最新第20卷于近日发售，在日本YAHOO的排行榜上的排名是，综合类图书的119位，漫画&amp;动画类图书的28位。（编辑：一辉 特邀通信员：jingchen）全情演繹?m本武藏，《男?寒?入樽》作者井上雄?┯忠烩犞?　　十七?q的武藏及其友人本位田又八一起離開作州出征。可是，?隊??×耍?e??生存，?榱吮Ｗ⌒悦怂焯映??觥??成逃兵後，一路被要??除?≤?餘黨的武士??追?ⅲ岬冒⒓准爸??這?δ概?椭洳丶坝职说玫揭魂?子的休息。後?硪蛉巧?橙耍职伺c阿甲?榱吮Ｃ??武藏逃走了。武藏?榱讼蛴职说挠H人交代而返回?m本村，途中因衝破門關卡而被追捕…… 返回?m本村的武藏被又八的母親、村民和官府一同設下陷阱?АＮ洳?榱送?鞒龇纯埂Ａ硪环矫妫蚬俦?o能及?榱吮M快平息事件，?赦致?同阿乙，一起出發捕捉武藏。武藏因飢餓及阿乙的出現而?化，最後??倒在阿乙?阎小?清醒後武藏發覺自己被吊在寺前古?渖稀６嗵烊斡扇?⒂炅埽谏谰?上徘徊的武藏，就在要被之?r，被?赦炙龋?赦?s?渫冈嵘碇亍埂?</t>
  </si>
  <si>
    <t xml:space="preserve">求问大神这是什么生物体？ </t>
  </si>
  <si>
    <t>这是蜡蝉的若虫（幼虫）（诚心为您解答，亲 请随手设为“好评”哦，对您没有任何损失的哦，谢谢啦！）</t>
  </si>
  <si>
    <t xml:space="preserve">为什么我一上线就掉啊,再上还是一样掉,试了N把了点击人物之后刚一 </t>
  </si>
  <si>
    <t>电脑的问题?我的机器不敢说最牛逼但是已经是超好的了!!!</t>
  </si>
  <si>
    <t xml:space="preserve">月经推迟7天我上个月来月经是13号但这个月已经21号了还没来，用 </t>
  </si>
  <si>
    <t>测试纸不能完全作为判断是否怀孕的依据的，而且月经提前和推迟一周左右是正常现象，如果你不放心还是去医院检查一下吧！</t>
  </si>
  <si>
    <t xml:space="preserve">外汇专家好!请问,是把日元直接换成人民币划算还是先换成美元再换成 </t>
  </si>
  <si>
    <t>直接换成人民币合算，因为日圆先换成美圆存在点差的，也可以说存在兑换的成本。如果把日圆直接换成人民币就可以避免这个兑换成本了。</t>
  </si>
  <si>
    <t xml:space="preserve">珠海哪家儿童摄影机构比较好？要专业些、价格公道 </t>
  </si>
  <si>
    <t>吉大现代经典童心会</t>
  </si>
  <si>
    <t xml:space="preserve">男朋友要生日了?想送份很特别让他惊喜的礼物给他他24岁,平时也只 </t>
  </si>
  <si>
    <t>首先这个东西应该是你最喜欢的，然后就是实用性。俺建议哈，不要送他和游戏相关的东西，因为男人天天打游戏就不会那么多时间重视你罗，而且那样就会表示你很支持他打游戏（除非你也喜欢玩哈）买套运动装，或者是打火机什么的就行啊。其实最特别的就是你那份心意了。</t>
  </si>
  <si>
    <t xml:space="preserve">宠物小蓝猫长什么样？ </t>
  </si>
  <si>
    <t>就是新手南门外面的野猫形象，挺可爱的</t>
  </si>
  <si>
    <t xml:space="preserve">银行从今天起对上调银行存款利率对股市影响有多大?哈,政府怎么总是? </t>
  </si>
  <si>
    <t>由于存款总是大于贷款,因此加息对银行利润会有一定负面影响,但总体来说影响不大,倒是对房地产等依赖大量贷款的行业有较大影响.政府总是在休息日做这种事是依照国际惯例,因为要给大家充分的时间去思考从而决定下一步的操作.</t>
  </si>
  <si>
    <t xml:space="preserve">治疗牛皮癣比较好的中医方法 </t>
  </si>
  <si>
    <t>牛皮癣治疗重点在于防止病情复发，中医中药治疗效果持久，可以保证治好之后长期不复发，这是一些西药所不能具有的疗效，且随着人们对牛皮癣逐渐深入认识，越来越倾向于中医治疗。中医治疗牛皮癣有着两大优势，第一点是整体治疗，辨证施治，第二点内外结合治疗，标本兼治。专家表示牛皮癣单一药物方法很难治好牛皮癣，只有综合针对性治疗，才能有效治疗牛皮癣。牛皮癣诱发因素众多，病程较长，临床上应当注重局部和全身性辨证施治，根据患者具体病情确定方法，这样才能取得满意的效果。对于牛皮癣患者来说，中医中药治疗对于防止病情复发有着非常重要的意义，患者需要掌握住这个大的治疗方向。相对来说，中医治疗方法是比较好的，几乎不会对身体产生副作用，使用安全可靠。牛皮癣患者应当耐心的配合医生治疗，还需要注意日常保健工作，避免精神紧张，应当以乐观的心态面对整个治疗，可以参加一些体育活动，便于增强身体素质，同时还需要注意卫生情况，调整自己的饮食结构，汲取营养物质。</t>
  </si>
  <si>
    <t xml:space="preserve">如题，河南有温泉吗？在哪里？ </t>
  </si>
  <si>
    <t>河南的温泉相当丰富。莲南召花温泉水城是一个集郑州江南春温泉、郑州丰乐园热带雨林水疗馆和郑州黄河谷马拉湾的娱乐项目为一体的大型水上游乐项目。景区占地1200余亩，周边拥有水面数千亩，是一家集温泉沐浴、养生、休闲保健、会议住宿、生态旅游、拓展培训、大型原创水景主题演出于一体的5A级绿色景区及五星级度假酒店，也是目前亚洲最大的亲水主题温泉度假区之一。郑州江南春温泉是以温泉养生为主题，是全国首家江南风格温泉度假景区，中原地区占地面积最广 ，项目最多的问去度假景区。许昌鄢陵花都温泉素有“花都”之称的许昌鄢陵县，是中原首家大型露天的温泉度假区。花都温泉区内视野广阔，水汽氤氲，柳树轻拂。平顶山鲁山温泉群，鲁山县温泉资源十分丰富，有上汤，中汤，下汤，（皇姑浴，玉京温泉度假村温泉城）温汤，神汤五大温泉群。信阳商城汤泉池，汤泉池风景区位于河南省信阳市商城县西南15公里处的鲢鱼山水库上游西岸，大别山腹地金刚台脚下，以温泉水的医疗神效而闻名。此外还有洛阳栾川九龙山温泉、洛阳龙门温泉、济源五龙口温泉、三门峡陕县温塘温泉</t>
  </si>
  <si>
    <t xml:space="preserve">为什么女的没有性高潮我就不能射精?我和我老婆每次都是同时高潮的有? </t>
  </si>
  <si>
    <t>证明你们夫妻和谐！恭喜！我是大夫，请相信我！</t>
  </si>
  <si>
    <t xml:space="preserve">物体自转是否符合牛顿定律?牛顿第二定律:物体在不受力或受平衡力的 </t>
  </si>
  <si>
    <t>你说的陀螺和地球自转都属于匀速转动的问题。陀螺和地球自转时，其内部的质点都受到向心力的作用，向心力并不改变质点速度的大小，而是不断改变着质点速度的方向，因为速度也是矢量，它也有大小、方向、作用点三要素。若要改变速度的大小，我们很清楚应该像物体施加力，使之产生加速度；而改变速度的方向时，我们也需要施加垂直于速度方向的力，使之产生向心加速度，进而改变速度的方向。对于匀角速度自转的物体中的质点，它所受的向心力和向心加速度的大小不变，但方向时刻改变，以使自己同物体速度的方向相垂直并指向自转中心。匀角速度自转仍旧符合F=ma的关系。但由于力不平衡（存在向心力），故不符合匀速直线运动的条件，而事实上也确实不是匀速直线运动。学习力学特别重要是要抓住矢量的三要素，大小、方向、作用点一个都不能忽略。因为任何一个要素的改变都会牵扯其他相关矢量的变化，而不要仅仅看大小，把标量的习惯性思维带入对矢量的学习中。</t>
  </si>
  <si>
    <t xml:space="preserve">什么是大口井？是降水用的吗是否有其它降水措施？谢谢 </t>
  </si>
  <si>
    <t>一般指直径大于800mm的水井。一般指供水井，特定的时候，也可能指降水井。</t>
  </si>
  <si>
    <t xml:space="preserve">牙齿变黑了是什么原因?我的牙齿一直很白,但是有颗门牙从两个月前开 </t>
  </si>
  <si>
    <t>牙齿着色、发黄有很多原因，大体上可以分为两方面，即内源性和外源性。外源性着色是由于牙齿表面存在着多种细菌，它们分泌许多黏性物质，日常饮食中的茶垢、烟渍以及饮用水中的某些矿物质吸附在这些黏性物质上，逐渐使牙齿变黄或变黑。内源性着色是在牙齿发育过程中形成的，如四环素沉积在牙本质内，就会使得牙齿变成黄色、棕色或暗灰色，称为四环素牙；如果饮用水中含氟过多，也可能导致氟斑牙，牙面呈白粉笔色、棕褐色斑块，如果牙神经坏死与细菌分解产物结合也可使牙齿变黑。对于外源性着色的牙齿来说，咖啡、茶、抽烟、红酒是罪魁祸首。据统计，中国有15％～25％的烟民，其中不乏女性烟民，也就是说中国有2～3亿人的牙齿是发黄发黑的。而咖啡、红酒和茶对牙齿的影响也是不可忽略的。牙齿从本质上讲是一种清除牙齿珐琅质和牙釉质上污点和色素的程序。根据牙齿颜色的深浅，形成原因，应采取不同的方式来美白。 有效偏方: 用白木瓜 切片 每天擦拭牙齿2次 每次2分钟 坚持一月 必然有效 其他资料 现在，有越来越多的人希望自己的牙齿洁白如玉，所以，很多人选择给牙齿做美容。但是，给牙齿美容应该针对自身牙齿的基础条件，选择恰当的方法才能得到最佳的效果。 首先，应该了解自身牙齿不够洁白的原因。在医学上，单纯的牙齿色黄、色暗等统称为牙齿着色。它一般分为外源性着色和内源性着色两种。简单地说，外源性着色是指牙齿“外在染色”，主要是由于食物色素着色、烟渍等造成。而内源性着色，则是由于在牙齿发育时期服用了某种药物或饮用水质等原因导致牙齿颜色异常，常见的有四环素牙和氟斑牙。 牙齿着色一般有两种治疗手段:修复治疗和漂白治疗。修复治疗的方法是要磨除一部分自然牙齿后，用人造材料覆盖在相应部位，其优点是牙色的改变明显，缺点是要面对必须磨除自然牙齿和伤及牙髓引起并发症的可能性。牙齿漂白治疗是一种不必磨除自然牙齿而使牙齿改变颜色的治疗方法，如近来许多医院和牙科门诊所采用的冷光美白技术就是其中一种，它是通过特殊冷光源照射覆盖在牙面的漂白剂，使之短时间内渗入牙齿硬组织中来达到改变牙齿颜色的目的，其优点是不损伤牙齿硬组织，操作治疗时间约30~45分钟，但不足之处是由于药物作用漂白，漂白效果因个人牙齿情况会有不同。 对于需要做牙齿美白的人，牙科医生一般有4点建议: 1.要到值得信赖的医疗机构就诊。2.中轻度变色牙齿以先尝试保守治疗方式(漂白)为宜。3.重度变色牙齿或对改变牙色要求较高的人不宜用漂白方式处理。4.选择修复治疗方式的人应有一定心理预期，如会磨除部分自然牙或伤及牙髓的可能性! 健康的牙齿需要从小呵护 有过十多年口腔工作经验的任医生告诉记者，现在的牙齿美白产品还是有了很大的进步。最早的牙齿美白方式是用高浓度的双氧水，对牙齿进行脱色处理。90年代中期，国外的牙齿脱色产品最初进入国内的时候，任医生所在的医院就引进了该产品，使用一段时间后，许多人都发现，该产品使用周期过长（天天使用，使用周期达1个月以上），很多人都难以坚持，并且牙齿脱色效果也很一般，因此，这种产品在国内推广了十来年，也未能打开销路。据说，在西方牙齿美白技术已有一百多年的历史，但直到上世纪八十年代才日趋成熟。现在比较新的牙齿美白方式是冷光美白，这种方法在美国推行了十来年，虽然对重度的四环素牙效果不太明显，但比起原来的产品，美白效果确实有所提高。牙齿发育的关键是牙齿的胚胎期，因此，母亲在怀孕的时候以及儿童在幼儿时期，使用药物应当谨慎，否则将影响牙釉质的发育，造成不健康的牙齿和色素沉着。 揭开牙齿美白的真相 雪白晶莹的牙齿是奢望 专家表示，虽然国内牙齿美白的市场需求很大，但我们不推荐消费者进行牙齿美白，因为目前对于国内消费者来说，保护牙齿健康才是最重要的，而且，到目前为止，市场上还未出现一种绝对能满足消费者需求的牙齿美白产品。这位不愿透露姓名的专家介绍：因为有患者需要，一开始佳美口腔也是有牙齿脱色服务的，但是，这项服务却屡屡引起患者的不满。原因是，牙齿脱色效果难以满足消费者的期望，许多消费者都希望在进行牙齿脱色后，自己的牙齿可以像明星的牙齿那样，雪白晶莹，其实这非常不现实，除非是做烤瓷牙，否则现在还没有美白功效那么显著的产品。因为总是有患者提意见，影响了医院的口碑，而且美白牙齿只是对牙齿的美观有帮助，对牙齿健康没有任何效果，所以佳美干脆停止了牙齿脱色这项业务。 专家告诉记者，牙齿脱色的主要处理方法是酸处理，或者脱钙处理，目前，市场上销售的牙齿美白产品也应该采用的是这种脱色方法，使用这种方法后可以使黄、黑的牙齿颜色变浅，但脱色后的牙齿光泽度不够自然，影响了牙齿的美观。至于消费者使用牙齿美白产品所引起的过敏反应，是基本正常的，因为牙齿中间有许多神经血管，运用脱色产品会造成一定的刺激，比如发酸、怕凉，严重的可能会引起牙龈部分毛细血管充血、肿胀，停用后，这些不良反应就会消失。不过，牙齿美白产品也应该像药品一样，明示其所含成分，及可能引起的各种不良反应，让消费者使用前明了，并根据自己的情况进行选择。相比较而言，我们更愿意推荐消费者进行洗牙，除了清除口腔内的牙菌斑、牙石，保护口腔健康，也能解决抽烟、喝咖啡等引起的轻度的牙齿变色。 洗牙包括超声波洗牙和喷砂两个步骤，喷砂可以提高牙齿的光泽度，对牙齿的美观有一定帮助。许多人都热衷于牙齿的美白，但到目前为止只有烤瓷牙能真正达到消费者的目的，可是烤瓷牙花费高，安装前还需要对牙齿进行大面积的磨削，只适合已经坏死的牙齿。牙齿健康只是色素沉着的消费者没必要花钱受罪，所以我劝大家要摆正心态，不要过于追求牙齿的美观。 牙齿发黄，敌人是谁？ 世界卫生组织颁布的口腔健康标准是：牙齿清洁、无龋齿、无疼痛感、牙龈颜色正常。权威部门曾经在美国对20岁以上的上班族进行过一项牙齿美白调查，结果发现81％的人希望拥有一口洁白的牙齿，有39％的人认为自己的牙齿不够白，而愿意采取措施对牙齿进行美白。牙齿着色、发黄有很多原因，大体上可以分为两方面，即内源性和外源性。外源性着色是由于牙齿表面存在着多种细菌，它们分泌许多黏性物质，日常饮食中的茶垢、烟渍以及饮用水中的某些矿物质吸附在这些黏性物质上，逐渐使牙齿变黄或变黑。内源性着色是在牙齿发育过程中形成的，如四环素沉积在牙本质内，就会使得牙齿变成黄色、棕色或暗灰色，称为四环素牙；如果饮用水中含氟过多，也可能导致氟斑牙，牙面呈白粉笔色、棕褐色斑块，如果牙神经坏死与细菌分解产物结合也可使牙齿变黑。对于外源性着色的牙齿来说，咖啡、茶、抽烟、红酒是罪魁祸首。据统计，中国有15％～25％的烟民，其中不乏女性烟民，也就是说中国有2～3亿人的牙齿是发黄发黑的。而咖啡、红酒和茶对牙齿的影响也是不可忽略的。牙齿美白从本质上讲是一种清除牙齿珐琅质和牙釉质上污点和色素的程序。根据牙齿颜色的深浅，形成原因，应采取不同的方式来美白。 牙齿美白有方可寻 中国古代就讲究“齿如编贝”，是否拥有洁白闪亮的牙齿也已经成为衡量现代美女的标准之一。不仅仅是女性，追求生活高品质的男性同样希望牙齿更加洁白健康。有的人平时不敢大笑，害怕露出自己发黑发黄的牙齿。但是，面对牙齿美白热潮中不同的方式，像增白牙膏、洗牙、漂白等，消费者往往无从选择,到底哪一种更适合自己、更有效呢？ 治完牙病再美白 牙齿美白，从医学上讲是一种清除牙齿珐琅质和牙本质上污点和色素的程序。哈尔滨选择美容医疗门诊部牙科的刘行医师告诉记者，造成牙齿发黑、发黄的原因很多，一般来说分为内源性和外源性两种。 外源性是由于牙齿表面存在多种细菌，它们在牙齿表面分泌许多黏性物质，日常饮食中的茶垢、烟渍、以及饮用水中的某些矿物质吸附在这些黏性物质上，逐渐使牙齿变黄或变黑。内源性是在牙齿发育过程中形成的，如四环素沉积在牙本质内，就会使得牙齿变成黄色或暗灰色，称为四环素牙；如果饮用水中含氟过多，也可能导致氟斑牙，牙面有棕褐色斑块。 根据牙齿颜色的深浅和形成原因的不同，应采取不同的方式美白。目前应用的方法主要有以下几种：增白牙膏、洗牙、牙齿漂白、烤瓷以及目前最新流行的洁白牙贴。但不管采用哪种方法，都必须保证龋齿和牙周病都已经治疗完毕，否则会加重这些病症。 增白牙膏作用不大 商场里有各种品牌的增白牙膏出售，效果怎么样呢？上海第二医科大学口腔医学院的郭伟教授说，这些增白牙膏基本上起不了太大的作用，主要是通过内含的摩擦剂与牙齿表面的色斑发生物理性摩擦。某些品牌的增白牙膏也加入了氧化剂，但由于化学成分含量少、一般刷牙时间短，所以增白的效果很小。如果本来牙齿颜色并不发黑发黄，使用增白牙膏还有一定的保持和促进作用；但如果是牙齿表面有明显的色斑，或者因抽烟、喝茶致使牙齿较黄，用增白牙膏就完全没有效果。 那么洗牙的效果又如何呢？刘行医师介绍说，其实，洗牙并非主要用于美白，它是一种常规功能性方法，主要针对普通牙齿表面的牙结石、牙菌斑。如果有浓厚的牙石覆盖在牙齿表面，那么采取洗牙方法是比较合适的。而且，定期洗牙、清洁牙齿并养成良好的刷牙习惯，也是美白牙齿的最根本途径。 漂白别超过3个月 目前最普遍使用的美白方法还是漂白，它适用的人群和范围比较广，18岁以上的人都可适用。但是，四环素牙、氟斑牙等牙本质已变色的牙齿，使用普通的漂白方法也很难达到良好的增白效果。 漂白的程序是这样的：先根据牙齿形状做一付牙托，然后每天晚上睡前把漂白剂点进牙托，然后戴在牙齿上。漂白剂的成分一般是浓度为30％的过氧化氢，它是微酸成分，会与牙齿上的黑色素产生还原反应，使牙齿恢复本来的颜色。 这种方法风险小、见效快，对牙龈和牙髓没有损害，只要在牙医指导下进行，整个过程安全有效，一般需要一个月时间，最长不能超过3个月。刘行医师说，部分人群在漂白过程中会觉得牙齿酸痛，对冷热敏感，这是正常的反应，治疗完成后会恢复正常。同时，刘行医师也强调，每个人牙齿漂白的效果不一样。为了达到最好的美白效果，可以反复漂白几次，但两三次就行了，否则对牙齿还是有一定伤害的。 最好不采用烤瓷方式 洁白牙贴是最新流行的牙齿美白方法，因方便、快捷而吸引了很多人的目光。郭伟教授认为，洁白牙贴在国外已经普及了很长时间，从临床实践看确实是有效的，有逐渐取代漂白的趋势。但洁白牙贴同样不适用于四环素牙、氟斑牙等牙本质已变色的牙齿。 谈到烤瓷方法，刘行医师认为，它本来是针对牙齿本身有裂纹、残缺等使用的美化方式，如果仅为了美白将正常的牙齿磨小，再套上牙套，对牙齿还是有一定影响的。另外，郭伟教授还谈到了因牙齿外伤等原因致使牙髓坏死的情况，普通漂白等美白方法也不能奏效，需要将牙髓腔打开进行手术才可以。 怎样做才算正确的刷牙？ 刷牙是清除菌斑，预防牙周病发生最主要的手段。 要选择设计良好的牙刷，使其在口内便于转动，能清除牙齿各个部位的食物残片，符合牙弓形态和牙齿大小。一般选用富于弹性、光滑、容易清洁的磨毛或球化毛的尼龙丝牙刷。成人牙刷的刷头长度25～35mm，宽度8～12mm，刷毛高度10～12mm，直径0.2～0.3mm，毛束排数不超过4排。儿童牙刷的刷头长度不超过28mm，宽度不超过11mm，刷毛高度9～10mm，直径不超过0.25mm，毛束排数不超过3排。 坚持正确的刷牙方法，能刷除牙菌斑，同时还可对牙龈进行按摩。健康人一般每天刷牙 1～2次，但对牙龈或牙周疾病的人应强调早晚刷牙，午饭后也要增加一次，每次刷3分钟。正确的刷牙方法是短横刷法和竖转动法。 短横刷法（又称水平颤动法）：人们习惯的横刷法是长的拉锯动作，这种横刷法如果加上硬毛牙刷就会给牙周带来损害（刷毛损伤牙龈边缘，牙龈退缩，根颈部楔状缺损等）。短横刷法用短颤的横刷动作最能洁净菌斑，故又称为沟内刷牙法。置刷毛毛尖与牙齿牙龈面成45°角而轻度加压，刷毛顶端部分进入龈沟，而部分在沟外，然后作前后向颤动6～8次，颤动时刷毛移动仅为1mm。刷上下前牙的舌腭面时，如牙弓狭窄，可将牙刷头竖起作短横刷颤动。同时还应拉刷后牙咬牙合面，清洁牙合面的窝沟点隙。 竖转动法：能有效地去除菌斑及软垢，且能刺激牙龈角化，维护牙龈外形的正常。可供选用的牙刷面较广，硬毛、中硬毛牙刷均可，但老年人、儿童或牙周病手术后应选用中硬或软毛牙刷。刷唇颊面和后牙舌腭面的动作是将刷毛与牙的长轴平行，贴向牙面，刷毛指向龈缘，加压扭转牙刷，使刷毛与长轴成45°角，转动牙刷，即刷上牙时刷毛顺着牙间隙向下刷，刷下牙时从下往刷。注意动作稍慢一些，带一点震颤，同一部位要反复5～6次。刷前牙舌腭面用上述相同的转动动作，牙弓狭窄者可将牙刷垂直，部分毛束压在牙龈上，顺着牙间隙向冠方拉刷，同时拉刷后牙的咬牙合面。 牙膏由于含有磨擦剂和洁净剂，它们能中防龋、消炎、止血、防酸、止痛、抑制牙石、减轻口臭，所以刷牙时使用牙膏可增强洁净牙齿的效果。 参考资料：中国口腔治疗 牙齿发黄不都是病态，把牙齿的剖开来看，纵断面有三层组织，最外面的是牙釉质，因人而异，略有出入，是因为每个人牙齿的钙化程度不同，有的人牙齿呈乳白色，有的人是淡黄色，这都是健康的。 还有许多大黄牙则是病态的，一般是由于： 1、健康因素：牙齿在发育过程中由于营养不好或生过病，会使牙齿的钙化受到影响，牙齿会黄而松脆。 2、水质的因素：有些地区，特别是有些山区，由于水中含氟量高，过多的饮用氟牙齿会发黄，而且不是1-2个牙齿，是满口大黄牙。氟有防龋的作用，所以这些人反而不易生龋齿（蛀牙）。 3、药物因素：现在大都数人都知道了四环素类药物可导致黄牙的发生，特别是在儿童（5岁前）服用影响更大。 4、卫生习惯：有些人不注意口腔卫生，没有早晚刷牙习惯，牙齿的表面堆积一层食物残渣、软垢、牙石、烟渍、茶渍等。这些“黄牙”不是牙齿本身发黄，是不注意口腔卫生造成的。 黄牙的治疗方法有：除了注意卫生习惯，正确刷牙外，要到医院做牙齿漂白，目前已有几种牙齿漂白剂，效果还不错，但大多费用较高；光固化治疗，是在牙齿表面覆盖一层与牙齿色泽相似的树脂，然后用一种特殊的光照一下，此法美观、方便、快捷、费用少，可牢固程度稍差一些；有条件的可做烤瓷牙，最好是烤瓷贴面，能达到以假乱真，是理想的修复方法，缺点是要磨除部分牙齿，费用昂贵。若是牙齿卫生不好造成的可以到医院进行洁治（洗牙），会起到很好的效果，当然是不能替代刷牙的。</t>
  </si>
  <si>
    <t xml:space="preserve">请为我为什么打不开注册账号的网页？无法注册游戏账号哦，打不开那个 </t>
  </si>
  <si>
    <t>第一： 1）进入服务器列表画面以后，请您先查看Ping值。Ping值的大小表示“客户端和服务器端交换数据的快慢”。Ping值越小，速度越好。建议您选择Ping值小的服务器。 2）单击服务器列表顶端的“Ping”按钮，服务器列表将按照Ping值大小从低到高重新排序。再次单击服务器列表顶端的“Ping”按钮，服务器列表将按照Ping值大小，从高到低再次重新排序。 第二：1）请您查看当前服务器的状态。玩家在选择服务器时，除了要考虑Ping值的大小以外，还必须考虑服务器的状态。Ping值虽小，但处于“拥挤”状态的服务器，也难以登陆。2）服务器状态分为“良好”、“拥挤”、“普通”、“维护中”四种。--良好：表示您可以顺利登陆服务器--普通：表示该服务器同时在线人数尚未达到饱和--拥挤：表示该服务器同时在线人数已经达到饱和--维护中：表示该服务器正在进行系统维护，您暂时不能登陆。第三：如果玩家仍不确定，哪个服务器最适合自己进行游戏，还可以单击服务器列表栏底下的“推荐服务器”按钮。系统将自动为您筛选出最适合您进行游戏的服务器并依次排序。</t>
  </si>
  <si>
    <t xml:space="preserve">三十二岁的人，嫁给五十岁的人会幸福吗？ </t>
  </si>
  <si>
    <t>你还是做个聪明的女人吧。。你好自私哦。。你想过他太太的感受吗？如果你真的爱他。。就离开他。。祝福他。。不要破坏别人的家庭。。做点善事。。。</t>
  </si>
  <si>
    <t xml:space="preserve">刚刚到70的DZ该做什么呢?本人大学生一名最近刚刚到70,却有不 </t>
  </si>
  <si>
    <t>楼上那个说卡拉不需要盗贼的..我觉得蛮奇怪的..盗贼在卡拉输出一般第一.又能减轻治疗压力.团长们为什么不要呢..除非那个团长是小白...补充下..其实在卡拉没有哪个职业是必需的..因为都有替代品..昨晚杀王子..主力骑士和战士没来..我们叫了一野德一恢复德顶替他二..结果一没战士没骑士的团一样杀王子和圣女..</t>
  </si>
  <si>
    <t xml:space="preserve">请教下大家有吃玉米油的习惯么？常吃对身体有什么好处？ </t>
  </si>
  <si>
    <t>问对人了，我一直在吃西王玉米油，觉得不错，经济健康，玉米胚芽精选提炼的，油烟也少，不上火，富含丰富的亚油酸具有降低人体胆固醇、降血压、软化血管、预防和改善动脉硬化，抗癌等作用，要想身体好，就从细微的开始吧。</t>
  </si>
  <si>
    <t xml:space="preserve">主题网吧有什么优惠？怎么就是加成啊？没什么免费用的东西吗？？ </t>
  </si>
  <si>
    <t>经验加成，网吧专用道具纹身，网吧专用两格技能槽。</t>
  </si>
  <si>
    <t xml:space="preserve">客厅是用地板比较好还是大理石好？ </t>
  </si>
  <si>
    <t>家里的小孩子比较小的选择一些不要那么滑的地砖比较好，第1：地板当然是好，但如果有小孩子的话他们玩玩具会敲，很容易出现损伤  第2：大理石对辐射，对人体健康没那么好！不管是墙内外瓷砖粘贴都得选择好的瓷砖胶粘贴，这样对人体的健康还是房子的质量保证都有一定保障！</t>
  </si>
  <si>
    <t xml:space="preserve">液体墙纸效果如何近来想装修呀，以前用墙纸，发觉现在的墙纸不好用啦 </t>
  </si>
  <si>
    <t>广州大森涂料的液体墙纸不错呀，我去过很多做液体墙纸的店铺，还是他们做得最好呀。他们的使用的涂料是不无毒无味，我在家里就看着他们施工人员施工时，也不用带口罩，而且我也没有闻到任何气味。还有一些液体墙纸在接缝位做得不好呀还是留下一些印不了图案上去，有的清洁不好。假如是小孩子的水彩笔画在墙纸上就擦不掉，而这家公司就可以解决小孩子在墙上画画的难题。而且反复擦洗，不留痕迹，墙面上印花也不会掉色。</t>
  </si>
  <si>
    <t xml:space="preserve">美服为什么创建不了人物!可以进入游戏的人物画面,可就是创建不了, </t>
  </si>
  <si>
    <t>可以啊，打完名字返回就可以了，进去找我OsuwO</t>
  </si>
  <si>
    <t xml:space="preserve">哪里有电视剧&lt;熏衣草&gt;可以免费下载啊?网址.BT种子.谢谢 </t>
  </si>
  <si>
    <t xml:space="preserve">去BT联盟搜，还有种子。刚才我搜了下，还有13个种子呢。   </t>
  </si>
  <si>
    <t xml:space="preserve">男人怎样才能成为“好东西”？本竹子佩服您的快人快语。您是幽默栏， </t>
  </si>
  <si>
    <t>竹子何苦纠结，男人确实不是什么好东西，男人也确实不是什么坏东西，男人更确实不是什么东西；男人确实就是男人而不是什么东西。</t>
  </si>
  <si>
    <t xml:space="preserve">分手后的恋人可以成为朋友吗？想问什么情况的分手后的恋人可以成为朋? </t>
  </si>
  <si>
    <t xml:space="preserve">又一个朋友问这问题了，“分手之后我们还是朋友”，这是情侣之间分手时经常听到的一句 对白。说这句话的人，也许是想要表现他的大将风度吧！ 　　一对原本相爱的人要分手，大都会有一些不得已的理由，而分了手之后仍要做一对好朋友，岂不是把过去的一些又带回到现实中了吗？何苦！当然，我也不赞成分手之后便把对方当成敌人，咬牙切齿，不共戴天！ 　　假设对方过的比你好，你会不会妒忌呢？当对方得意洋洋的带着新友介绍给你认识时，即使你表面扮作满不在乎，但你的心却会有一种打翻五味瓶的感觉，你又何必自讨苦吃呢。 　　假设对方过的比你差，你的同情心发做，定会为对方心疼，毕竟你俩也曾有过一段美好的时光，面对昔日的恋人，面对他（她)的失意潦倒，若忍不住伸出你的援手，你会不会又渐渐陷入那个感情的陷阱呢？ 　　双方分手之后都另结新欢，你却仍与旧爱保持关系，新情人心中怎么想呢，会不会认为你是藕断丝连呢？新欢必然心中不满，难免会出现一些尴尬的事情，曾经也听说过一些实例，是关于贪新顾旧，可以新欢对照，乐也融融的事情，也许这些事都是真实的，我真的好佩服的想对他说：“你道行高深”！我没有这种道行，至少在时间和感情的分配上我做不到，把感情分开即意味着感情的降级与破裂。如果要爱，便要全心全意将感情投注到自己所爱的人身上，如果有所顾虑，那你的爱情便打上一个完整的折扣！ 　　当你看着旧情人，你又怎么能忘记曾与他同甘共苦一起走过的日子？除非未曾刻骨铭心中，否则分手后还要做一对好朋友，是一件很艰难的事，看着他与别人恩恩爱爱，欢天喜地的场面，自己定有种戚戚然的感觉，何必自讨苦吃，偏要扮有大将之风？分手了，与其刻意去维护超乎友谊的关系，不如藏在心中，反正会历久常新，或者把它忘却去迎接新的未来！ 　　分手不必再做朋友，否则，何言分手。 分手后该不该做朋友，这似乎是个仁者见仁，智者见智的问题。每个人会根据自己的个性或做人的准则做出他自己的判断。我个人认为分手之间后不必做朋友。为什么？也许会有很多人大声说，分手之后做不做朋友，要看你自己如何去把握，只要你把握好心中的那个情感尺度，完全可以把旧日的恋人视为朋友。但我要反问一句：怎么去准确把握？这样的事，超之一尺则过，退之一度则虚？若把握得好，依然是朋友，相安无事；若把握不住，既如朋友又似恋人，不明不白，不尴不尬，结果势必西瓜芝麻一起丢，这在感情上是得不偿失的。 我个人的想法是，与其花太多的心思去苦想“如何把握”的问题，不如在自己的心里辟出一块崭新的天地，留给自己以后的恋人。在有限的生命里，就该好好地享受有限的快乐生活，把生活浪费在美好的事物上，我觉得是件很享受的事。我不把“苦想”一段过去的恋情作为人生的一种享受。生活永远向前，淡忘过去把握明天，未来的路充满着许多未知，你会在这条未知的路上感受到生命的刺激与享受。   </t>
  </si>
  <si>
    <t xml:space="preserve">现在天空有多少颗星？ </t>
  </si>
  <si>
    <t>银河系有2000多亿颗,我们用肉眼可见大约6000多颗 ,实际能看到的更少.</t>
  </si>
  <si>
    <t xml:space="preserve">英语选择题Thelocalgovernmentplacegrea </t>
  </si>
  <si>
    <t>The local government place great emphasis on the advantage they______the abundant water power. A make of B take of C use up D develop up 正确答案:B译文:当地政府重点强调了要利用丰富的水力资源.解析:take advantage of 固定短语,意思为"利用 "这里由于前面出现 advantage, 由此可以判断答案是B.</t>
  </si>
  <si>
    <t xml:space="preserve">株洲最好的儿童摄影在哪里？我最近想给我的百天小宝贝轩轩拍照，但是 </t>
  </si>
  <si>
    <t>我知道好像在体育路新天红东有一家叫小太阳儿童摄影的，我有很多朋友都是在那里拍的，服务好，价格也挺合适的，拍得好漂亮。去百度搜一下“小太阳儿童摄影”就可以找到他们</t>
  </si>
  <si>
    <t xml:space="preserve">你好,问一下汽车注销问题我有一辆车是2004年的,2005年卖了 </t>
  </si>
  <si>
    <t>你可以在报刊上刊登声明,要求对方在规定的期限内办理转户手续,否则按自动消户处理.到时候真的不办理你可到车辆管理部门办理销户处理.</t>
  </si>
  <si>
    <t xml:space="preserve">请教调皮老师，000683成本10.50元600881成本11. </t>
  </si>
  <si>
    <t>000683 明日回抽收阳线或者收十字星短线启稳的可能性较大.如果明日收出阳线或者十字星.就以明日的最低价作为止损位.后市守住明日最低价持股待涨.后市还是非常乐观的.600881马上也要到达前期调整平台附近了.操作方法如上股.提示:如果明日继续向下收大阴线就离场.后市就不是10%.20%的问题了..此轮小牛可能已经到头了..大盘如果短期后市还想有作为的话.就必须在2444-2464这个跳空缺口和年线的支撑下在2444附近启稳.一旦补完2444这个跳空缺口还不能启稳.再向下补前期的跳空缺口? 那么就短线看空.离场为妙.</t>
  </si>
  <si>
    <t xml:space="preserve">为什么这社会是笑贫不笑娼的？ </t>
  </si>
  <si>
    <t>看见别人穷当然高兴,居然还有比俺穷的?看见别人去找乐当然不高兴,凭什么人家就能快活,俺就不能?..........</t>
  </si>
  <si>
    <t xml:space="preserve">面试中，长相很重要吗？我是一名20多岁的男生。人长得也不丑，看上 </t>
  </si>
  <si>
    <t>20多次都没有被录取，一定不是你的长相问题，你应该自己好好想一想为什么？</t>
  </si>
  <si>
    <t xml:space="preserve">剧中母亲在坐牢，其中一个儿子后来做了律师这电视剧叫什么 </t>
  </si>
  <si>
    <t>是不是张玉嬿、母丹、施雨、陈莎莉主演的《妈妈无罪》</t>
  </si>
  <si>
    <t xml:space="preserve">厨房中的买整体橱柜与自己打一套橱柜有什么区别吗？现在都在使用整体 </t>
  </si>
  <si>
    <t>据我所知,我目前打听到最便宜的橱柜也就是欧派的橱柜,大约在1000左右一米;不知道还有比欧派更便宜的没.</t>
  </si>
  <si>
    <t xml:space="preserve">蜂王浆一天当中什么时间服用比较好？ </t>
  </si>
  <si>
    <t xml:space="preserve">服用方法每天清晨起床时或入睡前，空腹服用新鲜蜂王浆。服用时，可用温水送服，但水不能太热。蜂王浆每日服用量以10克为宜，最好的方法是含在口中慢慢咽下。如果对蜂王桨的口感不适应，可用蜂蜜调和后再吃。用于治疗疾病或病后辅助治疗，每天服用量需比保健用途加倍16岁以下的小孩，最好不要服用蜂王浆。此外，任何人服用蜂王浆都不会出现副作用。保存要点新鲜蜂王浆要长期保存，必须放在-18摄氏度以下冰箱中，否则保健作用就会大打折扣甚至消失。在0摄氏度时，可保存约1个月，常温下保存不能超过5天。温度越低，保存的时间越长。没有低温冰箱时，也可用蜂蜜保存蜂王浆。方法是用一份蜂王浆和五份蜂蜜搅拌均匀后存放，一般可保存几个月。市面上出售的王浆冻干粉，可在常温下保存，但要注意防潮。参考自 关于鲜蜂王浆的服用方法，常用的有以下几种： 　　◇在清晨空腹时，以凉开水送服最好。有人怕晚上服用会影响睡眠，则更应在早晨服用。 　　◇如对鲜蜂王浆口感不适，则可兑蜂蜜服用，蜂王浆与蜂蜜的比例为一比十，可直接口服，也可凉开水冲服。 　　◇有人爱饮酒，可泡酒服用，蜂王浆加入低度白酒，配兑比例为一比十，服用时间则可按各人习惯而定。 　　至于每日服用蜂王浆的次数，早晨一次服或早晚两次服，效果相同。需要指出的是肝炎患者不可服王浆酒，重患者则以服用鲜蜂王浆为宜。参考自_ 蜂王浆服用的四大误区蜂王浆又称蜂乳（RoyalJelly，意思是王室的专用果冻），广东习惯称之为蜂皇浆。它的成分复杂而丰富，它含有多种氨基酸、蛋白质、脂肪酸、维生素、矿物质、生物酶、类固醇、核酸、糖类、激素、微量元素等多种物质，特别是它特有的具有多种作用的10－羟基－2－癸烯酸（简称10－HAD）是其它生物所没有的，因而深受国内外人们的喜爱，消费人群越来越多，被人们广泛用在营养保健和预防疾病方面，然而还有很大一部分消费者对它认识不足，不敢服用或盲目服用，步入蜂王浆服用的误区。 　　 误区之一：蜂王浆宜在饭后服用。2003年中央台一档著名节目给出一道选择题，让选手判断：蜂王浆宜在A：早晨饭前服用；B：早晨饭后服用。最后主持人公布的答案是B，主持人阐述的理由是：蜂王浆含有糖类，早饭前服用会增加血糖的浓度。看了这个节目，有消费者专程到南宝公司研究所来询问求证。我们可肯定地回答，这种说法是不科学的。现代科学研究证明，蜂王浆中的糖类约占自身的10％左右，而这10％中，果糖和葡萄糖又占其95％以上，这两种糖是单糖（C6H12O6），对人体十分有益，其它糖类只占微乎其微的小部分。我们每天只服用几克蜂王浆，完全不足以对血糖造成多大的影响，恰恰相反，由于蜂王浆中含有多种胰岛素的钛类（它的分子量与牛胰岛素相近，蜂王浆中这种物质近年被美国科学家所证实），它可起到调节血糖的浓度，使血糖浓度趋于正常，所以长期服用，还能维持人体血糖的正常浓度，广大糖尿病患者服用蜂王浆取得良好治疗结果的原因之一就缘于此。这一观点可从科学家对动物的试验、医学上的临床应用以及众多消费者的亲身体会中得到证明。再者，特别是蜂王浆中具有多种含氮的活性蛋白和活性多肽，这类营养物质在空腹时服用，可以减少胃酸对它的分解破坏，利于增加经消化道系统吸收后进入血液的量。所以中外蜂产品专家和医务工作者普遍认为，要更有效、更完全地吸收蜂王浆中地有效成分，蜂王浆宜在早晨饭前空腹服用和晚饭后1小时左右（空腹）服用（或就寝前服用，必要时中午克增加一次）。 　　 误区之二：蜂王浆中含有激素及激素类物质，摄入它对人体有害。步入这种误区的原因是人们长期以来对激素及激素类物质认识的误解。事实上，现代科学表明，人体维持正常的激素水平，有促进正常的新陈代谢和调节内分泌活动等多种作用。人体一旦缺乏必要的激素，会引起人体各种代谢失调，内分泌活动紊乱，造成精神不振，神经衰弱，疲劳无力等症状。经蜂业科技工作者多年研究表明，蜂王浆中含有人体所需的多种激素，几乎包含了生物体所需的各种激素，如睾酮、孕酮、甲肾上腺素、肾上腺皮质激素、类胰岛素等这些激素在蜂王浆中比例是十分协调和安全的，他不同于人工合成的激素，而是天然的，人体必须的，所以我们尽可放心服用，特别是中老年人更为适合。人们进入中老年以后，各种生理机能减弱，垂体分泌激素的能力降低，这个年龄段的人群服用蜂王浆，可以起到促进新陈代谢、调节内分泌活动等，从而起到改善睡眠，增强记忆力，保持食欲，精力旺盛等作用。有资料对激素类物质和其它物质含量的标注是有缺陷的，比如蜂王浆中睾酮的含量为108.2纳克/100克，其实这不应是一个确定的值，应是在一个范围，这个值只能代表本次样品所检测得出的数据，不能就此作为蜂王浆中的含量的标准值。 　 误区之三：青少年不能服用蜂王浆。我们发现有很多家长不让自己的孩子服用蜂王浆，客观地讲，这有一点道理，但从科学家的角度来讲，这又不够正确。为什么呢？家长们不让自己的孩子服用蜂王浆主要原因是他们认为其含有性激素，辉造成青少年性早熟。事实上，近代研究表明，蜂王浆中的性激素含量极小，每100克王浆中性激素只占1微克左右，如果青少年一天服用1克以内的蜂王浆，这点性激素就显得微不足道了。当然，我们不提倡健康的青少年服用蜂王浆，但对体弱多病、营养不良、记忆力不好、贫血等少年儿童。适时适量服用蜂王浆（青少年每天服用几百毫克蜂王浆足够，或遵医嘱酌情加量），不仅无害，反而十分有益。虽然这方面的报道不少，我所还对数十例此类儿童服用蜂王浆的情况作跟踪观察，结果发现他们都取得了良好效果，无一出现性早熟现象。我们发现，特别是参加高考前的青少年，在高考前这段时间服用一点蜂王浆，能保持充足的精力和良好的记忆力。 　　 误区之四：蜂王浆无病不治，换言之蜂王浆就是万能药，包医百病。 </t>
  </si>
  <si>
    <t xml:space="preserve">我想问一下浅表性胃炎是不是不可以吃酸的东西啊，番茄可以吃吗？ </t>
  </si>
  <si>
    <t>病情分析：你好,根据你的描述,属于胃炎,可以喝鲫鱼汤.指导意见：建议治疗方案：1 用保护胃粘膜的药物,如胃炎颗粒,奥美拉唑.2 助消化的药物,如吗叮啉.3 促进胃肠蠕动的药物,如西沙必利.4 消炎的药物,如替硝唑,阿莫西林,克林霉素,左氧氟沙星,建议用四种中的两种联合用药.5 太阳神猴头菇肠胃保健口服液,对调理肠胃效果不错.6 戒辛辣,戒烟酒.按时饮食,形成良好的生活习惯.希望能给你帮助.祝早日康复!</t>
  </si>
  <si>
    <t xml:space="preserve">拇(足)外翻矫形术是怎么样的？嘉兴的医院是不是都做拇(足)外翻矫 </t>
  </si>
  <si>
    <t>做是做的，要看哪里做的好。浙江新安国际医院骨科拇(足)外翻矫形以预防为主，形成后必须矫形治疗。矫形手术治疗的目的是解除疼痛、矫正畸形、改善功能、减少并发症、提高生活质量。患者就诊的主要目的是为了解除行走时的局部疼痛。</t>
  </si>
  <si>
    <t xml:space="preserve">求几个好的即将封转开基金最好可以提供净值、折价率、封转开日期等信 </t>
  </si>
  <si>
    <t>名称 代码 规模（亿份） 到期日 净值 收盘价 折价率（%）基金汉鼎  500025  5   2008-12-31 2.6490 2.439 7.93基金科翔  184713  8   2008-12-13 5.0812 4.740 6.71 基金科汇  184712  8   2008-12-13 4.6513 4.400 5.40 基金鸿飞  184700  5   2008-04-14 3.4086 3.305 3.04 基金融鑫  184719  8   2008-02-04 3.5226 3.100 停牌中 ======================================================上面的数据可供参考，但是要注意，净值是上周五公布的数据，收盘价是周一的收盘价，由于周一大盘上涨可能带动封基的净值上涨，所以这里计算出的折价率可能比实际的稍偏低一些（2%左右）。</t>
  </si>
  <si>
    <t xml:space="preserve">Samantha请问如何才能提高英语阅读的速度？非常感谢！ </t>
  </si>
  <si>
    <t>涉及到托业，托福，GRE，至少我所知的这三类英语考试的阅读部分，都是需要速度的先看一到两个问题，找到其中的关键词语，快速在原文中定位。这样的话，如果问题不是问中心思想类的全篇性问题，基本上你看被设置成问题句子的前一句和后一句话就可以得到答案了。前提是，精神集中！</t>
  </si>
  <si>
    <t xml:space="preserve">上火咳嗽，喝“京都念慈庵”对症吗？应该怎么办？ </t>
  </si>
  <si>
    <t>你上火咳嗽一证,可以分虚实!假如阴虚导致的虚火上炎,可以用京都念慈庵的蜜炼川贝枇杷膏对证.假如实火导致的上火咳嗽,则就要用清热泻火的方剂来治疗啦.具体还要看是单纯的肺火还是肺胃具热,还是肝火克金等等病机.</t>
  </si>
  <si>
    <t xml:space="preserve">极大难题：关于Word页尾页脚的设置。。。求助问题如下：我是写论 </t>
  </si>
  <si>
    <t>这类问题可用分隔符来轻松解决。你的问题由于封面和次页都不需页脚(页码)，所以只要在次页和第三页之间插入分隔符,然后进行设置即可。不过设置时有点小技巧提示一下：1.不要选与上一节相同 2.起始页码选1。具体的您自己设置时细细体会。为了您的应急需要，我上传一个设置好的Word样本，第一页和第二页没有页码，第三页开始已编好页码。具体内容你自行加入（把我的提示性文字删去）即可。</t>
  </si>
  <si>
    <t xml:space="preserve">出现"InitADDrDBError!",如何修复??? </t>
  </si>
  <si>
    <t xml:space="preserve">“Init ADDrDB Error!”,应该是系统地址移位的问题吧，如果是xp重新加载一下这些图标 </t>
  </si>
  <si>
    <t xml:space="preserve">轩辕剑3外传的蓝格子外衣在那里找啊？怎么找啊？ </t>
  </si>
  <si>
    <t>在月河村，旅店的左面有个乞丐，从他的上面走，饶到旅店的后面，一直按右，直到不能走了，然后按下，再按空格就能找到了。——其实这个初期威力不大，后来才算厉害，可以在后期去海底的贝壳迷宫练，那里的法宝经验很多。</t>
  </si>
  <si>
    <t xml:space="preserve">潘金莲长的好看吗？ </t>
  </si>
  <si>
    <t>作品塑造她的时候是想把她写成一个美女的。。。应该是。</t>
  </si>
  <si>
    <t xml:space="preserve">骑车为何会骑单车后就不会骑三轮了？ </t>
  </si>
  <si>
    <t>纳是因为太笨的关系，其实三轮骑好了比单车还好骑的，我骑过五年的三轮挎斗摩托车。就是这个感觉。</t>
  </si>
  <si>
    <t xml:space="preserve">简单的翻译IjustknowthatImissyouverymu </t>
  </si>
  <si>
    <t>我只知道我现在非常想念你</t>
  </si>
  <si>
    <t xml:space="preserve">粒细胞减少怎么治疗？ </t>
  </si>
  <si>
    <t>中性粒细胞，约占白细胞总数的60～75％。如果粒细胞减少，白细胞肯定也会降低，所以建议您最好去医院检查一下，到底是什么原因引起的粒细胞减少，之后对症治疗。</t>
  </si>
  <si>
    <t xml:space="preserve">江夏到洪山区石门峰公墓怎么走 </t>
  </si>
  <si>
    <t>901路内环 → 18路全程约2小时15分/39.99公里  江夏183米 步行至文化大道联投广场文化大道联投广场25站 乘坐901路内环,在珞喻路鲁巷下车珞喻路鲁巷38米 步行至珞喻路鲁巷珞喻路鲁巷12站 乘坐18路,在珞喻东路王家店下车珞喻东路王家店2.41公里 步行至福湾园福湾园 免费发送到手机2901路内环 → 25路全程约2小时18分/40.38公里  3901路内环 → 地铁2号线 → 513路全程约2小时36分/40.71公里</t>
  </si>
  <si>
    <t xml:space="preserve">我法伤怎么这么低啊我是个法师先说下我装备头空灵的帽子肩T5衣服夜 </t>
  </si>
  <si>
    <t>只注重装备的法术伤害数值是对法师DPS最错误的理解，我从来不认为1000法术伤害和800有太多差别，法师装备要看综合数值，你的命中、爆击、法术穿透、套装施法激发的法术伤害加成效果都影响你的DPS，不同的天赋要配合不同的装备，很多情况下，实际是你装备的综合数据决定了你用那种天赋最适合。蓝血不平衡的法师，没有命、没有持续作战能力，输出永远只是昙花一现的华丽，没实质性含义的。</t>
  </si>
  <si>
    <t xml:space="preserve">我刚开了新的博客圈怎样才能吸引更多的人来呢欢迎加入本文学圈交流用 </t>
  </si>
  <si>
    <t xml:space="preserve">有自己的作品，还要多去浏览其他人的，找些志趣相投的邀请他们加入你的圈子，当然，自己作为圈主，是要很勤奋的哦！祝你成功！欢迎光临指导我的博客： </t>
  </si>
  <si>
    <t xml:space="preserve">我的鼻子上毛孔很大,鼻子看起来很黑,可是又不象是黑鼻头怎么回事,? </t>
  </si>
  <si>
    <t>我也有过同样的问题，关键在于平时自己要注意清洁，自然美的清洁霜卸状效果不错我一直在用，然后再用洗面奶清洗，每三天用海藻泥面膜敷在T区部位，15分钟洗去面膜，再用收缩毛孔的化妆水和毛孔细致凝露。只有坚持清除毛孔中的脏东西才能使毛孔变小。</t>
  </si>
  <si>
    <t xml:space="preserve">请问当我遇到省略号时在键盘上如何输入？我是使用五笔的，用shlf </t>
  </si>
  <si>
    <t>您试试：“shift+6”，不行，就请切换到ABC输入法，按“shift+6”，在回到五笔</t>
  </si>
  <si>
    <t xml:space="preserve">急急急求一个魔兽世界插件想求一个魔兽世界插件有一种插件好像是你的 </t>
  </si>
  <si>
    <t>插件名称：tdCoolDown 太多冷却基本功能:  --显示技能Buff/Debuff冷却  --在界面中央提示刚完成冷却的技能  --冷却完成带闪光效果  --动作条距离染色  -- 冷却计时条下载地址： 贴个图：</t>
  </si>
  <si>
    <t xml:space="preserve">为什么要结婚你好我是一个结过婚的人，现在心里非常很难受，我老公比 </t>
  </si>
  <si>
    <t>外人都说他很会办事，给别人的印象也不错，说明他在外面的表现是很努力的，人总是要渲泄的，他在外面没有这个途径，工作压力等各方面原因可能就会在家里来发泄，对象你也是首选，这是种伤害，而往往受伤害最多的人就是至亲至爱。他不喜欢你唠叨，那你应该尽量注意一下说话方式了，在他那可能已达到极限了，所以，他一旦不满就会动手。打人也是会养成一种习惯并且相当的难改，所以，你需要抓紧先从改变自己的言行开始来慢慢改变他，否则你们即使能过下去也是在痛苦中度过。我觉得你是性格有点软弱的那种人，其实，有些时候表现的太过软弱倒会助长对方的蛮横无理，我倒不是支持家庭“女霸王”，只是说虽然女人在家庭中多数是“弱者”，但是，应该有的原则就不能放弃，应该有的权利就要维护。</t>
  </si>
  <si>
    <t xml:space="preserve">什么是痛风病？痛风病的症状有哪些？痛风病有什么症状？是不是脚肿也 </t>
  </si>
  <si>
    <t>高尿酸血症其实就是痛风，痛风的痛苦真的很难诉说。只要有过痛风经历的人，永远都忘不了那种刻骨铭心的痛。我是过来人，深有体会。对于痛风而言，最好的解决方法是御农降酸茶。我被痛风问题困扰了好几年，总是得不到根治。药吃了不傻，钱也花了不少。我不是在这里心疼钱，钱，我有。我是为我承受了那么长时间的痛而觉得不值得。不过，还好，现在我再也不用体会那痛了。说起来，还真的感谢我的老婆。要不是她买给我的御农降酸茶，我还真不知道要到什么时候才能够熬到头呢？当时，喝御农的那些情形我都还历历在目。在我喝御农的半个月后，久缠的疼痛很明显的缓解了很多。当喝完一个周期后，其症状几乎没了。为了巩固疗效，继续买了两个周期。从那以后，直到现在我身体都很好。</t>
  </si>
  <si>
    <t xml:space="preserve">结婚后的彩票中奖有我一部分吗？我和我老公结婚半年多了，如果他买的 </t>
  </si>
  <si>
    <t>我国《婚姻法》第十七条规定：夫妻在婚姻关系存续期间所得的下列财产，归夫妻共同所有：1，工资，奖金。2，生产经营的收益。3，知识产权的收益。4，继承或赠与所得的财产，但遗嘱或赠与合同中确定之归夫或妻一方的财产除外。5，其他应当归共同所有的财产。我国最高人民法院关于适用《中华人民共和国婚姻法》若干问题的解释（二）中第十一条规定：婚姻关系存续期间，下列财产属于婚姻法第十七条规定的“其他应当归共同所有的财产”：1，一方以个人财产投资取得的收益。2，男女双方实际取得或者应当取得的住房补贴，住房公积金。3，男女双方实际取得或者应当取得的养老保险金，破产安置补偿费。  因此，彩票中奖属于你们夫妻共同财产。</t>
  </si>
  <si>
    <t xml:space="preserve">有什么办法可以去除刀疤，我女友小时候做过手术…在腰处刀疤有十五厘 </t>
  </si>
  <si>
    <t>到医院去，有个专门去除疤痕的科室</t>
  </si>
  <si>
    <t xml:space="preserve">WOW关于70到80升级路线【玩过外服进】首先我声明，只是看过外 </t>
  </si>
  <si>
    <t>??v過TBC開門正常前期做任?斩疾?⺁VP的,現在可以?做任?者?排隨?C副本這?泳涂梢砸慌e?傻茫ㄐ赂北镜乩紫到y不用跑副本就可以排入去?要是跨服組隊）.?有副本和任?盏恼J識是必?的,到80連任?斩疾恢阑蛘吒北驹觞N打都不??_80?直毫?o意義。情?r最好的就是2+3同步完全</t>
  </si>
  <si>
    <t xml:space="preserve">向农村信用社入股有什么限制条件? </t>
  </si>
  <si>
    <t>　　 向农村信用社和农村合作银行入股应注意以下事项： 　　（1）向农村信用社和农村合作银行入股应以货币资金形式，不得以实物资产、债权、有价证券等形式作价入股。农村合作银行原有非货币形式的股金，应按照有关规定进行确认或清理。 　　（2）农村信用社和农村合作银行社员（股东）必须以自有资金入股，不得以金融机构贷款入股。 　　（3）农村信用社和农村合作银行不得与工商企业以换股形式相互入股。 　　（4）农村信用社和农村合作银行不得接受各级人民政府财政资金直接入股。各级地方人民政府可以以捐赠资产（资金）或以优质资产置换不良资产的方式支持农村信用社和农村合作银行改革与发展。所捐赠资产（资金）应计入农村信用社和农村合作银行资本公积，不能直接计入股金。人民政府捐赠原则上应以货币资金形式进行。以实物资产形式捐赠的，应当由经银行业监督管理机构认可的中介机构评估确认其价值。 　　向农村商业银行入股应符合《中华人民共和国公司法》、《中华人民共和国商业银行法》等法律、法规、规章规定的要求。</t>
  </si>
  <si>
    <t xml:space="preserve">如何辨别真正的玫瑰？听说现在市场上所谓的“玫瑰”其实都是“月季” </t>
  </si>
  <si>
    <t xml:space="preserve">的方法玫瑰和月季都是世界著名的观赏植物，色香俱佳。在西方国家，玫瑰、月季和蔷薇被泛称为R o se（玫瑰），在我国大城市中的鲜花市场上所售的“玫瑰”多是月季。许多人把重瓣红玫瑰（平阴玫瑰）和带玫瑰香味的月季相混淆，在形态特征等方面作一简要介绍来识别它们。 一、共同特征 玫瑰和月季同属蔷薇科蔷薇属植物，形态上有很多相似之处，同是落叶灌木，茎直立或攀缘，通常有刺；叶互生，奇数羽状复叶，有托叶；花单生或成伞房花序，萼片及花瓣各五枚（重瓣花，花瓣多数）；雄蕊多数；雌蕊多数，包于壶状花托内，花托成熟变肉质，内含多数或少数骨质瘦果。玫瑰和月季的花和果，都具有很高的经济价值和观赏价值。 二、玫瑰和月季的区别 ：（一）、形态特征的区别 ：1．花颜色：玫瑰只有玫瑰色（紫红）；月季的花色繁多，有白、粉、红、紫、黄等颜色，变化多端，五彩缤纷。   花型：玫瑰有单瓣和重瓣（花瓣数38瓣～48瓣，肥沃土壤生长者花大，瓣数也多）两种，花径一般6厘米～8厘米；月季花也有单瓣及重瓣之分，花朵大小也变化多端，小花径只有2厘米～3厘米，大花径10厘米～20厘米，瓣形多样，有尖瓣、反卷瓣、甘蓝叶状瓣等多种变化。    花柱：玫瑰花柱连合成头状，塞于花托之口；月季花柱离生，伸出花托口甚长，长约雄蕊的一倍（比雄蕊高出一半）。   花萼：花萼均为五片。玫瑰的花萼多为瓣状，花开放时，花萼与花同时开展；月季花尚未开放时，萼片先张开，花开放时，萼片反卷，萼片通常羽状。2．叶 玫瑰的叶由7枚～9枚小叶组成羽状复叶，小叶椭圆形或长椭圆状倒卵形，长2厘米～5厘米，表面有光泽、皱缩，背面稍有白粉及柔毛；叶柄有绒毛及刺；托叶为叶长之半。月季的叶由3枚～5枚小叶组成，阔卵形或卵状长圆形，长2．5厘米～6厘米，端尖锐，有锯齿，表面光滑，有光泽；叶柄有刺或无刺；托叶为叶柄长的1／3。茎  玫瑰茎直立，灌丛生状，嫩茎绿色，翌年变棕红色，老茎灰褐色附有白色粉状物，茎基部有粗大皮刺和尖细而密集的小刺，3年生以上的茎部粗大皮刺脱落，茎上部均为粗大皮刺。月季茎直立，有的品种枝条较长似蔓生，嫩茎绿色，稍有红晕，有刺或无刺，均无毛，皮刺钩状，分散而少，老茎灰棕色，皮刺脱落。4．根   玫瑰和月季主根均不发育，支根和须根发达。玫瑰横走的根能生根蘖，用以繁殖新株。月季不发根蘖。（二）、显微镜鉴别花粉 月季花花粉粒略大于平阴玫瑰花粉粒。前者花粉粒面观，横径较后者大5微米左右。两种花粉粒内孔直径，前者比后者要大1微米。 </t>
  </si>
  <si>
    <t xml:space="preserve">如果开坐骑那么_!骑的马跑被人红血无双满了就放放了跑反正甲刀无双 </t>
  </si>
  <si>
    <t xml:space="preserve">   问题也便会出来，每一匹马都有它的寿命。可能会像觉醒一样，只能当道具用一次，然后只能用RMB才能买召唤玉之类的。暗荣这下可是发大了，安分守己的玩家们要杯具了。   希望我的警示别真成了商家的启示。。。。。。</t>
  </si>
  <si>
    <t xml:space="preserve">云兽问价会员2800，值多少 </t>
  </si>
  <si>
    <t>1.6差不多6卡不到。漫天都研究好了，应该是很老的区了3TJ的云，老区野的也最少要2卡，一般3卡左右。罩子和漫天都点到60了，点这2个技能成本都1卡多。已经练到74级了。卖6卡，很便宜了。如果是别人卖，你想买的话，就快买把。绝对值。武学，无所谓的，先把云的等级练起来。武学很好刷的。找个有双倍帮贡的帮。刷的很快的。如果你是想卖的话，可以把价抬高点，卖8卡。</t>
  </si>
  <si>
    <t xml:space="preserve">怎样对待这群人呢？人多的地方是非多（单位清洁由物业管），连扫地的 </t>
  </si>
  <si>
    <t>不理他们就是对他们这种人最好的“回报” ，总不能被苍蝇咬了一口 再咬回去的。忽略他们吧</t>
  </si>
  <si>
    <t xml:space="preserve">在招聘中问到你的优缺点应该怎样回答 </t>
  </si>
  <si>
    <t>优点是负责人，能力强，缺点是有时候太较真。（赠人玫瑰，手有余香，点“好评”是莫大的鼓励！）</t>
  </si>
  <si>
    <t xml:space="preserve">怎样改变自己孤僻不爱说话的性格我满脸的斑，所以很自卑，和人说话的 </t>
  </si>
  <si>
    <t>不要以自己的脸上的斑而去掩盖自己内在的东西,虽然斑在外表打了一点点折扣,但衡量一个人的好与坏,不是以外表的.当你时不时冒出这种自卑思想时,就给自己力量,我是个心灵美的姑娘.一次我去买菜,掉下一毛钱,正当我要弯腰去捡时,一个中年妇女捡起回过头给我了.这一回脸,吓得我:只见她:鼻子少了半只,眼皮皱起,眼睑变形,是一张严重烧伤的脸,我不敢流露出惊呀的眼神,这太不尊重人了,何况这位妇女在脸严重受损时还在为我一个健康的人做好事,我好感动,更感动她克服了自卑的心理,为别人做好事,试想:这张脸已固有了,藏藏也要被人看见,不藏也要被人看见,倒不如不所谓象正常人一样.她克服的障碍远比你大,听完后你一定会心里明白的.</t>
  </si>
  <si>
    <t xml:space="preserve">郑州都有哪些理发加盟店 </t>
  </si>
  <si>
    <t>银色，最大的吧</t>
  </si>
  <si>
    <t xml:space="preserve">自然界中元素的数量是守恒的吗？为什么？ </t>
  </si>
  <si>
    <t>首先我们要明确元素的概念：它是组成分子的最基本的物质。   在一般的现象中元素是平衡的。就象你在问题补充中提到的问题，就不能证明元素在减少。我们身体是吸收了一部分并随运动消耗掉，但这不影响平衡。我们吸收和消耗的只是碳水化合物，而最基本的单元如C， H， O，无机物原子还是平衡的。留在人身体里的随着人的死亡也要重归于大自然。   当然自然界中存在一种聚变和裂变现象，在这种现象中会引起原子核的改变，这样会改变物质的原态，从局部看会造成不平衡。但我相信自然界的神奇，放眼宇宙也许总保持着一种微观的平衡。</t>
  </si>
  <si>
    <t xml:space="preserve">怎么提升QC欢跃度? </t>
  </si>
  <si>
    <t xml:space="preserve">    提升Q宠的活跃度，就是让它去旅游，旅游的时间越长、等级越高，那么活跃度就越高。所以说，等级高的宠物比较占优势。    在家接待宠物也一样算活跃度的。    其实楼上的错了，就算没有用交通工具，出去旅游也一样算活跃度的，只不过那些交通工具有的需要活跃度到一定级点数才可以购买。</t>
  </si>
  <si>
    <t xml:space="preserve">清泉老师，600131昨天逢高没有减仓，今天要如何操作？ </t>
  </si>
  <si>
    <t>继续观察,注意成交量的变化,适度减仓操作.</t>
  </si>
  <si>
    <t xml:space="preserve">在济南医治无精症多久能治好 </t>
  </si>
  <si>
    <t>你好，关于医治无精症多久能治好这个问题，首先要肯定的是输精管梗阻无精症还是精子生成障碍无精症。假使是输精管梗阻无精症，可进行输精管疏通，然后自然受孕，也能取用睾丸穿刺取精，运用人工授精或者是试管婴儿受孕。如果是精子生成障碍无精症，可用中药调理一段时间观察，若生精情况改善，可尝试自然受孕，若依然没有发现精子，就只能进行供精人工授精或者供精试管婴儿了。以上就是医治无精症多久能治好相关介绍，希望对你所提问的问题有所帮助。你好，针对医治无精症多久能治好，首先无精症分梗阻和非梗阻两类，真正的无精症是因睾丸生精細胞萎缩功能退化，不能产生精子，又称之为先天性无精症；仿定义无精症是指睾丸能产生精子，但缘由输精管阻寒，精子不能排出，所称阻塞性无精症。无精症临床不多见，但肯定的是他们基本或完全丧失生育能力。自古以通过中西医结合治疗，也有见效而怀孕者，但许多人是不可逆的，故以绝对不育症之范畴。精液无精子，不能使女方怀孕，是男性不育的根性疾病。祖国医学文著中称之为"无子"、"不育"症。此多为肾阴、阳俱虚之症。多由先天不足，或后天睾丸受伤：隱睪等引起。亦有瘀阻络输转受阻堵，属实证。以上就是医治无精症多久能治好相关介绍，希望对你所提问的问题有所帮助。您好！医治无精症多久能治好，无精症状分为梗阻和非梗阻两类，也就是说先天的或是后天的。在治疗过程中也可取用睾丸穿刺取精，或者，运用人工授精。可尝试自然受孕，依然没有发现精子，就只能进行供精人工授精或者供精试管婴儿了。以上就是医治无精症多久能治好相关介绍，希望对你所提问的问题有所帮助。</t>
  </si>
  <si>
    <t xml:space="preserve">孔子的父母是谁，请详细介绍 </t>
  </si>
  <si>
    <t>孔子生于鲁昌平乡陬（音 zou ）邑,也就是今曲阜东南的邹城,其祖上是孔防叔,宋襄公八世孙,畏宋大夫华督之逼而奔波至鲁.防叔生伯夏,佰夏生叔梁纥,纥于颜氏女野合生孔子."野合"在《史记正义》解释为：纥娶颜氏女徵在时，年逾六十四，不合礼法（周礼），故曰野合。</t>
  </si>
  <si>
    <t xml:space="preserve">功夫王爷:重要提示,更名为"功夫人生"一:很早以前叫"功夫王子" </t>
  </si>
  <si>
    <t>再老一点是不是可以叫做“功夫之王”了啊？呵呵~~功夫在中国要想再继续光荣地流传下去，恐怕我辈还需付出的有很多很多......</t>
  </si>
  <si>
    <t xml:space="preserve">有什么练字教程可以推荐的吗？孩子今年五年级了，周末要上数学补习班 </t>
  </si>
  <si>
    <t>我的女儿今年小学四年级，暑假除了做暑假作业以外，没事光看电视。我跟孩子提议，咱们利用这些空闲的时间，练习一下书法如何？孩子很赞同，她觉得这么长时间的假期，光玩也没有什么意思，练练字也挺好的。然后我就给她买了一套博聚书法练字套装，儿子拿到手非常喜欢，现在还一直在坚持呢，我们这做家长的心里也很开心。</t>
  </si>
  <si>
    <t xml:space="preserve">天堂11请问席林骑士的生命吸取我在赤色束缚哪儿打了3级都没有打出? </t>
  </si>
  <si>
    <t>这是骗人的，去孢子之海打蘑菇有，我和你一样经历</t>
  </si>
  <si>
    <t xml:space="preserve">nba技术犯规后果nba的一场比赛被吹两次技术犯规罚出场,下一场 </t>
  </si>
  <si>
    <t>NBA技犯两次，当场罚下场，但不会马上停赛，只有当常规赛时间你犯满16次才会停赛，而且接下去，每犯两次停赛一次，如第十七次技犯不停赛，但第十八次就停赛了。</t>
  </si>
  <si>
    <t xml:space="preserve">一元一次不等式某校为了奖励在数学竞赛中获奖的学生,买了若干本课外 </t>
  </si>
  <si>
    <t>1   M=3X+82   X=6   M=263 理由  .如果每人给３本,还余8本得 M=3X+8        如果每人给５本，则最后1人得到的课外读物不足3本        有M-5（X-1）〈3    M取整数 有三种情况          M-5（X-1）=0          M-5（X-1）=1          M-5（X-1）=2把三种情况和M=3X+8配成三个二元一次方程组解答  （1）M=3X+8   M-5（X-1）=0解得 X=13/2   M=55/2   不符合（2）M=3X+8   M-5（X-1）=1 解得 X=6   M=26  符合要求（3）M=3X+8   M-5（X-1）=2解得 X=11/2   M=49/2   不符合</t>
  </si>
  <si>
    <t xml:space="preserve">完美世界如何设置才能把全屏变为1440*900?完美世界支持宽屏? </t>
  </si>
  <si>
    <t>右下角-系统相关-系统设置</t>
  </si>
  <si>
    <t xml:space="preserve">男孩发育时期的疑问16周岁的男孩还没有遗精，是否就医？ </t>
  </si>
  <si>
    <t>遗精基本上可以说是一种生理现象。因为正常成年男性约有90%的发生过遗精。遗精又分梦遗和滑精。发育后的1～2年至老年，都可能出现。对夜间梦中遗精，又称梦遗或梦失精，有人称之为“跑马”。在清醒状态下无手淫或无性交刺激的状态下自发性射精称“滑精”。二者从根本上说没有太大区别。女性在睡眠过程中或性刺激下，阴道分泌物大量增加也会有粘液排除，一般不会被注意，而男性则不同，许多男性会把遗精这种生理现象看作病证而忧心忡忡。那么，怎样看待遗精呢?只有搞清楚遗精发生的原因和机理才能正确对待它。 　　遗精很少发生于12岁以下的男孩，到14岁男孩遗精的发生率约为25%，城市和家庭经济状况较优越的男性少年发生率高。16岁约为55%，18岁为70%，20 岁为75%～80%，到45岁至少有90%的男子在某一境遇下发生过遗精。遗精发生的频率多数为每周1次或数周1次。有人做过调查，遗精的发生与受教育的程度成正比。有人调查，结果具有初中文化程度水平的单身男子有18%，而具有大学文化程度水平的单身男子有30%～46% 平均每月发生1次遗精。 　　梦遗可以是性梦引发的结果，也可以是由被褥过暖，内裤过紧，衣被对阴茎刺激的结果。中医文献将“有梦而遗为梦遗，无梦而遗为遗精”的分类是区别梦遗和遗精的最早说法。梦遗前的性梦可能是很含糊的，有的梦遗后无法回忆性梦中的主要情节。也可能是很清楚的，有些人在清晨醒来时清楚地回忆起梦中所发生的事件。实际，性梦是潜意识的反应，往往与幻想和经历有着某种联系。 　　当今，对具有初步性知识的人来说，把遗精看做生理现象，是人类性行为的组成部分，过去无论是我国的封建传统文化意识，还是国外封建礼教都把遗精说成“怪象”。在巴比伦时代，人们认为是“夜女”或“夜天使 来访的结果，“夜女”会在男子熟睡时来访。中世纪时，人们认为遗精是魔鬼在作怪。在中国则过分强调精液宝贵，始终把遗精看作是一种病态，精液的丢失会导致肾气亏虚。将肾气看成是人体正气的根本，过分强调遗精对人体带来的不利影响，使人们在对待遗精上产生了误区。 　　对于青少年来说，父母或学校教师有责任告诉他们，对于偶然的遗精现象是生理性的正常现象，不必过于恐慌，更不是不道德的坏事。粗言恶语或避而不谈都会伤害他们的心理，造成不必要的心理负担。</t>
  </si>
  <si>
    <t xml:space="preserve">第一次配隐形眼镜去哪里比较好价钱如何北京的谢谢 </t>
  </si>
  <si>
    <t>建议可以先到专业的医疗机构测试好相应的眼睛数据，比如基弧，这样你就可以选购更合适的隐形眼镜了，不会到时觉得戴着有异物感或是滑动的感觉。隐形眼镜价钱的话，这个不太好说，看品牌，看产品，看更换周期了，有的很贵，有的挺便宜的，你可以先在网上比较一下，然后到像宝岛，大明有点名气的实体店去买，还有一种方式是在网上找比较正规的网店，东西一样的，但价格要比实体店低，像当当网，可得网都不错的，他们还有30天无理由退换货服务的，所以你也不必担心第一次购买隐形眼镜，大不了不喜欢再换罗，嘿嘿...</t>
  </si>
  <si>
    <t xml:space="preserve">大家有用过持久留香洗发水和沐浴露吗？感觉怎么样的呢？ </t>
  </si>
  <si>
    <t>可以，一天都是清爽味道，很舒服。 希望我能帮助你谢谢你为我顶下</t>
  </si>
  <si>
    <t xml:space="preserve">请推荐煤炭和地产股你好！对于老师推荐的高“送配股，高送配的特征， </t>
  </si>
  <si>
    <t>煤炭大大推荐国投新集和盘江股份~地产还是稳健的万科~中国国贸~卧龙地产</t>
  </si>
  <si>
    <t xml:space="preserve">中俄军演的意义是什么？ </t>
  </si>
  <si>
    <t>【红旗锐评】 小兵浅析中俄“和平使命-2005”联合军演★军演是国家关系的晴雨表★从近几年中国与外军所进行的一系列联合军演代号上，我们能够发现些很有意思的东西：■2003年08月6日-12日，上合组织成员国(中、哈、吉、俄罗斯、塔)举行代号“联合-2003”反恐演习■2004年8月6日，中巴在边境地区举行代号为“友谊-2004”的首次陆上联合反恐演习■2005年8月18日至25日，中俄将举行“和平使命-2005”联合军事演习。【联合/友谊/和平使命】,字里行间，中国企盼地区稳定与发展的殷切之情已跃然纸上。而从近三年军演【时段】的相对固定上，我们则欣喜的发现――中国与周边国家发展睦邻友好关系的不懈努力，正结出累累硕果。其体现在军事互信上便是双边或多边联合军演，已逐渐呈现出一种【正规化、制度化、经常化】趋势。此外，小兵还发现了一个有趣的现象，那就是中国与非传统友好国家（如英、法、澳、印）所进行的联合军演，大多集中于单一的“海上联合搜救”项目，且全部没有代号。其中法国的情况还特殊一些――当中法关系持续升温时，两国海军在青岛黄海以外的公海海域所举行的联合演习，便立即成为了中国海军迄今为止与外国海军“内容【最丰富】、规模【最大】的一次海上军事演习”。从这些看似普通的军演代号上，国家间的亲疏远近一览无余。★美日遭拒，凸现中俄强硬姿态★美日申请担当军演观察员的要求被拒，虽然也有保密方面的考虑，但这并不是问题的重点。中俄双方所动用的武器都是现役装备，其性能指标早已为外国情报部门熟知；而且在现代高科技侦察条件下，外国派遣观察员更多是为了表达己方对军演的【关切程度】，即一种姿态。而我们拒绝美日，也正是出于同样的考虑。邀请上海合作组织成员国作为观察员观摩，却将美日排除在外，这显示了中俄明确的外交政策取向。我们的军演突出的是【和平】，这明摆着是对美国推行“单边行动计划”，借“反恐”之名肆意使用武力表示不满；而对日本，中国则鲜明的表达了这样一种态度――1、我们的关系还不正常，让你来参观军演我们【不情愿】；2、你的军事扩张令我们感到不安，让你来参观军演我们【不放心】；3、我们的政府是代表民意的，让你来参观军演中国人民【不答应】。美日的尴尬和愤懑可想而知。对于美军宣称准备全程跟踪军演一事，“俄罗斯之声”广播电台评论说，此举说明“美国及其地区盟国对俄中在政治上接近不满，对上海合作组织不断增长的威信和影响不满”――既然你美国心里不痛快，那么同为世界级大国，中俄给你点脸色还不是很正常的吗？★中俄联合军演见真章★中俄联合军演包括海上封锁、两栖登陆、强制隔离等多方面的作战演练。毫不夸张的说，当小兵刚看到这些具体的演习项目时，的确深感吃惊――1、在此之前，中俄既搞过陆军分队合演，也有过海军编队演练，却唯独没有进行过“陆海空齐上阵”的“两栖登陆作战”演习。中俄双方旨在通过此次高水准的三军合成演练，来向世人表明两国两军加强协作、增进互信，共同维护本地区【安全稳定】的坚定决心。  2、小兵曾经说过，中国海军的近期发展方向应该是“两栖投放型”，而非“航母编队型”。我们怎么做的小兵不清楚，但日本和韩国的【大型两栖攻击舰】先后下水，倒是验证了我的预想。令人欣喜的是，从这次联合军演来看，无论是海上封锁还是两栖登陆，都突出的表明了“中国军队在提高渡海作战能力方面，正给予前所未有的重视”。而这对于台独分子来说，无论如何也不是一个好消息。另外还有一个未加证实的消息，日本军方已制定出武装夺取钓鱼岛的计划，如果日方真的这样做的话，毫无疑问将会引起中国的强烈反弹，两栖作战势在必行。3、跨国军事演习，往往都隐含有针对假想敌宣示武力的意味。尽管我们的政府不承认，但谁又能说此次军演同朝鲜半岛局势毫无干系呢？从地图上看，俄方演习区域，是距离朝鲜仅有百十公里远的符拉迪沃斯托克，而中方则干脆将演习地划在了同处【三八线】上、且与韩国隔海相望的山东半岛。4、中俄参演部队的武器装备性能接近，在战略战术上，两军也颇多共通之处，因此中俄联合军演，真可谓优势互补，珠联璧合。而邀请其它上合组织成员国以观察员身份观摩演习，对内进一步加强了上海合作组织的【凝聚力】，对外则高调展示了该组织的【团结一致】，同时还凸现了中俄两强携手共进的亲密姿态――这些强烈的政治信号，正是上海合作组织力图在地区和国际事务中，发挥更大更突出作用的前奏。红旗近卫军2005年8月10日</t>
  </si>
  <si>
    <t xml:space="preserve">如何提高战歌峡谷奥特兰山谷和阿拉希盆地的声望请详细说明一下谢谢 </t>
  </si>
  <si>
    <t>在主称ＮＰＣ处可以排队　等待进入你说的战场　进去以后　狠狠的打　　打仗过程中　就能得到声望　胜利了　失败了　都能得到徽章　可以换声望多刷几次你就明白怎么回事了　请留意战斗记录</t>
  </si>
  <si>
    <t xml:space="preserve">笔记本电脑关机按电源开关键可以吗 </t>
  </si>
  <si>
    <t>当然可以,按一下就可以(相当于正常关机),台式机也可以你可以看看:控制面板--&gt;显示--&gt;屏幕保护程序--&gt;电源--&gt;高级--&gt;下面,看到了吗?</t>
  </si>
  <si>
    <t xml:space="preserve">我脸上有痘痘几个怎么去除啊我用过好多去痘痘的都不管用我去美雅枫那 </t>
  </si>
  <si>
    <t>治标重要，治本更重要。你要注意平时皮肤的清洁，忌辛辣食物，少熬夜就好了</t>
  </si>
  <si>
    <t xml:space="preserve">现在男人的烦恼是什么？我是一个成年男性，可是我现在很郁闷，有很多 </t>
  </si>
  <si>
    <t>为钱而烦为工作而烦</t>
  </si>
  <si>
    <t xml:space="preserve">批处理文件命令删除文件夹我想用批处理文件命令删除一个文件夹，命令 </t>
  </si>
  <si>
    <t xml:space="preserve">rd /s /q E:\files\aaa将它保存为.BAT文件,双击后它就会无任何提示地删除整个目录(包括里面的文件).如果把/Q去掉,在删除前它会出现提示.由于大小限制,我把它上传到我的FTP.地址: </t>
  </si>
  <si>
    <t xml:space="preserve">上海治疗生殖器疱疹哪家医院技术权威专业？ </t>
  </si>
  <si>
    <t>　　您好，治疗生殖器疱疹应选择权威的公立三甲医院，通过高效杀菌排毒、规范用药、完善 免疫 力的治疗来达到不让病毒有机会再复发地根治性治疗。同时您 应当保持乐观的心情，作息规律， 讲究卫生来加快身体的康复。上海455医院采用“生物基因靶向疗法”治疗生殖器疱疹，“生物 基因靶向疗法”技术是将自然杀 死细胞(NK)生物母细胞从患者血液中分离出来，运用体外基因工 程培养激活单体定向抗体、生成专门针对HPV、HSV抗体细胞，可 以对潜伏在体内皮肤基底层、细 胞层和神经节内的残留病毒进行彻底灭杀和清理，达到彻底清除 病毒的目的，最终达到彻底治愈湿疣疱疹。</t>
  </si>
  <si>
    <t xml:space="preserve">谁有改造欧图蝙蝠和尤拉蝙蝠（即：米歇尔蝙蝠）的资料，谢谢 </t>
  </si>
  <si>
    <t>130D的大均宠种族：飞行机能栏：8属性：4地6风BP能力：体力：★★     22d力量：★★☆   27d防御：★★☆   23d敏捷：★★★   32d魔力：★★☆   26d不过目前任务还没开了，即使开了也是件很麻烦的事。还有这个任务又将占去好几个物品栏，魔石要米立足之地了。。。</t>
  </si>
  <si>
    <t xml:space="preserve">墙纸的基膜怎么用？ </t>
  </si>
  <si>
    <t>同意二楼说的。不过用基膜还有个好处，可以防止撕壁纸时墙皮脱落。使用方法：首先，用腻子平整墙面其次，用石膏或大白刮墙体。注意：在涂料比例，如果涂料中胶的比例过少会影响壁纸的粘帖效果，最直观的检查方法就是用手摸墙，如果手上变成白色就是胶少了。最后，用滚筒把基膜均匀的滚在墙上。另外，就是自带胶的壁纸也应该刷个点胶，这样会牢固些。</t>
  </si>
  <si>
    <t xml:space="preserve">求问隔夜的烧茄子还能吃吗？…求问隔夜的烧茄子还能吃吗？我家头天吃 </t>
  </si>
  <si>
    <t>放冰箱里的可以吃,变质了就不能吃了.</t>
  </si>
  <si>
    <t xml:space="preserve">里斯本竞技无胜今晚里斯本输球的可能性很大，我敢肯定主队无胜！ </t>
  </si>
  <si>
    <t>准确，一致。赞一个！</t>
  </si>
  <si>
    <t xml:space="preserve">金钱、爱情哪个重要？金钱、与爱情你会选择那一个？ </t>
  </si>
  <si>
    <t>没有面包的爱情永远都是苍白的，不论是谁在少不更事的时候都会有爱情至上的观念，但是随着年龄的增长阅历的增加，没有钱吃喝拉洒怎么办？拮据的日子并不是所有的人都过的来的。钱确实太重要了，但是人如果没有了真情那其不是空壳一个。哎</t>
  </si>
  <si>
    <t xml:space="preserve">房产（遗产）过户　　你好！　　我的父亲几年前去世了，爷爷奶奶也都 </t>
  </si>
  <si>
    <t>你现在要把房子过户到你名下.一定要你和你母亲一起到公证处公遗嘱继承.你母亲和你可以做一个共有人.就是你母亲继承百分之五十.你和你母亲的那部分.你的母亲做放弃继承.这样你也占百分之五十.然后你母亲做一个遗嘱公证.把你母亲的这部分在她百年后也给你.这样如果有一天你母亲也不在的话.你就可以直接继承了.费用就没有了.然后拿着所有的公证书和证明文件去当地的房地产交易中心办理变更手续.只要花了工本费就行了.如果父母都不在了.再办理继承费用就少了.如果这里土地征收的话.对你也有利.</t>
  </si>
  <si>
    <t xml:space="preserve">我怀孕了吗？我7月2号有吃过紧急避孕药，9月29号月经刚完，9月 </t>
  </si>
  <si>
    <t>不是怀孕，应该是吃避孕药导致月经不调。还有紧急避孕药不能随便吃的，不想怀孕的话还是提前做好避孕措施吧。</t>
  </si>
  <si>
    <t xml:space="preserve">在autocad中使用多段线描绘的图像如何分离？我用cad中的多 </t>
  </si>
  <si>
    <t>输入explor(炸开命令)</t>
  </si>
  <si>
    <t xml:space="preserve">年轻人的了前列腺炎跪求！急急急本人今年23岁由于各种原因的了前列 </t>
  </si>
  <si>
    <t>药治疗具有辨证灵活，调换组方自由度大，因病施治，因人施治，标本兼治，愈后不复发，治本除根的优势。你可以到中国性病防治网 　　前列腺炎西医西药治疗，观察不到满意的效果时，一定要及时接受中医中药的系统治疗，足量用药。以免迁延转成慢性前列腺炎，导致患者承受久治不愈的巨大心理压力和精神负担。中医药治疗具有辨证灵活，调换组方自由度大，因病施治，因人施治，标本兼治，愈后不复发，治本除根的优势。你可以到中国性病防治网 慢性前列腺炎的西医治疗及弊端1. 抗生素治疗：　　这是治疗前列腺炎的常用方法。抗生素治疗急性前列腺炎，对控制临床症状还是可取的。但是治疗慢性前列腺炎，疗效则不满意。首先，细菌、病原体、微生物的耐药性，这是抗生素无法逾越的障碍。其次，药物在腺泡内很难达到有效治疗，难以发挥治疗作用。造成一用药就能感到症状有所减轻，停药又反复的恶性循环。有些医院提倡大剂量和超时限用药，这样非但不能治愈前列腺炎，还加重肝脏、肾脏负担，造成肝肾功能异常，反而加重病情。你可以到中国性病防治网 2．腺体注射疗法：　　此治疗方法是抗生素治疗的一个补充手段。由于前面讲到抗生素在前列腺腺体内难以达到有效治疗浓度，因此便有了将抗生素直接注入前列腺的治疗出现。我院门诊曾经也大量推荐此种治疗方法，但多年临床实践验证，发现此疗法存在着无法克服的弊端：（1）、经皮肤或直肠的穿刺，可将细菌带入，造成前列腺的重复感染；（2）、反复多次的穿刺可造成前列腺纤维组织增生、硬化或钙化。肛诊时可扪及前列腺内质地坚硬的硬结，甚至转变为前列腺肿瘤，危及生命。（3）、此方法同样无法克服细菌、病原体、微生物的耐药性。因此选择腺体注射疗法应慎重。3．物理疗法：　　物理疗法是借助电、热、光、声、水等各种物理因素，对前列腺腺体发生作用，改善局部血液循环，有助炎症的消散，但无法从根本上杀灭细菌、病原体及致病微生物等，临床上只做为一种辅助治疗。　　前列腺炎西医西药治疗，观察不到满意的效果时，一定要及时接受中医中药的系统治疗，足量用药。以免迁延转成慢性前列腺炎，导致患者承受久治不愈的巨大心理压力和精神负担。中医药治疗具有辨证灵活，调换组方自由度大，因病施治，因人施治，标本兼治，愈后不复发，治本除根的优势。2、中药治疗　　中医一般把慢性前列腺炎分为五种类型进行辨证施治：　　湿热下注型：　　症见小便淋涩赤痛，少腹拘急，会阴部胀痛，尿道口摘白浊，舌苔黄腻，脉滑数。治宜清热利湿，方选八正散加减：木通7克，车前子10克，扁蓄10克，瞿麦10克，滑石20克，栀子10克，大黄6克，甘草5克。　 脾虚湿盛型：　　症见小便流浊，面色不华，肢体困倦，不思饮食，舌淡苔白，脉虚。治宜健脾利湿、方选参苓白术散加减：党参10克，炒白术15克，茯苓24克，薏苡30克，砂仁7克，泽泻15克，当归10克，坤草30克，陈皮10克。　　气滞血痪型：　　症见小便涩滞会阴及小腹下坠胀痛，前列腺肿大坚硬，舌紫暗，脉弦涩。治宜活血化瘀、行气通络，方选少腹逐瘀汤：桃仁10克，红花10克，当归15克，小茴香6克，川楝子10克，乌药10克，赤芍12克，泽兰15克，蒲公英30克。　　肝肾阴虚型：　　症见尿道口常有白浊、会阴坠胀，腰膝酸软，潮热盗汗，舌红少苔，脉细数。治宜滋肝肾，清泄相火。方选知柏地黄汤加减：知母15克，黄柏10克，土地黄30克，泽泻15克，丹皮15克，茯苓30克，制首乌15克，黄精15克，白藤10克，丹参15克。　　肾阳不足型：　　症见小便淋涩挟精，畏寒，腰膝酸冷，阳痿，早泄，舌质淡胖，脉沉弱。治宜温肾壮阳，方选金匮肾气丸加减：制附片10克，菟丝子10克，仙灵脾10克，杜仲10克，黄精10克，当归15克，山药15克，茯苓24克。　　中药治疗前列腺炎的缺陷主要也是药物难以穿越前列腺脂膜，需要长期服药，且治疗效果不明显。你可以到中国性病防治网 以上仅供参考.</t>
  </si>
  <si>
    <t xml:space="preserve">合生元的吃法我家宝宝5个半月,合生元一次吃多少呢,一天几次,另外 </t>
  </si>
  <si>
    <t>我家宝宝六个半月，也在吃。建议在早餐前吃，这样更有利于吸收。六个月前的宝宝隔天服一袋，六个月后可以一天一袋。每年是春季和秋季连续服用一盒（48袋装）就可以了，并不需要长年服用。</t>
  </si>
  <si>
    <t xml:space="preserve">一个教室中有100名学生,求其中至少有一个人的生日在元旦的概率 </t>
  </si>
  <si>
    <t>假定不是闰年，一年为365天至少一人生日在元旦的概率加上没有人生日在元旦的概率是11-364^100/365^100=1-(364/365)^100=1-76%=24%至少一人的生日在元旦的概率是24%</t>
  </si>
  <si>
    <t xml:space="preserve">舞蹈跟舞台剧有什么分别？ </t>
  </si>
  <si>
    <t>当然有一些分别了，舞蹈是纯艺术的肢体展现，没有情节的，是单一的一种表演风格。但舞台剧就是通过舞蹈、音乐与故事情节结合的一种剧情表演。它跟话剧不同，它是不说话的，是用演员自己的肢体语言来表现剧情。舞台剧都有一个主题，这个主题就是剧情的中心，总的来说，舞台剧是演员用肢体语言来展现的故事情节！</t>
  </si>
  <si>
    <t xml:space="preserve">大家都来吧!!大家好首先我是一个非常喜欢说唱的人尤其喜欢听NEL </t>
  </si>
  <si>
    <t>你去5月雪音乐网站吧``一定有</t>
  </si>
  <si>
    <t xml:space="preserve">魔界如何练裁缝?听朋友说练裁缝也很赚钱`但我才练3级资料就已经极 </t>
  </si>
  <si>
    <t>去新手村狂手材料｀新手们有很多很多的</t>
  </si>
  <si>
    <t xml:space="preserve">佳能IXUS120究竟怎么样?这款上市有几个月了，哪位达人给说说 </t>
  </si>
  <si>
    <t>我感觉佳能的都很不错啊，其实只要是佳能的性价比各方面都差不多的，买哪一款都不会很亏的，都很不错，无所谓啦，自己喜欢就好。。。</t>
  </si>
  <si>
    <t xml:space="preserve">网星卡现在还能冲SE的魔力吗? </t>
  </si>
  <si>
    <t>可以的，没有问题，时长和道具服都能用的，放心好了。</t>
  </si>
  <si>
    <t xml:space="preserve">四川新都宝光寺在我国佛教寺庙中地位重要吗比它还重要的寺庙有哪些 </t>
  </si>
  <si>
    <t>在全国的名气还不大,在四川的知名度也不是太大,像我们泸州就很少有人知道,现在正在加大宣传力度,在佛教里的地位一般,主要是建筑上的学术价值比它重要的就太多了,峨眉山的那几个就比它重要,还有其他佛教名山的和少林寺就不用说了</t>
  </si>
  <si>
    <t xml:space="preserve">U币怎么没了我充值了200U币，怎么才消费了8U币后就没了。 </t>
  </si>
  <si>
    <t>应该是系统个问题，马上和客服联系。</t>
  </si>
  <si>
    <t xml:space="preserve">达人申请需要什么条件呢？ </t>
  </si>
  <si>
    <t>50个互相关注么？我记得是</t>
  </si>
  <si>
    <t xml:space="preserve">韩服问题.......谁知道在海音莱肯暴的靴子.以前在海音商店卖 </t>
  </si>
  <si>
    <t>古鲁丁 新手村 说话岛 都收!!1000.</t>
  </si>
  <si>
    <t xml:space="preserve">一个很难办的问题我一个朋友（女）高二时恋爱了。两人在同一学校。但 </t>
  </si>
  <si>
    <t>找一个更好的男人放弃他。尽量让自己忘掉他。</t>
  </si>
  <si>
    <t xml:space="preserve">1500W的电水壶应该选用多少平方的电源线家里电水壶的电源线烧坏 </t>
  </si>
  <si>
    <t>电水壶的电源线烧坏了，是不是在插头和插座处最严重？如果是这样，那应该是由于接插件发生了接触不良（经常插拔就容易造成这个故障）的故障而引起的，并非是由于线细引起的，一般情况下，1500W的功率，有1.5平方毫米的铜芯线就够了，但是现在一般插座（家用）内，按规定大多为2.5平方毫米的铜导线，不太会引起“过载”的情况的。</t>
  </si>
  <si>
    <t xml:space="preserve">初三化学求助有H2、O2、CH4、CO、N2混合气体20G，点然 </t>
  </si>
  <si>
    <t>D要么O2耗尽，要么CH4、H2、CO耗尽，反应才结束。所以CO、O2不共存。不知道对不对。</t>
  </si>
  <si>
    <t xml:space="preserve">请问全国都有哪些学校招收建筑学研究生？多谢指点。 </t>
  </si>
  <si>
    <t>西安建筑科技大学（上网查一下详细情况！）建筑学共有六个一级学科招生单位：清华大学、天津大学、同济大学、东南大学、华南理工大学、重庆大学建筑历史与理论（共有25个二级学科招生单位）建筑设计及其理论（共有43个二级招生单位）城市规划与设计（同上，46个）建筑技术科学（同上，25个）我所知的西安的有：西安建筑科技大学，西北工业大学，西安交通大学西北大学。</t>
  </si>
  <si>
    <t xml:space="preserve">男人会因为做爱而喜欢上一个女人吗？会因为喜欢跟她做爱而对她日久生? </t>
  </si>
  <si>
    <t>huiya,这是基础,基础好了,其他的会更好</t>
  </si>
  <si>
    <t xml:space="preserve">急求用来形容时间穿梭、岁月变迁的诗句或名言（最好对仗工整）积极向? </t>
  </si>
  <si>
    <t>1：一寸光阴一寸金，寸金难买寸光阴。2：未觉池塘春草梦，阶前梧叶已秋声。3：年年岁岁光相似，岁岁年年人不同。 4：三更灯火五更鸡，正是男儿读书时。</t>
  </si>
  <si>
    <t xml:space="preserve">知识谁有小区做围墙的资料规范啊？比如：土方开挖、回填、3:7灰土 </t>
  </si>
  <si>
    <t xml:space="preserve">铁艺围墙采用毛石基础，毛石基础上部设 200 厚 C25 混凝土圈梁，净间距 4m 设砖柱，砖底圈梁 250*200、450*200 两种尺寸， 具体根据设计方确定。柱间设铁围栏，外立面贴面，内填沥青麻丝。结构施工：钢筋集中加工，原位绑扎，模板采用 20cm 厚铁模板，木支 撑。混凝土现场搅拌，翻斗车运送至现场进行浇筑。1、施工工艺： 场地平整→定位放线→基槽开挖→支设模板→绑扎钢筋→浇筑砼条形基础→检 查验收→拆除模板→回填土→基础结构验收。 其中：土方开挖工序如下： 定位测量——埋设轴线引桩——撒出开挖线——人工挖土——地基验槽——地 基异常处理——进入下道工序。 2、施工要点 1）土方开挖过程中土量，在现场附近就近堆放。 2）开挖过程中，测量人员随时抄平，在坑壁上钉上标高控制桩，以便随时掌握 开挖深度，防止超挖。 3）挖土时，应提前探明地下管线的分布情况，做好妥善处理。 4）土方施工中，应注意施工机械的安全使用，进场前进行检修。开挖时挖掘机 工作范围内不准进行其他作业。5）待基础轴线尺寸，基底标高经验收合格办完隐检手续后，测放人员及时标定 200mm 厚砼上皮的标高控制线。砼浇筑前先检查垫层的尺寸及形状是否正确、 模板支撑是否牢固。浇筑砼时，砼表面用刮杠刮平，随后用木抹子搓平压光，施 工过程中要及时取样，留好试块。 3、土方回填 基础工程完工后，经验收合格后，再进行土方回填.。 1）工艺流程 基层清理→检验土质→分层铺土→修整找平→验收。 2）质量标准 主控项目：标高偏差允许值－30mm。 一般项目：允许偏差不大于 20mm。 围墙工程 放线→支模→浇捣砼基座→养护、拆模→砌砖柱→安装及固定铁艺栏杆 （1）基础垫层砼 基础砼施工时必须将砼垫层和表面清理干净，无积水，不得有泥土落入槽内，侧 模板支撑在基坑壁上时需注意加固的稳定，不得将模板支撑杆直接支撑在土壁 上，支撑下口必须加垫板支撑在密实土层上，以防止浇筑砼时因支撑不牢而发生 跑模。基础梁模板，可采用斜撑加对撑方式加固，梁体上口专门制作的卡口钢筋 或角钢应限制其宽度。 基础砼浇筑时，不留置施工缝。 （2）砖基础 砖基础施工前，基础梁侧回填土时，应避免将土散落在基础梁上，如有应将基础 梁上口清理干净，弹出砖基础的中线和边线，上铺一层水泥砂浆，对基础梁上口 墙体部位有局部不平整的地方进行找平，然后铺砖砌墙。也可将砖基础砌筑完成 后，再回填土，保持砖基础砌筑阶段原砼表面的洁净，使砌筑质量得到更进一步 保证。 主体结构工程 1、墙体工程 本工程砌筑材料： 墙体用砖：砌筑材料： 采用 MU10 水泥混凝，M7.5 水泥砂浆砌筑 ，外贴米白色石 （1）砌筑工程所用材料必须先试验后使用，严禁用不合格的材料。 （2）砌筑砂浆：砂浆品种，标号必须符合设计要求，黄砂不得含有杂物，采用 自来水，黄砂杂质含量控制在低于 3％的范围以内。 （3）施工准备，砌筑前砖或砌块必须用水湿透，但不能过湿或湿润不匀现场。 （4）砌筑前必须先将基层表面的砂浆杂物清理干净，并浇水湿润，同时应试摆； 砌筑前，应按图纸设计要求预留洞口管道及预埋件。 （5）应严格按砖砌工程施工规范操作，根据层高、窗台及窗顶高度计算出该层 砖的皮数，灰缝厚度等数据，在施工部位弹出墙身轴线，立好皮数杆，控制好灰 缝厚度， 以控制砌筑高度， 并用七分砖或小规格砌块配合整砖砌筑转角和墙端部， 以达错缝的目的。 （6）砌体接槎时，必须将接槎处的表面清理干净、浇水湿润，并应填实砂浆， 保持灰缝平直。（7）补砌墙体时，应检查拉结筋的锈蚀情况，如锈蚀较重的，必须用钢丝刷等 工具除锈后，方可砌筑隐蔽。 （8）按规范要求做砂浆试块，并按期试验。 （9）内、外脚手架采用移动式临时脚手架。 施工要点： 安装铁艺围墙前一定要确保砼支座成形，预埋件位置是否正确，成品铁艺在运输 中也要注意，勿强压变形及歪曲，在安装时安放位置在轴线上，且需固定稳固。 油漆工程 铁艺围墙一定要做好防腐防锈工程。所以在油漆及电焊工施工时一定要对每 个死角和缝隙都要谨慎处理。刷防锈漆一道，银粉漆两道。 刷漆前必须将漆搅 拌均匀（以防在存放期中颜料沉淀），并调到适当粘度，一般以经验判断：即用 毛刷沾漆提起后，每分针自然流滴 30－50 滴/分为宜。少沾多刷，从上而下，从 左至右、先里后外，先斜后直、先难后易、纵横涂刷。最后一遍涂刷时还应注意： 对于垂直的表面应由上而下进行；对于水平表面应按光线照射方向进行。 </t>
  </si>
  <si>
    <t xml:space="preserve">600176今天可以买吗? </t>
  </si>
  <si>
    <t>放量上升，受大市左右,建议适当买入</t>
  </si>
  <si>
    <t xml:space="preserve">滑雪时要注意的事项? </t>
  </si>
  <si>
    <t>要多带一双干净的袜子，一些热量高的食品（巧克力），一个可以保温的水瓶（内装热水），墨镜还是别戴，有专用防护镜，当然衣服要保暖，不过不能太笨重，不然不是去滑雪，是去滑自己。 选择好天气：你要根据近期的天气变化选择好游玩的时间，注意天气预报，最好避开大风天。 衣服不能凑合：滑雪发烧友一般都会配备很专业的滑雪服，如果只是偶尔玩一下，可选择租赁雪场的。滑雪这项运动对服装有一定要求。上衣要宽松，以利于滑行时的滑行动作；袖口、裤口应为缩口并有可调松紧的功能，可有效地防止进雪；领口应为直立的高领开口，防止冷空气的进入。滑雪帽最好选用套头式，它只露出脸的前半部，能防止冷风对脸部的损伤，对女士尤为重要。衣服的颜色应鲜艳或与雪面反差较大，以使其他滑雪者容易辨认自己，从而及时绕行避免相撞。要穿吸汗功能强的棉质内衣。 滑雪镜必不可少：由于雪地上阳光反射很厉害，加上滑行中冷风对眼睛的刺激很大，所以需要有一副合适的眼镜对眼睛加以保护。应该选择全封闭型滑雪镜，同时外框上应有用透气海绵制成的透气口，以使面部皮肤排出的热气散到镜外，保证镜面有良好的可视效果。戴眼镜的滑雪者在选择滑雪镜时，应选择镜框厚一点的滑雪镜，以便能将眼睛全部罩住。 涂上防晒霜：由于冷风对皮肤的刺激和雪面上强烈的紫外线对皮肤的灼伤，可选用一些油性的有阻止水分散失功能的护肤品，然后再用防紫外线效果较好的防晒霜涂在皮肤上。 防冻伤：人体产生冻伤主要发生在手部、脚部、耳朵等部位，所以应选用保温效果较好的羊绒制品或化纤制品对上述部位进行保温。 带些高能食品：一旦陶醉在滑雪乐趣之中往往忘了饭点儿，因此，应随身携带一些高能便携食品，如牛肉干、巧克力等。对于需要充足的热量供应的滑雪运动来说，多吃些有好处。 了解滑雪道的状况：在滑雪场，应仔细了解滑雪道的高度、宽度、长度、坡度以及走向。由于高山滑雪是一项处于高速运动中的体育项目，看起来很远的地方一眨眼就到了眼前，滑雪者如果不事先了解滑雪道的状况，滑行中一旦出现意外情况，根本就来不及做出反应，所以这一点对初学者尤其重要。 检查滑雪工具：注意滑雪时器材和线路的安全可靠性。应很好地检查滑雪板和滑雪杖，包括有无折裂的地方、固定器连接是否牢固等。 安全最重要：经常有因滑雪受伤的人到医院来救治，因此，在滑雪过程中，应当以安全为前提。切记：饮酒后不要外出滑雪，一旦醉卧在外，非常容易发生冻伤。不要擅自滑出滑雪场界线。滑雪时不要打闹、碰撞，因为滑雪不怕摔，就怕撞。宁可摔倒，也不要发生碰撞，碰撞是很危险的，不是撞在别人身上，就是撞到树上、拦网上，轻则挫伤，重则骨折。 冬天滑雪应注意： 首先，要看滑雪场是否有专业大型雪道清理车对滑雪道进行清理和修整。经过一天滑行后如不对雪道进行搅拌、压实，会使雪道凹凸不平，初学者在这种雪面上滑行很难掌握和学习滑雪技术。 第二，在时间上初学者应选择不少于3天的滑雪时间，因为少于3天，初学者连基本的滑雪技术也学不完，没有技术，也就无法真正体验到滑雪给您带来的刺激和乐趣。目前一些旅行社组织的滑雪旅游团为压低报价（滑雪的费用较贵，260元／人·天），只安排半天或一天的滑雪时间，使游客根本无法尽兴地去体验滑雪的感受。 第三，要有滑雪教练进行初级技术指导，您可以从教练那里系统地学习基本的滑雪技术，然后才能上不同难度的滑雪道去体验真正的滑雪给您带来的全新感受，只在缓坡上滑行不会体验到真正的滑雪感受。一般来讲，如果有专业级的滑雪教练指导，初学者可以在1—2小时以内学会简单的滑雪技术。 第四，能使用滑雪场的哪些设施。滑雪场的收费设施主要有滑雪器材，索道及滑道，雪撬等娱乐项目，由于这些设施收费较贵，所以有些旅行社缩短这些设施的使用时间或次数。 第五、住宿条件中是否有淋浴设施。滑了一天的雪后，洗热水澡可以消除疲劳、恢复体力。 第六，费用上主要应包括来回的火车或飞机票，当地交通、住宿、餐饮、滑雪器材、索道、教练、娱乐费用、保险、门票等，基本包含了全部费用，如差距较大，您应仔细询问包含哪些项目。 滑雪须知 一、如何选择滑雪镜 由于雪地上阳光反射很厉害，加上滑行中冷风对眼睛的刺激很大，所以需要有一副眼镜对眼睛进行保护。滑雪镜应具备以下几个功能：第一，防止冷风对眼睛的吹拂；第二，防止紫外线对眼睛的灼伤；第三，镜面不能起雾气；第四，跌倒后眼镜不应对脸部造成伤害。按以上要求，您应该选择全封闭型滑雪镜，这种滑雪镜外观上类似潜水镜，但不把鼻子扣在内，外框由软塑料制成，能紧贴面部，防止进风。 二、如何保护皮肤 我国北方的冬季寒冷、干燥，皮肤在这种气候条件下水分散失很多，加上滑雪时形成的相对速度很大的冷风对皮肤的刺激和雪面上强烈紫外线对皮肤的灼伤是构成对皮肤伤害的主要原因。为防止水分的散失和紫外线对皮肤的灼伤，可选用一些油性的有阻止水分散失功能的护肤品，然后再用防紫外线效果较好的具有抗水性的防晒霜涂在皮肤上。防晒霜只能在短时间内有效，所以应每隔一段时间（一般2小时）就在暴露的皮肤上涂一次，切不可因为阴天就不涂防晒霜。 三、如何防止冻伤 冻伤是指人长时间处于低温环境中产生的伤害事故，人体产生冻伤主要发生在手部、脚部、耳朵等部位，所以应选用保温效果较好的羊绒制品或化纤制品对上述部位进行保温。 四、如何选择使用内衣 在选择贴身内衣时，最好不用棉制品，因为棉制品吸水性较好，当人体处于运动状态时，棉制品会大量吸收人体排出的汗液，而当人体处于静止状态时，棉制品上的汗液很难在短时间内挥发掉，使人产生寒冷的感觉。您可以将一件带网眼的尼龙背心贴身穿，然后在外面套上一件弹力棉背心，这样身体排出的汗液会透过尼龙背心吸附在弹力背心上，不会产生寒冷的感觉 滑雪安全7大注意事项 （1）量力而行：当滑雪者的技术水平达到能安全地停住，并能避开滑雪道上的障碍物和其他滑雪者时，才能去较高级别的相应雪道滑雪。 （2）靠边歇停：若停留休息时，要停在滑雪道边上，并要充分注意并避开从上面滑下来的人，重新进入雪道时也如是。 （3）严防相撞：滑雪有句俗话，不怕摔，就怕撞。就是说宁可摔倒，也不要发生碰撞，碰撞是很危险的，不是撞在别人身上，就是撞到树上、拦网上，轻则挫伤，重则骨折。 （4）不要冒险：不要单独在树林、陡坡和深谷滑雪。一般说来三个以上的人在一起滑雪最安全。 （5）安全摔倒：摔倒后不要随意挣扎，尽量迅速降低重心向后坐。一般情况下，可以举手和双臂，屈身，任其向下滑动，要避免头部朝下，更要避免翻滚。 （6）急救常识：平时应学习一些基本的医学知识和急救常识，如受伤时的处理，骨折后应采取的措施等。 （7）科学救人：发现他人受伤，千万不要手忙脚乱地去随意处置和搬动，应尽快向雪场救护人员报告。</t>
  </si>
  <si>
    <t xml:space="preserve">费用可以入在分公司吗？我司为分公司，现有一同事入职时与总公司签定 </t>
  </si>
  <si>
    <t>与总公司签定了劳动合同，在劳动合同不变的情况下，如果分公司不是独立核算单位，在总公司或公司办理社保和开支都是可以的</t>
  </si>
  <si>
    <t xml:space="preserve">72级反猛去哪里升级？ </t>
  </si>
  <si>
    <t>给你的建议是最好是祁山或青城山,组队容易不怕别人杀王引王害你回城.</t>
  </si>
  <si>
    <t xml:space="preserve">谁能讲讲下面战争的具体起因啊?自1949年新中国成立后至今，中国 </t>
  </si>
  <si>
    <t>1,抗美援朝战争的直接起因，是朝鲜的内战。1950年6月25日，朝鲜南北双方爆发内战。在北朝鲜人民军的闪电般攻击下，南韩求助于美国。7月7日，美国操纵联合国组成所谓的“联合国军”，为其入侵朝鲜找到合法依据，使朝鲜内战升级为一场局部性的国际战争。从9月15日美军在仁川登陆后，北朝鲜人民军迅速败北。10月19日，中国人民志愿军应朝鲜民主主义人民共和国之请求秘密入朝，开始抗美援朝战争。2,１９６２年印度政府坚持侵略扩张政策，蓄意制造边界紧张局势，大肆蚕食侵占中国领土，中国边防部队在忍无可忍的情况下，被迫进行自卫反击。３，中国援越抗美的主旨不仅是发扬国际主义精神，支援世界革命的问题，而且还带有了与苏联争夺越南的成分。中国不能容许苏联取得对越关系的主动权，将越南纳入其战略势力范围，进而填补美国撤离越南后的空白，从南面威胁中国，合拢其对华包围圈。４，珍宝岛冲突并非仅仅因为双方边境守军之间的不信任或一时误会而发生。在双方交战前，苏联在中苏、中蒙边界全线集结了上百万的大军，为了抵御可能发生的入侵，中方也在边界全线投入了大量部队驻扎。边境地带的武装对峙已持续许多年。苏方最精锐的摩托化师及大规模的坦克和导弹部队集中在对中国威胁最大的中蒙边界和中苏东段边界上。５，1974 年的西沙之战是前南越政权发动的一次冒险，其目的是为了把美国拖住.为了把美国佬拖住，南越政权在西沙这个战略要冲，74年初，南海渔政的民兵和驻永乐群岛的南越军发生冲突，以此为由，趁中方不备，向中国海军驻西沙的小舰队发起一次突然袭击。6,20世纪70年代中叶，越南结束抗美战争、实现国家统一后,把中国视为“头号敌人”，中越关系急剧恶化，中国边疆的和平、安定和人民的生命财产受到严重威胁。在此情况下,从1979年2月17日起，中国人民解放军边防部队在广西、云南开始对越南进行有限度的自卫还击作战。</t>
  </si>
  <si>
    <t xml:space="preserve">那能打出何剑的制作卷和剑身呢? </t>
  </si>
  <si>
    <t>真麻烦.600W换个小黑去财富铁匠换何门就是了免费换</t>
  </si>
  <si>
    <t xml:space="preserve">攻击[13:14:52]试图连接本机的1433端口，TCP标志： </t>
  </si>
  <si>
    <t xml:space="preserve">首先要做的是进安全模式查木马~如果你不是很懂,就借助软件吧,优化大师有拒绝攻击的功能: </t>
  </si>
  <si>
    <t xml:space="preserve">迅雷的磁盘缓存设置成多少才能达到保护磁盘的目的我XP系统256内 </t>
  </si>
  <si>
    <t>你好!    一般默认的就可以了.如果设置的太的对机子的运行就会有资源少了一点的问题.也就是说如果太大你边下载边做别的事就会很慢.还有太多了也没有什么用处根本不需要.浏览网页时网速会很慢.</t>
  </si>
  <si>
    <t xml:space="preserve">高数问题求极限 </t>
  </si>
  <si>
    <t>详细解答如下：</t>
  </si>
  <si>
    <t xml:space="preserve">英语四个时态的用法，结构，动词的形式。 </t>
  </si>
  <si>
    <t>一般现在时表示习惯性动作 例 I EAT BREAKFAST EVERY MORNING HE WAKES UP EVERY MORNING AT 7：00 现在进行时是现在正在发生 例：SHE IS SITTING IN CLASS RIGHT NOW 是BE动词（AM， IS， ARE）+ING形式 一般过去时是ED形式，指过去的一段时间发生的 例：HE WALKED TO SCHOOL YESTERDAY 一般将来时是BE GOING TO和WILL形式 例：I AM GOING TO DOWNTOWN TOMORROW HE WILL GOTO DOWNTOWN TOMORROW 如果LZ想学好语法，我建议LZ买一套郎文英语语法，它分初，中，高三级，不是市面上买的那种郎文语法，是个外国人编，是新东方，有三本，而且每本书的皮也不一样，讲的非常的细</t>
  </si>
  <si>
    <t xml:space="preserve">急求小说封面我正在写一部小说，叫《霸道王子的猫咪宝贝》作者是冰凌 </t>
  </si>
  <si>
    <t>看看可不可以，希望你喜欢、</t>
  </si>
  <si>
    <t xml:space="preserve">请教波段兄，益民商业记得您前些天说，益民商业如果能突破前期的11 </t>
  </si>
  <si>
    <t>要看能否连续三日收盘在这个价位之上 今天目前来看已经有效突破箱体上沿了 形成有效突破 但是有多强势 这个要看三个交易日的走势</t>
  </si>
  <si>
    <t xml:space="preserve">西红柿汤太酸能用食用减中和一下吗？有毒吗？有时西红柿生点，特酸， </t>
  </si>
  <si>
    <t>虽然未必有毒，但吃了不一定好。估计是把西红柿煮太长时间了， 再多煮一会也可 ，这样茄红素才会出来。加点糖也行，不要放碱，虽然未必有毒但估计不会好吃。要知道生吃西红柿等于白吃！生吃虽然VC会损失些，但茄红素也没有办法让身体吸收，也就得不偿失</t>
  </si>
  <si>
    <t xml:space="preserve">2个半月的宝宝头发长的慢是缺东西吗宝宝头发长的特别慢，还是黄毛。 </t>
  </si>
  <si>
    <t>我的宝宝满月剃了胎毛后，头发长的一直不好，我也曾担心过，6个月时验了微量元素却什么都不缺，现在8个月了，头发已经长的很好了，所以请宝妈妈不必担心哦。</t>
  </si>
  <si>
    <t xml:space="preserve">宫颈糜烂的治疗治宫颈糜烂的方法当中有一种叫聚焦超声治疗法，此法是 </t>
  </si>
  <si>
    <t>聚焦的我听说过，我们这边很多医院都用聚焦的来治疗宫颈糜烂。价格在1000元左右吧。听说适合未婚的女性。和微波不太一样。</t>
  </si>
  <si>
    <t xml:space="preserve">新手游戏问题城与城之间怎么传送阿？用走的？还有门派怎么进？进了之 </t>
  </si>
  <si>
    <t>1,城与城之间一般用飞行符传送,飞行符在罗道人处或玩家处买,特殊情况只能走如跑镖;2,刚升10级由野外进长安大门里侧有个门派传送人,可以点选你要传送的门派过去;3,拜师后选学习技能,用经验和钱学习.每个门派都有一个师门技能是用来回师门的,学了这个技能后可以不用通过跑路或是传送人回师门了.4,12门派分布如下:长安大唐和化生,东海龙宫,袄来女儿村,郊外天宫,长寿方寸,国境普陀和地府,境外五庄盘丝魔王寨狮陀岭.5,侠义值在长寿袄来长安的珍品商人处换80装备,宠物口粮各地杂货店有售,打怪也可能获得.</t>
  </si>
  <si>
    <t xml:space="preserve">请问这句怎么翻译？请问怎么选择?WHY？谢谢！52.Nomatt </t>
  </si>
  <si>
    <t>B翻译：无论固体多么坚硬，我们总能改变它的形状。</t>
  </si>
  <si>
    <t xml:space="preserve">春节吃什么有利于健康？ </t>
  </si>
  <si>
    <t>吃绿色食品有利于健康.</t>
  </si>
  <si>
    <t xml:space="preserve">小规模纳税人如何填写申报表开票金额10000.应如何填写增值税申 </t>
  </si>
  <si>
    <t>1、开票金额要换算为不含税销售额。不含税销售额=10000/1.03=9708.742、计算增值税应交增值税=9708.74*3%=291.263、填写申报表：（1）9708.74元，填写在：应征增值税货物及劳务不含税销售额栏。（2）291.26元，填写在：本期应纳税额栏。</t>
  </si>
  <si>
    <t xml:space="preserve">我找到了一份新的工作,但心里面老觉得自己不够细心怕做不好,因为我? </t>
  </si>
  <si>
    <t>首先，从心理上不要老害怕粗心，因为这样就等于吧部分精力用到担心粗心上面了，当然显得粗心容易误事。有时间可以用心想象一下自己如何细心地做某件事，肯定会有好处，其它方面不用过分苛求，苛求本身就是分散精力，这样会形成恶性循环。此外要对自己有信心，被炒肯定不完全是工作不细心，只能说与之有关联。既然有了打算细心做事的念头，就把这念头交给潜意识去做。可能本人所说的你会认为部分唯心，不过先不要轻易否定什么，试试看祝你工作顺利</t>
  </si>
  <si>
    <t xml:space="preserve">关于友情连接的！请问那个友情连接那个版块怎么加入首页 </t>
  </si>
  <si>
    <t>登陆你的博客首页。 然后点击页面上部右边的“页面设置”/“设置博客首页模块”/“自定义模块”有个“创建文本模块”/“创建列表模块”/ “管理”点击“创建列表模块”进入 1、输入标题“友情链接”点击确定。 2、在下面第一个方框内输入名称，在第二个方框内输入链接网址。第三个（可以不填）点击添加，即可完成。 3、回到“自定义模块”下方，勾选刚才的“友情链接”按保存，即可在你的博客显示， 拖动“友情链接”模块可以放置您所设立的位置。</t>
  </si>
  <si>
    <t xml:space="preserve">无法将歌曲下到ＭＰ３中我的系统是ＸＰ，将ＭＰ３与电脑连接，显示＇ </t>
  </si>
  <si>
    <t>好象是系统驱动坏了我的朋友上月初新买的昂达VX858回去也是出现这种问题，重装系统就好了。</t>
  </si>
  <si>
    <t xml:space="preserve">80土剑请教价格绿土剑：连击30，伤害1300，必杀25，反击1 </t>
  </si>
  <si>
    <t>80土剑 TS不满 粉的也一般 绿的JP 改3太少了1~2卡之间 卖好了能卖2卡就不错 要是会忽悠2卡+吧80枪 现在这样也就50W可是有强化的余地  所有相性没必要强了  TS要是强化到1500左右2条忽视强到双15左右 这把强化绿火 绿出强力遗忘就是JP封枪以上只是个人建议 有钱才做 没钱就千万别强了</t>
  </si>
  <si>
    <t xml:space="preserve">为什么我的动态图片看不了,都是静态的？ </t>
  </si>
  <si>
    <t>您好，可能是图片格式不对，或者是您的浏览器版本问题</t>
  </si>
  <si>
    <t xml:space="preserve">3200大洋! </t>
  </si>
  <si>
    <t>经典收藏！大洋现在是文物！</t>
  </si>
  <si>
    <t xml:space="preserve">为什么我的博客从11级突然变成0级了,好奇怪吖!!!就像新一突然? </t>
  </si>
  <si>
    <t>我的也是~不光等级，还有访问数~全部归零~~~时好时坏~没关系的~~~我想说的是新浪博客要是不解决糟糕的网络问题 最后的结果是它只能失去仅有的这些选择它的客户群！！！附带官方解释~~~~“。。。您的博客各模块也可以正常显示，（您按Ctrl+F5键强制刷新一下也应该可以看到正常的页面）。 同时建议您在浏览页面上点击电脑上部的工具栏-INTERNET选项-清除临时文件，清除COOKIE后重新登陆。 如果您的博客有任何问题，均可点击博客底下的“新浪 BLOG意见反馈留言板”或拨打新浪7×24小时客服电话95105670 提示音后按2键*2键（按您当地的市话收费），告知您的博客地址,客服专员会为您提供帮助，为您解答疑难。如果有系统问题，会提交工程师在后台排除故障，保证您的博客正常使用。 ”</t>
  </si>
  <si>
    <t xml:space="preserve">恋爱中的人，智商真的会下降吗？如题 </t>
  </si>
  <si>
    <t>智商下降其实是说自己的思绪容易被感情所左右，即感性的东西大于理性的，人们恋爱的时候容易做事情容易冲动，不计较后果，往往做出自己后悔而且不满意的事情，其实，这也是爱情的一种美丽，真是这样的纯真，我们才觉得那种冲动是哪么的可爱于可贵这是一种过程，许多人都会经历，待到爱情成熟时，你会发现，当初的那点不理智是多么的刺激与新鲜~祝你们的爱情永远幸福~ ^_^</t>
  </si>
  <si>
    <t xml:space="preserve">是左眼跳灾右眼跳财还是左眼跳财右眼跳灾 </t>
  </si>
  <si>
    <t xml:space="preserve">我们知道眼睛的构造是非常精巧的，眼球的外面有两片柔软而有弹性的眼皮保护着。眼皮在医学上称为眼睑，其表面是一层薄薄的皮肤，里面是一层肌肉，其中有一种专管睁眼闭眼的肌肉围绕着上下眼睑长成一匝，叫做眼轮匝肌。眼睛的开闭，完全是靠眼轮匝肌的舒张与收缩完成的。而我们所说的眼皮跳，其实就是控制眼皮肌肉的神经不正常的兴奋引起，也就是部分眼轮匝肌在短时间内不能自主的持续性收缩，一直牵动其上的眼部皮肤。眼轮匝肌的正常活动是在神经的支配下进行的，所以人能随意的叫眼睛睁开或者闭上。当眼轮匝肌受到不正常的刺激时，可使其发生不正常的跳动。一般是在疲劳过度、用眼过久或睡眠不足时，眼皮跳动较为频繁，其他像是强光、药物产生的刺激，或眼睛被吹进了异物，或常常抽烟喝酒等等，也会刺激眼睛，引起眼皮跳。这些都是生理现象，与人的“福”、“祸”毫无关联。最常见的眼皮跳为眼轮匝肌的“肌肉小颤动症”，每次跳动几秒到几分钟；正常的情况只要过一段时间后，便会自动恢复，也可闭上眼睛休息一下，或是用热毛巾敷一下眼睛，注意配合均衡的饮食和充足的睡眠，便可缩短眼皮跳的时间。如果这样眼皮仍然跳个不停，便应立即找医生诊治了。假使你的眼皮跳动，是连同半侧面部肌肉、眉毛及口角皆抽动的话，则可能是颜面神经受到刺激引起的痉挛现象，应积极治疗，否则将会出现口眼歪斜之症。至于在日常中，出现的一些这样或那样的小事故，如走路摔了一跤、机器碰伤了手、生病等等，即使在眼跳的时候发生也只不过是一种巧合，绝不能和眼跳硬扯在一起。对于眼皮跳动应根据不同情况，对症处理，而不要相信迷信的说法，延误治疗。 来源:家庭医生报 </t>
  </si>
  <si>
    <t xml:space="preserve">成龙的真实姓名? </t>
  </si>
  <si>
    <t>姓名：成龙 JACKIE CHAN 原名：陈港生 父亲：陈志平 母亲：陈莉莉 生日：54.4.7 籍贯：山东 身高：174cm 生肖：马 婚姻：已婚，有一子 嗜好：缓步跑 嗜好：汽车、唱歌 出道时间：1961 最讨厌的事：浪费 最难忘的事：拍"龙兄虎弟"受伤 喜爱的歌手：都喜欢 最害怕的事：打针, 载眼镜(隐形) 最大的愿望：多拍新片 拍片的原动力：各位影迷的支持 最喜欢明星：没有特别喜欢 最喜欢食物：鱼翅 最喜欢演员：查理卓别林 最喜欢颜色：白、杏 成名作：功夫喜剧《醉拳》 获奖作品：《警察的故事》</t>
  </si>
  <si>
    <t xml:space="preserve">感情问题我在技校上学。。。你们觉得在技校里可能找到真心的女朋友吗 </t>
  </si>
  <si>
    <t>身边的人。什么样的都有、运气好的话。就能遇到真心的女朋友了。不小心运气不好的话。就难说了。还有就是。自己是怎么样的人，就会遇到什么样的人。所以你说呢？</t>
  </si>
  <si>
    <t xml:space="preserve">胃癌手术后便秘应该怎么办爷爷今年２月查出胃癌中期做手术切除三分之 </t>
  </si>
  <si>
    <t>你试试每天生罗卜搅汁50ml加蜂蜜10ml吞服，对缓解便秘有一定帮助。但要延长生命，提高生命质量，必需要完整性植物性且富含植物营养素、抗氧化剂和多醣体的营养,滋养调理人体自身免疫系统功能,渐渐强健且正常运作才会如愿。</t>
  </si>
  <si>
    <t xml:space="preserve">燕子老师请进燕子老师今天尾盘我进了000955欣龙控股,明日若冲 </t>
  </si>
  <si>
    <t>000955这种股票很难把握，个人建议明日冲高出局，仅供参考。</t>
  </si>
  <si>
    <t xml:space="preserve">90相５　　　３抽值多少？９０相５，３吸的能卖多少钱？我老区的， </t>
  </si>
  <si>
    <t>９０满相５吸３０００万４吸４０００３吸５０００２吸６０００１吸７５００成品黑水估计的８０００．</t>
  </si>
  <si>
    <t xml:space="preserve">linux系统如何安装在线播放器和QQ?等常用软件? </t>
  </si>
  <si>
    <t xml:space="preserve">装mozplugger实现fc3浏览器内Mplayer播放Real媒体文件的简单方法 --------------------------------------------------------------------------------MoziPlugger简单介绍：MozPlugger is a generic Mozilla plug-in that allows the use of standard Linuxprograms as plug-ins for media types on the Internet.MozPlugger是用于mozilla/firefox 的流媒体播放插件安装mozplugger# apt-get install mozplugger或# yum install mozplugger或# up2date --install mozplugger修改/etc/mozplugger，使得调用mplayer播放real格式mozplugger的格式很简单，mime type ; extensions ; descriptionflag : command＃ VIDEO 部分audio/x-realaudio: ra,rm,rmvb,ram: RealAudio file...nokill stream: realplay "$file"默认的是使用realplay播放该格式文件，如果没有安装realplayer或嫌realplay不方便（比如我）在"nokill..."行前面添加：MP_VIDEO_STREAM()这样在浏览器中打开real文件，首先调用mplayer播放。mozplugger 的功能还不限与此，浏览图片、等等，调整配置文件就可以在mozilla中调用系统上安装的程序打开大部分文件。安装QQLumaQQ说明和安装文档到这个网站 常用软件安装 </t>
  </si>
  <si>
    <t xml:space="preserve">用pq分区魔术师8.0合并分区时重起机器出现问题如何解决！！！ </t>
  </si>
  <si>
    <t>可能有点难。PQ使用中明确指出不能断电重启。可尝试在DOS下使用Fdisk/mbr试试。</t>
  </si>
  <si>
    <t xml:space="preserve">大牙蛀牙起牙龈炎怎么办 </t>
  </si>
  <si>
    <t>吃点西红柿、柚子、枣、橘子，另外，咀嚼橘子皮也能去除口臭。　　2、多嚼嚼口香糖，或者使用口气清新剂，这是生活中最最简单去除口臭的方法。　　3、饭后用淡盐水漱口，能杀菌消炎;或用鲜芦根泡水喝。　　4、咀嚼香菜、茶叶或花生米，咀嚼时间越长越好，能让其本身特有的香气充分分解出来，可净化口气。　　5、牛奶或在开水里加入一些薄荷或鲜柠檬汁，喝一杯即可去除口臭。</t>
  </si>
  <si>
    <t xml:space="preserve">请教上投优势暂停审购一般来说是利好还是坏消息?请教上投优势暂停申 </t>
  </si>
  <si>
    <t>这是一个非常好的消息,这里表达了基金公司对持有人利益的保守,又体现了基金公司对管理层让保护投资者,防止过度高涨的基金热对普通人伤害的具体办法</t>
  </si>
  <si>
    <t xml:space="preserve">以前说话挺好的就最近2年多的时间 </t>
  </si>
  <si>
    <t>口水多? 那讲慢点,或者把口水吞干净后讲话,讲了再吞,吞了再讲.不要太明显地吞就好了.呵呵...这是什么主意哈.哈哈.你查查什么因素会刺激口水分泌吧.或许能找到些原因.</t>
  </si>
  <si>
    <t xml:space="preserve">睡觉是头脚南北朝向是不是好？ </t>
  </si>
  <si>
    <t xml:space="preserve">从我国传统医学“天人相应”的观念来看，睡眠时采取的方位对睡眠质量还是非常有影响的，要远离失眠，人们不得不多考虑睡觉方向这个重要因素。 　　睡觉方向就是睡眠时人的头脚朝向的方位。古代的医学家、养生学家认为人的睡觉方向应该随春、夏、秋、冬四季的交替而改变，提倡“应四时所旺之气而卧”。唐代著名医学家孙思邈在《千金方》中说：“凡人卧，春夏向东、秋冬向西。”是说春夏两季睡眠的方位宜头向东脚朝西，秋冬两季则宜头向西脚朝东，而不宜头向北卧。古人的这一主张还是有一定道理的，从季节上来看，春夏属阳，秋冬属阴；从方位上讲东方属阳，西方属阴。春夏之季阳气升发旺盛，秋冬之季阳气收敛潜藏，而阴气盛，故春夏之季头向东卧是顺应阳气，秋冬之季头向西以顺应阴气，符合“春夏养阳，秋冬养阴”的养生原则，有利于健康地睡眠。 　　有调查发现，头朝北脚朝南睡觉的老年人其脑血栓形成发病数要高于其他睡觉方向的老年人，证实了头朝北的睡眠方向是不利于健康的。现代科学理论认为，地球是一个分南北两极的大磁场，人体也有一个带磁性和极性的小磁场，地球大磁场无时不对人体小磁场产生作用，随季节性的磁场变化而改变睡向是顺乎自然物理规律的。还有一些古代的医家、养生学家主张一年四季向东而卧，认为东方阳气升发，四季头朝东卧，则顺应东方升发的阳气。 </t>
  </si>
  <si>
    <t xml:space="preserve">显卡刷新频率的问题 </t>
  </si>
  <si>
    <t>是驱动程序问题.一般的时候安装操作系统的时候不用给显示器安装驱动程序,不过最好还是安装显示器自带的驱动程序,因为它更适合属于它的显示器.</t>
  </si>
  <si>
    <t xml:space="preserve">我们村一次性卖掉耕地1000多亩以每亩63800元的价格卖掉，给? </t>
  </si>
  <si>
    <t>根据国土法第四十五的规定，征35公倾的耕地，要经过国务院审批。你们可以要求他们出示国务院的征地批文。征地，应该有征地公告和安置补助公告，你们可以要求他们出示。公告上应该有补偿金额。</t>
  </si>
  <si>
    <t xml:space="preserve">用人单位对违反规定职工高达两千元罚款不交就开除怎么办用人单位开除 </t>
  </si>
  <si>
    <t xml:space="preserve">《劳动合同法》第四十六条规定：“有下列情形之一的，用人单位应当向劳动者支付经济补偿：　　（一）劳动者依照本法第三十八条规定解除劳动合同的；　　（二）用人单位依照本法第三十六条规定向劳动者提出解除劳动合同并与劳动者协商一致解除劳动合同的；　　（三）用人单位依照本法第四十条规定解除劳动合同的；　　（四）用人单位依照本法第四十一条第一款规定解除劳动合同的；　　（五）除用人单位维持或者提高劳动合同约定条件续订劳动合同，劳动者不同意续订的情形外，依照本法第四十四条第一项规定终止固定期限劳动合同的；　　（六）依照本法第四十四条第四项、第五项规定终止劳动合同的；　　（七）、行政法规规定的其他情形。”而你说的情形应该是属于该法第三十九条：“劳动者有下列情形之一的，用人单位可以解除劳动合同：    （一）在试用期间被证明不符合录用条件的；    （二）严重违反用人单位的规章制度的；    （三）严重失职，营私舞弊，给用人单位造成重大损害的；    （四）劳动者同时与其他用人单位建立劳动关系，对完成本单位的工作任务造成严重影响，或者经用人单位提出，拒不改正的；    （五）因本法第二十六条第一款第一项规定的情形致使劳动合同无效的；    （六）被依法追究刑事责任的。”所以，是没有补偿的。 </t>
  </si>
  <si>
    <t xml:space="preserve">轴承型号后面的/P63是什么意思?看到一个轴承型号NU217/P </t>
  </si>
  <si>
    <t>P63-----轴承后置代号（轴承游隙)。轴承公差等级P6级，径向游隙3组。</t>
  </si>
  <si>
    <t xml:space="preserve">请姐妹们帮我看看，一个月会出现两个低温吗？我是12月4日YJ,周 </t>
  </si>
  <si>
    <t>有可能会出现两个低温,我怀孕前测了6个月,每个月都有两个低温,第二次低温出现后7天来月经,我一直按第一次低温,总怀不上,按第二次低温一次就怀上了,你可能跟我一样,每月排2次卵.这样有生双胞胎的机会.</t>
  </si>
  <si>
    <t xml:space="preserve">同方作为游戏公司为什么不肯多下点工夫在改善游戏运行质量上~“卡”? </t>
  </si>
  <si>
    <t>我爱美丽，我想从新捡起她，擦掉往日的灰尘，找几个好友再在美丽过一段快乐的时光~！但不知道去哪个F`~！有人带带我最好了~！1F人多吗？</t>
  </si>
  <si>
    <t xml:space="preserve">关于男女手淫的问题请回答:1.你十五岁前有过自慰行为吗?2.你十 </t>
  </si>
  <si>
    <t>先解释一下，我15岁半多点开始有第一次性行为。今年19，还没有结婚呢。1有（不过不是用手直接摩擦YD。是双腿夹着被子，枕头之类摩擦来达到高潮。很小就会了，直到现在我也不知道在哪里学会的）2有3有4能接受5能接受6愿意7没有不过我觉得在网上，可能大家都觉得这些问题没有什么，不过要是你在街上问````我想也许情况就不一样了</t>
  </si>
  <si>
    <t xml:space="preserve">谢谢高手的答案~！那我怎么去取刀那快啊？老头还能传送我去吗？我没 </t>
  </si>
  <si>
    <t>老头直接送你到墓6 去的时候记的带上紫水晶  进去进去右跑  进去石头人口中！</t>
  </si>
  <si>
    <t xml:space="preserve">几个词的辨析希望指教英语请问surprising和surpris </t>
  </si>
  <si>
    <t>surprising 描述物（令人害怕的）, surprised 描述人（被吓着了，或感到惊奇）．write to home 好象英语里不能这么说．</t>
  </si>
  <si>
    <t xml:space="preserve">封龙山要门票吗？？？？ </t>
  </si>
  <si>
    <t>正门要票，后门不要要，还得花钱买</t>
  </si>
  <si>
    <t xml:space="preserve">北京哪家医院专治脱肛 </t>
  </si>
  <si>
    <t>您好！二炮总医院[新外大街16号]二龙路医院[下岗胡同1号]北京广安门医院[广安门内北线阁5号]都是肛肠科的专长。望有用。</t>
  </si>
  <si>
    <t xml:space="preserve">寄存几天能到？能不能拿出来用？无 </t>
  </si>
  <si>
    <t>在同村的同仓库寄存，马上就会过去，换了角色就能取出来当然可以拿出来用了，呵呵，寄存一个要花一千元，要选仓库里那个有黄字选项的NPC，只有那项才可以寄存</t>
  </si>
  <si>
    <t xml:space="preserve">湖北金环什么价格卖？ </t>
  </si>
  <si>
    <t>建议目前逢高减仓,</t>
  </si>
  <si>
    <t xml:space="preserve">忧郁症治疗好之后是否复发几率很高呢？ </t>
  </si>
  <si>
    <t>抑郁症能不治自愈吗？要知道人都是情绪动物，偶尔闹点情绪是难免的，但是你想很快走出情绪的低谷，就放开心情去做自己最想做的事，最喜欢做的事，什么也不去想，只要自己开心就好，这样心情就会慢慢好起来的；人无论是身体还是心理，都有一种向健康方向发展的潜力，比如您的身体受了伤，经过一段时间之后它就会复原，而且所受伤的地方比原来抵御能力更强了；人的心理也会像身体一样，当受到伤害之后我们的思想、情感和智慧在潜意识的自愈趋势催化之下，向健康、阳光和快乐的方向发展。 可悲的是我们仅仅看到了受伤的身体的自愈发展趋势，而恰恰忽视了受伤的心灵的自愈发展趋势。所以我们的心灵受到伤害的时候，不少人就以负面的想象扰烦和打乱潜意识的自愈趋势，使自己失去了自己向健康、阳光和快乐的方向发展的方向感或目标，所以也就进入了情绪低落、萎靡不振的抑郁之中而很难走出。在很多身体生病特别是生了重病的人身上，我们看到他们通过生病反而是自己更加看得开、放得下，更加积极而主动的去追求人生的快乐、愉悦和幸福，结果使他们身上的“绝症”消失了，这些人说白了就是他们在自己的疾病中找出了自己更大的生命意义。所以我认为身患抑郁症的人，通过自我的思想、心态、情绪和行为的转变，它是可以自愈的。诗人席慕容说过，人的成长就是一次次的遭遇创伤或挫折，以及一次次的对创伤或挫折进行修复的过程。其实我们每一次对创伤或挫折进行修复的过程，既是习得战胜困难和障碍方法的过程，也是培养和提高追求高峰体验或自我实现的过程，当然也是提高生命质量的过程。我们常说“经风雨见世面”，其实就是经历困难、障碍和挫折，并在困难、障碍和挫折之中学会“执着于所做的事；感觉生命在自己的掌握和控制之中；将困难、障碍和挫折看作是挑战而不是威胁。”通过人类漫长的心路和时间里程，人们总结出了“失即是得”的经验——往往失去一点点将会得到一摞摞！所以用温和的态度看待失落，用积极乐观的心态看待艰难和困苦，将会使我们拥有更大的空间来拥抱新事物、迎接新未来！那么怎样才能做到这些呢？首先，改变自己思想、观念和态度。阿德勒天生体质虚弱、身形佝偻，他自强自立，终成自我界的泰斗；富兰克林胆小如鼠，口吃嗑巴，他到落基山脉赶牛奔跑以及猎熊来增加自己的胆量，把口吃嗑巴当作战斗的嘶鸣，终于使他登上了美国总统的宝座；埃莉诺·罗斯福从小死了母亲，父亲是一个花花公子，七岁以前已吃垃圾为生，七岁之后她性情乖戾、撒谎、偷盗、厌恶他人，通过自我思想、观念和态度的转变成为了著名的“我的日子”的专栏作家，她在民主同情和人类福利方面做出了卓越的贡献；……。我们可以从很多很多的事例中可以明白这样一个道理：每个人都是可爱的，当然包括我们自己；每个人都可以拥有幸福、愉悦、快乐和爱生活，但是我们必须转变自己的思想、观念和态度。所以过去并不能左右自己，关键是现在的思想、观念和态度，放弃和迈过过去，一切重新开始，从头做起，当我们迈出新的一步的时候，我们周围的人就会以欣赏的目光看待我们，进而促使我们重新找回自己的尊严、自信。其次，平和心态，承认现实，顺应自然，学会客观地看自己。在这个世界之上天外有天、人上有人，把我们放在其中绝对是比上不足，比下有余。所以应该自得其乐，自己欣赏自己，始终抱定龚自珍“天生我才必有用”信条，扬长避短，勤奋努力。第三，凡事我们要多看光明积极的一面，比如您上了大学，比起那些高考落榜、整天为生计奔波的同学来说不知优越了多少，有什么理由不自信呢？第四，正视现实正确看待社会、看待人生、看待自己的处境、对应付挫折有心理准备，接受适量的挫折经验，即适当的去“经风雨见世面”。第五，要认识自己所面对的周围环境，并且要调整自己，尽最大可能去适应环境。第六要了解自我，正视自我，找出自己的缺点和不足，正确的看待别人，当在学习、生活中遇到困难、挫折时，要在心里多想一想，为什么会造成这个样子，是什么原因造成的，你可以用什么方法去解决，要认识到消沉、悲观则于事无补，而要振作精神，能解决的就解决，不能解决的则尽力忘掉它。第六，对生活要抱有乐观态度，要以微笑去面对每天的人和事，胸襟要开阔，丰富自己的知识，多交朋友，走出自我的封地。第七，畅所欲言，说出自己的苦恼和心里话，不要对自己要求过高，要现实。第八，相信并运用自己的能力相信自己可以控制生活、改变生活，并能够掌握自己的命运。相信自己可以控制自我、改造自我，并掌握自己的发展道路。第九，掌握缓解心理压力的各种办法：①改变情境，主动脱离引起挫折的情景，通过郊游、登山、体育娱乐等活动放松身心，摆脱挫折感。②发泄法通过倾诉、放声哭等发泄情绪的方法释放内心的压抑③升华情调，把精力投入到更高层次的追求中，以转移对挫折的注意等。实际上，在面临各种各样的压力时，要把它看成是对自身的磨练。人的心理承受能力正是在应付压力的一次次磨练中发展起来的。一个具有足够心理承受能力的人，常常是一个经历过种种曲折的勇敢者。最后需要对您说的是：人一定要有正确的思想观念，有正确的思想观念才会有正确的行为，有正确的行为才会有正确的习惯，有正确的习惯就会有正确的性格，有了正确的性格就会有好的命运。您的一生是否幸福，根源还在您自己的思想观念。只要摆正了思想观念，那么您的一生就会幸福永驻。（作者：杨永龙）</t>
  </si>
  <si>
    <t xml:space="preserve">南京有什么好玩的，好吃的，求推荐，速速端上来呀~~~~~~/z鼓? </t>
  </si>
  <si>
    <t>夫子庙的黄记凉粉必须试试 还有蒋记牛肉锅贴，要配隔壁店的辣糊汤，但蒋记是清真的，不能带不合适的东西进去 还有回味的鸭血粉丝汤 玩的话，去江边的绿博园走走，现在不收门票了 还有总统府，40，成人票价 晚上去一九一二酒吧区转转，有两家间乐吧可以坐坐。南京作为六朝古都。没有什么最好玩的，只是不忘历史罢了，南京的景点有很多，都是人文气息很浓的，南京现在有很多景点都是免费开放的，也足够你好好玩玩了，比如像中山陵、南京大屠杀纪念馆、雨花台烈士陵园、玄武湖都是比较有名的，也都是免费的，还有像总统府、梅园新村、莫愁湖公园、南京红山动物园、栖霞古寺、鸡鸣寺、夫子庙等等，这些都可以让你玩上几天，景色也很不错，至于吃嘛！南京还是一个有很多特色小吃的地方，比较集中的在夫子庙，有很多特色小吃，可以慢慢去品尝，还有就是狮子桥，也有很多小吃的，要是购物的话，南京新街口和水游城等等都是很好的购物天堂，也是娱乐与休闲为一体的购物广场</t>
  </si>
  <si>
    <t xml:space="preserve">单练或者2人小队大家给推荐个单练或者2人小对杀伤力强的搭配就说职 </t>
  </si>
  <si>
    <t>单练攻击高的莫过于黑WS跟XL的搭配,如果你只是在乎攻击高,那么黑WS是最好的选择.这是法师系选择,战士系则是鸡眼跟先知的搭配攻击高.或者破坏跟先知,能抗能打.</t>
  </si>
  <si>
    <t>极品7……极品7里Mx</t>
  </si>
  <si>
    <t>车小,好控制,但相比同样是MAZDA的RX7就逊色多了</t>
  </si>
  <si>
    <t xml:space="preserve">最近买了款偏光太阳镜,100%防紫外线,但是特贵,不理解什么叫做? </t>
  </si>
  <si>
    <t>用物理上的偏振原理降低天空的紫外线，以及水面、金属和玻璃表面的反光，所以叫偏光镜,适合开车，钓鱼等</t>
  </si>
  <si>
    <t xml:space="preserve">80成品绿火鞋子问价所有9敏+12反击3速度80绿出躲避24绿速 </t>
  </si>
  <si>
    <t>绿的很好，24的法闪，但是绿速不高，个人认为2卡+</t>
  </si>
  <si>
    <t xml:space="preserve">为什么我要转角色,里面没有我的名字,请问,为什么我要把角色转到另 </t>
  </si>
  <si>
    <t>80级一下的角色是不可以转的。。。</t>
  </si>
  <si>
    <t xml:space="preserve">广州那边关于动漫周边有没集中的批发市场,有什么公司做的比较大? </t>
  </si>
  <si>
    <t xml:space="preserve">广州有啊，在一德路万菱广场，还有国际玩具城都有专门的动漫批发店。也可以看看我们的店，我们也是在一德路万菱广场批发的。 </t>
  </si>
  <si>
    <t xml:space="preserve">哈里波特系列最后一本的名字是拟定叫什么... </t>
  </si>
  <si>
    <t xml:space="preserve">《哈里·波特与福马特金字塔》。 </t>
  </si>
  <si>
    <t xml:space="preserve">书法家并称"宋四家"指的是谁?谢谢. </t>
  </si>
  <si>
    <t xml:space="preserve">苏轼、黄庭坚、米芾、蔡襄被称为最能代表宋代书法成就的书家，被称为“宋四家”。  苏轼(1037年－1101年)        字子瞻，号东坡居士，四川眉山人。北宋著名家、书画家。诗词开豪放一派，为唐宋八大家之一。       他和他的父亲苏洵，弟弟苏辙以诗文称著于世，世称"三苏"。  苏轼少负才名，博通经史。宋嘉佑二年（1057年）进士，曾官礼部尚书，翰林学士等职。他一生坎坷，多次被贬官放逐。他在宋神宗时曾受重用，然因新旧党争，屡遭贬抑，出任杭州、密州、徐州、湖州等地方官；又因作诗"讪谤朝政"，被人构陷入狱。出狱后贬黄州。此后几经起落，再贬惠州、琼州，一直远放到儋州（今海南儋县），从此随缘自适，过着读书作画的晚年生活。直到元符三年（1100年）宋徽宗即位，他才遇赦北归。建中靖国元年（1101年）七月死于常州。  苏轼为人正直、性旷达，才华横溢，诗词文赋而外，对书画也很擅长，他的书法从"二王"，颜真卿，柳公权，褚遂良，徐浩，李北海，杨凝式各家吸取营养，在继承传统的基础上努力革新。他讲自己书法创作过程时说："作字之法，识浅见狭学不足，三者终不能尽妙，我则心目手俱得之矣。"他又说："我书意造本无法，点画信手烦推求。"他重在写"意"，寄情于"信手"所书之点画。苏轼的字看似平实、朴素，但有一股汪洋浩荡的气息，就像他渊厚的学问一样，神龙变化不可测。 他长于行书、楷书， 笔法肉丰骨劲， 跌宕自然， 给人以"大海风涛之气"、"古槎怪石之形"的艺术美感。 苏轼的书法，后人赞誉颇高。黄庭坚他在《山谷集》里说："其书姿媚……至酒酣放浪，意忘工拙，字特瘦劲……至于笔圆而韵胜，挟以文章妙天下，忠义贯日月之气，本朝善书，自当推（苏）为第一"。明董其昌盛赞他"全用正锋，是坡公之兰亭也"。传世书迹有《前赤壁赋》、《黄州寒食诗帖》、《洞庭春色赋》、《中山松醪赋》等。  作品欣赏：  《前赤壁赋》.北宋苏轼行楷书。素笺墨迹卷。纵23.9公分，M258公分。字共六十六行。前五行三十六字已缺，由明代文徵明补书。台北故宫博物院藏。  神宗元丰五年（1082）七月十六日，苏轼与友人乘舟游览 州城外赤鼻 ，遥想八百多年前，三国时代孙权破曹军的赤壁之战，作《赤壁 》，表达对宇宙及人生的看法。同年十月重游，又写了一篇《后赤壁 》，两文后世传诵不绝，是文学史上著名的杰作。本卷为友人傅尧俞（1024~1091）书前赤壁 ，自识："去岁作此 "，所以知道是元丰六年书，时四十八岁。  此卷行楷书，结字矮扁而紧密，笔墨丰润沉厚，是苏轼中年时期少见的用意之作。《石渠宝笈》载：卷高七寸五分，横七尺二寸五分。卷后有文徵明、董其昌等人跋，董跋称："东坡先生此赋楚骚之一变，此书《兰亭》之一变也。"又称："此赤壁赋庶几所谓欲透纸背者，乃全用正锋，是坡公之'兰亭'也。"此帖运笔古拙内涵，非寻常苏轼法书可比。  《黄州寒食诗帖》  :《黄州寒食诗帖》苏轼撰诗并书， 墨迹素笺本， 横34.2厘米，纵18.9厘米，行书十七行，129字， 现藏台湾故宫博物院 ，一说存台湾私人手中。 无款及年月，实际上写于宋神宗元丰五年（公元1082年），那时苏轼因宋朝最大的文字狱"乌台诗案"受新党排斥，贬谪黄州团练副使，在精神上感到寂寞，郁郁不得志，生活上穷愁潦倒，在被贬黄州第三年的寒食节作了二首五言诗： 自我来黄州，已过三寒食。年年欲惜春，春去不容惜。 今年又苦雨，两月秋萧瑟。卧闻海棠花，泥污燕支雪。暗中偷负去，夜半真有力，何殊病少年，病起头已白。 春江欲入户，雨势来不已。小屋如渔舟，蒙蒙水云里。空庖煮寒菜，破灶烧湿苇。那知是寒食，但见乌衔纸。君门深九重，坟墓在万里。也拟哭途穷，死灰吹不起。  《黄州寒食诗帖》彰显动势，洋溢着起伏的情绪。诗写得苍凉惆怅，书法也正是在这种心情和境况下，有感而出的。通篇起伏跌宕，迅疾而稳健，痛快淋漓，一气呵成。苏轼将诗句心境情感的变化，寓于点画线条的变化中，或正锋，或侧锋，转换多变，顺手断联，浑然天成。其结字亦奇，或大或小，或疏或密，有轻有重，有宽有窄，参差错落，恣肆奇崛，变化万千。难怪黄庭坚为之折腰，叹曰："东坡此诗似李太白，犹恐太白有未到处。此书兼颜鲁公、杨少师、李西台笔意，试使东坡复为之，未必及此。"(《黄州寒食诗跋》)董其昌也有跋语赞云："余生平见东坡先生真迹不下三十余卷，必以此为甲观"。《黄州寒食诗帖》是苏轼书法作品中的上乘，在书法史上影响很大，元朝鲜于枢把它称为继王羲之《兰亭序》、颜真卿《祭侄稿》之后的"天下第三行书"。黄庭坚(1045年-1105年)        字鲁直，号山谷道人，后世称他黄山谷，晚号涪翁，洪州分宁（今江西修水）人。北宋诗人，书法家。       英宗治平四年(1067)进士。神宗熙宁三年（1070年），王安石为宰相，实行新法遭到以司马光为首的保守派猛烈反对。后来新旧两党斗争愈演愈烈，一直延续到北宋灭亡。在这场斗争中，黄庭坚站在旧党一边，他虽然没有积极参加这场斗争，但他的一生一直卷在斗争的旋涡里。  黄庭坚出于苏轼门下，与张来、秦观、晁补之并称为"苏门四学士",后与苏轼齐名，世称"苏黄"。他最重要的成就是诗。诗论标榜杜甫，但是强调读书查据，以故为新，"无一字无来处"和"脱胎换骨，点铁成金"之论。他在宋代影响颇大，开创了江西诗派。他又能词，兼擅行、草书。  书法初以周越为师，后取法颜真卿及怀素，受杨凝式影响，尤得力于《痊鹳铭》，笔法以侧险取势，纵横奇倔，字体开张，笔法瘦劲，自成风格。《宋史•文苑传》称他："庭坚学问文章，天成性得，陈师道谓其诗得法杜甫，善行草书，楷法亦自成一家。与张耒、晁补之、秦观俱游苏轼门，天下称为四学士。"他自己说："余学草书三十余年，初以周越为师，故二十年抖擞俗气不脱。晚得苏才翁，子美书观之，乃得古人笔意。其后又得张旭，怀素，高闲墨迹，乃窥笔法之妙。"他著名的书迹有《松风阁诗》、《黄州寒食诗跋》、《花气熏人帖》、《虹县诗》等。 作品欣赏：   《松风阁诗帖》:松风阁诗帖》是黄庭坚七言诗作并行书，墨迹纸本，纵32．8厘米 横219．2厘米，全文计29行，153字。台北故宫博物院藏。  松风阁在湖北省鄂州市之西的西山灵泉寺附近，海拔160多米，古称樊山，是当年孙权讲武修文、宴饮祭天的地方。宋徽宗崇宁元年（1102）九月，黄庭坚与朋友游鄂城樊山，途经松林间一座亭阁，在此过夜，听松涛而成韵。"松风阁诗"，歌咏当时所看到的景物，并表达对朋友的怀念。《松风阁诗帖》是黄庭坚晚年作品，黄庭坚一生创作了数以千百的行书精品，其中最负盛名者当推《松风阁诗帖》。其风神洒荡，长波大撇，提顿起伏，一波三折，意韵十足，不减遒逸《兰亭》，直逼颜氏《祭侄》，堪称行书之精品。  《松风阁诗帖》经宋、元、明、清辗转流传，宋朝为向民收藏，后归贾似道，又迭经明顶元汴、清安岐，而入清内府。清道光年间此帖曾到鄂籍王家璧(孝凤)手中。王家璧于道光二十四年(1844年)中进士，授兵部主事，任顺天(河北)乡试誊录官、会试受卷官之职，乘任职之便，有心搜集到鄂州之故物黄庭坚《松风阁诗卷》和宋代蔡襄墨迹等传世文物，携带回鄂。道光举人柯茂枝题《黄山谷松风阁诗卷并序》序曰："王孝凤武部得此卷于柳君吕臣，盖元时长公主家故物，上有名贤十数人诗跋，又常为携李天籁阁所藏，项子京卞令之私印尤多，询希之珍也。尾不署涪翁(山谷)名字，纸色、绢色尚觉鲜好，然神采奕奕，尚非翻身凤凰。武昌(鄂州)传涪翁以松风阁一诗，然阁不时废，诗为世共独，此一墨宝，历数朝后复入吾邑士大夫手，山川笔墨之缘岂偶然哉。爱玩之久，为次原韵以赋其事，时咸丰九年(1859年)春三月。"  《花气熏人帖》 : 黄庭坚《花气熏人帖》草书，纸本。现藏台北故宫博物院。帖上有南宋「缉熙殿宝」的印，入过南宋内府。也有清代著名的大收藏家安仪周的收藏印安歧。米芾（1051-1107）        字元章，号襄阳漫士、海岳外史、鹿门居士。祖籍山西太原，后定居江苏镇江。       因他个性怪异，举止颠狂，遇石称"兄"，膜拜不已，因而人称"米颠"。徽宗诏为书画学博士，人称"米南官"。米芾能诗文，擅书画，精鉴别，集书画家、鉴定家、收藏家于一身，他在"宋四书家"中首屈一指。其书体潇散奔放，又严于法度。《宋史•文苑传》说："芾特妙于翰墨，沈著飞，得王献之笔意。" 米芾平生于书法用功最深，成就最大。他少时苦学颜、柳、欧、褚等唐楷，打下了厚实的基本功。苏轼被贬黄州时，他去拜访求教，东坡劝他学晋。元丰五年（1082）开始，米芾潜心魏晋，以晋人书风为指归，寻访了不少晋人法帖，连其书斋也取名为"宝晋斋"。今传王献之墨迹《中秋帖》，据说就是他的临本，形神精妙至极。米芾一生转益多师，在晚年所书《自叙》中也这样说道："余初学，先学写壁，颜七八岁也。字至大一幅，写简不成，见柳而慕其紧结，乃学柳《金刚经》。久之，知其出于欧，乃学欧。久之，如印板排算，乃慕褚而学最久，又摩段季转折肥美，八面皆全。久之，觉段全泽展《兰亭》，遂并看法帖，入晋魏平淡，弃钟方而师师宜宫，《刘宽碑》是也。篆便爱《咀楚》、《石鼓文》。又悟竹简以竹聿行漆，而鼎铭妙古老焉。"米芾自称自己的作品是"集古字"，对古代大师的用笔法、章法及气韵都有深刻的领悟，这也在一定程度上说明了米芾学书在传统上下了很大功夫。米芾未卷入政治漩涡，生活相对安定，后当上书画博士，饱览内府藏书，熟谙千载故事，古人得失，如数家珍。 米芾以书法名世，他的成就完全来自后天的苦练，米芾每天临池不辍，史料记载："一日不书，便觉思涩，想古人未尝半刻废书也。""智永砚成臼，乃能到右军(王羲之)，若穿透始到钟(繇)、索(靖)也，可永勉之。"他儿子米友仁说他甚至大年初一也不忘写字。(据孙祖白《米芾米友仁》)。米芾作书十分认真，自己说："佘写《海岱诗》，三四次写，间有一两字好，信书亦一难事"(明范明泰《米襄阳外记》)。一首诗，写了三四次，还只有一两字自己满意，其中的甘苦非个中行家里手不能道，也可见他创作态度的严谨。 米芾的书法在宋四家中，列苏东坡和黄庭坚之后，蔡襄之前。然如果不论苏东坡一代文宗的地位和黄庭坚作为江西诗派的领袖的影响，但就书法一门艺术而言，米芾传统功力最为深厚，尤其是行书，实 出二者之右。明代董其昌《画禅室随笔》谓："吾尝评米字，以为宋朝第一，毕竟出于东坡之上。即米颠书自率更得之，晚年一变，有冰寒于水之奇。"皇帝的询问书法，米芾自称自己是"刷字"，明里自谦而实点到精要之处，"刷字"，体现他用笔迅疾而劲健，尽兴尽势尽力。他的书法作品，大至诗帖，小至尺牍、题跋都具有痛快淋漓，欹纵变幻，雄健清新的特点。 从现存的近六十幅米芾的手迹来看，"刷"这一个字正将米字的神采活脱脱地表现出来，无怪乎苏东坡说："米书超逸入神。"又说"海岳平生篆、隶、真、行、草书，风樯阵马。沉著痛快，当与钟王并行。非但不愧而已。"米芾的书法影响深远，尤在明末，学者甚众，像文徵明、祝允明、陈淳、徐渭、王觉斯、傅山这样的大家也莫不从米子中取一"心经"，这种影响一直延续到现在。米芾除书法达到极高的水准外，其书论也颇多。著有《书史》、《海岳名言》、《宝章待访录》、《评字帖》等。显示了他卓越的胆识和精到的鉴赏力，对前人多有讥贬，然决不因袭古人语，为历代书家所重，但过头话也不少，诮颜柳、贬旭素，苛刻求疵。  米芾传世墨迹主要有《苕溪诗卷》、《蜀素帖》、《方圆庵记》、《天马赋》等，而翰札小品尤多。  米芾擅水墨山水，人称"米氏云山"，但米芾画迹不存在于世。但目前唯一能见到的，也很难说是真正意义上的"米画"--《珊瑚笔架图》，画一珊瑚笔架，架左书"金坐"二字。然后再加上米点和题款，米家山水便赫然而出。米芾以画代笔，颇有意趣。  作品欣赏：  《珊瑚帖》:米芾《珊瑚帖》，行书。又名《珊瑚笔架图》《珊瑚帖》，《复官帖》附于《珊瑚帖》之后，又名《珊瑚复官二帖》。纸本墨笔 ，分别为纵26．6cm，横47．1cm；纵 27．1cm，横 49．9cm。北京故宫博物院藏。 此帖是米芾晚年的著名行书书迹，其书较中年以往作品，字态尤奇异超迈，随意而书，神韵自然，且用笔丰肥豪健，宽绰疏朗。如元代虞集评言："神气飞扬，筋骨雄毅，而晋魏法度自整然也"，元代施光远称其"当为米书中铭心绝品，天下第一帖"。  《珊瑚帖》用的书写材料也很特殊，同的是竹纸，浅黄色，纸上竹纤维束较多。据说这是迄今发现最早的用竹纸写的作品。  《珊瑚帖》 曾经南宋内府，元郭天锡、季宗元、施光远、肖季馨，清梁清标、王鸿绪、安岐、永[王星]、裴伯谦递藏。后归张伯驹。1956年张伯驹捐献文化部文物局，拨故宫博物院藏。《墨缘汇观》、《平生壮观》、《云烟过眼录》、《大观录》、《壮陶阁书画录》著录。  《蜀素帖》:米芾《蜀素帖》，亦称《拟古诗帖》，墨迹绢本，行书。纵29.7厘米，横284.3厘米；书于宋哲宗元 三年（1088），米芾三十八岁时，共书自作各体诗八首，计71行658字，署黻款。  "蜀素"是北宋时四川造的质地精良丝绸织物，上织有乌丝栏，制作讲究。有个叫邵子中的人把一段蜀素 裱成卷，以待名家留下墨宝，因为丝绸织品的纹罗粗糙，滞涩难写，故非功力深厚者不敢问津。《蜀素帖》经宋代湖州（浙江切耍┛な亓窒Ｊ詹囟赆幔恢钡奖彼卧v三年八月，米芾立林希邀请， 伴 览太湖近郊的苕溪，林希取出珍藏的蜀素卷， 米芾书写，米芾才胆过人，当仁不让，一口气写了自作的八首 。此帖用笔多变，正侧藏露，长短粗细，体态万千，充分体现了他"刷字"的独特风格。因蜀素粗糙，书时全力以赴，故董其昌在《蜀素帖》后跋曰："此卷如狮子搏象，以全力赴之，当为生平合作"。 另外，由于丝绸织品不易受墨而出现了较多的枯笔，使通篇墨色有浓有淡，如渴骥奔泉，更觉精彩动人。  《蜀素帖》明代归项元汴、董其昌、吴廷等著名收藏家珍藏，清代落入高士奇、王鸿绪、傅恒之手，后入清内府，现存台湾故宫博物院。 蔡襄（1012－1067）        字君谟，兴化（今福建仙游）人。       天圣八年（1030）进士，先后在宋朝中央政府担任过馆阁校勘、知谏院、直史馆、知制诰、龙图阁直学士、枢密院直学士、翰林学士、三司使、端明殿学士等职，并出任福建路（今福建福州市）转运使，知泉州、福州、开封（今河南开封市）和杭州府事。卒赠礼部侍郎，谥"忠惠"。蔡襄为人忠厚、正真，讲究信义，学识渊博。书法史上论及宋代书法，素有"苏、黄、米、蔡"四大书家的说法，他们四人被认为是宋代书法风格的典型代表。"宋四家"中，前三家分别指苏轼（东坡）、黄庭坚（涪翁）和米芾（襄阳漫士）。宋四家中，蔡襄年龄辈份，应在苏、黄、米之前。从书法风格上看，苏武丰腴跌宕；黄庭坚纵横拗崛；米芾俊迈豪放，他们书风自成一格，苏、黄、米都以行草、行楷见长，而喜欢写规规矩矩的楷书的，还是蔡襄。蔡襄书法其浑厚端庄，淳淡婉美，自成一体。展卷蔡襄书法，顿觉有一缕春风拂面，充满妍丽温雅气息。  蔡襄其书法在其生前就受时人推崇备至，极负盛誉，最推崇他书艺的人首数苏东坡、欧阳修。苏东坡在《东坡题跋》中指出："独蔡君谟天资既高，积学深至，心手相应，变态无穷，遂为本朝第一。然行书最胜，小楷次之，草书又次之……又尝出意作飞白，自言有翔龙舞凤之势，识者不以为过。""欧阳修对蔡襄书法的评价真是到了无以复加的地步：欧阳修说："自苏子美死后，遂觉笔法中绝。近年君漠独步当世，然谦 让不肯主盟。"（《欧阳文忠公集》）黄庭坚也说："苏子美、蔡君漠皆翰墨之豪杰。"（《山谷文集》）北宋科学家沈括，在《梦溪笔谈》中，评论蔡襄的 草书曰："以散笔作草书，谓之散草，或曰飞草，其法皆生于飞白，自成一家。存张旭怀素之古韵，有风云变幻之势，又纵逸而富古意。"  《宋 史•蔡襄传》称他："襄工于手书，为当世第一，仁宗尤爱之。"许将《蔡襄传》说："公于书画颇自惜，不妄为人，其断章残稿人悉珍藏，仁宗尤爱称之。"朱长文《续书断》：蔡襄书颇自惜重，不轻为书，与人尺牍，人皆藏以为宝。仁宗深爱其迹……及学士撰《温成皇后碑》文，敕书之，君谟辞不肯书，曰：'此待诏职也。儒者之工书，所以自游息焉而已，岂若一技夫役役哉？  从以上三段记载中，可以知道，蔡襄书法从当朝皇上到普通百姓都十分珍惜。由于他颇自惜，不妄为人书 ，所以传世作品较少。 另外可以看出当时书坛的风气已完全转向了诗文尺牍，而书碑则被看作是一技夫役役之事，为士大夫所不屑为，甚至连帝王的敕命也已不能左右之。这与唐代以前的情况有着根本的不同。  蔡襄不是一个开宗立派的大师。总体上看，他的书法还是恪守晋唐法度，创新的意识略逊一筹。但他却是宋代书法发展上不可缺的关纽人物。他以其自身完备的书法成就，为晋唐法度与宋人的意趣之间搭建了一座技巧的桥梁。蔡襄传世墨迹有《自书诗帖》、《谢赐御书诗》，以及《陶生帖》《郊燔帖》《蒙惠帖》墨迹多种，碑刻有《万安桥记》、《昼锦堂记》及鼓山灵源洞楷书 "忘归石、""国师岩"等珍品。 《自书诗卷》：蔡襄《自书诗卷》，素笺本，纵28.2厘米、横221.1厘米。藏故宫博物院。 此帖是蔡襄诗稿的一部分，共录十一首诗。内容包括《南剑州芋阳铺见腊月桃花》《书藏处士屋壁》《题龙纪僧居室》《题南剑州延平阁》《自渔梁驿至衢州大雪有怀》《福州宁越门外石桥看西山晚照》《杭州临平精严寺西轩》《崇德夜泊寄福建提刑章屯田思钱唐春月并游》《嘉禾郡偶书》《无锡县吊浮屠日开》《即惠山泉煮茶》等。  《自书诗帖》作于皇 二年（1056年），正是被召自福建重归汴京（北宋都城，今河南开封）的中途。时年40岁，正不惑之年，中年蒙用，迟来还是不掩快意。着笔间，令人直睹心境的轻快。通篇流畅自然， 沉稳端丽，婉约淡雅，蕴藉清隽。作起首行中带楷，十分用意，渐次流畅不拘，溢而为行草，最后挥洒为小草，越到后来越潇洒自如，所以后人评为："此公第一小行书"。  蔡襄《万安桥记》，楷书。洛阳桥原名万安桥，在福建省泉州市鲤城区洛阳镇洛阳江上。由于洛阳江入海口过去称为万安渡口，所以当地人又称洛阳桥为万安桥。洛阳桥是北宋泉州太守蔡襄倡建。北宋皇佑五年（1053 年）开始动工，历6年8个月竣工。桥建在江海交汇处，水阔浪急，工程非常艰巨。当时的劳动人民首创"筏型基础"来建造桥墩，并发明了"殖蛎固基"。以固桥基。使往来行旅"去舟而徒，易危为安"。洛阳桥规模宏伟，原长1200米，阔5米许，桥墩46座，桥栏柱500根，石狮28只，石亭7座，石塔5座。现存桥长834米、宽7米。残存船形桥墩31座。洛阳桥附属文物很多，其中最引人注目的是桥南的"忠惠蔡公祠"内，蔡襄自撰亲书的《万安桥记 》碑，此碑不仅书法端庄沉着，而且文字精炼，工刻细致，誉为文、书、镌"三绝"。  《万安桥记》：《万安桥记》全文共153字，用楷体书写，记载造桥的时间、年代、桥的长宽、花费的银两，参与的人物等，分刻在两石碑上，每碑高2.89米，宽1.46米，厚0.3米，碑字分为6行，每字长1.8厘米，宽1.5厘米，现存碑刻有二，一为损毁后，于1963年摹拟原作重刻；另一为北宋原刻，原露天崖刻于岸左，宣和间（1119－1125年）由在泉州任市舶司后为知州的蔡襄曾孙蔡桓拓本重刻立于祠内。《万安桥记》碑为洛阳桥增辉不少。 </t>
  </si>
  <si>
    <t xml:space="preserve">为什么注册了进游戏说密码错误? </t>
  </si>
  <si>
    <t xml:space="preserve"> 你的账号在一个工作日激活，也就是说你要等上8个小时！才可以进入游戏！</t>
  </si>
  <si>
    <t xml:space="preserve">请教混油漆的施工工艺?以及整个流程?知道施工有清油漆\混油漆清油 </t>
  </si>
  <si>
    <t>混漆与清漆的施工方法差不多：底面处理、底漆、刮腻子、打砂纸、面漆（注意：不漏底、不流）。通常，同型号的清漆要稍贵些。不同型号的油漆，工艺相差很大：自干漆？烤漆？刷涂？喷涂？浸涂？静电？...价格相差也很大！酚醛调和漆较便宜，氟碳漆较贵，价格能相差十几倍，具体价格不祥，还有不少新品种，贵的有上百元一公斤。看你用在什么地方，不是越贵越好，按需采用。例如上述氟碳漆，附着力强、抗老化好，适用于室外露天金属物品涂装。室内普通家具用调和漆足以。中高档木器家具涂装硝基漆的工艺很复杂，不多说了，如有需要，再联系！</t>
  </si>
  <si>
    <t xml:space="preserve">数学问题数学符号~与—有什么区别，例如：60~100和60—10 </t>
  </si>
  <si>
    <t>一般地,在数学上60~100表示大于等于60而小于100的实数:[60,100).60-100应该是大于等于60而小于等于100</t>
  </si>
  <si>
    <t xml:space="preserve">宠物中途放弃可以再领吗？怎么领？ </t>
  </si>
  <si>
    <t>宠物中途放弃不可以再领24小时内必须呵护1次才不会消失 然后消失放弃以后也不能再接了</t>
  </si>
  <si>
    <t xml:space="preserve">工厂里SQE的工作职责是什么？1、SQE如何审核供应商，新供应商 </t>
  </si>
  <si>
    <t>1.大专或以上学历，两年以上供应商品质经验2.熟悉供应商开发/评鉴/稽核/辅导/品质异常处理等供应商管理工作3.熟悉品质系统的运作,能够熟练运用各类品质管理手法4.熟悉RoHS/FMEA/DOE/8D等相关知识5.英语四级(含)以上,具有较强的读/写及口语交流能力我们公司招募SQE的标准没做过是编不出经历的</t>
  </si>
  <si>
    <t xml:space="preserve">请问如何加好友？请问大家如何加好友，有经验的朋友请指教 </t>
  </si>
  <si>
    <t>到你想加的人的主页去，在右手边‘他的好友’下边有一个‘ 为好友吧’，对方同意就添加成功了，有些麻烦，不过没其他的办法，你试试。</t>
  </si>
  <si>
    <t xml:space="preserve">太阳和九大行星来自同一星云还是不同星云 </t>
  </si>
  <si>
    <t>同一星云。有一种说法简单的说是这样的：银河系的旋臂处（这里是气体、尘埃密集的地方，也就是诞生恒星的地方）的恒星爆发，抛出大量的气体、尘埃，中心处凝聚成太阳，周围的凝聚成行星！</t>
  </si>
  <si>
    <t xml:space="preserve">男人最喜欢女人吻哪里? </t>
  </si>
  <si>
    <t>先尝试不同的部位，她会告诉你愉悦的感受。别问人家，只有她自己知道。</t>
  </si>
  <si>
    <t xml:space="preserve">如何操作系统一开机,腾讯TM的图标就出现在桌面的任务栏里,登录Q </t>
  </si>
  <si>
    <t>这个主要是你的电脑被安装的流氓插件造成的…………建议卸载所有流氓插件，修复你的浏览器…………下载安装360安全卫士查杀恶意软件，修复你的浏览器………360安全卫士正式版官方网站主页： 360安全卫士是一款安全类上网辅助软件，它拥有查杀恶意软件，插件管理，病毒查杀,诊断及修复,保护等数个强劲功能，同时还提供弹出插件免疫，清理使用痕迹以及系统还原等特定辅助功能。 360安全卫士适用于windows2k/xp系统。 360安全卫士是由奇虎网推出的一款全免费产品。开始菜单——运行——输入msconfig,启动项全部禁用………………大胆使用，不要怕……………………重启后，系统会自动加载必要程序………………恢复输入法，运行ctfmon………………</t>
  </si>
  <si>
    <t xml:space="preserve">请教馨承泽陵大师我家客厅墙面是白色，电视墙是黄金色墙纸，顶灯是水 </t>
  </si>
  <si>
    <t xml:space="preserve">从水晶灯、黄金色墙纸来看，建议真皮沙发用常见的深棕色。从颜色上他们是一个色系，却有层次的区别，是比较和谐的，也能烘托金色的高贵华丽。 但是，因为棕色皮沙发的样式多比较老气，建议你在样式上注意选择比较新颖的，或者其扶手的颜色能够跳跃出深色(如白色、灰色、米黄色)。 </t>
  </si>
  <si>
    <t xml:space="preserve">想考研但不知如何下手准备我读大二，是名大专生，报了自考本科，课程 </t>
  </si>
  <si>
    <t>如果你要考研的话 得等你的自考本科的毕业证下来以后才行那时才可以以本科的身份报考（否则你是专科得等2年以后以同等学力报考）考研的话你先要考虑清楚打算考什么专业，然后打算报哪个学校 这些起码心里要有底然后就是着手准备  我觉得报一个考研的辅导班有人带着你比较好因为除了公共课的准备一般要有什么考研的相关信息它也会给你的你也可以不报班自己准备公共课  转年一月份统考然后根据你的成绩决定你是否进入三月份的复试（也就是面试啦）还要跟导师联系等等貌似就这些 祝你成功！</t>
  </si>
  <si>
    <t xml:space="preserve">工业激光打标机产生的激光属于电磁辐射吗？我妻子从事激光打标工作， </t>
  </si>
  <si>
    <t xml:space="preserve">    激光是高能量的光波。具有高亮度、单色性、方向性等特点。需要防护的不是激光打标机打标的激光，而是产生激光的装置（机头）。电磁辐射一般来讲，已经被金属外壳屏蔽。合格的产品电磁辐射必定是安全的。    防电磁波辐射衣服对电磁波的屏蔽原理也是与金属外壳屏蔽一样。应当说明，电磁辐射与核辐射是完全的两类，不可混淆。电磁辐射一般不用防辐射衣服。</t>
  </si>
  <si>
    <t xml:space="preserve">用什么打开请问用什么软件打开后缀名gsp的文件? </t>
  </si>
  <si>
    <t xml:space="preserve">GSP文件需下载几何画板才可打开．几何画板４．０下载地址： </t>
  </si>
  <si>
    <t xml:space="preserve">化学式，分子式，结构式，实验式有何不同？ </t>
  </si>
  <si>
    <t>化学式包括离子化合物，共价化合物NaCl,H2O...分子式不能用于离子化合物比如H2O,HF...结构式是有机的，比如乙醇化学式C2H6O结构式是CH3CH2OH实验式是，比如乙炔C2H2和苯C6H6实验式都是(CH）n</t>
  </si>
  <si>
    <t xml:space="preserve">激光脱毛与光子嫩肤是一回事吗？是不是脱毛后毛孔会很大，那还叫嫩肤? </t>
  </si>
  <si>
    <t xml:space="preserve">    激光脱毛跟光子嫩肤不是一回事，激光脱毛是一种脱毛的手术，而光子嫩肤是的，可以让自己的肌肤更加娇嫩白皙的一种效果。还有，使用激光脱毛后毛孔不会变大的。不过在治疗的过程中有些痛。不会影响排汗跟肌肤呼吸。下面是光子嫩肤跟激光脱毛的介绍。最下面是激光脱毛的有关事项~    据专家们介绍，光子嫩肤术又叫强脉冲光技术，它是以特定范围波长的强脉冲光照射皮肤，皮肤中的黑色素和血管中的血红蛋白吸收光子能量后，在瞬间被加热到高温而被破坏，同时胶原纤维间的水分也会吸收热量，从而刺激纤维母细胞增生，使真皮胶原结构发生重建。而且由于脉冲能量和时间控制得当，正常的皮肤组织对这些波长的光子能量吸收很少，因而几乎不受损伤。治疗后随着机体对破坏色素和血红蛋白的吸收，以及真皮胶原纤维的结构重建，皮肤会恢复光洁细腻的年轻状态。  “光子”技术起初主要应用于皮肤科临床治疗皮肤毛细血管扩张和血管瘤。现在，光子技术还被发现可以有效治疗皮肤表面色素斑，改善皮肤的质量，如弹性、光泽和细腻程度等。光子嫩肤应运而生，并迅速被推广到欧洲和包括中国在内的亚洲国家和地区，成为当今全球医疗美容的新时尚。生物刺激作用　   光子嫩肤仪特定宽光谱的强脉冲光作用于皮肤组织产生光热作用和光化学作用，使深部的胶原纤维和弹力纤维重新排列，并恢复弹性，同时，血管组织功能增强，循环改善。这些作用的共同存在令面部皮肤皱纹消除或减轻，毛孔缩小。光热解原理　　光子嫩肤仪特定宽光谱的强脉冲光能够穿透皮肤，被组织中色素团及其血管优先选择吸收，在不破坏正常皮肤的前提下，使血管凝固，色素团和色素细胞破坏、分解，从而达到治疗毛细血管扩张、色素斑的效果。它使用专利截止技术，将输出的波长控制在400nm—1200nm之间，达到嫩肤、脱毛、治疗痤疮的三重功效。    总的来说，光子嫩肤实际上就是利用脉冲强光（intensive pulse light, IPL）对皮肤进行一种带有美容性质的治疗，其功能是消除/减淡皮肤各种色素斑、增强皮肤弹性，消除细小皱纹、改善面部毛细血管扩张、改善面部毛孔粗大和皮肤粗糙，也能改善发黄的皮肤色彩等。    以下四类人是比较合适做光子嫩肤治疗的：    第一类人群：面部有点状的色素斑，无论是日光性的还是雀斑，通常这些斑给你的感觉是一种"脏脸"的感觉，尽管常用粉去遮盖，但总也不能遮盖掉。这类人是比较合适做光子嫩肤治疗的。    第二类人群：面部开始出现松弛，细小皱纹，出现老年性皮肤改变。这类人也比较合适进行光子嫩肤治疗。    第三类人群：想改变皮肤质地，希望皮肤的弹性更好，皮肤更光滑，改善皮肤晦暗。    第四类人群：面部皮肤粗糙、毛孔扩大、青春痘印记、面部毛细血管扩张。这类人可以选择光子嫩肤治疗。    通常前三类人群的治疗效果要明显一些，第四类人群的治疗效果相对要差一些。另外，光子嫩肤同其他美容治疗一样，如果您的皮肤条件越好，治疗的效果也越好，如果你的皮肤先天条件不理想，光子嫩肤治疗虽然有不俗的表现，但总的来说要差一些。    光子嫩肤治疗非常安全，几乎没有什么禁忌，但是以下患者的治疗最少要给予必要的重视：    光敏感者及近期有光敏感药物应用的患者。这种人对光敏感，治疗后容易出现皮肤损伤。    妊娠女性。因为治疗有不同程度的疼痛，理论上不能完全排除对胎儿发育可能存在的潜在的影响。    系统使用维甲酸（最少在停止使用2月后方能治疗）。这类患者可能会有潜在的皮肤修复功能的暂时性的削弱。    黄褐斑患者的治疗要慎重，在大多数情况下光子嫩肤并不能解决黄褐斑的治疗问题，相反有时会使情况变得更糟糕。    对治疗效果抱有不切实际期望的患者。光子嫩肤虽然具有突出的美容能力，但是她仅仅是一种非常普通的医疗项目，不要渲染和神化，没有改变您皮肤性质的能力，不要抱不切实际的期望。 　　忠告一 　　嫩肤并不适合所有人 　　光子嫩肤是利用全光谱光线，针对皮肤正常组织和病变组织中所含的色团性质、深度和体积对光的吸收差异而达到美容效果。对去除因长期紫外线照射所引起的色素斑、毛细血管扩张（酒渣鼻、红血丝等）疗效较好。但这种新技术并非适合所有人，在光子嫩肤前必须进行光过敏测试和皮肤病诊断，然后在医生指导下进行。 　　建议肤色较黑、色素容易沉着的人最好不要做光子嫩肤。因为这类人必须加大刺激程度，增加光子照射的强度才能达到效果，一旦超出安全范围，会更加刺激色素生成，导致皮肤被灼伤等。另外，一些皮肤问题如雀斑等，与遗传和基因有关，即使当时解决了，但不久又容易复发。此外，对于光过敏、局部和全身有炎症、免疫系统缺陷、疤痕体质、近期内使用过光过敏药物、孕妇、血凝不正常和正在使用阿司匹林或抗氧化剂的人，也不适合做光子嫩肤。 　　忠告二 　　必须有专业医生专业设备。    你问的应该是光子/激光脱毛吧~    这两种脱毛技术我提供下资料。    光子/激光脱毛是现代光热学的重大发现。是依据选择性的光热动力学原理，通过合理调节光波长、能量、脉宽，穿过皮肤表层到达毛发的根部毛囊，光能被吸收并转化为破坏毛囊组织的热能，从而使毛发失去再生能力，同时又不损伤周边组织，痛感轻微，是目前最安全、快捷、长久的去毛技术。由于毛囊的生长周期不一致，任何部位的毛发都有一些潜在长毛能力，即潜伏期，也就是说激光对处于生长期毛囊有效，而对休眠期毛囊无效，因此根据不同部位毛发生长特点，一般经过多次的治疗，就能去除身体上各部位的多余毛发。脱毛后不会影响排汗，因为排汗主要靠小汗腺，而小汗腺开口不在毛囊 摘自：激光整形美容中心     光子脱毛不同激光脱毛的是光子是一种宽光谱的强脉冲光，在脱毛的同时还有嫩肤的作用，对细小的绒毛效果好一些。但是，二者的脱毛效果都是比较理想的。本质上没有区别。    光子/激光脱毛和刮剃、蜡脱、镊取、脱毛膏方法相比，光子/激光脱毛可以达到永久脱毛的目的，虽然电针方法也可达到永久脱毛，但和光子/激光相比，光子/激光脱毛更快捷、舒适无痛苦，且无副作用。脱毛功能与效果近乎完美，可调的脉冲宽度可以去除不同粗细毛发，无论是纤细的唇毛，还是粗硬的腿毛、胸毛，都能一脱干净。    做脱毛应注意，脱毛部位在治疗前一周及治疗后二周防晒，脱毛部位不宜在治疗前二周做拔毛，蜜蜡脱毛及电解脱毛。    光子/激光脱毛适应症：全身各部位（上肢、大小腿、胸部、腹部、发际、面部胡须、比基尼线外）多余的黑色毛发。  电针、药物、电镊、其它仪器脱毛无效或失败者。    光子/激光脱毛治疗所需要的时间取决于治疗面积的大小，例如，上唇，多毛症治疗只需要几分钟即可完成，而整个背部或是双腿的治疗就需要相对较长的时间。</t>
  </si>
  <si>
    <t xml:space="preserve">下身刺痛我每个月都会有几天觉得下身有刺痛的感觉，好像有东西在下身 </t>
  </si>
  <si>
    <t xml:space="preserve">如果小便没什么不适和异常，应是阴道炎或宫颈炎。1；去正规医院做个彻底检查2；查出问题后，建议做个物理消毒（治表）3；然后根据医生处方处理（治本）4；注意卫生，勤换内裤。炎症期间每天用阴道清洗液清洗下，正常后坚持用温开水洗（清洗液洗多了破坏阴道酸碱度，影响本身的抗菌功能）。每个女人几乎都有点阴道炎症。没必要过多担心！多注意卫生，多锻炼，很快就好起来了！ </t>
  </si>
  <si>
    <t xml:space="preserve">北京都有哪些经济适用房 </t>
  </si>
  <si>
    <t>看你问的是哪个区的，上北京建委的网站看一下。</t>
  </si>
  <si>
    <t xml:space="preserve">我有两年没有下载系统漏洞补丁了，请问有哪个软件请问有哪个软件有查 </t>
  </si>
  <si>
    <t xml:space="preserve"> 可以寻求一些更新漏洞的下载  还有打开自动更新哦</t>
  </si>
  <si>
    <t xml:space="preserve">70LR想带刷XS想问问怎么操作，加什么天赋好？ </t>
  </si>
  <si>
    <t>法师朋友可能不知道，兽王带猩猩可以a了，猩猩6秒cd的雷霆有6百＋伤害群伤，箭雨不比下雪伤害低，而且耗蓝少，现在的问题是怕猩猩早早的把怪a死了，箭雨还没下，等于白玩。</t>
  </si>
  <si>
    <t xml:space="preserve">工作时间长工作压力大如何援缓精神呢在办公室工作，空调总是不停歇的 </t>
  </si>
  <si>
    <t xml:space="preserve">随着社会经济活动的日益频繁和现代节奏的不断加快，近年来，社会各阶层人士越来越明显地体会到了精神压力给人们带来的沉重之累。如何减轻精神压力？应注意以下几个方面： 轻快、舒畅的音乐不仅能给人美的熏陶和享受，而且还能使人的精神得到有效放松。因此，人们在紧张的工作和学习之余，不妨多听听音乐，让优美的乐曲来化解精神的疲惫。 发笑、幽默、自我解嘲。当处于尴尬、难堪的困境时，用不自主的发笑或故意开玩笑说俏皮话作自我解嘲，以减轻精神紧张的程度。 出门旅游也不失为一种好方法，但应多选择远离城市喧嚣的原野和乡村，因为人与自然的关系远比人与城市的关系亲近得多。 有意识地放慢生活节奏，甚至可以把无所事事的时间也安排在日程表中，要明白悠然和闲散并不等于无聊，无聊才没有意义。 沉着、冷静地处理各种纷繁复杂的事情，即使做错了事，也不要责备自己，要想到人人都会有犯错误的时候，这有利于人的心理平衡，同时也有助于舒缓人的精神压力。 勇敢地面对现实，不要害怕承认自己的能力有限，在某些的确不能办到的事务中，坦诚地说一声“不”比硬撑着要轻松得多。 推心置腹地交流或倾诉，不但可增强人们的友谊和信任，而且更能使人精神舒畅，愁烦尽消，故不妨多找朋友吹吹牛，聊聊天。 既然昨天及以前的日子都过来了，那么今天及以后的日子也一定会安然度过。因此，人们不妨豁达、开朗和乐观一些，这不仅可以有效地缓解和消除精神紧张压力，同时也对健康大有裨益。 幻想、白日梦。通过幻想，使自己成为幻想中的强者，一切挫折都迎刃而解，或通过回顾以往成功的经历，来支撑自己，维护自信心。 </t>
  </si>
  <si>
    <t xml:space="preserve">中期的鼻咽癌会不会传染？有没有遗传性？ </t>
  </si>
  <si>
    <t xml:space="preserve">      有家族遗传倾向,他们罹患鼻咽癌的机率更比一般人高出二十至四十倍,病发的高期多在四十至六十岁之间,所以他建议市民在成年后要定期接受身体检查,三十岁后最少要每年检查一次.          你好,建议你采用萎缩肿瘤血管的中草药治疗效果好,见效快.对晚期碧咽肿瘤及扩散转移都有独特的治疗效果,而且安全对身体不会产生任何的伤害,治愈的希望也是比较大的.      这病是不会传染的，遗传上没有直接的证明说是有遗传的，但是概率是会高一些的，平时要有合理的生活饮食习惯</t>
  </si>
  <si>
    <t xml:space="preserve">1、公司一员工因女朋友生病请假是否合理？2、而且本来说是请假一个? </t>
  </si>
  <si>
    <t>你好！假是肯定可以请的，但是以事假标准扣除工资如果一下午没来，有电话通知公司或者会来能给你一个明确的解释，可以给他算请假，如果没有，就是旷工了！或者可以给按照迟到算，你说请假一个小时，2点钟没到，到五点钟下班迟到三个小时算旷工一天了！</t>
  </si>
  <si>
    <t xml:space="preserve">我提的问题都已经三天了还没有人回答，是不是不会有回答了阿 </t>
  </si>
  <si>
    <t>你看...这种都有人答....你那些问题会有人的...</t>
  </si>
  <si>
    <t xml:space="preserve">咨询：企业所得税核定征收我公司是有限责任公司，经营范围：咨询建筑 </t>
  </si>
  <si>
    <t>前面两位高人都说不是你的错就是那位税务工作人员的错。其实我是知道的，你是对的，税务工作人员按照他们的说法也不能说有错，在我们当地也是如此，现在全国各地基本都是如此，是按照收入来确定倒底是否是核率征收还是查账征收。象我单位是工业企业，去年的销售未满500万就列为核率征收，他们是不管你的建账机制是否完善的。因为他们是没有这个闲工夫来管的，用收来入统一划分简单得多，他们要少做好多事呢。其实所有的费用都可以进成本费用，只要不是收据就成。另外如果工资高的话就得征收个人所得税。这一点是要注意的。</t>
  </si>
  <si>
    <t xml:space="preserve">我建行网上银行的登陆密码忘记了，该怎么办呀？？都试过了登不进去呢? </t>
  </si>
  <si>
    <t>提醒你一点，建行网银登录帐号必须同时包含字母和数字，你可能忘记了还有字母而没有输入。如果你只是查询银行账户，并不做对外的转账操作。则可以在建行网站上网银登录页面上选择右侧文字中的高亮显示连接“终止网上银行服务”。 凭在建行的任何一个存折或银行卡账号和密码以及个人身份证信息注销网银服务。然后再重新申请网银账户。你也可以在注销网银后，在当前地区建行网银开立活期账户，并申请网银及对该账户的签约，以进行网上支付操作。在这种情况下，也可以将原来的外地账户重新关联到新申请的网银中，但对原来的外地账户的签约也要回到相应的开户地网点才可以办理。</t>
  </si>
  <si>
    <t xml:space="preserve">传承珠的那个任务我忘了,怎样才能重新看见.我刚刚领了传承珠,看见 </t>
  </si>
  <si>
    <t>那个只在当时接任务的时候提示让你上哪杀怪。当你开始杀怪的时候就只提示杀怪个数了，而且每天只能做一个任务来放经验，所以当你忘了是哪个的时候只有删掉，等第二天再去做吧</t>
  </si>
  <si>
    <t xml:space="preserve">弗拉门戈要翻身了客队蒂诺卡得了一张红牌 </t>
  </si>
  <si>
    <t>当不中奖已成习惯，多么可怕和悲哀！！！</t>
  </si>
  <si>
    <t xml:space="preserve">请问：请问，申购和认购有什么区别啊？谢谢！ </t>
  </si>
  <si>
    <t>基金申购和认购的区别在哪里？基金购买分认购期和申购期。基金首次发售基金份额称为基金募集，在基金募集期内购买基金份额的行为称为基金的认购。在募集期结束、封闭期后，申请购买基金份额的行为通常叫做基金的申购。二者区别是：1,认购期购买基金的费率相对要比申购期购买优惠，认购费一般为1-1.2%，申购费1.5%。在认购期内产生的利息以注册登记中心的记录为准，在基金成立时，自动转换为投资者的基金份额，即利息收入增加了投资者的认购份额。2,认购期购买的基金一般要经过封闭期[一般不超过三个月]才能赎回，申购的基金在申购成功后的第二个工作日就可以赎回。3,认购采用“金额认购、面额发行”的原则，即认购以金额申请，认购的有效份额按实际确认的认购金额在扣除相应的费用后，以基金份额面值1元为基准计算。申购采取“未知价”原则，以申购日（T日）的基金份额净值为基础计算申购份额。T日基金份额净值在当天收市后计算并公告。 选择认购后,购买的价钱是考是一元面值。</t>
  </si>
  <si>
    <t xml:space="preserve">善意对话巴比伦看了你针对牛人的贴子，首先声明与牛人风马牛不相识， </t>
  </si>
  <si>
    <t>来爱问以出风头是没好下场的，打抱不平我也支持。</t>
  </si>
  <si>
    <t xml:space="preserve">开机时出现刺耳的尖叫声最近，宏基笔记本突然在开机时发出刺耳的尖叫 </t>
  </si>
  <si>
    <t>把硬件，声卡拔了再插上，可能是松动了</t>
  </si>
  <si>
    <t xml:space="preserve">管理员进。。。我想卖我的魔域号；不知道5173上担保交易安全不； </t>
  </si>
  <si>
    <t xml:space="preserve">尊敬的客户: 您好！5173客户服务010很高兴为您服务！帐号交易（ID交易）就是卖家发布担保信息，买家下订单后联系担保ID客服，然后我们去联系卖家询问是否有此帐号交易，帐号资料是否齐全，然后通知买家去汇款，钱到了，我们验证卖家密码保护资料，资料如果正确我们把资料提交给买家，然后再给卖家转款。如果交易不成功，我们会把钱退回到买家的5173帐户内，交易不成功是不收手续费用的。感谢您对5173的支持!!!                                                              </t>
  </si>
  <si>
    <t xml:space="preserve">男士龟头炎那么医治，龟头炎好治吗;;;;？ </t>
  </si>
  <si>
    <t>龟头炎的治疗要点： 　　1.去除刺激因素。 　　2.糜烂渗出时，用3%硼酸液，或0.05%黄莲素液湿敷。 　　3.抗感染治疗，针对不同病原体，采用抗真菌、抗滴虫等药物。 　　4.过敏性因素引起者，外用皮质类固醇激素制剂。 　　（1）急性浅表性龟头炎：多因内裤摩擦、创伤或肥皂、清洁剂局部刺激引起。表现水肿、红斑、渗出、糜烂，继发感染有脓性分泌物，易形成溃疡，自觉疼痛。 　　（2）状糜烂性龟头炎：龟头及包皮炎症损害呈环状，或环状有乳酪状包皮垢，日久易破溃成浅溃疡，若失去环状特征则不易与浅表性龟头炎区别。本病可单独存在，也可作为Reiter综合征的粘膜症状。 　　（3）细胞性龟头炎：中年多见，为单个或多个经久不退的慢性炎症，损害呈斑块状，表面光滑或脱屑或湿润，浸润较明显。界清而不易破溃，表面可见似辣椒粉样细小斑点。外形难与龟头增殖性红斑区别。 　　（4）母状和角化性假上皮瘤性龟头炎：龟头损害浸润肥厚，角化过度并有云母状痂皮，患处失去正常弹性，日久萎缩。组织病理见角化过度，棘层肥厚，表皮突延长呈假性上皮瘤样增生。</t>
  </si>
  <si>
    <t xml:space="preserve">英国旅游签证办理流程和材料？ </t>
  </si>
  <si>
    <t>英国旅游签证需准备的材料：完整填写的表格，如果2人同行，男的放前面机票预定单 保险单原件＋复印件护照及有记录的VISA复印件单位准假证明家庭户口本最近6个月工资单资产证明酒店预订单 白纸上写联系方式办理英国签证须知:1.面试时间以领馆而定.面试完后，签证审核时间一般为5-10个工作日2.签证有效期和停留期由签证官根据申请资料来决定 百校国际夏老师专业咨询，能让你轻松搞定繁琐的出国签证!签证注意事项1、此签证需申请人本人将签证资料递交到英国签证申请中心，并于当天完成指纹采集；2、所有材料的原件和复印件均须递交，并于签证结果同时返回3、所有中文文件须翻译成英文，佰程提供辅助翻译服务，请申请人提供尽量真实清晰的复印件4、需要申请人提供真实明确的出行目的和行程。</t>
  </si>
  <si>
    <t xml:space="preserve">EVA新剧场版（序）估计什麽时候能进中国 </t>
  </si>
  <si>
    <t>进入中国剧院播出似乎不太可能，还是从网上下吧，通常DVD要等在剧场播放半年后才会发售，等一等吧。</t>
  </si>
  <si>
    <t xml:space="preserve">我要嫁给他吗???我们在一起四年了,彼此的感情很深,在四年里我们 </t>
  </si>
  <si>
    <t>你 现在才想到这些问题呀，当初干什么去了，个子矮是你的错，不是理由，他也不可能在4年内张个呀，工作不稳定工资不高都可以改变，我看是你想改变注意了吧，记住人好比什么都重要，如果条件好，不爱你，你能幸福吗？</t>
  </si>
  <si>
    <t xml:space="preserve">我在乌鲁木齐请问可以从长沙参加旅行社境外游吗?五一时间有限啊!! </t>
  </si>
  <si>
    <t>你是说在乌鲁木齐参加由长沙某个旅行社组织的境外游是吧。可以的，只要相应的证件办理齐全就行。旅行社有专门人给你办理。你只要提供相应证件就行了。</t>
  </si>
  <si>
    <t xml:space="preserve">电四袁绍一代价格？承蒙各位指点，昨晚上已经把那把R4满段金牌盾卫 </t>
  </si>
  <si>
    <t>你喊85万收试试有没人卖 没人卖就90万一定能收到的</t>
  </si>
  <si>
    <t xml:space="preserve">没怀孕,但做B超有小圆圈,求解由于月经不调,我去一个门诊做了个B </t>
  </si>
  <si>
    <t>就一般而言，那个小圆圈有可能是胎儿的胚胎或者瘤。不过你不要着急，找个正规医院再作次B超检查、确诊，说不准是门诊的B超有问题或医生误诊。</t>
  </si>
  <si>
    <t xml:space="preserve">来了来了又出现跑马的了呵呵大家看到了吧，那个天希的破马又出来骗人 </t>
  </si>
  <si>
    <t>大家要抵制诱惑，最多义【200】和军费【10000】得不少。</t>
  </si>
  <si>
    <t xml:space="preserve">请问各位专家治愈胆结石不开刀什么治疗方法最好？网上介绍《十味黑冰? </t>
  </si>
  <si>
    <t xml:space="preserve">    如果是泥沙样的胆结石，用中药方剂辨证治疗的效果比较理想。如果是比较大的则应该手术治疗。</t>
  </si>
  <si>
    <t xml:space="preserve">山东新1区服务器怎么未启动？！ </t>
  </si>
  <si>
    <t>您好，该情况正在处理中，请您耐心等待。</t>
  </si>
  <si>
    <t xml:space="preserve">请问这俩人是谁？不知这俩个塑像是谁，他们有什么故事？ </t>
  </si>
  <si>
    <t xml:space="preserve">  左边的是  阿尔伯特·爱因斯坦生平爱因斯坦生于德国乌尔姆一个经营电器作坊的小业主家庭，父母都是犹太人，父亲赫尔曼·爱因斯坦是一名不成功的商人，母亲波林·科克是一位钢琴家。爱因斯坦从小不很聪明，三岁还不会说话。五岁时对袖珍罗盘着迷，六岁开始练习拉小提琴。爱因斯坦出生后的第二年，1880年全家迁居慕尼黑。1894年，又全家迁至意大利米兰。1895年他转学到瑞士阿劳市的州立中学。爱因斯坦在就读小学和中学时，功课表现平常，不爱与人交往，老师和同学都不喜欢他。教授他希腊文和拉丁文的老师曾经公开责骂他：“你将一事无成。”他的父亲曾写信对朋友说：“爱因斯坦的功课成绩并不完全符合我的希望和期待。很久以来，我已经看惯了他的成绩单上总是有不太好的和很好的成绩”。1895年，爱因斯坦来到瑞士苏黎世投考苏黎世联邦理工学院，他的和物理考得很不错，但其他科目没有考好，该校校长赫尔岑推荐他去瑞士的阿劳州立中学学习一年。在阿劳州立中学学习的这段时光中使爱因斯坦感到快乐，这所学校的信念“概念思考是建立在‘直观’之上的。”完全符合他的需求。1896年，爱因斯坦进入苏黎世联邦工业大学师范系学习物理学，学校里的物理教授韦伯很讨厌爱因斯坦，曾对爱因斯坦说：“你很聪明，但有个缺点，你听不进别人的话”，爱因斯坦的女友米列娃时常与韦伯教授冲突，她指责他对爱因斯坦不公平，1899年6月，爱因斯坦在实验室引起一场爆炸，手部严重烧伤。1900年毕业，没能如愿留校担任助教，只能靠当“家教”维持生活。1901年取得瑞士国籍。1902年在大学同学格罗斯曼（M. Grossman）的父亲协助下，被伯尔尼瑞士专利局录用为技术员，从事发明专利申请的技术鉴定工作。他利用业余时间开展科学研究，于1905年在物理学三个不同领域中取得了历史性成就，特别是狭义相对论的建立和光量子论的提出，推动了物理学理论的革命。同年，以论文《分子大小的新测定法》，取得苏黎世联邦工业大学的博士学位。奇迹年 爱因斯坦于伯恩的故居爱因斯坦在1905年发表了四篇划时代的论文，分别为：《关于光的产生和转化的一个启发性观点》、《根据分子运动论研究静止液体中悬浮微粒的运动》、《论运动物体的电动力学》、《物体惯性与其所含能量有关吗？》，随后导出了E = mc²的公式。因此这一年被称为“爱因斯坦 奇迹年”。100年后的2005年因此被定为“2005 世界物理年”。1905年3月发表《关于光的产生和转化的一个启发性观点》（On a Heuristic Viewpoint Concerning the Production and Transformation of Light），认为光是由分离的粒子所组成。爱因斯坦解释光也是由小的能量粒子（量子）组成的，并且量子可以像单个的粒子那样运动。“光量子”理论把1900年普朗克创立的量子论大大推进一步，对早已成为定论的光的波动理论提出有力挑战，揭示了微观世界的基本特征：波动—粒子二元性。 1905年4月：根据在咖啡馆里关于茶的讨论，爱因斯坦写出一篇论文，论证可以根据糖在液体中的扩散速度来计算糖分子的大小。这一篇《根据分子运动论研究静止液体中悬浮微粒的运动》（On the Motion Required by the Molecular Kinetic Theory of Heat of Small Particles Suspended in a Stationary Liquid）的论文。 1905年6月30日，德国《物理学年鉴》（Annalen der Physik）发表《关于运动物体的电动力学》（On the Electrodynamics of Moving Bodies）一文。首次提出了狭义相对论基本原理，论文中提出了两个原理：“光速不变”，以及“相对性原理”。 1905年9月27日，德国《物理学报》刊出〈物体的惯性与其所含能量有关吗？〉（Does the Inertia of a Body Depend Upon Its Energy Content?），认为“物体的质量可以度量其能量”，随后导出了E = mc²的公式。 成名爱因斯坦1908年兼任伯尔尼大学的兼职讲师。1909年离开专利局任苏黎世大学理论物理学副教授。1911年任布拉格德国大学理论物理学教授，1912年任母校苏黎世联邦工业大学教授。1914年，应马克斯·普朗克和瓦尔特·能斯特的邀请，回德国任威廉皇家物理研究所所长兼柏林大学教授，直到1933年。1920年应亨德里克·安东·洛伦兹和保耳·埃伦菲斯特的邀请，兼任荷兰莱顿大学特邀教授。第一次世界大战爆发后，他投入公开和地下的反战活动。1915年爱因斯坦发表了广义相对论。他所作的光线经过太阳引力场要弯曲的预言，于1919年由英国天文学家亚瑟·斯坦利·爱丁顿的日全食观测结果所证实。1916年他预言的引力波在1978年也得到了证实。爱因斯坦和相对论在西方成了家喻户晓的名词，同时也招来了德国和其他国家的沙文主义者、军国主义者和排犹主义者的恶毒攻击。1917年爱因斯坦在《论辐射的量子性》一文中提出了受激辐射理论，成为激光的理论基础。 1919年11月10日《纽约时报》刊登新观察证实相对论的消息，形容这是爱因斯坦理论的大胜利.爱因斯坦因在光电效应方面的研究，被授予1921年诺贝尔物理学奖。在瑞典科学院的公告中并未提及相对论，原因是认为相对论还有争议[1]。1933年1月纳粹党攫取德国政权后，爱因斯坦是科学界首要的迫害对象，幸而当时他在美国讲学，未遭毒手。3月他回欧洲后避居比利时，9月9日发现有准备行刺他的盖世太保跟踪，星夜渡海到英国，10月转到美国担任新建的普林斯顿高级研究院的教授（普林斯顿高等研究院与普林斯顿大学非同一机构），直至1945年退休。1940年他取得美国国籍。1937年爱因斯坦曾经探访住在美国加州的查理·卓别林。1939年他获悉铀核裂变及其链式反应的发现，在匈牙利物理学家利奥·西拉德推动下，上书罗斯福总统，建议研制原子弹，以防德国占先。第二次世界大战结束前夕，美国在日本广岛和长崎两个城市上空投掷原子弹，爱因斯坦对此强烈不满。战后，为开展反对核战争的和平运动和反对美国国内法西斯危险，进行了不懈的斗争。1955年4月18日爱因斯坦因主动脉瘤破裂逝世于普林斯顿。遵照他的遗嘱，不举行任何丧礼，不筑坟墓，不立纪念碑，骨灰撒在永远对人保密的地方，为的是不使任何地方成为圣地。爱因斯坦的后半生一直从事寻找统一场论的工作，不过这项工作没有获得成功，对此，著名的爱氏研究专家亚伯拉罕·派斯曾说：“爱因斯坦在1925年之后就应该去钓鱼，而不是继续做研究”[2]。现在，寻找比统一场论包含内容更广泛、能够统一解释各种基本相互作用的理论，是理论物理学研究的中心问题之一。1999年《时代》杂志将其评选为20世纪风云人物。为纪念他，第99号元素被命名为“锿”。另外，“爱因斯坦”一词还是耶路撒冷希伯来大学的注册商标. 科学的巨人上帝不会掷骰子二十世纪上半期爱因斯坦曾经是量子力学的催生者之一，但是他不满意量子力学的后续发展，也就是以玻尔为首的哥本哈根诠释，这一套诠释表明自然法则中存在着一种根本的随机性，于是量子力学建立了“非决定论”在微观世界之发展基础[1]。爱因斯坦与其他科学家提出一个“EPR悖论”来反驳哥本哈根的解释，他说了一句很有名的话：“上帝永远不会掷骰子”，他还有另一个名言“月亮是否只在你看着他的时候才存在？”。爱因斯坦恪守“因果律”，是最后一位经典物理学家。个性和思想 香港杜莎夫人蜡像馆展示的爱因斯坦蜡像，背景为他提出的“E=mc²”公式爱因斯坦是一个和平主义者，他为人和蔼友善，同时谦虚却又特立独行，从而受到广泛的尊敬。他有时会讲讲笑话，并爱好航行和拉小提琴。他还是个心不在焉的教授，经常丢三落四，专心于思考物理问题而忽视周围的世界。他还是位素食主义者。他曾说：“我认为素食者的人生态度，乃是出自极单纯的生理上的平衡状态，因此对于人类的理想是有所裨益的。”宗教观点尽管爱因斯坦是犹太人，但他并不信奉犹太教，他只是赞叹宇宙和自然的美丽。1954年3月24日，在给一位工人的回信中，他说道：“你所读到的关于我信教的说法当然是一个谎言，一个被系统地重复着的谎言。我不相信人格化的上帝，我也从来不否认而是清楚地表达了这一点。如果在我的内心有什么能被称之为宗教的话，那就是对我们的科学所能够揭示的这个世界的结构的无限的敬仰。”他还说（见《生活哲学》（Living Philosophy）13期，1931年）：“我们不理解的事物存在的知识，以及我们对那些我们的意识可以接受的最深奥的推理和最美丽事物的感觉构成了我们对宗教的虔诚。在这个意义上，但仅仅在此意义上，我深信宗教。”在回答美国纽约犹太人会堂（International Synagogue）的Rabbi Herbert Goldstein时，他说道：“我相信斯宾诺莎的神，一个通过存在事物的和谐有序体现自己的神，而不是一个关心人类命运和行为的神。”当受到Martin Buber关于宗教信仰攻击之后，他声明：“我们物理学家所努力的仅仅是跟随他画他的线。”作为爱因斯坦宗教信仰的总结，他曾说道：“有一个无限的高级智慧通过我们脆弱无力的思维可以感受的细节来显示他自己，对此谦卑的赞美构成了我的宗教信仰。”爱因斯坦相信一种宇宙宗教感觉（cosmic religious feeling），但反对一个人格化的神。他曾说：“ 未来的宗教将是一种宇宙宗教，而佛教包括了对于未来宇宙宗教所期待的特征：它超越人格化的神，避免教条和神学，涵盖自然和精神两方面，它更是基于对所有自然界和精神界事物作为一个有意义整体的体验而引发的宗教意识。佛教正符合了这个描述。如果有任何能够应付现代科学需求的宗教，那必定是佛教。[3] ” 爱因斯坦1934年成为理性主义者出版协会（Rationalist Press Association）名誉会员。政治观点爱因斯坦说自己是和平主义者和人道主义者，晚年成为民主社会主义者。他曾经说：“我认为甘地的观点是我们这个时期所有政治家中最高明的。我们应该朝着他的精神方向努力：不是通过暴力达到我们的目的，而是不同你认为邪恶的势力结盟。”爱因斯坦对于诸如社会主义、麦卡锡主义和种族主义的看法存在争议（参见爱因斯坦和社会主义，他还是德国自由民主党的建立者之一）。美国联邦调查局保存的关于爱因斯坦的档案中记录他曾被拒绝以难民条款（Alien Exclusion Act）移民美国，其中一条理由是爱因斯坦信奉、主张并宣扬无政府主义，从而使政府名存实亡。他还被指责为“1937年－1954年34个共产主义运动的参与者和支持者。”不过这些档案是其他部门提交给美国联邦调查局的，而不是美国联邦调查局的正式文件。爱因斯坦反对残暴的政府，同时也因为自己是犹太人，他反对纳粹政府并在纳粹政府掌权后不久就离开了德国。在其他人的影响下，爱因斯坦开始支持研制原子弹，以防止希特勒抢先研制成功，为此他还在1939年8月2日上书当时美国总统罗斯福（这封信很可能是别人执笔），建议开始研制核武器。罗斯福接受了建议，成立了一个小组负责研究铀作为武器的可行性，几年之后这个小组被曼哈顿计划取代。战后，因为日本已经无条件投降，所以爱因斯坦开始为消除核武器建立和平政府游说，因为原子弹并不适合于军事训练所使用的武器，他说：“我不知道第三次世界大战用什么武器，但是第四次世界大战人们将只会用木棒和石头打仗了。”爱因斯坦支持犹太复国主义，他支持将犹太人定居点选择在犹太教的古地，并热衷于在耶路撒冷建立希伯来大学。1930年爱因斯坦在希伯来大学发表名为《关于犹太复国主义：爱因斯坦教授的讲座》的文章。爱因斯坦也将自己的论文都传给了希伯来大学。但是他反对民族主义，同时也怀疑建立一个犹太国家是不是最好的选择。他可能幻想着犹太人和阿拉伯人和平的居住在同一个地方。1952年，晚年的爱因斯坦曾被邀请作新成立的以色列的第二任总统，但他拒绝了，理由是自己缺少必要的人事能力。爱因斯坦还联同史怀哲和伯特兰·罗素为禁止核试验和核武器斗争。在他去世的前几天，他签署了《罗素—爱因斯坦宣言》（Russell-Einstein Manifesto），这一声明促使帕格沃什科学和世界事务会议（Pugwash Conferences on Science and World Affairs）召开。他在给罗素的信中写道：“ 亲爱的伯特兰·罗素： 感谢你4月5日的来信，我很高兴在你这个出色的声明上签字，我还同意你的签名者候选名单。致敬，阿·爱因斯坦 ” 家庭爱因斯坦与塞尔维亚数学家米列娃（Mileva Marić）有一个未婚私生女Lieserl Einstein（1902—1903？），不过在1903年到1919年爱因斯坦娶了米列娃，后来米列娃为爱因斯坦生了两个儿子汉斯・阿尔伯特・爱因斯坦（Hans Albert Einstein）与爱德华・爱因斯坦（Eduard Einstein）。爱因斯坦的表妹爱尔莎是他的第二任妻子，婚姻从1919年到1936年爱尔莎逝世。爱因斯坦的二儿子爱德华・爱因斯坦受米列娃家庭遗传的影响患精神分裂，一生未娶。大儿子汉斯・阿尔伯特是美国伯克利加州大学的水利工程教授，他有三个孩子，大儿子伯恩哈德·凯撒·爱因斯坦（Bernhard Caesar Einstein）是一名物理学家，二儿子Klaus Martin (1932–1938)，以及养女Evelyn。伯恩哈德·凯撒·爱因斯坦有五个孩子，其中最小的孩子Thomas Martin Einstein成为了一名医生。爱因斯坦孙子伯恩哈德·凯撒·爱因斯坦的书信记录爷爷爱因斯坦最珍爱的物品是小提琴和烟斗。  右边的是  亚伯拉罕•林肯  亚伯拉罕•林肯（1809－1865 ）,美国第 16 任总统。 1809年2月12日，林肯出生在肯塔基州哈丁县一个清贫的农民家庭，用他自己的话说，他的童年是“一部贫穷的简明编年史”。小时候，他帮助家里搬柴、提水、做农活等。 父母是英国移民的后裔，他们以种田和打猎为生。1816年，林肯全家迁至印第安纳州西南部，开荒种地为生。9岁的时候，林肯的母亲去世了。 一年后，父亲与一位寡妇结婚。继母慈祥勤劳，对待前妻的子女如同己出。林肯也敬爱后母，一家人生活得和睦幸福。由于家境贫穷，林肯受教育的程度不高。为了维持家计，少年时的林肯当过俄亥俄河上的摆渡工、种植园的工人、店员和木工。18岁那年，身材高大(1.93米)的林肯为一个船主所雇佣，与人同乘一条平底驳船顺俄亥俄河而下，航行千里到达奥尔良。 在25岁以前，林肯没有固定的职业，四处谋生。成年后，他成为一名当地土地测绘员，因精通测量和计算，常被人们请去解决地界纠纷。在艰苦的劳作之余，林肯始终是一个热爱读书的青年，他夜读的灯火总要闪烁到很晚很晚。在青年时代，林肯通读了莎士比亚的全部著作，读了《美国历史》，还读了许多历史和文学书籍。他通过自学使自己成为一个博学而充满智慧的人。在一场政治集会上他第一次发表了政治演说。由于抨击黑奴制，提出一些有利于公众事业的建议，林肯在公众中有了影响，加上他具有杰出的人品，1834年他被选为州议员。 两年后，林肯通过自学成为一名律师，不久又成为州议会辉格党领袖。1834年8月，25岁的林肯当选为州议员开始了自己的政治生涯同时管理乡间邮政所，也从事土地测量，并在友人的帮助下钻研法律。几年后，他成为一名律师。积累了州议员的经验之后，1846年，他当选为美国众议员。1847年，林肯作为辉格党的代表，参加了国会议员的竞选，获得了成功，第一次来到首都华盛顿。在此前后，关于奴隶制度的争论，成了美国政治生活中的大事。在这场争论中，林肯逐渐成为反对蓄奴主义者。他认为奴隶制度最终应归于消灭，首先应该在首都华盛顿取消奴隶制。代表南方种植园主利益的蓄奴主义者则疯狂地反对林肯。1850年，美国的奴隶主势力大增，林肯退出国会，继续当律师。 1860年，林肯成为共和党的总统候选人，11月，选举揭晓，以200万票当选为美国第16任总统，但在奴隶主控制的南部10个州，他没有得到1张选票。 1865年4月15日晚，林肯在华盛顿的福特剧院遇刺身亡。5月4日，林肯葬于橡树岭公墓。林肯领导美国人民维护了国家统一，废除了奴隶制，为资本主义的发展扫除了障碍，促进了美国历史的发展，一百多年来，受到美国人民的尊敬。由于林肯在美国历史上所起的进步作用，人们称赞他为“新时代国家统治者的楷模”。 亚伯拉罕•林肯是美国第 16 任总统，是世界历史中最伟大的人物之一，领导了拯救联邦和结束奴隶制度的伟大斗争。人们怀念他的正直、仁慈、和坚强的个性，他一直是美国历史上最受人景仰的总统之一。尽管他在边疆只受过一点儿初级教育，担任公职的经验也很少，然而，他那敏锐的洞察力和深厚的人道主义意识，使他成了美国历史上最伟大的总统。 </t>
  </si>
  <si>
    <t xml:space="preserve">基金净值是什么意思 </t>
  </si>
  <si>
    <t>我先给你介绍一下股票的净值，比如一家上市公司他的各项资产加起来一共是十亿。而他发行了一亿股！那他的每股净资产就是十元。基金也一样，但是他不象经营性质的上市公司，用这些资产来盈利。他就是直接用资金运做来盈利。所以他的净值就是他每股的包含了多少钱。刚发行时每股净值都是一元。比如说这个基金筹资规模是三十亿，那他就要发行三十亿股。每股净值都是一块钱。当过了一年，再结算时基金是赢利了一毛钱那他的净值就是 1+0.1=1.1元如果他每股分红0.05元，那他的净值就是 1+0.1-0.05=1.05元</t>
  </si>
  <si>
    <t xml:space="preserve">去过台湾的人给点建议，台中、台南、高雄哪个地方比较好玩？ </t>
  </si>
  <si>
    <t>其实都一样 关键看自己喜欢哪个 最好去台中 安全（如果回答满意，请选择“有用”,谢谢采纳）台北不错。 高雄……没什么可玩的，唯一可以稍微看看的是打狗领事馆门口轮子放的车『如果我的回答对您有帮助，请点击下面的“有用”，谢谢， 您的采纳是对我莫大的支持。』</t>
  </si>
  <si>
    <t xml:space="preserve">现在四川、重庆那边的冷轧带肋钢筋价格贵吗？最好是带钢厂的报价，谢 </t>
  </si>
  <si>
    <t>就像楼上说的你可以询问当地的钢筋厂，同时你也可以登录像中国钢铁现货网等知名的行业网站，上面报价都很及时的。</t>
  </si>
  <si>
    <t xml:space="preserve">getch()在C语言中是啥意思？ </t>
  </si>
  <si>
    <t>getch()函数是接受键盘输入一个字符，但是不显示在屏幕上。这样你就可以做输入密码的程序了，而不让别人知道你的密码。</t>
  </si>
  <si>
    <t xml:space="preserve">歇后语隔门缝瞧人—— </t>
  </si>
  <si>
    <t xml:space="preserve">隔门缝瞧人—— 把人看扁了 </t>
  </si>
  <si>
    <t xml:space="preserve">球队阵型问题我的前锋线是托雷斯本泽马梅西中场是卡佩尔马林小法后卫 </t>
  </si>
  <si>
    <t>那当然是4321的比较好。。按照你人员配置的话。。肯定是最好的配置啊</t>
  </si>
  <si>
    <t xml:space="preserve">跟别人打工,卖衣服应该注意什么?怎样跟顾客介绍我在一家服装超市跟 </t>
  </si>
  <si>
    <t>你是单纯的收银,还是兼做营业员的工作哟.要注意自己的穿着,要让顾客看起舒服,对待顾客要热情,耐心.有时候可以说点善意的谎言.收银时要注意真假币的识别,万一遇到客人使用假币,要委婉的退回.不要得罪顾客.</t>
  </si>
  <si>
    <t xml:space="preserve">我想知道国际童装品牌排行榜，谁能告诉我？本人对国际童装品牌排行榜 </t>
  </si>
  <si>
    <t>路过， ,去看看吧，这里可能有你想要的答案~</t>
  </si>
  <si>
    <t xml:space="preserve">房价什么时候会降 </t>
  </si>
  <si>
    <t xml:space="preserve">    不会降数据显示，今年第一季度，35个大中城市土地交易价格平均比去年同期上涨7.5%，涨幅比去年第四季度低1.4个百分点；而长沙的土地交易价格与去年同期相比仅上涨1.7%，排名第23位，低于35个城市平均水平5.8个百分点，与涨幅最高的杭州（涨幅51.3%）相比，落差高达30倍。一向代表中国房价指挥棒的上海，最近传出消息说，已经由去年的“求微大于供”转变为“供微大于求”，价格也得到抑制和回落。    开发商：　　土地吃紧，房价继续攀高　　不少业内人士认为，开发界不正常的融资行为，将间接地压迫房价走低。由于银行紧缩房产企业的贷款，一些中小型房产商不惜以45%的高息向典当行借款，据悉，这种情况已很普遍；其次，银根的收紧和放贷条件提高，造成一批缺乏资金实力的项目产生资金链的矛盾甚至断炊，因而也可能通过降价以求尽快回笼资金。　　加之，去年及今年上半年新开的项目增多，但绝大部分都会在下半年推向市场、开始销售，市场竞争将更加激烈，这种竞争完全是材料低价时某些建成的项目与材料高价时某些建成的项目之间的竞争，可能对市场的波动比较大。　　但部分开发商的看法则是：土地供应减少抬升房价。一些房地产开发商认为，土地供应减少，导致了房价走高。从2002年开始，国土资源部门就不断出台措施，严控批地。今年以来尤其如此。开发商们普遍认为，近期全国范围内的大力进行土地整顿，使房地产业的土地供应愈加趋紧，将进一步推动房价继续上涨。　　消费者：　　购房更加理性,更关注质量　　在比较典型的二线城市，房产交易已经出现下降趋势。据五洲半岛在湖南8个主要市州的调查显示，各地房价尽管参差不齐，但“不升微降”或“明升暗降”的情况普遍存在，市场供求关系出现了拐点，开发商短期形势不容乐观。　　消费者的理性和更加关注质量，甚至要求同质条件下价格要更优惠的这种购买心态，促使许多急于资金回笼的项目不得不降价以求成交率。长沙房地产市场基本还处在一种低迷状态，上半年没有什么新盘推出，价格均有下降。　　投资购房者追求利益的尽快收回，尤其是那些投资商铺期望一二年就转手大赚一笔的“炒家”，可能会在下半年或购房一年后放盘出来，这一情形与二手房市场行情的看跌一样，可能会促动楼市走下坡路。但这种降价实际上也是房地产市场价值的回归，是暂时性的和局部性的，并不是行业前景性引发的。至于具体时间有多久，什么时候价格止跌回升，还很难预测，但毫无疑问，降价，对真正的购房消费者来说是最大的受益者。　　专家：　　从长远和总体上来看，房价升温、房产升值是一个大的趋势。　　专家们认为，土地源头的控制，有利于楼价理性回落。他们认为，土地吃紧现象，正是因为以前控制不力造成的。随着国家宏观调控措施作用的逐渐显现，土地吃紧现象将缓解，房价也将逐渐回落。国家发改委所研究员王小广认为，土地也是被某些人当作概念来炒了。实际上土地供给是太多了，5年都花不完。　　据国土资源部对全国1510家土地收购储备机构的调查表明，到2003年底，土地储备量约为170万亩，其中囤积在房地产商手中而未完成开发的土地超过70万亩。根据有关规定，开发商圈地后要在一定期限内开发，如果不开发则要将这块土地上市公开交易。而现在一些开发商并不具备开发能力，随着他们所圈的地重新回到市场上，土地供应量恢复，房价会慢慢回落。当然，从长远和总体上来看，房价升温、房产升值终究是一个大的趋势。</t>
  </si>
  <si>
    <t xml:space="preserve">失眠如何进行自我调节呢?这段时间不知道怎么的老是失眠，吃安眠药吧 </t>
  </si>
  <si>
    <t>自我调节对于治疗失眠也是非常重要的，具体的措施有：第一、要了解自身的睡眠周期。选择最合适的睡眠时间及方式，养成规律性的生理时钟。第二、每天做中等量的运动，但勿在晚上做。适度运动可缓和交感神经系统，是改善睡眠障碍的良方。第三、选择合适的晚餐食物。晚餐应多吃清淡的食物，如新鲜蔬菜、水果，少吃刺激性食物。睡前喝杯加蜂蜜的牛奶，也有助于安眠。对于失眠自我调节虽然很重要，但是如果想要彻底摆脱失眠的困扰，可以选择百合清脑静神剂。</t>
  </si>
  <si>
    <t xml:space="preserve">我遇到的是骗子吗？如题，看截图。 </t>
  </si>
  <si>
    <t xml:space="preserve">肯定是骗子。注意分辨虚假提醒      各位网友，大家好！　　近期有个别用户和网站冒充“新浪爱问”和“爱问知识人”的名义，给网友们发送站内短消息和邮件参加“庆周年双重惊喜”活动，爱问知识人在这里提醒大家留意，避免受骗。　　同时爱问知识人从未授权任何个人、单位在非新浪官方网站以外其他网站发布任何由爱问知识人组织的官方活动。 　　另外说明，爱问知识人举办活动都会在"知识人首页"及其它页面的公告栏中以公告的形式通知大家。另外，爱问知识人会以“爱问知识人管理员”（新浪通行证号：1130357710）这个号给大家发站内消息，大家以后收到含有“新浪”、“爱问”或“系统”等字样发来的消息时一定要仔细辨别，避免上当受骗。　　爱问知识人所有活动均不会做以下行为：      1.不会要求大家提供用户名密码，不会要求在非爱问和新浪网站登录您的帐号；      2.爱问所发送的奖品不会要求用户提供“邮寄费”或“个人所得税”等向爱问提供现金的行为；      3.不会在 *.  和 *.  以外的网站要求用户提交获奖信息或发布获奖公告；    如果发现以上行为，均为非法虚假信息，请大家注意识别。    欢迎大家进行评论&gt;&gt; 　　　　　　　　　　　　　　　　　　　　　　　　　　　　　　　　　　爱问知识人产品组　　　　　　　　　　　　　　　　　　　　　　　　　　　　　　　　　　 2007年4月27日　　　　　　　　　　　　　　　　　　　　　　　　　　　　　　　　　 2007年10月10日 补充 </t>
  </si>
  <si>
    <t xml:space="preserve">做了土豆丝炒青椒丝加胡萝卜丝能帮这个菜取个好听的英文名字吗谢谢 </t>
  </si>
  <si>
    <t>beauty grils觉得这些丝漂亮，女孩般，还互相钩着，FUNNY答案补充或简洁点，grils</t>
  </si>
  <si>
    <t xml:space="preserve">ZS需要敏吗？大家都知道ZS的防高，如果一个小怪的攻破不了防，对 </t>
  </si>
  <si>
    <t>不需要加敏，除非你点数多到用不了，据我所知，现在开的60级点数根本不够，所以你还是别加敏吧</t>
  </si>
  <si>
    <t xml:space="preserve">600158短期如何操作 </t>
  </si>
  <si>
    <t>中体产业，庄家很厉害的。7。5元出局看看。低了买回来，高了就换股。08年大小非30元附近全部逃跑。没有套现冲动，未来高度有限。</t>
  </si>
  <si>
    <t xml:space="preserve">关于EXCEL表统计问题如果我有个1000行的数据,我要每30行 </t>
  </si>
  <si>
    <t>请看附件的举例。1，先增加一列，输入30个1，后面输入"=第一个1的地址"2，全选，数据-汇总-按提示选择-确定</t>
  </si>
  <si>
    <t xml:space="preserve">如我分公司与总公司互有债务,年底先至互抵的,但我分公司向总公司借? </t>
  </si>
  <si>
    <t>不能用短期借款或预收帐款科目.分录:借:银行存款(现金)30000贷:其他应付款__总公司30000</t>
  </si>
  <si>
    <t xml:space="preserve">三转的问题帮帮我三转的第一个任务让杀１０只地狱之首怎么找不见呀在 </t>
  </si>
  <si>
    <t>地狱之首(看上去像飞碟的)必须进入皇家监狱副本里才能找到的，就是打了老鼠后那条走廊里就有,在塞文附近也有,之后一路都能找到,真个副本里一共有30个地狱之首.OVER~~~</t>
  </si>
  <si>
    <t xml:space="preserve">足球任意球为什么分直接任意球和间接任意球裁判怎么判此球为直接任意 </t>
  </si>
  <si>
    <t>直接任意球：1.踢或企图踢对方队员；2.绊摔或企图绊摔对方队员3.跳向对方队员4.冲撞对方队员5.打或企图打对方队员6.推对方队员如果队员违反下列四种犯规中的任何一种，也判给对方踢直接任意球：1.为了得到对球的控制而抢截对方队员时，于触球前触及对方队员2.拉扯对方队员3.向对方队员吐唾沫4.故意（不包括守门员在本方罚球区内）。间接任意球：如果守门员在本方罚球区内违反下列四种犯规中的任何一种，将判给对方踢间接任意球：1.用手控制于后在发出球之前持球超过6秒2.在发出球之后未经其他队员触及，再次用手触球3.用手触及同队队员故意踢给他的球4.用手触及同队队员直接掷入的界外球。裁判员认为，队员在出现下列情况时，也将判给对方踢间接任意球：1.动作具有危险性2.阻挡对方队员3.阻挡对方守门员从其手中发球4.因规则第十二章以前未提及的任何其他犯规，而停止比赛被警告或罚令出场其中守门员持球超过6秒在实际执行过程中应该说还是以放宽一点为好，但如守门员次次都这样，明显存在拖延时间的话则应毫不豫犹的吹罚。</t>
  </si>
  <si>
    <t xml:space="preserve">清明节马上就到了又要放假了好高兴，不知道青岛有什么地方可以推荐的? </t>
  </si>
  <si>
    <t>五四广场、八大关、栈桥、极地世界、海底世界、青啤博物馆、崂山北九水、石老人</t>
  </si>
  <si>
    <t xml:space="preserve">三年级数学你能用简便的方法计算吗?725+726+727+728 </t>
  </si>
  <si>
    <t>解法一(725+726+727+728+729+730+731)+(731+730+729+728+727+726+725)=(725+731)+(726+730)+(727+729)+(728+728)+(729+727)+(730+726)+(731+725)=7×(728+728)725+726+727+728+729+730+731=7×(728+728)÷2=7×728=5096.解法二725+726+727+728+729+730+731=(728-3)+(728-2)+(728-1)+728+(728+1)+(728+2)+(728+3)=728×7=5096.解法三725+726+727+728+729+730+731=700×7+25+26+27+28+29+30+31=4900+(28-3)+(28-2)+(28-1)+28+(28+1)+(28+2)+(28+3)=4900+28×7=4900+196=5096.解法四725+726+727+728+729+730+731=720×7+5+6+7+8+9+10+11=5040+8×7=5040+56=5096.</t>
  </si>
  <si>
    <t xml:space="preserve">液晶电视，LED电视，等离子电视的区别？目前以什么为主流？请简洁? </t>
  </si>
  <si>
    <t>。能耗：等离子和液晶的能耗差不多，等离子稍大。2.视力影响：液晶对眼睛的伤害要大大大于等离子。因为液晶是被动发光，等离子是主动发光。液晶亮度要大大高于等离子，这样长时间对大屏幕高亮度看，造成眼部疲劳，长时间对视力有很大影响，尤其家里有小孩要注意不要长时间看液晶。等离子相对柔和许多，不会对眼睛有伤害。3.观看效果：动态画面、色彩表现等离子占绝对优势，这是液晶和等离子本身成像机理所决定的，是无法改变的。如看电视、高清、体育节目多那就等离子吧，要看静态画面或用作大屏幕电脑显示屏，那就液晶吧。4。    等离子烧屏的问题在08年就已经解决了，主要是通过IC电路对长时间固定画面进行微调（肉眼感觉不出）来解决的，用户一般不会用电视长时间停留在一个画面固定不动（8小时以上）。    液晶拖尾的问题要靠刷新率来解决，但不能根治，这是液晶电视先天性不足所导致的（具体楼主可以网上搜索一下），液晶是被动发光，等离子是主动发光，这是有质的区别。    至于为什么国内市场上液晶品种要大大超过等离子，那是因为等离子的入门门槛比液晶高多了，而且绝大多数技术专利掌握在松下手中，现在松下在等离子领域是一家独大！所以在国际市场等离子领域中是无竞争对手的！    现在绝大多数消费者都是被媒体宣传所忽悠了，等离子和液晶孰好孰坏，楼主有空去影音发烧论坛逛逛，你就知道业内人士和玩家们用的是什么电视了。</t>
  </si>
  <si>
    <t xml:space="preserve">房地产开发企业在每次销售房产取得收时都要交土地增值税吗? </t>
  </si>
  <si>
    <t>都需要交的，因为房产是建立在土地之上的，土地增值的效益是通过房产的销售来实现的，尤其在不同的地段，其房产销售所得是有明显的差别的，而其房产的建筑成本并没有很大的差别，所以，其所带来的明显的效益差别，完全是来源于土地位置的不同而产生的，所以，每次销售房屋，都要缴纳土地增值税。</t>
  </si>
  <si>
    <t xml:space="preserve">美国打仗美国打海湾，南联盟，伊拉克各用多长时间,3常战争意义何在 </t>
  </si>
  <si>
    <t>当然是为了掠夺，</t>
  </si>
  <si>
    <t xml:space="preserve">妇科炎症治疗/妇科炎症用药/妇科炎症用什么药好呢?/ </t>
  </si>
  <si>
    <t>1.西安杨森达克宁栓2.在治疗上取妇科常用消炎药甲哨唑（灭滴灵），成人200毫克／次，每天3次口服，连续服药7天（同时治疗配偶）。病情比较严重者应进行重复治疗，连续用药14天，个别比较顽固性病例，在口服药物的同时，需进行阴道给药。但是，孕妇禁用灭滴灵，慎防引起消化性溃疡或是再感染，避免产生中枢神经系统疾病。　　除此以外，取中药蛇床子30克，薄荷、百部、苦参、枯矾、黄柏各15克，水3碗煎至2碗，待药液温度适中的时候，冲洗阴道，每日1次，有人采用苦楝树根皮、桃叶各50克，煎水冲洗阴道，每天1次，7天为一疗程，亦有良效。</t>
  </si>
  <si>
    <t xml:space="preserve">58期去哪里看盘口？？ </t>
  </si>
  <si>
    <t xml:space="preserve">给你个最及时、权威的：  </t>
  </si>
  <si>
    <t xml:space="preserve">我怎样才能摆脱家的束缚?我是一个在家娇生惯养的男孩,家里对我严加 </t>
  </si>
  <si>
    <t>你也说了，你是一个娇生惯养的男孩，你对自己不要期望太高，生活不是天马行空的浪漫，有很多问题即现实又残酷，当然，你可以通过你自己的努力与实际行动，来证明你自己的能力。</t>
  </si>
  <si>
    <t xml:space="preserve">哈尔滨雪乡2010年元旦期间的温度有多少 </t>
  </si>
  <si>
    <t>因为受冷空气的影响， 哈尔滨这几天的温度都在零下15度左右</t>
  </si>
  <si>
    <t xml:space="preserve">我的电脑配置能跑得起奇迹世界吗?要怎么升级CPU:P42.4B显 </t>
  </si>
  <si>
    <t>显卡一般需要256M显卡显存要达到256MB,3分才能正常游戏,不然玩一会儿就看不见怪和人,好多人都这样,我原来是128MB显存,换了256MB后才能正常游戏,内存是准备公测刚加的基本配置中三样最重要的东西:CPU:AMD闪龙2500+或INTEL奔腾4(1.8G)内存:512M显卡:256M我现在的配置:CPU: Intel(R) Celeron(R) CPU 2.53GHz 得分: 4 毫无疑问，您的处理器可以胜任所有网络游戏内存: 1535 MB 得分: 5 您的内存容量非常充足，请尽情享受游戏快感显卡: RADEON 9600 SERIES - Secondary 得分: 3 您的显卡能较好的支持《奇迹世界》如在使用本软件期间碰到任何问题，请回复本帖，工程师会尽快进行解答点击注册游戏，立即进入奇迹世界的奇妙世界 点击进入评测专题</t>
  </si>
  <si>
    <t xml:space="preserve">小霸王挂机问题我想在地监挂机怎样才能让它自动回仓库取完东西后再自 </t>
  </si>
  <si>
    <t>我用小霸王的，你说的详细点啊，也许，我可以指导你挂什么角色，在哪个地监挂？</t>
  </si>
  <si>
    <t>请问RX</t>
  </si>
  <si>
    <t>不行 因为发动机经过过改装 车噪音过大 车体不是单色 底盘过低 这些都不能正常通过年审 但你有这部车后又有哪辆警车能够追到你呢?</t>
  </si>
  <si>
    <t xml:space="preserve">清泉老师您好000822如何操做? </t>
  </si>
  <si>
    <t>节后列止赢操作.</t>
  </si>
  <si>
    <t xml:space="preserve">推荐一首歌给我听 </t>
  </si>
  <si>
    <t>陶?吹?Melody&gt;.~~~值得回味的一首歌.无论是歌词,还是旋律,还是那种意境~~~</t>
  </si>
  <si>
    <t xml:space="preserve">战士+影为什么不能用死角攻击了？改了? </t>
  </si>
  <si>
    <t>经过了改版，死角攻击变成了影的主职技能了，而主职只能用副职的普通技能。谢谢您的提问，具体游戏问题可以去玩家经验讨论区进行讨论，谢谢。</t>
  </si>
  <si>
    <t xml:space="preserve">【对对联】上联：红尘不改心如月下联： </t>
  </si>
  <si>
    <t>上联：红尘不改心如月 下联：青史长留意若天</t>
  </si>
  <si>
    <t xml:space="preserve">am,is,are怎么用 </t>
  </si>
  <si>
    <t>am,is,are是"be"的不同人称使用的形式.  用于第一人称, I am ......(我是.......)  用于第三人称, He is ......(他是......) 或She is ......(她是......), It is ......(它是.......) e 用于第二人称, You are ......(你是......,你们是......).也可用于第一人称和第三人称的复数情况, We are ......(我们是.....);They are .....(他们是.....).上面"1,2"是单数形式,"3"是第二人称单数和复数共同的形式.在时态上则三者都是"现在时".is,are 还可用在"there be "结构中,具体形式是:there is .......和there are .......</t>
  </si>
  <si>
    <t xml:space="preserve">中年女士们请进：你们用过黄瓜吗？有一次跟老公玩的时候，他突发奇想 </t>
  </si>
  <si>
    <t>会有一点点影响的，因为黄瓜比较凉滑，和你身体的热涨相比，容易刺激你的神经，并且是第一次，新鲜，所以你觉得舒服，只要你老公不介意，你身体能受的了，开心就行。</t>
  </si>
  <si>
    <t xml:space="preserve">银华货币今天的收益又是奇高,年收益率已达10.44%,受不了啦!? </t>
  </si>
  <si>
    <t>　银华公司在公告中表示，银华货币市场基金短期取得较高收益的主要原因是近日减持了部分高收益率的债券品种，实现了部分收益。而且由于这只基金目前规模较小，从而使该基金7日年化收益率出现了较大幅度的波动。银华基金提醒广大投资人：7日年化收益率只是一个短期反映货币市场基金收益的指标，从长远来看，银华货币市场基金的收益水平将是平稳的。</t>
  </si>
  <si>
    <t xml:space="preserve">宫颈糜烂是什么导致的请问怎么治疗和预防 </t>
  </si>
  <si>
    <t>是由于卫生不洁造成的.特别是男方不卫生.要是1°糜烂,用一些药物就可以.要是3°糜烂就要用物理疗法-激光进行治疗了.因为药物达不到病灶的地方.激光治疗的比较彻底.要想预防就要一年检查一次妇科.还要适当的用凉开水进行清洗.这样能保持个人卫生.</t>
  </si>
  <si>
    <t xml:space="preserve">你们觉得倍倍爱营养品的营养成分高吗？我想给我家宝宝买一桶倍倍爱营 </t>
  </si>
  <si>
    <t>倍倍爱的营养成分是相当高的，并且非常适合孩子食用的。因为就用188元买一桶倍倍爱并且里面含有十多种维生素，可以给孩子大量补充维生素，倍倍爱还是一种保健品，你可以想象倍倍爱的营养成分高不高，很多医生都非常信任倍倍爱这一款营养品的。</t>
  </si>
  <si>
    <t xml:space="preserve">怎样才知道你和你的恋人是不是最合适的比如生活的细节神态语言说话方 </t>
  </si>
  <si>
    <t>看来此女30岁以上了</t>
  </si>
  <si>
    <t xml:space="preserve">怎样安装IE6.0浏览器我有一台老式的笔记本，因为配置稍低一点， </t>
  </si>
  <si>
    <t xml:space="preserve">下载IE6的安装版本，直接安装就会覆盖原来的 </t>
  </si>
  <si>
    <t xml:space="preserve">什么叫电脑的内部接口和外部接口（图）？ </t>
  </si>
  <si>
    <t>电脑的内部接口和外部接口,顾名思义，就是电脑外面的接口和里面的接口外部接口包括：电源接口(黑色)：PS/2接口(蓝绿色)：USB接口(黑色)：LPT接口(朱红色)：COM接口(深蓝色)：Line Out接口(淡绿色)：Line in接口(淡蓝色)：Mic接口(粉红色)：显卡接口(蓝色)： MIDI/游戏接口(黄色)：网卡接口：内部接口：20芯电源连线：CPU电源连线：4芯电源连线：CPU风扇连线：显卡风扇连线：IDE设备连线：SATA接口连线：前置USB连线：开机信号线：重启信号线：硬盘指示灯线：　机箱喇叭连线：等等，就不一一介绍了</t>
  </si>
  <si>
    <t xml:space="preserve">谁能说些经典的动漫语录（对白）~ </t>
  </si>
  <si>
    <t xml:space="preserve">如果说怪盗是一个技艺精湛,盗取财宝,及富创造性的家的话,那么侦探就是只会跟在怪盗后面,吹毛求疵,充其量不过是个评论家的角色罢了.                        ------怪盗基德&lt;名侦探柯南&gt;    花开，然后花落，星光闪耀，不知何时熄灭。这个地球，太阳，银河系，甚至整个宇宙也总会有消失的时候，人的生命和那些相比只不过是一瞬间吧，在那一瞬间中，人诞生，微笑，哭泣，战斗，伤害，喜悦，悲伤，憎恨谁，喜欢谁，所有的一切都是刹那间的邂逅，谁都不能逃脱死亡的长眠。  --------沙加&lt;圣斗士&gt; ma da ma da da ne!（还未够水准） 　　　　　　---------越前龙马&lt;网球王子&gt; 真相只有一个.  工藤新一&lt;名侦探柯南&gt;总会有办法的.  ------麻仓叶(通灵王)如果你执意追逐我的幻影，迟早会被真正的我给打败的！   ------------------进藤光(棋魂) 人在真正感激别人的时候，头就会自动低下来……  ---------阳子(十二国记) 采王：所谓生活就是一半是幸福，一半是痛苦，一个人之所以幸福，并不是他得天独厚，只是那个人心想着幸福，为忘记痛苦而努力，为变得幸福而努力。只有这样才能使人真正幸福，反之，再多的幸福也被当成了痛苦。  (十二国记) 雪融化之后会变成什么呢？（草摩波鸟） 会变成春天吧……（本田透） ————《水果篮子》 然后觉得人的哭有两种:觉得自己可怜的哭和单纯......伤心的哭.觉得自己可怜而哭,是小孩子的泪水,就像在希望有谁能为自己做什么.爸爸,妈妈,或是其他的人.  ----清秀 (十二国记)    就算被人背叛, 也只是背叛别人的人变得卑鄙   我不会死, 也不去做卑鄙的人   因为不是出于善意就不相信人吗?   对方不亲切我, 我就不能对人亲切了吗? 不是这样吧?   我相信对方, 和对方是否背叛我, 没有任何关系!   是的, 我只是一个人. 所以, 我自己的事由我自己决定   就算没有任何人对我好, 就算怎样被别人背叛 我也不想成为一个不相信任何人的卑鄙小人!   跟世界和别人无关! 因为我想对人亲切所以亲切! 因为我想相信别人所以相信! --------------------阳子(十二国记) 人救人,是不需要理由的.  --------工藤新一&lt;柯南&gt;  我在人生的道路上迷失了。  —————卡卡西《火影忍者》 有话直说就是我的忍道！  ———— 漩涡鸣人《火影忍者》 永远不要忘记，死决不是最后……曾经活在这个世界上的圣人们，就都超越了死的境界。如果你也能领悟这一点的话……那你就是人类中最接近神的人了。   -------------沙加&lt;圣斗士&gt; 只有苦痛的人生是绝不会有的。有苦必然就有乐，反过来也一样……在这个世界上，生命是一瞬也不会停止的。人的一生也是这样。它经常在变动，这就是无常。  ----------沙加&lt;圣斗士&gt;  这宇宙整体的真理就是无常，没有所谓的完全的罪恶或完全的正义存在。  ---------沙加&lt;圣斗士&gt; 剑是杀人凶器，剑术是杀人术，无论用多么美好的词汇来掩饰， 事实总归是事实。  ---------- 剑心〈浪客剑心〉 一个当侦探的，如果把凶手逼到绝境再让他去自杀，那跟杀人凶手又有什么两样！  ——工藤新一《名侦探柯南》 为远古的过去和遥远的未来，承前启后，所以有我存在！－－－进藤光《棋魂》 只要你相信，那里就存在着永远-----DARK《D.N》这世上最美丽的事物,那就是和喜欢的人一起看夕阳. 你有要保护的人吗?——杀生丸/天下霸道之剑 没有牺牲的话就什么都得不到，为了得到什么东西，就必须付出同等的代价，这就是炼金术的「等价交换」原则！那时我们坚信那就是世界的真实！ “Ladies and Gentlemen, It’s a ShowTime!”————KID&lt;&lt;名侦探柯南&gt;&gt; “大盗是漂漂亮亮偷取猎物的创造性艺术家，侦探只能跟着他的脚步走，只是个评论家罢了！”————KID&lt;&lt;名侦探柯南&gt;&gt; “怪盗先生，大凡伟大的艺术家都是死后才出名的。我要让你出名，在监狱里纤悔你的罪过。”  ----柯南VS怪盗KID “世界上有些谜，还是让它永远成为谜比较好。就象我骗过这个女孩，帮助你这么棘手的敌人，你能揭开这个谜底吗？” 面对客人的时候， 就是决斗的战场。 绝对不能够触怒或惹火对方， 必须要完全透视对方的心。 将全部精神集中， 在自己的肢体语言上， 搬出自己所有的法宝。 除此之外， 自然不能望了笑容和品味。 也就是不管在什么时候， 都不能望了带上一张扑克面具——————黑羽盗一（基德老爸）名言 爱是不求回报的温柔!--凤拉斐内 还有:人生就像在屋顶上拉小提琴,享受了欢愉之后,随之而来的就是危险.但是,却没有办法停止追求欢愉,这大概就是姻宿. --凤拉斐内 千年轮回,为的只是那虚无飘渺的梦想,换来的还是那沉睡海底的孤独.  ——麻仓叶王《通灵王》 ps: 这句话 我好喜欢 杀生丸,你有要保护的人吗? ——狗爸爸 《犬夜叉》 ps:超感人的剧场版《天下霸道之剑》  </t>
  </si>
  <si>
    <t xml:space="preserve">猫的HIV会不会传染给人？rt </t>
  </si>
  <si>
    <t xml:space="preserve">猫爱滋病毒不会传染给人 光从字面上来讲，「猫爱滋病」这样的疾病足以让无知者冷汗直流。事实上，猫爱滋由「lentivrus」此种病毒所感染而引发的疾病，这种病毒与引起人类AIDS的HIV病毒，在构造及核甘酸的序列上具有相关性，感染了猫爱滋病的猫咪也常会产生类似人类AIDS所引发的免疫不全临床症状，但猫的爱滋病毒并不会传染给人类，所以饲主们可千万别紧张！ 台湾的猫咪早已深陷这样的恐惧之中，特别是流浪、未结扎的公猫，有更高的感染率，而近来母猫及小猫的高感染率，也令人忧心忡忡。 猫爱滋病的主要传染途径，一般认为是经由咬伤所感染，另外，实验也证实了胎盘感染的可能性，但在实际临床上尚未获得证实，母猫也有可能是经由唾液或乳汁而将爱滋病传染给小猫。 猫爱滋的高危险群为成年、雄性、放养式、或不稳定的猫群，纯种猫的繁殖场通常具有较稳定的族群特性，较少有猫咪打架的情况发生，所以猫爱滋的发生率较低。 如果要分析造成台湾近来流浪猫群的高爱滋感染率的原因，我必须很不客气的说，这是因为错误的资讯及无知所导致的下场。居然有网路的资讯公开畅言猫爱滋是低感染率的疾病，并建议爱滋阳性的流浪猫可以就地放养，此为极为恐怖且不负责任的言论，不但对流浪猫的整体族群造成极大的威胁，日后对家猫也是一种潜在的危机。 如果以病毒实验接种幼猫，约在接种后四周，幼猫会开始出现淋巴结病变，有时也会有轻微发烧、沉郁、及白血球减少症，在自然感染的状况下，甚至不会出现症状；淋巴结病会於数周或数月后逐渐消失，之后，感染的猫咪可以在猫爱滋相关疾病出现前维持数年的健康状况。 猫爱滋所引发的临床疾病，主要发生於中年或老年猫；就像人的AIDS一样，出现的临床症状通常不是直接由猫爱滋所引发，而是由於猫爱滋所造成的免疫不全，使得一些原本不起眼的病原或微生物趁虚而入，造成严重的继发性感染。 最常伴随猫爱滋所发生的临床症状包括：慢性口炎及严重齿龈炎、慢性上呼吸道疾病消瘦、发烧、淋巴结病、贫血、慢性下痢、神经或感觉神经的损伤，及慢性皮肤疾病，其中，发生慢性皮肤疾病的感染猫咪可能会出现包括疥癣虫、恙虫、毛囊虫、及各种不同的霉菌与细菌的感染。 要诊断猫咪是否感染了爱滋病，目前临床上唯一的诊断方法，只要用三滴全血及十分钟的时间就可以完成，不过这样瑰?v蛹虞|出现伪阳性反应，因此临床兽医师必须小心研判。 若呈现阳性反应的猫咪，应间隔一段时间再进行复验，因为虽然大部份的猫於感染猫爱滋数周内便会产生抗体，但有某些猫会维持抗体阴性长达一年，也有一些重病的感染猫可能因为大量的猫爱滋病毒与所有的抗体结合、或因猫爱滋造成完全免疫抑制，仅可测到少量的抗体或呈现抗体阴性。 对健康猫而言，猫爱滋抗体的测试并无法提供正确的预后评估，因为猫爱滋的潜伏期可长达数年、不会有任何症状，甚至有些猫终其一生都没有发病，虽然如此，大部份的感染猫最后还是会发病成为AIDS。 当确定猫咪感染了猫爱滋病后，兽医们所能做的，仅是针对继发性的感染加以控制，并缓解临床症状，不过近年来已有许多相关的治疗研究，包括台湾的中研院都宣称已能成功地控制或治疗猫爱滋，我们乐观其成。 国外目前已经有一些疫苗可以用来预防猫爱滋，但台湾尚未合法进口，所以您必须注意以下几点： 1.只养一只猫，或者只养几只就好，最好能完全避免让猫打斗及外出。 2.并无证据显示将公猫去势之后可降低感染的危险。 3.不论是新引进的猫或原本旧有的猫感染了猫爱滋，就不应该让新进的猫进入猫群，因为如果有新进的猫进入猫群，势必会引发争夺地盘性的打斗行为，也提高了感染猫爱滋的危险。 4.人类没有任何的理由将一只感染猫爱滋的猫安乐死，但畜主必须有最起码的道德观念，不要让这只猫外出去和其它的猫打斗。 除了以上预防猫咪感染爱滋病的注意事项之外，您是否想过关於猫爱滋的种种难题？如果在路上发现一只可爱的流浪猫时，建议一定要在带回家之前先带到兽医院进行猫爱滋的检测，才能让您家中原来的猫咪免於猫爱滋的威胁，但如果这只流浪猫是猫爱滋阳性猫时，您该怎麼办呢？带回家？您原来的猫咪就有危险了，除非您能一辈子完全地隔离它们……就地放生？那只会让更多的流浪猫感染猫爱滋……有人会愿意领养一只爱滋猫、或一整批爱滋猫吗？隐瞒病情让别人领养….对得起良心吗？这所有的一切…….似乎成了无解的问题……参考文献资料： </t>
  </si>
  <si>
    <t xml:space="preserve">罗马不热吗好像没什么人等罗马啊 </t>
  </si>
  <si>
    <t>看好1-1  2-2 收场</t>
  </si>
  <si>
    <t xml:space="preserve">怀孕6周了，要坐飞机，安检对胎儿有影响吗 </t>
  </si>
  <si>
    <t>没有.它只是金属感应器,对胎儿无害的.你也可以和安检员说一下你怀孕了,必要时出示医院的怀孕诊断书,一般就可以不用过安检了.</t>
  </si>
  <si>
    <t xml:space="preserve">什么是中型客车对于拥有A2驾驶证的可以驾驶什么样的中型客车 </t>
  </si>
  <si>
    <t xml:space="preserve">10座以上,19座以下为中型客车. 20座以上为大型客车. &lt;&lt;机动车驾驶证申领和使用规定&gt;&gt;: 驾驶证准驾车型及代号如下. 大型客车 A1证可以开 大型载客和 A3、B1、B2、C1、C2、C3、C4、M 牵引车 A2证可以开 重型、中型全挂、半挂汽车列车和 B1、B2、C1、C2、C3、C4、M 城市公交车 A3证可以开 核载10人以上的城市公共汽车和 C1、C2、C3、C4 中型客车 B1证可以开 中型载客汽车（含核载10人以上、19人以下的城市公共汽车）和 C1、C2、C3、C4、M 大型货车 B2证可以开 重型、中型载货汽车；大、重、中型专项作业车和 C1、C2、C3、C4、M 小型汽车C1证可以开手动档,自动档的9座(含9座)以下的 小型、微型载客汽车以及轻型、微型载货汽车(所有蓝牌的小货车)、轻、小、微型专项作业车 和小型自动挡汽车C2、低速载货汽车C3、三轮汽车C4. 小型自动挡汽车 C2证可以开 小型、微型自动挡载客汽车以及轻型、微型自动挡载货汽车 低速载货汽车 C3证可以开 低速载货汽车（原四轮农用运输车）和 C4 三轮汽车 C4证可以开 三轮汽车（原三轮农用运输车） 普通三轮摩托车 D证可以开 发动机排量大于50ml或者最大设计车速大于50km/h的三轮摩托车和 E、F 普通二轮摩托车 E证可以开 发动机排量大于50ml或者最大设计车速大于50km/h的二轮摩托车和 F 轻便摩托车 F证可以开 发动机排量小于等于50ml，最大设计车速小于等于50km/h的摩托车 轮式自行机械车 M 证可以开轮式自行机械车 无轨电车 N证可以开 无轨电车 有轨电车 P 证可以开有轨电车    </t>
  </si>
  <si>
    <t xml:space="preserve">为什么前期在雷波多的时候交开拓碑的任务有开拓者徽章到了科贝拉后就? </t>
  </si>
  <si>
    <t>到后面还会有的.而且可以无限刷.只不过打的怪要求数量比较多</t>
  </si>
  <si>
    <t xml:space="preserve">我为什么和不喜欢的男孩聊天就是发信息他追我但是我不喜欢他我怎么还? </t>
  </si>
  <si>
    <t>有时候无聊，寂寞空虚就想要个人来陪你，否则你的脑子一定不停的胡思乱想啊，所以宁愿这样过日子，觉得至少自己不是一个人</t>
  </si>
  <si>
    <t xml:space="preserve">如何将蟑螂彻底消灭？ </t>
  </si>
  <si>
    <t>杀灭蟑螂的方法和药物有粘蟑纸粘捕、熏蒸法杀蟑、粉剂触杀、毒饵诱杀（饵剂和胶饵），药物类型和产品有气雾剂、粉剂、饵剂、喷洒剂、烟熏剂、蟑螂屋等杀虫剂。 其中用气雾剂、粉剂、喷洒剂、烟熏剂等杀蟑特点是见效较快，缺点是灭蟑时蟑螂四处逃窜躲避，呛人味大、药效短、蟑螂回弹快，易产生抗药性；灭蟑时需关门闭窗，人员疏散，灭蟑后需开窗通风以防止人及中毒，污染室内居住环境。 所以室内用药应以不含化学农药的环保型杀虫剂为主，以保护人身体的健康。同时，也要选用不易挥发、药效持久、杀灭率高的饵剂（胶饵）进行蟑螂防治，或请有害生物防治（PCO）资质的杀虫公司进行灭专业灭蟑服务。 蟑螂已经存在超过3亿年，大部分生长在温暖和湿热的环境中，并在办公室，家庭房间内普遍存在，蟑螂不只是一种别人讨厌的家伙，而且其排泄物中的蛋白是引起过敏性鼻炎及哮喘的重要物质，尤其是生活在拥挤房间和城市的儿童。 怎么样清除蟑螂？ 1、仔细的检查下水沟，墙上的裂缝，地板隔及窗户，防止蟑螂进入。 2、保持室内干燥，蟑螂多生活在潮湿的环境中，因此应注意不要有任何漏水的地方，尤其是厨房。 3、保持室内清洁，在清洁，干燥的环境中，蟑螂会感到自己不受欢迎，：-）。用餐后要将食物及时密闭，将地上及垃圾袋内的垃圾及时清理，并将餐具用热水冲先干净，不洁的餐具会吸引蟑螂的目光。另外炉灶等处也要定期的清洁。 4、在屋内无人的情况下使用杀虫剂消灭蟑螂。 蟑螂是昼伏夜出的家庭害虫。白天蟑螂大多隐藏在厨房的角落，碗橱的缝隙中，夜间四出活动找食吃。 蟑螂几乎什么都吃，香的、臭的、硬的、软的。有时候它还会去啃书脊里面的浆糊，把书咬破；钻进电视机、收音机里，把电线包皮咬坏； 甚至能咬伤婴儿的皮肤和手指。它还吃粪便、痰液和小动物的尸体。它边吃边排粪，身上弄得很脏， 粘带病菌，污染食物，传播各种疾病，比如副伤寒、痢疾、结核和急性肝炎等症 蟑螂是一种很古老的昆虫，已经有三亿二千多万年的历史，石炭纪时代的蟑螂化石，相貌同今天的蟑螂几乎没有什么差别。石炭纪以后，许多昆虫由于不能适应环境的变迁，相继被淘汰了，蟑螂却能顽强地生存下来，成了活化石，可见它生命力是多么强了。 现在，蟑螂的足迹几乎遍布家家户户，并且已经扩展到大饭店和宾馆里。连远洋轮船也成了蟑螂的“自由天地”，有时候，白天就大模大样地在甲板上、墙壁上爬行，旁若无人。 你想扑打蟑螂，还不太容易呢。夜间，你轻手轻脚地走进厨房，突然开亮电灯，看见蟑螂惊惶失措的样儿，转瞬间就溜到黑暗的角落里去了。 为什么蟑螂的行动这样敏捷呢？这跟它身体的构造有密切关系。蟑螂的身体扁平带有油状光泽，腹部的背板有分泌腺的开口，分泌出的液体有恶臭味。它三角形的头上，长有两只小单眼和一对大复眼。两个上颚呈扇形，交迭象把剪刀，齿间有瘤节突起，碾碎硬物时仿佛虎钳。嘴边有四条触须和许多短毛。触须是它采集食物的工具，短毛是味觉和嗅觉器官，上面有感 觉神经，有觅食或避开毒饵的作用。腿关节上的神经末梢感觉非常灵敏，对轻微的震动也能觉察，所以蟑螂能觉察到最轻的脚步声也就不奇怪了。尾部末端的尾须是复杂的震动感受器，它能感知外界刺激从什么方向来，使它能够迅速逃走。 怎样对付蟑螂呢？人们创造了一些诱捕蟑螂的方法。 利用蟑螂爱吃香甜食物的习性，用一只小口径长颈玻璃瓶，瓶内放些香甜食物，瓶口涂上芝麻油，蟑螂进入瓶内，因为瓶壁很滑，爬出来就困难了。 利用蟑螂爱钻缝隙的习性，用一个纸盒，盖上开有一些缝隙，盒内涂上粘胶，撒些新鲜面包屑，让蟑螂钻进去偷吃而被粘住。 利用蟑螂喜欢在硬物上刮去背部污垢的习性，在房间角落撒些硬而带锐棱的硅藻土，蟑螂到那里去擦制身体的时候，表面的那层蜡油会擦掉过多，结果，蟑螂体内的水分大量散失，脱水而死。 还可以用干扰蟑螂对外界震动感受的方法去扑灭它，比如一见到蟑螂，立即用嘴发出“嘘”的声音，然后迅速去拍打，就比较容易把它打死。 也可用化学药物对付蟑螂、在蟑螂栖息和活动的场所，喷洒千分之五的敌敌畏，或万分之三的溴氰菊酯、硼酸粉等，或者放几片蟑螂片，就能杀死蟑螂。有种叫“灭蟑灵”的拟除虫菊脂杀虫剂，曾经在海运局的货轮、油轮和长江客轮的厨房内试用，六十立方米的舱内喷药液三百毫升，蟑螂立即兴奋骚动，爬出倒毙。有些昏而不死的，在一天后死了，个别顽强的也活不过五天。 最近，日本国立遗传学研究所的科学家发现蟾蜍（俗名癞蛤蟆）是蟑螂的天故。这个所的小动物饲养房里，蟑螂一度泛滥成灾，人们束手无策。后来，饲养房里放养了一些蟾蜍，不久、蟑螂使销声匿迹了。经过解剖发现，蟾蜍胃里大多是蟑螂的残体。 美国堪萨斯州的一位科学家研制了一种诱杀雄蟑螂的性味捕捉装置，主要是一种带有气味的有毒粘性纸。这气味同雌蟑螂分泌出来的性外激素的气味完全一样，能把雄蟑螂引诱到粘性捕捉纸上面毒死。只要有一点点这种性外激素，那么，八米左右范围内的雄蟑螂就能在五秒钟之内跳入这种陷阱装置。荷兰科学家也合成了一种类似的性外激素。这预示着彻底消灭蟑螂已为期不远啦。有朝一日．人们普遍利用这些理想的办法，使危害人类健康的蟑螂“断子绝孙”。 不久前，国外科研人员还研制出一种人工合成的化学药品，能释放出一种特殊的香气，诱使蟑螂进行不育性交配。长此下去，蟑螂就不能传宗接代了。</t>
  </si>
  <si>
    <t xml:space="preserve">交洲什么兵 </t>
  </si>
  <si>
    <t>弓兵</t>
  </si>
  <si>
    <t xml:space="preserve">清泉老师08我买的宝刚股份(600019)500股,参考成本价为 </t>
  </si>
  <si>
    <t>集中你的资金!!!</t>
  </si>
  <si>
    <t xml:space="preserve">上海看尖锐湿疣医院哪个口碑最好？ </t>
  </si>
  <si>
    <t>对于尖锐湿疣专科医院的选择，要选择国家权威认证的正规医院，治疗技术经过临床验证的。建议从 医院口碑、治疗效果、收费情况三方面选择治疗医院。尖锐湿疣危害性非常大，一定要及时治疗，以免给 自身带来更大的危害。长宁区淮海西路那有一家公立三甲医院治疗性病采用新技术疗效显著，口碑很好，建议到那里治疗。</t>
  </si>
  <si>
    <t xml:space="preserve">请问如何挑选移动硬盘？在购买移动硬盘时需要考虑哪些因素？哪个品牌 </t>
  </si>
  <si>
    <t>移动是计算机之间交换大容量数据的中间存储器，一般在选择移动硬盘时，考虑的因素无非是容量、接口性质、体积和附加功能，当然还有价格。下面笔者具体谈谈挑选移动硬盘时要考虑的因素：　　1． 容量。市面上销售的移动硬盘的容量一般在4.7GB～40GB范围内，从使用性质看，4.7GB～20GB就足够了，因为移动硬盘只是作为过渡性存储介质，没有必要使用很大的容量。但由于硬盘容量和价格并非成正比，大容量往往有更高的性价比，而且低于20GB的硬盘多数是已经淘汰了的产品，所以建议购买新移动硬盘时要选择20GB以上的，但如果购买硬盘盒回来自己装配那就另当别论了。　　2． 大小。移动硬盘由硬盘和硬盘盒组成，后者包括了接口和控制电路。移动硬盘通常有两种规格：2.5英寸和3.5英寸，分别对应笔记本电脑和台式电脑的硬盘。2.5英寸硬盘的体积和重量较小，更便于携带，但价格要比3.5英寸硬盘贵。一般推荐选择2.5英寸硬盘。　　3． 接口。移动硬盘一般都采用USB接口（早期也有过IDE接口的，但使用不方便，要打开机箱连接），但要注意USB接口有USB1.1和USB2.0两种规格，后者的数据传输速度比前者要快几百倍，基本上和电脑内置硬盘交换数据的速度相同，但价格稍贵一些。挑选移动硬盘应该首选USB2.0接口的。　　4． 购买成品或DIY。移动硬盘可以购买成品直接使用，但也可以在电脑市场购买合适的移动硬盘盒（里面没有硬盘，包含相应的USB驱动电路和接口电路、USB转接线以及外接电源），配接2.5英寸笔记本电脑硬盘后DIY自己的USB移动硬盘。移动硬盘盒价格大约在100～150元左右，配上由旧的笔记本电脑拆机硬盘（1GB～4GB价格在100～300元左右）整个移动硬盘价格在200～400元就可以了，性价比较高购买时要注意移动硬盘盒也有大小和接口规格的区别，可以参考上面的说明。笔者自己的移动硬盘就是用一个2.5英寸 USB2.0移动硬盘盒加一个4.7GB的二手笔记本电脑硬盘DIY而成的，总价不过400元（两年前）。安装也非常简单，只要把接口和硬盘对接插好就可以了（图2为移动硬盘的数据接口电路板，图3为安装好的移动硬盘）。5． 移动硬盘使用中的注意问题。　　（1）移动硬盘的连线：移动硬盘的USB连接线既是数据传输线，又是硬盘工作供电线，连线过长就会导致电阻增大和数据干扰，使移动硬盘不能正常工作，所以要注意：USB转接线越短越好，除了原来配置的连接线外，不宜连接延长线；二是与电脑连接应选择机箱背后的USB接口（直接固定在主板上的接口），而不宜使用机箱前面的接口（它们是由主板经过一段引线连接到前面板上的）。　　（2）移动硬盘的外接电源：移动硬盘工作时硬盘和数据接口的供电是由计算机的USB接口提供的。但在使用10GB以上的移动硬盘时，单纯依赖USB线对硬盘供电可能会因电力不足而导致工作不正常，这时候就要使用外接辅助电源（直流稳压电源）。3）移动硬盘虽然采用USB接口，可以支持热插拔，但要注意在使用过程中（Windows Me/2000/XP系统）必须确保关闭了USB接口才能拔下USB连线（鼠标点击日期旁边的USB接口标志，关闭接口），否则处于高速运转的硬盘突然断电可能会导致硬盘损坏！日立 40G（三年） ￥360 ，日立 60G ￥400 ，日立 80G ￥470 三星 银盘（一年） 40G ￥350 ， 金盘（三年）￥370 加一个科硕的盒，内部芯片GL811的￥60，或者买芯片Ali2506的也很好 算下来还是60G的合适，￥460，再大容量的移动硬盘容易出现坏道，不稳定，从性价比和安全性上考虑都不要大于60GB</t>
  </si>
  <si>
    <t xml:space="preserve">孩子吃饭慢怎么办?我的孩子四岁了,从会吃饭开始就是边吃边玩或边吃 </t>
  </si>
  <si>
    <t>一些年轻的爸爸妈妈提起宝贝的吃饭问题就头疼：该讲的道理讲了、该说的话说了、软硬兼施，可就是不奏效。其实，对于两三岁的孩子，与其以强硬的态度，让他(她)被动地接受父母的观点，不如采取机智的策略，把吃饭的过程变成快乐的过程，让宝宝自觉自愿地把小肚子填饱。　　放手让宝宝自己吃　　2岁左右的宝宝，动手的愿望很强，勇气也是大大的。看着爸爸妈妈一筷子一筷子地往嘴里送，自己也不甘示弱，不满足“饭来张口”。性急的宝宝还会小手不停地动，急着抢家人手里的筷子和勺，在餐桌上一试身手。阻止宝宝还是鼓励宝宝，是决定宝宝未来吃饭好与不好的关键。因为，这正是宝宝学习吃饭的最佳时机。父母不妨索性给她一把勺，一双筷子，任他在碗里、盘子里戳，一口口地往嘴里送。结果当然是掉到桌上、身上、地上的比吃到嘴里的多得多，然而不能否认的是，最初宝宝毕竟有一、两口送到了自己嘴里，很兴奋，如果父母及时地夸奖几句，宝宝自己吃饭的兴趣会更浓。渐渐地，成功率能更高。有过如此训练的宝宝，一般1岁半以后，就能独立吃饭了。而且，这也是让宝宝体验成功、培养其独立性的开始。　　操作要点：　　宝宝碗里、盘子里的饭菜不要过满；温度适中，防止宝宝烫伤，或太凉吃下去胃不舒服。一次给宝宝一种菜，最好不要把几种菜混到一起，使宝宝吃不出味道，倒了胃口。　　吃饭前，在宝宝座位周围的地上铺好报纸、给宝宝穿上罩衣、戴上围嘴，武装到位。等宝宝完全吃饱了，再清理“战场”，帮宝宝做个人卫生。还有，整个过程不能嫌麻烦——现在的麻烦是为了以后的不麻烦。　　专座与专用餐具　　宝宝虽小，专人专座是必须的，这是养成宝宝良好的进餐习惯的基础。父母可为1岁左右的宝宝准备一套婴幼儿餐桌、餐椅，如此即便是爱活动的宝宝也不容易摔着。没有条件的，可在成人餐桌旁给宝宝一个固定的位置，椅子一定要稳当，上面垫上软垫子，让宝宝坐着舒服；2岁以上的宝宝，可在椅子上再放一只小凳子，便于宝宝够得着桌上的饭菜。宝宝的餐具除了不怕摔、小巧、安全、好用外，还要注意视觉效果，色彩鲜艳、图案吸引宝宝、造型别致，能激发宝宝的食欲。　　操作要点：　　从宝宝会走路后，就对他(她)明确一点：吃饭必须在指定的位置进行，如果四处乱跑，就没有饭吃；饭后也不能吃其他的东西，两餐之间的点心仍旧维持原有的量。父母要有令必行、持之以恒，这也是对父母毅力的考验。　　利用宝宝的逆反心理　　两三岁的孩子特喜欢与父母对着干。因此，在饭菜开始摆上桌时，父母和家人制造气氛，故意冷淡宝宝：“今天的菜真丰盛，味道好极了，快洗手”。等宝宝也来洗手，对他(她)说：“你先去玩吧，我们吃完了你再来吃。”或“这个鱼真香啊，你少吃点吧。”他一边喊着我要吃，一边把自己的碗装得满满的。此时，父母可适当地控制宝宝：各种菜都吃一点。你会发现，这种做法，比单纯的催促、劝说、追赶更有效果。　　操作要点：　　父母表面上要不露声色，一副对宝宝无所谓的样子，即便是他(她)跑来跑去，也绝不端着饭跟在后面，并设法让宝宝感到自己被忽视了，非要到餐桌上大吃一顿，为自己争口气。　　给宝宝适度的选择　　和成人一样，宝宝也表现出饮食上的个性，不爱吃某种食物，由此借题发挥，抻长吃饭的时间。妈妈可给宝宝一定的自主权，共同商量每天的食谱，让孩子在允许的范围内做出选择。比如，今天咱们吃菠菜、冬瓜，还是吃芹菜或豆芽？是吃猪肉、鱼，还是吃牛肉或鸡肉。由宝宝决定在所喜欢的食物中摄取不喜欢食物的同样营养，只要宝宝能安安稳稳地坐在餐桌旁吃，得到均衡的营养，就达到了目的。　　操作要点：　　给宝宝的选择范围不要太宽，一般两、三种之中选一个，营养搭配的主动权还在父母手里。和宝宝约定，按他(她)要求做的饭菜，一定要好好吃，否则下次不再征求他(她)的意见，做什么吃什么。两三岁的宝宝可随着父母一起买东西、帮着择菜，比如掰豆角。参与了劳动的宝宝，在吃饭时更关心自己的成果，吃得也好。　　及时鼓励与适当奖励　　训练宝宝吃饭，应事先和宝宝沟通，让孩子知道父母对自己的要求，像不到处乱跑、不挑食、不剩饭、时间的限定等等。及时鼓励，即使是一点点的进步：“今天一口都没往外吐，比昨天好。”“还剩下几口，如果能在5分钟之内吃完，就比昨天快。”适当给些小奖励，激发宝宝好上加好。比如，宝宝喜欢小熊，哪顿饭吃得好，妈妈就给画一只小熊，由宝宝收好；如果一个星期能得到一定数量的小熊，周六、周日就带她到她最想去的地方玩，让孩子体验成功的喜悦。 　　操作要点：　　坚持原则。定好半个小时的吃饭时间绝不能延长到40分钟，否则你的努力将大打折扣。　　说话算数。一旦宝宝得到了足够的小熊，父母的许诺一定要兑现。　　给孩子营养的概念　　每个孩子都有自己不爱吃的东西，这时最好给孩子讲一些营养知识，让他(她)明白这些东西对身体有什么好处。在做饭甚至去超市时，先向宝宝吹吹风：“你看芹菜嫩绿嫩绿的，吃点绿色蔬菜身体好……”餐桌上再对宝宝做“营养培训”：“吃点菜花，补充叶酸；胡萝卜里的胡萝卜素含量多，吃了能长高个；猪肝含铁、维生素A丰富，吃了嘴唇红，宝宝越来越漂亮；鱼能健脑，多吃鱼的宝宝聪明……”渐渐地，宝宝就知道了不挑食的好处，不再让爸爸妈妈为自己的吃饭问题发愁了。　　操作要点：　　饭菜富于变化。即便是宝宝喜欢的，也要今天吃了，明天就换别的，保持体内营养平衡。　　色、香、味、形、营养缺一不可。让宝宝从直观上喜欢，比如把食物拼成卡通图案，以此刺激儿童的胃口。</t>
  </si>
  <si>
    <t xml:space="preserve">法律问题：调解是在立案前还是立案后法院进行调解是在立案前还是立案 </t>
  </si>
  <si>
    <t>从理论上讲，调解应当是在立案以后。在立案之前，意味着法院还没有接受这个案件，审判程序还没有起动，法院对该案是无权处理的，那又谈什么调解呢？而且法律规定，调解必须在各方当事人接受调解的情况下进行，在立案之前，当事人尚未表明自己对该案的态度，法院凭什么进行调解？所以，在立案之前，如法院进行调解，其行为是没有法律依据的，说严重点，是滥用审判权！关于庭外和解，这是当事人自己的权利，既然称之为庭外，那就是不依靠法院的力量自行解决矛盾，法院参与其中，就不是庭外和解了。</t>
  </si>
  <si>
    <t xml:space="preserve">托福报了名交了钱想不考了怎么办？我报了托福钱交了表也交了可是家里 </t>
  </si>
  <si>
    <t>只能是白交钱了，亏啊</t>
  </si>
  <si>
    <t xml:space="preserve">小孩老咳嗽怎么办？我家小孩今年3周岁半了，他经常是要咳嗽的，吃过 </t>
  </si>
  <si>
    <t>若是因受寒咳的，可以用生姜加红糖熬水趁热喝，可去寒气，不要吃或喝凉的东西</t>
  </si>
  <si>
    <t xml:space="preserve">怎样换礼品 </t>
  </si>
  <si>
    <t>到首页点击公告栏下的连接进入，找到自己喜欢的礼品，点击直接兑换即可，也可以点击察看一下在确定也行。</t>
  </si>
  <si>
    <t xml:space="preserve">在帮我设计几个艺术签名吧！办公室的同事都想要啊！大哥；在麻烦你啦 </t>
  </si>
  <si>
    <t xml:space="preserve">        魏华瑞，王相中，范新玲，陈敏娜</t>
  </si>
  <si>
    <t xml:space="preserve">学好湘菜最好的书籍是什么书 </t>
  </si>
  <si>
    <t>学什么都是一样 都要自己有兴趣 爱钻研 湘菜--注重的就是口味浓厚 辣 代点麻 要买专业的书 《湘菜大师石荫祥》只有当了“老大”厨师长才有搞头</t>
  </si>
  <si>
    <t xml:space="preserve">请问:成考毕业文凭单位可以认可吗? </t>
  </si>
  <si>
    <t>成考的文凭虽说国家是承认的,但是一些单们不承认你也没有办法的,最好就是读脱产的,那种业余制的,也就是夜大的,一些单位就认为就是混到的,不算什么真正的文凭的.再者就是选择一所名气好点的成考学校去读.</t>
  </si>
  <si>
    <t xml:space="preserve">杭州汽车挡风玻璃修复有没有好的地方，麻烦帮忙推荐一下。 </t>
  </si>
  <si>
    <t>汽车挡风玻璃修复现在也不是什么特别困难的事情了，不过也要看划痕的严重程度。毕竟汽车玻璃关系到开车的视野和个人的安全问题，建议去比较专业的机构，比如说卡戈拉司，全球第一的汽车玻璃维修专家，我上次汽车玻璃被砸出花了，就是去那修好的，修完一点事都没有。</t>
  </si>
  <si>
    <t xml:space="preserve">问下驯兽四转五转的问题三转技能要8是吧~四转技能要10是吧~~那 </t>
  </si>
  <si>
    <t>三转技能要8是吧~ 四转技能要10是吧~~那五转也是技能10，这样说是对的。不过120级五转，可以学多个完美调教，完美调教可以使任何级数的宠物忠诚保持100，但没有减少宠物技能耗魔的附加能力，而一般的调教只能使120级以下的宠物保持不NONO状态，而且还有减少宠物技能耗魔的附加能力，这就是两者区别。另外，经实验证明，其他职业都可以学习完美调教，不知是BUG，还是易玩通故意的，驯兽的11级技能不是得意技，因此很多职业都会先做驯兽，五转学完美调教，然后再转回本职业。</t>
  </si>
  <si>
    <t xml:space="preserve">我在福清当老师，怎样才能比较快地取得对外汉语教师资格证书？到哪报? </t>
  </si>
  <si>
    <t>象北京上海都有找学校网站和人才培训方面的专业网站提供这方面的培训讯息，你可以在福清当地问一问有无这方面的专业机构，关心一下当地的报纸培训广告，查一下福清的黄页电话簿，或者打电话到教育局咨询。</t>
  </si>
  <si>
    <t xml:space="preserve">怎样保证睡眠的质量，尽量少做梦，早上起来之后不会感觉到太累？ </t>
  </si>
  <si>
    <t>你好！我想睡觉之前喝一杯牛奶重要的是不要去想事情保持好的姿势 手不要放在身体上做到这些应该会有个好睡眠的~~~</t>
  </si>
  <si>
    <t xml:space="preserve">一转仙怎么加点??我是新手,请问仙一转后分配的125点怎么加好呢 </t>
  </si>
  <si>
    <t>你没有问题吧，怎么题这种问题啊，当然是按1：1：3来加啊，敏捷。根骨。智力</t>
  </si>
  <si>
    <t xml:space="preserve">和已满十六周岁未满十八周岁的在校女孩发生性关系犯法吗？我的朋友和 </t>
  </si>
  <si>
    <t>不构成犯罪。强奸罪是指指以暴力、胁迫或者其他手段，违背妇女意志，强行与其发生性关系的行为。奸淫不满14周岁幼女的以强奸论。如你所述的，是同女友自愿发生性关系且女友已满16岁，所以不存在强奸的问题。</t>
  </si>
  <si>
    <t xml:space="preserve">用蓝牙发文件耗电量大吗？还有把蓝牙打开耗电吗？ </t>
  </si>
  <si>
    <t>你好，蓝牙是耗电大户，使用蓝牙的时候电量消耗会很快的.所以在没使用蓝牙功能的时候，最好是把蓝牙关上，这样可以节省手机电量.</t>
  </si>
  <si>
    <t xml:space="preserve">电脑太卡网页浏览不流畅 </t>
  </si>
  <si>
    <t>这可能有好多种原因呢1.系统垃圾文件太多，占用缓存及内存大，导致电脑运行速度慢；2.网速慢，可以重启下路由器；3.电脑中毒了，杀毒；</t>
  </si>
  <si>
    <t xml:space="preserve">无锡哪个理发店好上次在八佰伴剪头发，哭！把自己毁在那了。各位姐姐 </t>
  </si>
  <si>
    <t>我觉得中桥的温州华光不错，在那剪了很多回了。还有中桥的金鹰标榜也不错，虽然那里的标榜是假的，但是那里的理发师技术不错的。你可以试试！</t>
  </si>
  <si>
    <t xml:space="preserve">是四大会计事务所还是五大会计师事务所 </t>
  </si>
  <si>
    <t>原来的五大会计师事务所中，安达信会计师事务所因为安然事件而倒闭，于是世界上著名的会计师事务所就只剩下普华永道、毕马威 、德勤 、安永四家了。</t>
  </si>
  <si>
    <t xml:space="preserve">宝妈们地球的米粉怎么样？给宝宝囤货中 </t>
  </si>
  <si>
    <t>我们家4个月开始就给宝宝添加米粉了哦 吃的就是地球最好高铁米粉 很不错的哦 美国的 米粉点击好评哦亲谢谢</t>
  </si>
  <si>
    <t xml:space="preserve">请大家帮我看看,00833南糖能进吗?谢先!如题 </t>
  </si>
  <si>
    <t xml:space="preserve">现在不能买 </t>
  </si>
  <si>
    <t xml:space="preserve">（A）1993年、350万辆（B）1995年、780万辆（C）1? </t>
  </si>
  <si>
    <t xml:space="preserve">我国从哪一年开始成为摩托车产量世界第一的？当年的产量是多少？（A） 1993 年、350 万辆 </t>
  </si>
  <si>
    <t xml:space="preserve">请问OEM是什么意思? </t>
  </si>
  <si>
    <t>OEM一词在电脑硬件产品中简直实在是太普遍了，像OEM光驱、OEM显示器、OEM鼠标什么的。有些人甚至以为它是一个有质量保证的品牌。那么，你对OEM又有多少认识呢？说一件产品是OEM产品是否就代表信得过呢？　　其实，OEM与现代工业社会有着密切的关系。一些著名的品牌商品制造商，常常因为自己的厂房不能达到大批量生产的要求，又或者需要某些特定的零件，因此向其他厂商求助。这些伸出援手的厂商就被称为OEM(Original Equipment Manufacturer，原始设备生产商)。如将之引申到IT领域的话，则表示那些进行代工的生产商。例如CPU风扇，Intel或AMD公司本身并不生产，它们通常会找像日本三洋公司这样的专业电机制造企业作风扇OEM生产。</t>
  </si>
  <si>
    <t xml:space="preserve">原创文学大赛PK阶段规则第一轮晋级作品已经公布了，请问PK阶段是 </t>
  </si>
  <si>
    <t>真的假的？那得努力把那文文写好，等待死灰复燃！</t>
  </si>
  <si>
    <t xml:space="preserve">安全卫士360杀出诛仙病毒!!安全卫士360杀出诛仙恶意插件！3 </t>
  </si>
  <si>
    <t>如果象你这么说的话！我估计我那号是诛仙内部人员盗的拉！~我号在不上线的情况下居然被盗了！~那天我晚上10点多我LINK被踢下线！我知道就被盗了！那时去改密码发现官网进不去！我旁的朋友说他把好友名单打开！~一直开着！~直到我上去了！就显示在线了！但是东西全部没有了！~~我郁闷了好久了！好友上线怎么会不显示呢！~~不知道盗号是不是能做到！~</t>
  </si>
  <si>
    <t xml:space="preserve">为什么法师的那些技能不能在野外打人呢？比如死灵的睡眠，缓慢，下毒 </t>
  </si>
  <si>
    <t>这些问题我以前也回答过现在告诉你答案:1.这些技能是被动PK技能2.这些技能对同组的成员还有白名的人不能使用3.这些技能可以对紫名的人使用--需要按CTRL4.对红名还有怪物可以正常使用回答完毕了分分拿来谢谢^_^</t>
  </si>
  <si>
    <t xml:space="preserve">游小说订阅如何订阅游小说哎...这里的狗屁书摊都买不到...大家 </t>
  </si>
  <si>
    <t>建义你到游戏机实用技术的网站去看一看,网址是  希望对你有所帮助</t>
  </si>
  <si>
    <t xml:space="preserve">便血是什么原因造成的？和抽烟有直接关系吗？ </t>
  </si>
  <si>
    <t xml:space="preserve">大便带血是怎么回事？  文章类型：疾病档案 文章加入时间：2006年6月15日 9:42 -------------------------------------------------------------------------------- ※※便血的原因与处理    消化道出血经肠道排出后，粪便带血或全血便，颜色可以是鲜红色、暗红色和柏油样。血便的颜色取决于出血的位置、出血量和血液在消化道停留的时间。下消化道(小肠、结肠、直肠、肛门)出血，大便常呈鲜红色或暗红色。上消化道(食道、胃、十二指肠)出血，大便往往呈柏油样。    (一) 病因    便血一般分为鲜血便、柏油样便和隐血便，现将常见病因分述如下。    1 鲜血便：一般来自回肠下端、结肠、直肠、肛门，大便颜色鲜红或暗红，可混有粘液和脓血。常见疾病是：痔、肛裂出血。痔疮便血在排便时喷射状流出或便后滴血；肛裂便血量少，但肛门疼痛较剧。直肠息肉出血，便血量不大，血液附在大便表面，有时粪便变细呈条状或有压迹。痢疾便血呈脓血便，便次多，伴左下腹痛。    2 柏油样便：即黑便。上消化道出血未呕出，血液在肠道内停留时间较长，血液中的血红蛋白与肠内的硫化物结合成硫化亚铁，硫化亚铁使大便发黑而发亮，像柏油一样。出现柏油样便，表明出血量已经达到60毫升以上。但要注意某些食物、药物可以使大便发黑，用大便隐血试验可以鉴别。   3 隐血便：凡小量消化道出血不引起大便颜色改变，仅在化验时大便隐血试验阳性者，称为隐血便。所有引起消化道出血的疾病都可以发生隐血便，常见胃溃疡、胃癌。    (二) 救护措施    安静卧床，减少活动，观察出血量，适当使用止血药，发生晕厥、休克及时送急救。   如何挂号就诊    1．肛肠外科：便后有鲜红色血，或排鲜红色血便，一般不伴剧烈腹痛的病人，应挂肛肠外科。   2．普通外科：便鲜血，伴剧烈腹痛甚至休克的病人，应挂普通外科。   3．肠道门诊：急性起病，排脓血样便的病人，应挂肠道门诊。   4．消化内科：排黑便、暗红色血便，或有慢性结肠炎史，经常排鲜红色血便的病人，应挂消化内科。   5．血液科：便血伴有全身出血倾向者，应挂血液科进一步检查。   6．肾内科：原有肾炎史，又出现血便者，应挂肾内科。   7．传染科：便血出现在发热之后，并有疫区生活史的病人，应挂传染科。※※便血的中医观点    便血：血从肛门而出，或随大便挟杂而下，或下纯血。《灵枢•百病始生》称谓：“后血”；《伤寒论》称“圊血”；《金匮要略》称：“下血”，并依下血与排便之先后，提出“远血”和“近血”的名称。张景岳指出：“血在便后来者其来远，远者或在小肠，或在肾。......血在便前来者其来近，近者或在广肠，或在肛门。”后世医家又以下血色之清浊，立肠风，脏毒之名。《证治要诀》云：“血清色鲜红者为肠风，浊而黯者为脏毒。”《医学入门》有便血即出有力，如箭射之远者，称“血箭”。    本症应与下痢脓血相鉴别。下痢脓血者，多呈脓血杂下，并有明显的腹痛，里急后重等表现，而本症表现则为大便时血自下，而无脓样物，且无明显的腹痛及里急后重等症状。   【常见证候】   胃肠实热：大便下血，兼见唇干口燥，口渴喜冷饮，齿龈肿痛，口臭口苦，口舌生疮，大便秘结，肛门灼热，舌红苔黄，脉数有力等症。   湿热交蒸：先血后便，下血鲜红，大便不爽，肢困脘胀，纳呆，口苦，小便短赤，舌质红，苔黄腻，脉濡数。    脾胃虚寒：先便后血，或血便混杂，或下纯血，血色紫暗，或便如柏油，面色无华，神疲乏力，脘腹隐痛，纳呆，便溏，形寒肢冷，口淡而不渴，舌质淡，苔白润，脉细弱。    肝阴虚：大便下血，症兼头晕目眩，两颧红赤，五心烦热，夜寐不安，骨蒸盗汗，梦中失精，腰酸肢倦，形体消瘦，舌质红绛，脉细数。痔疮便血：便血鲜红，肛门疼痛难忍，或肿胀有痔核，或伴有肛裂，舌红苔黄，脉弦数。  </t>
  </si>
  <si>
    <t xml:space="preserve">下巴有豆印该怎样去除我下巴长豆豆，其他部位不长，留下来的豆印该怎 </t>
  </si>
  <si>
    <t xml:space="preserve">痘印比较难处理,如果想快速去除,只能去美容院,请她们用仪器帮你.也可以试试这几种方法1、用VE，晚上睡觉的时候把VE涂在脸上,第二天早晨洗去即可!坚持几天,痘印会明显减轻的! 2、用生姜片，把生姜片贴在脸上15-20分钟后洗去,坚持几次,痘印也会减轻的! 不过这个有点痛.3. 珍珠粉+鸡蛋清去痘印法：取一个生鸡蛋的蛋白，并和10克左右量的药用珍珠粉混合。 然后按照涂水洗面膜的方法，避开眼部和唇部，均匀的涂在脸上。尽量涂厚一点，不然会很快干掉，15-20分钟后洗掉。 一个星期做2次就好 </t>
  </si>
  <si>
    <t xml:space="preserve">转移支付的定义是什么 </t>
  </si>
  <si>
    <t xml:space="preserve">财政部部长金人庆3月６日在十届全国人大二次会议上作《关于２００３年中央和地方预算执行情况及２００４年中央和地方预算草案的报告》时提到了一些转移支付的概念。其中，“财力性转移支付”是指为弥补财政实力薄弱地区的财力缺口，均衡地区间财力差距，实现地区间基本公共服务能力的均等化，由上级政府安排给下级政府的补助支出。资金接受者可根据实际情况自主安排资金用途。“专项转移支付”是指上级政府为实现特定的宏观政策目标，以及对委托下级政府代理的一些事务进行补偿而设立的专项补助资金。资金接受者需按规定用途使用资金。转移支付是政府间的一种补助。它是以各级政府之间所存在的财政能力差异为基础，以实现各地公共服务水平的均等化为主旨，而实行的一种财政资金转移或财政平衡制度。市政府将通过调节机制取得的财力和每年安排的定额投入资金作为转移支付资金的来源，根据区县收入努力程度、人均财力以及公共支出水平等因素，以转移支付的方式促进各区县社会公共服务水平的全面提高 </t>
  </si>
  <si>
    <t xml:space="preserve">我在大学里学软件编程和软件测试是专科这样有前途吗 </t>
  </si>
  <si>
    <t>要成为高手，才有前途：1）先自己得有兴趣，没有兴趣的话编程是个苦差事，再看看自己是不是有些天赋，说实在话有些编程问题不是挠头皮就能够解决的。2）其次要深入学习编程的理论知识（计算机组成与汇编程序设计、操作系统、数据结构与算法，软件工程、Windows程序设计）。须知欲速则不达！3）注意积累计算机专业英语的知识，达到能够看懂e文帮助的水平，学习新东西就快了，因为很多新东西都是e文的。4）语言的选择C++肯定要学好。其它的语言触类旁通，可以根据需要在较短时间上手。难学的语言精通的人少，好学的语言会的人多，选什么语言还是要考虑长远。</t>
  </si>
  <si>
    <t xml:space="preserve">高手帮我P个图啊~~~~~~~~~~~~~~~~~~~~~~ </t>
  </si>
  <si>
    <t>做了个1440*900的，若不喜欢也可以改成1024*768</t>
  </si>
  <si>
    <t xml:space="preserve">后宫的范围后宫，是否也可包括公主和皇爷们的妻妾？秦朝灭亡六国，那 </t>
  </si>
  <si>
    <t>真正的后宫应该是嫔妃们住的地方，可以人为的分为几处，取上不同的名字，以方便区分。比如东宫，西宫等。公主们也住在后宫之中，不过地方不同而已。</t>
  </si>
  <si>
    <t xml:space="preserve">长城为什么叫城啊 </t>
  </si>
  <si>
    <t>城,在古代有"墙"的意思.《故训汇纂》："城亦谓之墙,亦谓之墉。《尔雅·释宫》‘墙谓之墉’邵晋涵正义"。因此，长城就是指长长的墙。</t>
  </si>
  <si>
    <t xml:space="preserve">忍者１转问题我的忍称号呢喃，抗到4了，打完书了，但是他说我能力不 </t>
  </si>
  <si>
    <t>忍者进阶只看暗杀技能的级别</t>
  </si>
  <si>
    <t xml:space="preserve">photoshop形势的图片（用扫描仪扫进去的）可以上传到网站上? </t>
  </si>
  <si>
    <t>可以上传：1。在photoshop中打开你要上传的图片。2。按“ctrl＋alt＋shift＋s”（也就是“文件”－－－》“另成为web格式。。”）。为什么不用“另存为。。。”直接存为jpg或gif格式呢？因为你是扫描的图片，分辨率可能不是72或96。不是这两个分辨率的图片（不管什么格式),在IE里可能显示不出来的。这也就是不直接用“另存为。。。”的原因。3。在新出来的对话框里你可以看到你的图片在IE里显示的大小和文件大小、格式等相关信息。4。保存就可以了.</t>
  </si>
  <si>
    <t xml:space="preserve">分换钱我是一个32级剑武钱买药水花光了希望有哪位大侠能给我200 </t>
  </si>
  <si>
    <t>我可以，账号：shunjian1678547采纳我的答案后，在告诉你密码：6985......</t>
  </si>
  <si>
    <t xml:space="preserve">我是６月１２日ＹＪ的ＭＭ，我好孕了吗？我是6月12日YJ的MM, </t>
  </si>
  <si>
    <t>既然用zzy测到了,怀孕的可能就大了,去医院验个血,应该就比较准确了.还是先接一棒,恭喜你好孕,希望这个月好运降到我头上.</t>
  </si>
  <si>
    <t xml:space="preserve">C盘空间怎么少了1G？问题同上 </t>
  </si>
  <si>
    <t>是因为使用了虚拟内存   正常</t>
  </si>
  <si>
    <t xml:space="preserve">600330如何操作？谢谢 </t>
  </si>
  <si>
    <t xml:space="preserve">短线站稳5元后会出现新一轮的上攻 </t>
  </si>
  <si>
    <t xml:space="preserve">请问和好友有过亲密接处后还能做朋友吗？就是除了做爱以外的事情全做 </t>
  </si>
  <si>
    <t>那会越处越铁,不过当相视时,会很那个.</t>
  </si>
  <si>
    <t xml:space="preserve">治疗强迫症的最好方法我用森田疗法试过治疗自己的强迫症，但是总是感 </t>
  </si>
  <si>
    <t>强迫症基本上大同异的，强迫思维和行为，如果你有强迫症，建议你看看明镜心态学，教你如何找到真正健康的心，学会真正的顺其自然!</t>
  </si>
  <si>
    <t xml:space="preserve">公司因业务需要，购进酒，在购进时进招待费，如果购进时作为库存商品? </t>
  </si>
  <si>
    <t>1、如果公司购进的酒是用于业务招待用的，要计入“管理费用－业务招待费。”2、购进的酒不能作为“库存商品”处理，“库存商品”是指公司用于销售的商品，如果购进的商品是用于销售的，可计入库存商品。</t>
  </si>
  <si>
    <t xml:space="preserve">急急急...香港购物请问各位知不知道12月份香港有没有购物节,东 </t>
  </si>
  <si>
    <t>有的，一般可以打到5折以下，有的还能打到1折呢！商店里有“优”标志的质量都可以保证！祝你玩的愉快！</t>
  </si>
  <si>
    <t xml:space="preserve">4月第一天打的就这么happyHappy啊,happy!!! </t>
  </si>
  <si>
    <t>哟。帽子很强悍。。不过板子少点。顶起先</t>
  </si>
  <si>
    <t xml:space="preserve">也字用五笔怎么打？ </t>
  </si>
  <si>
    <t>也  五笔86版打法是 BN+空格， 也字是二级简码，所以打二笔加一个空格就可以了。</t>
  </si>
  <si>
    <t xml:space="preserve">关于月经问题以前读书的时候我的月经一般都要来六七天的时间，现在才 </t>
  </si>
  <si>
    <t>见于无其他症状，怀疑可能由于营养摄入太少气血不足引起，建议多食用含铁和蛋白质丰富的食物，如动物内脏、瘦肉、鱼肉、鸡蛋、新鲜蔬菜水果（菠菜）等，注意身体锻炼和睡眠质量，保持积极向上的心态。若以上建议后症状无缓解反而加重或出现其他症状建议就医。</t>
  </si>
  <si>
    <t xml:space="preserve">想去杭州玩，杭州旅游景点跟旅游线，求推荐。 </t>
  </si>
  <si>
    <t>周六，白天。下车先买地图。游览环西湖风景区。都有公交车可以乘到各景点。很多景点是不用票的。这也是我最喜欢西湖的地方。断桥，平湖秋月，西泠，岳飞墓，白堤，苏堤，杨公堤。西湖边上就有很多餐馆。意境优雅的冰淇淋店。 强烈建议晚饭后，在浓浓夜色下漫步湖畔。很多临湖长椅喔。 再晚一点可以去南山路酒吧一条街感受时尚杭州。西湖旁有条美食街，那得宾馆一般。。不是很贵。请给好评谢谢您</t>
  </si>
  <si>
    <t xml:space="preserve">宝宝的行为是不是异常我宝宝一岁了，她经常喜欢打自己的脑袋和脸，也 </t>
  </si>
  <si>
    <t>有的小宝宝情绪没法发泄,宝宝也会想办法来发泄自己的情绪,就会做出一些异常的动作或事情来~!父母多加留意宝宝,如果时间太长,或者已经明显异于不寻常的动作或表情了,就要带宝宝去看看医生了~!暂时解决办法:1,父母一定要多抽时间陪小宝宝玩耍,让宝宝剩余的精力有地方可以发泄2,小宝宝一岁了,多和宝宝说话,当宝宝做出一些异常动作时,父母要耐心帮宝宝纠正~!切记不可打骂,恐吓宝宝~!</t>
  </si>
  <si>
    <t xml:space="preserve">西安哪家医院能治疗强直性脊柱炎? </t>
  </si>
  <si>
    <t>西关正街的西安市第五医院治疗这种病比较特长.我的一个亲戚的病就是在这里治好的.</t>
  </si>
  <si>
    <t xml:space="preserve">关于端午节的诗句端午节快乐我想知道端午节的美丽诗句 </t>
  </si>
  <si>
    <t>端午临中夏，时清人复长。 ——唐 李隆基《端午武成殿宴群官》 四时竞巧，九子粽争新。 ——唐 李隆基《端午三殿宴群臣探得神字》 官衣亦有名，端午被恩荣。 细葛含风软，香罗叠雪轻。 ——唐 杜甫《端午日赐衣》 浣江五月平堤流，邑人相将浮彩舟。 灵均何年歌已矣，哀谣振楫从此起。 扬?⒒鹘诶足巽伲伊髌虢淙弧?蛟龙得雨鬐鬣动，螮蝀饮河形影联。 刺史临流搴翠帏，揭竿命爵分雌雄。 先鸣余勇争鼓舞，未至衔枚颜色沮。 ——唐 刘禹锡《竞渡曲》 灵均死波后，是节常浴兰。 彩缕碧筠粽，香粳白玉团。 逝者良自苦，今人反为欢。 ——唐 元稹《表夏十首》之十 不效艾符趋习俗，但祈蒲酒话升平。 鬓丝日日添白头，榴锦年年照眼明。 ——唐 殷尧潘《端午日》 节分端午自谁言，万古传闻为屈原。 堪笑楚江空渺渺，不能洗得直臣冤。 ——唐 文秀《端午》 五日长蛟虚问祭，九关雕虎枉招魂。 ——宋 宋祁《屈原祠》 五色新丝缠角粽，金盘送，生绡画扇盘双凤。正是浴兰时节动，菖蒲酒美清尊共。 ——宋 欧阳修《鱼家傲》（五月榴花妖艳烘） 楚人悲屈原，千载意未歇。 精魂飘何在，父老空哽咽。 至今仓江上，投饭救饥渴。 遗风成竞渡，哀叫楚山裂。 ——宋 苏轼《屈原塔》 好酒沈醉酬佳节，十分酒，一分歌。 ——宋 苏轼《少年游 端午赠黄守徐君猷》 彩线轻缠红玉臂，小符斜挂绿云鬣。佳人相见一千年。 ——宋 苏轼《浣溪沙 端午》下阕 入袂轻风不破尘，玉簪犀壁醉佳辰。 ——宋 苏轼《浣溪沙 端午》 小团冰浸砂糖裹，有透明角黍松儿和。 ——宋 张耒失调名《端午》词断句 竞渡深悲千载冤，忠魂一去讵能还。 国亡身殒今何在，只留《离骚》在世间。 ——宋 张耒《和端午》 粽团桃柳，盈门共饮，把菖蒲、旋刻个人人。 ——宋 秦观失调名《端午》词断句 舣彩舫，看龙舟两两，波心齐发。奇绝。 难画处，激起浪花，飞着湖间雪。 画鼓喧雷，红旗闪电，夺罢锦标方彻。 ——宋 黄裳《喜迁莺 端午泛湖》 朱颜老去，清风好在，未减佳辰欢聚。 趣腊酒深斟，菖蒲细糁，围坐从儿女。 还同子美，江村长夏，闲对燕飞鸥舞。 ——宋 晁补之《永遇乐 端午》 高咏楚辞酬午日，天涯节序匆匆。 榴花不似舞裙红。 无人知此意。 歌罢满帘风。 万事一身伤老矣，戎葵凝笑墙东。 酒杯深浅去年同。 试浇桥下水。 今夕到湘中。 ——宋 陈与义《临江仙》 沈湘人去已远，劝君休对酒，感时怀古。 慢啭莺喉，轻敲象板，胜读《离骚》章句。 ——宋 杨无咎《齐天乐 端午》 淡妆浓抹，西湖人面两奇绝。 菖蒲角黍家家节。 水戏鱼龙，十里画帘揭。 凌波无限生尘袜，冰肌莹彻香罗雪。 游船且莫催归楫，遮莫黄昏，天外有新月。 ——宋 赵长卿《醉落魄 重午》 年年端午风兼雨，似为屈原陈昔冤。 我欲于谁论许事，舍南舍北鹁鸠喧。 ——宋 赵蕃，《端午三首》其二 红藕丝，白藕丝，艾虎衫裁金缕衣。 钗头双荔枝。 鬓符儿，背符儿，“鬼”在心头符怎知？ 相思十二时。 ——宋 李石《长相思 重午》 醉看葵柳怀旧事，馋思樱笋梦吾庐。 向时痴绝今愁绝，自读《离骚》些老夫。 ——宋 高箸《重午怀旧》 亦有鱼龙戏舞，艳晴川，绮罗歌鼓。 乡情节意；尊前同是，天涯羁旅。 涨绿池塘，翠阴庭院，归期无据。 问明年此夜，一眉新月，照人何处？ ——宋 卢祖皋《小龙吟 淮西重午》下阕 深院榴花吐。 画帘开，束衣纨扇，午风清暑。 儿女纷纷夸结束，新样钗符艾虎。 早已有，游人观渡。 老大逢场慵作戏，任陌头，年少争旗鼓。 溪雨急，浪花舞。 灵均标志高如许，忆生平，既纫兰佩，更怀椒糈。 谁言骚魂千载后，波底垂涎角黍？ 又说是蛟馋龙怒。 把似而今醒到了，料当年醉死差无苦。 聊一笑，吊千古。 ——宋 刘克庄《贺新郎 端午》 餐菊饮朝露，平生不啜 。 与龙争角黍，无乃谤湘累。 ——宋 刘克庄《乙卯端午》其一 莫唱江南古调，怨抑难招，楚江沉魄。</t>
  </si>
  <si>
    <t xml:space="preserve">薛宝钗爱贾宝玉吗？ </t>
  </si>
  <si>
    <t>1.从功利的角度想，宝二奶奶的位子就真的这么诱人吗？按理说，袭官轮不到宝玉头上（按照长子世袭，应由贾赦一支来袭），所以如果以后想夫荣妻贵，得让宝玉自己去考功名，可用脚趾头也想得出来宝玉不是这块料，而宝玉在这方面可不是能劝得动的。所以宝玉撑死算作一个有钱人家的纨绔子弟，现在大家一窝蜂的宠着宝玉，还不是因为老祖宗的偏爱嘛。等以后贾母贾政等老一辈归了西，宝玉吃谁的喝谁的？靠贾家的家底，能撑多久？而且要是真嫁给宝玉这么个油盐不进，不思进取的，每天非得被活活气死。况且宝钗自己也是四大家族出身的名门闺秀，不至于非要攀上贾家这个凤凰枝吧。宝钗这么理智聪明的姑娘，应该不会想不到这个。 另外，如果说宝玉是唯一人选，那也就认了。可是宝玉当真只是唯一人选吗？在京城天子脚下，达官贵人数不胜数，就不说其他官宦世家，只说除贾家薛家之外的两大家族，适龄未婚男子也会有吧。当然，其他人宝钗也见不到，能看见的只有宝玉这一个帅哥。不过这个帅哥除了有一副好皮囊，其他方面实在不是宝钗理智上的如意郎君。（转） 2.前28回并没有爱出钗黛之间有什么问题，一直都是黛玉吃醋，宝钗呢？好像一直淡淡的，实际上在宝黛钗第一次全部登场时钗黛二人就有点不愉快，先是宝钗比通灵金莺微露意，露谁的微意？后是吃饭时关于喝不喝得冷酒。我想黛玉在饭桌上隐讽的话宝钗不会听的很舒服，但是她是什么反映？“素知黛玉如此惯了，也不理他。”（肯定没有发作，但是不代表不恼） 接下来，入住大观园了。贾环把宝玉脸烫伤了，黛玉探望时凤姐开起了宝黛的玩笑。（我认为贾母绝对是木石派，凤姐在某种意义上是贾母的代言人，如果贾母没有意愿，凤姐是不会说出“吃了我家的茶，就要做我家的媳妇”这类话的）。宝钗在场，她什么反应呢？在黛玉念佛时说了几句玩笑话。在公共场合，如果这么做对她没好处，她是不会做的。宝钗是什么人？“罕言寡语，人谓装愚；” 重头戏来了，宝钗扑蝶，滴翠亭金蝉脱壳。 首先，宝钗知不知道小红她们发现有人偷听的后果？“……这一开了，见我在这里，他们岂不臊了?况且说话的语音，大似宝玉房里的小红。他素昔眼空心大，是个头等刁钻古怪的丫头，今儿我听了他的短儿，‘人急造反，狗急跳墙’，不但生事，而且我还没趣。……”很显然，她知道，为自己开脱是人的第一反映，那为什么园子里那么多小姐丫鬟，她偏偏说出黛玉的名字？瞎说一个，小红也不可能去对质，毕竟不是什么光彩事。 事发突然，应该不是她故意陷害算计黛玉，我认为她是潜意识里把黛玉当对手，才会有这种反应。 另，小红给宝玉倒茶那回，连宝玉惯在女孩子身上下功夫的都不知道这么个人，宝钗能听见她声音就想到她名字和性格，说出“他素昔眼空心大，是个头等刁钻古怪的丫头”这样的评价，你说宝钗对宝玉没心</t>
  </si>
  <si>
    <t xml:space="preserve">做面膜时为何眼部不能同时做。是那种调合后敷在脸上的，总是讲眼部周 </t>
  </si>
  <si>
    <t>眼部周围的皮肤是最脆弱的!如果你都涂上的话..万一是个清洁类型的面膜的话,由于眼部周围的皮肤是不会那么油的,是非常嫩的,那清洁的面膜多少都含点酒精和收缩的或是干了后你脸上会紧紧的,那眼睛周围也紧紧的，那会另你眼睛快速老化,怕变成纹..万一是滋润面膜的话,则有可能导致眼部周围产生脂肪粒,很好长但很难去的!!坚决分开使用!!</t>
  </si>
  <si>
    <t xml:space="preserve">我有时候在肺部位突然很疼,以致不能呼吸.有时候在肺部位突然很疼, </t>
  </si>
  <si>
    <t>是岔气了，没关系的。</t>
  </si>
  <si>
    <t xml:space="preserve">假如你是一位老师...假如你是一位老师,在课堂上你看见一对情侣在 </t>
  </si>
  <si>
    <t>是中学生吗？那好办，以上课“偷吃东西”，罚他俩站立就行了！</t>
  </si>
  <si>
    <t xml:space="preserve">为什么咳嗽时胃会痛？为什么咳嗽时会扯到胃也痛？ </t>
  </si>
  <si>
    <t>气管周围有炎症吧</t>
  </si>
  <si>
    <t xml:space="preserve">我想买一本书我想买一本《植保员手册》不知道哪有，在盐城地区 </t>
  </si>
  <si>
    <t xml:space="preserve">你不如在卓越网上买啊，去卓越亚马逊看看吧, 全球最大的在线商店, 全国大多数城市可以货到付款，现在买还免运费。不用担心是不是行货,价格又便宜咯! 以前我经常是买书，上个月尝试买了一款魅族的MP3，星期六下的单子，星期二中午之前送到的（合肥），货到付款 之间的过程有邮件确认，所以买东西的时候邮件要填写正确，这样可以随时受到下单、送货的最新消息，省得你跑路了《植保员手册(第4版)(精) 》   市场价：￥66.00卓越价：￥52.30 </t>
  </si>
  <si>
    <t xml:space="preserve">青石桌面弄断了能不能修补?青石材质的桌面给弄断了，请问可以用什么 </t>
  </si>
  <si>
    <t>可以修补。用大理石用的组合胶进行修补。将断开处吹净，在干燥状态下，大理石胶涂在断开面，随即拼成原来形状，溢出桌面的待胶干固后用抛光机磨去，再用石蜡抛光。注意：1、大理石用胶是组份的，分为AB两组，须现场拌制现场使用。2、拼成原来形状要用力，才能使接缝细小。</t>
  </si>
  <si>
    <t xml:space="preserve">上当围棋术语一 </t>
  </si>
  <si>
    <t>骗着</t>
  </si>
  <si>
    <t xml:space="preserve">关于业务员挂靠产生的责任问题我是开药店的想从一个外地的做药的人订 </t>
  </si>
  <si>
    <t>当然医药公司要承担全部责任，可以分如下三种情况：1，如你与个人签了合同，即你无法证明医药公司与你之间有合同关系，你可以向医药公司主张不当得利，要求医药公司返还钱款。2，如你与医药公司之间有合同，你可以医药公司承担合同义务，包括继续发货、退还钱款、承担违约责任。除上述二种情况外，如你能证明医药公司与该个人之间存在挂靠关系，你也追究医药公司的法律责任。</t>
  </si>
  <si>
    <t>说说真爱~~真爱一斤可以换来一个人长寿~请你说说</t>
  </si>
  <si>
    <t>谢谢白云的提问(*^__^*) ！一个人获得了爱，会感到快乐，烦恼和忧愁也会离他而去~一个人获得了爱，会有前进的动力，荆棘、坎坷也会轻易迈过去~一个人获得了爱，生活也变的有意义，不管是快乐和痛苦的人生， 因为有爱的分享，生命也会变得甜蜜~~如果我们每天只付出一分的真爱，那么一斤的真爱会使人感到绵绵不断的爱意，心情舒畅了，身体健康了，人也就长寿了···O(∩_∩)O~</t>
  </si>
  <si>
    <t xml:space="preserve">求一部电视剧名请问最近在浙江电视台凌晨播出的那部焦恩俊和陈好演的 </t>
  </si>
  <si>
    <t>不是叫杜秋月，是杜月红，剧名叫我爱河东狮。</t>
  </si>
  <si>
    <t xml:space="preserve">一岁宝宝需要注射什么疫苗？（计划外） </t>
  </si>
  <si>
    <t>我就给宝宝打了水痘,如果你家宝宝的免疫力挺好的就不用打流感,因为冬季都过去了流感的少了望宝宝健康快乐</t>
  </si>
  <si>
    <t xml:space="preserve">关于劳动合同法第四十五条的问题依照第四十五条我的理解是:如果劳动 </t>
  </si>
  <si>
    <t xml:space="preserve">第一、医疗期满可终止合同。新法第45条规定，劳动合同应当续延至医疗期满时终止。第二、在此期间不续签合同。“续延”至医疗期时终止，即第一次合同的“续延”。即医疗期是第一次合同范围。第三、续签合同问题：必要医疗期满后。第四、一般能续签合同。不能续约情况是：第40条  有患病或非因工负伤，在规定的医疗期满后不能从事原工作，也不能从事由用人单位另行安排的工作的情形，用人单位可以解除劳动合同。 </t>
  </si>
  <si>
    <t xml:space="preserve">电影和电视剧究竟有何异同电影和电视剧在拍摄和表现手法上到底有什么 </t>
  </si>
  <si>
    <t>拍电影用的是摄影机，拍摄材料是胶片；拍电视用的是摄像机，拍摄材料是录像带。两者材质不同，效果当然不同。在表现手法上，电影比较精炼，电视剧一般拖的比较长</t>
  </si>
  <si>
    <t xml:space="preserve">有谁能够提供各种自制面膜配方？ </t>
  </si>
  <si>
    <t>男生女生通用哦~！嘿嘿　　材料：玉米粉一大匙、麦片粉一大匙、橄榄油一大匙　　方法：先将玉米粉和麦片粉加适量的水搅拌成糊，再加入橄榄油调成泥状即可。　　提醒：一星期敷2~3次，每次20~30分。如果你有斑点，可针对局部斑点每天敷。　　@白雪花粉　　材料：麦芽粉一大匙、柠蒙压汁一大匙、奶粉一小匙　　方法：先将奶粉加适量的开水调匀，再倒入麦芽粉和柠蒙汁，一起搅拌成稠状，即可使用。　　提醒：一星期敷2~3次，每次20~30分。　　@面膜　　材料：剩余的蛋白。　　方法：用过的蛋壳上会有剩些许的蛋白，用手直街涂抹在脸上，包你白白又嫩嫩。　　(酸奶亦同法，但只取喝完时瓶内所剩的1滴或2滴就可以了)。　　@绿豆粉面膜　　材料：绿豆粉、养乐多。　　方法：绿豆粉三小匙加少许养乐多调成泥a用指腹由里向外打圈，全脸按摩5至8分钟即可。　　功效：此法不但可去角质、消炎、平衡油脂及镇定肌肤，也可以改善暗沉肤色。对于青春痘的朋友们有很大的神奇功效，而且可以改善青春痘所留下的痘疤。　　@黄瓜面膜　　材料：小黄瓜2条、鸡蛋白1个、面粉少许。　　方法：　　1.小黄瓜用打果汁机打碎。　　2.鸡蛋白与黄瓜汁调匀。　　3.徐徐加入面粉调呈糊状。　　提醒：此面膜最适合日晒后做皮肤保养，剩余的面膜也可以用来涂抹身体其它部位，如手臂、脖子、肩头等等。　　@芦荟蛋白面膜　　材料：芦荟叶子一枝，蛋白、蜂蜜少许。　　方法：将芦荟果肉与蛋白、蜂蜜混合在一起，就是便宜又方便的自制面膜。　　功效：芦荟可以有消炎镇定的功能，蛋白可以清热解毒，其中丰富的蛋白质还可以促进皮肤生长，蜂蜜中所含的维他命、葡萄糖、果糖则能滋润、美白肌肤，并有杀菌消毒、加速伤口愈合的作用。　　@豆腐按摩　　材料：豆腐、纱布袋。　　方法：将豆腐弄碎装在薄的纱布袋内，洗脸过后用来搓揉脸部，皮肤会变得比较白皙光滑。　　@橄榄油面膜　　材料：一茶匙炼乳调、四分之一茶匙精纯级的橄榄油。　　方法：将炼乳调及橄榄油先涂薄薄一层于脸上，两分钟后再涂第二层，依序一直涂满第四层，全干后以湿布沾温水擦净。　　@蜂蜜红酒面膜　　材料：一小杯红酒。2至3匙的蜂蜜。　　方法：将红酒与蜂蜜均匀混合，调至浓稠状，再涂抹于脸庞，八分干之后再以温水洗净。　　@油性皮肤　　材料：面粉3茶匙、奶粉1茶匙、蛋白l只、蜂蜜1茶匙　　方法：将所有材料加水调成糊状，敷在面上约20至25分钟。　　用处：面粉能深层清洁面部，并有防止氧化及消炎作用，而奶粉及蜂蜜能滋润皮肤，蛋白能收缩毛孔，皮肤自然变得幼滑、充满弹性。　　@中性皮肤　　材料：甘笋l个、藕粉1茶匙、蛋黄1个　　方法：把甘笋煮熟压烂，然后加入其它材料调成糊状敷面大约20至35分钟。　　用处：甘笋含丰富的胡萝卜素，可以为肌肤补充水分兼能去除死皮，藕粉的功效与甘笋差不多。　　@干性皮肤　　材料：蛋黄1个、蜂蜜1茶匙、杏仁粉1茶匙、维他命e油1茶匙　　方法：将维他命e丸剪开取出丸内的维他命e油，然后与其它材料混合成糊状，涂在而上15分钟，再用水冲洗便可。　　用处：杏仁含有丰富的维他命a、蜂蜜能帮助肌肤重生、蛋黄含有抗氧化剂，使皮肤得到滋润，避免皮肤干燥而甩皮。　　@漂白去斑面膜　　材料：杏仁粉5茶匙、粗盐1茶匙　　方法：将杏仁粉用水调成糊状，加盐敷面大约20分钟。　　用处：杏仁含健康肌肤所需的维他命a，能滋养面部，改善深沉的肤色，粗盐则有磨砂作用，去除死皮。　　@米饭洁面　　材料：煮熟的米饭一碗　　方法：将米饭搓成团状，然后在面上滚动，从面颊下方向上推，大概八分钟后，用温水洗面。　　效果：米饭不仅可黏去皮肤表面的灰尘，脂肪及其它污物，令皮肤细腻洁净，更可给面部皮肤补充营养，适合油性及毛孔粗大的皮肤进行彻底的面部清洁。　　@蛋白磨砂　　材料：一汤匙粗盐及一只鸡蛋方法：将蛋白取出，倒入碗中，打至起泡。加入一汤匙粗盐。用指尖沾上有粗盐的蛋白，以　　方法：打圆圈的方式轻轻地搽在皮肤上。待干后用温水洗掉。　　效果：粗盐可磨去面上死皮，蛋白可黏附面上污物，有助彻底清洁面部。　　@美白洗面水　　材料：适量冬桑叶(中药房有售)　　方法：用水煮冬桑叶15分钟，隔渣后再加热浓缩即成可放在雪柜内备用。然后每朝洗面时，在洗面水中加入30毫升冬桑叶水，以之洗面。　　效果：牛奶有镇静及消毒作用，而冷水能收缩肿胀的微血管，对消除日晒后，皮肤的红肿现象很有效。</t>
  </si>
  <si>
    <t xml:space="preserve">送信任务是不是根据等级不同奖励也不同，等级低的时候送的卷叶差点，? </t>
  </si>
  <si>
    <t>楼主看我的回答！送信任务得到的金币数量是随人物等级增加而递增的但是送到信件以后，得到的东西可以说是随机的，但又不是完全随机：你等级高的时候，可能得到级别较低的叶子，但是你级别低的时候，是不可能得到比自己级别高很多的叶子的哦~~~~~楼主采纳我的哈~~~</t>
  </si>
  <si>
    <t xml:space="preserve">请问华硕笔记本电脑怎么进入BOSS设置？同题！ </t>
  </si>
  <si>
    <t xml:space="preserve">各品牌笔记本电脑进入BIOS方法IBM（冷开机按F1，部分新型号可以在重新启动时启动按F1）HP（启动和重新启动时按F2）SONY（启动和重新启动时按F2）Dell（启动和重新启动时按F2）Acer（启动和重新启动时按F2）Toshiba（冷开机时按ESC然后按F1）Compaq（开机到右上角出现闪动光标时按F10，或者开机时按F10）Fujitsu（启动和重新启动时按F2）绝大多数国产和台湾品牌（启动和重新启动时按F2） </t>
  </si>
  <si>
    <t xml:space="preserve">顺丰湖州集散中心在哪里 </t>
  </si>
  <si>
    <t>湖州市嘉业阳光城嘉木苑1幢凤凰路234号-242号</t>
  </si>
  <si>
    <t xml:space="preserve">一个选择费莱尼、姆比亚、赫迪拉、米克尔，这几个86、87年的后腰 </t>
  </si>
  <si>
    <t>有些老哥 看完一次世界杯就开始捧赫迪拉的臭脚 ..可能原来都没听说过 现在在这左好用 右厉害的...还有诺伊尔 ..看完一次世界杯 感觉诺伊尔比卡西都强了...米克尔和费莱尼才是强人...米克尔在切尔西是主力..费莱尼是妖人 ...赫迪拉比不了...</t>
  </si>
  <si>
    <t xml:space="preserve">中专生找工作比大学生好找吗我是学电子商务专业的，我是一个中专生， </t>
  </si>
  <si>
    <t>应该好找，其实大学生不是找不到而是要求高罢了，中专生在要求方面有很大的优势。然后进的公司的话更多的是看自己的工作能力和处事能力，高点的文凭只有在凭职称的时候有它的必要性，更多时候文凭不是最主导的因素！</t>
  </si>
  <si>
    <t xml:space="preserve">空调用久了会出什么问题？如何更好的保养空调？ </t>
  </si>
  <si>
    <t xml:space="preserve">  空调应每年清洗保养3-4 次，在空调使用前后都应该进行一次空调清洗。长时间不清洗，首先是对人体健康的危害，空调中的细菌会引发多种疾病（呕吐、腹泻、发热、败血症等等）  其次是对空调本身的危害  1、氟里昂高压压力增加　2、换热效率严重降低　3、压缩机过热，缩短使用寿命　4、制冷能力下降，制冷效果不明显　5、电耗增加　6、空调器负荷增加　7、空调器各部件运行工作异常　8、故障率高</t>
  </si>
  <si>
    <t xml:space="preserve">以物抵款，对方提供发票如何处理我公司收到对方的一辆汽车来抵扣应收 </t>
  </si>
  <si>
    <t>这会计核算中，虽然表明上，固定资产原值比应收账款价值大，但你是否扣除了其已经计提的折旧，汽车的市场价值是否比应收账款价值大？这是你必须弄清楚的两个问题。你不能直接就以发票价值入账，需要以评估价值或可确认的净值来入账，其差额部分作为营业外收入或营业外支出。分录这么处理，如果以可确认净值入账借：固定资产 （发票价值）贷：应收账款贷：累计折旧（对方提供已经计提的折旧额）贷：营业外收入或营业外支出如果以评估价值入账借：固定资产 （中介提供的评估价值）贷：应收账款贷：营业外收入或营业外支出</t>
  </si>
  <si>
    <t xml:space="preserve">急空调安装工程公司如何做账务处理？ </t>
  </si>
  <si>
    <t>不管什么公司，会计工作内容都是一样的，都是： 1、根据出纳转过来的各种原始凭证进行审核，审核无误后，编制记账凭证。 2、根据记账凭证登记各种明细分类账。 3、月末作计提、摊销、结转记账凭证，对所有记账凭证进行汇总，编制记账凭证汇总表，根据记账凭证汇总表登记总帐。 4、结账、对帐。做到帐证相符、帐帐相符、帐实相符。 5、编制会计报表，做到数字准确、内容完整，并进行分析说明。 6、将记账凭证装订成册，妥善保管。7、纳税申报工作。</t>
  </si>
  <si>
    <t xml:space="preserve">请大家帮帮我，我知道有点罗嗦，一贴说不完，有耐心的人帮帮我吧因为 </t>
  </si>
  <si>
    <t>茫茫人海，大千世界中，两个彼此不认识的人能够相识相知相爱，我觉得是一件很神奇很令人感动的事情。有缘才会相识，有缘才会相知，有缘才会相爱。一切都是神秘的缘分。缘分，不只要有缘，还要有分才行。能够最终走到一起就是有分了。你们相爱不容易，更是舍不得彼此，可见都将对方看的很重。至于她和s某的问题，可能是她真的感受不到你给她的安全感导致的吧。女人大都缺乏安全感，需要你精心的呵护照顾。但她想和你结婚，证明她真的很爱你。结婚，对每个女人都是最重要的事情。希望你能好好想一想，不要轻率的做下让自己后悔的决定……</t>
  </si>
  <si>
    <t xml:space="preserve">什么辅导书最适合英语的 </t>
  </si>
  <si>
    <t>轻巧夺冠啊</t>
  </si>
  <si>
    <t xml:space="preserve">配电柜上电流表与互感器的接线图那位晓得怎样接线的，烦请给一张示意 </t>
  </si>
  <si>
    <t>你好接线图如下：1、上图是三个电流互感器的接线图；2、下图是两个电流互感器的接线图。　　根据：Ia+Ib+Ic=0　　所以：Ia+Ic=-Ib　　故：绿色电流表指示B相电流。</t>
  </si>
  <si>
    <t xml:space="preserve">QQ里的围棋棋谱如何保存?QQ围棋里下完后的棋谱保存完毕后,怎么 </t>
  </si>
  <si>
    <t xml:space="preserve">有专门的围棋打谱软件能够打开QQ的棋谱文件。 现在人气最旺的围棋对弈网站是弈城和TOM。  </t>
  </si>
  <si>
    <t xml:space="preserve">脚上长冻疮怎么办？ </t>
  </si>
  <si>
    <t>你好，冻疮是冬天的常见病，冻疮一旦发生，在寒冷季节里常较难快速治愈，要等天气转暖后才会逐渐愈合，欲减少冻疮的发生，关键在于入冬前就应开始预防。有冻疮体质者，可在入冬前一月增加维生素A、C及矿物质的食入，可口服烟酰胺片0.1克，日3次，钙片0.5克，日3次，以提高机体耐寒力。也可在冻疮好发部位涂擦辣椒酊(取干辣椒20克，密闭浸泡于75%酒精500毫升中，7天后可用)，每日擦2-3次。也可取中药三七、红花、赤芍、鸡血藤等各适量，水煎取液，局部擦洗。</t>
  </si>
  <si>
    <t xml:space="preserve">维生素E怎样涂在脸去色斑,怎样用,各位高手帮帮忙怎样把维生素E涂 </t>
  </si>
  <si>
    <t xml:space="preserve">可以内服外用的.它的抗氧化效果非常好.可以当面膜用,例如可以和珍珠粉混在一起做面膜.也可以单独涂在面上,再用热毛巾敷面30秒效果非常好.这样不但可以增强皮肤弹性,还令肌肤非常柔软润滑.涂睫毛时,可以用棉签或且化妆棉沾维E,从睫毛根部涂起就可以了.当然也可以直接用手啦! 不建议将口服的维生素E直接抹在脸上，因为一种营养物质或者是药物涂在皮肤表面，能不能从皮肤吸收，很大程度上取决于它的基质和工艺，这就是同一成分的化妆品的价格可以有很大的差别的原因，因为这对于最后的效果影响很大。而口服的药物从来没有考虑是否容易通过皮肤吸收，所以没有这方面的工艺，外用是不合适的 </t>
  </si>
  <si>
    <t xml:space="preserve">木材防水，怎么处理？院子里，放了几根房梁，好几年，有点裂缝了，怎 </t>
  </si>
  <si>
    <t>刷沥青不好使，一般都是刷油漆</t>
  </si>
  <si>
    <t xml:space="preserve">想快速成为编程高手vb和delphi选哪个较好？谢谢 </t>
  </si>
  <si>
    <t>vb和delphi不一样。这个问题我曾经回答过其他的网友。现在给你也说一说：delphi是一种编程语言，它同时提供可视化的编程环境，以及非常灵活的接口。可很方便的与C++、VB联合编程。 delphi主要用于MIS管理系统的编程，特点是开发速度快，网上可重用的代码、控件非常多，可以很快的开发出一套应用系统。 应用范围非常广，delphi最擅长的是MIS信息管理系统，也适合做一些桌面应用程序。 这三种程序的应用广泛程度是：C++最广、 delphi其次、VB的应用最差。 这三种程序，可视化最好的是delphi。VB只适合做一些很小的、很初级的应用，无法完成大型的程序设计。 C++比较适合做底层的应用。开发出的程序执行效率最高。</t>
  </si>
  <si>
    <t xml:space="preserve">身上长了玫瑰糠疹是什么原因？怎么治疗和预防？身上长了很多疹子，医 </t>
  </si>
  <si>
    <t>玫瑰糠疹是一种人体皮肤很常见的发炎性皮疹。本病好发年龄於十至三十五岁。其他年龄层较少见，男女发病的病例数无明显差异。一般皮肤发疹持续时间约数周到数个月，通常消退不会留下痕迹。 玫瑰糠疹刚发作时往往为一单一性较大的粉红色斑块，呈椭圆形、边缘有轻微脱屑，常见於胸腹部或背部。一般会误判为霉菌感染。 此一单一性较大的粉红色斑块，有一个特别名称叫称为斥候斑( herald patch )。随后的一、两周里，身上、四肢陆续出现愈来愈多的斑点或斑块，可能蔓延至颈部，但甚少侵犯脸部。这些较匙产生的斑块与斥候斑外观类似但一般面积较小。约有40-50%的患者会有轻微的搔痒感，在较高温的环境下，搔痒感有时会变得较为严重。有部分患者在红疹出现前会有疲倦、等类似感冒的症状。玫瑰糠疹一般在斥候斑产生两周左右会达皮疹发作的高峰期，随后即会自行逐渐消退，一般约六至八周左右可完全消失，但有一些患者皮疹可能会持续较久些，少数病患更可达数月之久。 引起玫瑰糠疹的病因至今仍未明。但一般可确定的并不是皮肤过敏，也不是因为细菌或霉菌感染引起。许多研究人员发现玫瑰糠疹有可能是因病毒感染所致。病人偶尔有类似感冒的症状发生。因而判定为玫瑰糠疹的诊断前，需先排除如癣疾、药物疹、梅毒、、等等引起的外观相似症状，特别第二期梅毒所出现的皮肤疹子最像玫瑰糠疹，但其特点为易在手掌及脚掌也出现红疹。所以说一定要经由医师诊断，如此般才不会造成不必要的误判，影响自己的病情。 玫瑰糠疹是一个自限性的疾病，也就是说不需治疗它，自己就能痊愈。在治疗上一般可用抗组织胺及外用药类固醇来帮忙止痒。严重时可增加口服类固醇加速斑疹愈合。 参考资料：  玫瑰糠疹，是一种常见的急性发疹性皮肤病。本病好发于青壮年。属中医“风癣”范畴。【病因】多因内有血热，复感风邪，热毒凝结，郁于肌肤，闭塞腠理而发病；或汗出当风，汗衣湿溻肌肤所致。 【症状】皮疹，色淡红，表面有细碎鳞屑，且有轻重不同的痒感。 【疗法】 取穴方一：大椎、肩胛岗、肺俞。 方法：用点刺放血法。用三棱针在所选穴位或穴位附近血络点刺2-3下，使之出血。每日或隔日1次，5次为1疗程。 主治：玫瑰糠疹。 效果：屡用效佳。 附记：引自《外治汇要》。亦可配合针后拔罐。 取穴方二：身柱、风门、肝俞、脾俞。 方法：用点刺放血法。每取3-4个穴(每次1侧)交替使用。用三棱针在所选穴位或穴位附近血络点刺2-3下，使之出血，针后或加拔罐10-15分钟。每日1次，5次为1疗程。 主治：玫瑰糠疹。 效果：一般3-5个疗程即可见效或痊愈。 附记：引自《外治汇要》。忌食辛辣、鱼腥等食物。 取穴方三：大椎、身柱、肩胛岗。皮损在上肢肩背者配肩(骨+谬)、曲池；在腰以下者配肾俞；在臀股以下者配血海或委中。 方法：用刺血加拔火罐法。用三棱针点针后拔火罐15-20分钟，以局部红紫并出血0.5-1.0毫升(每穴)为度。同时可配合耳尖点刺放血。待皮疹大部消退，仅残留少许皮损，则取主穴配合皮损局部围刺加拔火罐。每日1次，10次为1疗程。 主治：玫瑰糠疹。 效果：屡用效佳。 附记：高渌纹经验。忌食辛辣、鱼腥食物。 取穴方四：大椎、风门、肩(骨禺)、百虫窝、委中。 方法：用点刺放血法。用三棱针在所选穴位和穴位附近血络点刺，使之每穴出血数滴。隔日1次，10次为1疗程。 主治：玫瑰糠疹。 效果：多年使用，效果甚佳。一般2-3个疗程即可见效或痊愈。 附记：忌食辛辣鱼腥食物，调情志、避风寒，有利于巩固疗效。病重者可配合中药内服，有利于提高、巩固疗效。</t>
  </si>
  <si>
    <t xml:space="preserve">为何我播放的电影一会儿慢一会儿快？显卡丽台32MB显存的，显卡驱 </t>
  </si>
  <si>
    <t>这跟系统和播放软件都没关系可以在显卡里面调节桌面,属性,设置,高级,进入显卡选项,点性能和质量选项,全部调到最佳,图像质量优先,就ok了!~</t>
  </si>
  <si>
    <t xml:space="preserve">讨厌的痘痘脸上长痘痘怎么办啊?好讨厌 </t>
  </si>
  <si>
    <t>推荐快速消豆洗脸法!!!!!!!!!!!!!!!!!!!青春痘在医学上称为痤疮或面疱。30岁以后的人极少发生，故又称青春痘或青春蕾。 哪些人易生此病呢？遇有下列情况中的一项即有可能出现青春痘。　　1、正值发育的人；　　2、油性皮肤严重的人；　　3、长得瘦黑且男性化的人；　　4、喜吃甜食的人；　　5、经常熬夜的人；　　6、因为工作性质和环境条件而经常与油接触的人（如加油站、烹调等）。　　青春痘的发生与皮脂有关。皮脂腺开口在毛囊，若皮脂腺分泌皮脂过多，加上毛囊受到外来的各种刺激和内分泌激素的影响而出现角化，使皮脂积聚在毛囊内，便形成了一个个小面疱。这个过程通常需要三个月左右。如果细菌在面疱中生长和繁殖，则会引起感染、化浓而形成大面疱，严重时还会使脸部留下疤痕。　　青春痘有何简单而速效的方法呢？　　3分钟洁面法：正确的洗脸是治疗青春痘最基本的方法。　　1、先准备一条干净柔软的干毛巾和刺激性小的中性肥皂；　　2、把香皂在温水（22-23度）中揉搓起泡，泡沫越多越好。用双手把泡沫捧起来洗脸， 洗1分钟。不要太用力，如果觉得疼痛就停止。　　3、接着用热水（38-40度）清洗20秒钟，再换温水淋洗20秒，如此反复三遍。若用淋浴器更好，脸距喷头约一拳远，一边喷淋面部（用热水），一边用手指肚轻轻敲打面部。 再把水调温喷淋20秒。　　4、用干毛巾先把脸上的水擦净，再轻轻地压脸吸水。　　5、最后涂上具有收敛作用的化妆水，涂后觉得有绷紧感，则可多涂几次。　　本法必须早晚各一次。对早、中、晚期青春痘都有明显效果。以下几个洗脸法是本法 的扩展和延续。　　纱布洗脸法：在应用3分钟洁面法1个月后，无论青春痘减少与否，都可转入本法，这 属于中级洗脸术。　　1、准备一条毛巾，香皂和一块纱布；　　2、先将纱布折成一小块，蘸上香皂泡沫，洗额头、下巴、鼻子等处；　　3、再把纱布缠在食指和中指两指头上，蘸上香皂泡沫，用纱布轻轻洗两颊中心部和整 个面部；　　4、最后将纱布绕在食指上，蘸上香皂泡沫轻轻地擦洗眼睑下柔细的皮肤，如果觉得有 刺激或疼痛就停止。若第二天还觉得疼痛，那是擦洗太用力的缘故。此时至少要实行4天的 “紧急洗脸法”等不疼后再用3分钟洁面法去洗脸。　　5、中级洗脸法第一周每隔两天洗一次，第二周隔一天洗一次，第三周每天洗一次。　　高级洗脸法：中级洗脸法进行一个月后，若有效果可转入本法。　　1、准备香皂、毛巾和一幅棉布白手套（质地薄的好），并把其中一只手套的中指、食 指和无名指处剪下来，形成三个指套；　　2、先手完好的手套蘸上香皂泡沫轻柔地擦洗整个脸部。皮肤细腻的人可在食指和中指 戴上指套，蘸上泡沫清洗整个面部；　　3、然后食指、中指和无名指都戴上指套，沾上香皂泡沫轻轻擦洗两颊、额头和下巴；　　4、脱下指套，仅食指保留指套，蘸上泡沫轻轻擦洗眼睑下柔细的皮肤，最后清水洗净， 用毛巾擦干。　　超级洗脸法：前三种方法应用后若青春痘依然存在，则可用此法。对青春痘已经形成 疤痕的人更为适用。　　1、准备香皂、毛巾和一把轻柔型的儿童用牙刷；　　2、将香皂在手心上搓起泡沫并用牙刷沾取少许；　　3、用沾上泡沫的牙刷轻轻地擦洗额头、下巴等纹理较粗的地方；　　然后用清水洗去脸上的泡沫，最后用清洁的干毛巾擦干脸上的水分。　　紧急洗脸法：此法不但对青春痘，而且脸上皱纹较多者也可应用。一般而言，青春痘者 的皮肤都是油性的，如果过分使用了脱脂香皂，则会使皮肤干燥，很难看。此时，就用本法来处理。　　1、将香皂用温水在手掌中搓起泡沫，再把泡沫小心地放入盛有温水的脸盆中，轻轻地搅 和形成旋涡；　　2、等盆中的水即将停止旋转时，把脸浸入，让自然流动的泡沫冲洗脸部，如此20秒钟。 然后把脸浸入另一个装有干净温水的脸盆中，把泡沫浸净，又20秒钟。如此连续三次，每次都 要换水和换泡沫；　　3、到第三次清水洗净时，可在脸盆的温水中加几滴润肤油，再浸泡20秒钟；　　4、最后反复用毛巾擦干或压吸脸上的水分。</t>
  </si>
  <si>
    <t xml:space="preserve">小珍珠，真可爱，只能看，不能踩，清晨长在绿草丛，太阳一出无影踪。? </t>
  </si>
  <si>
    <t>露珠</t>
  </si>
  <si>
    <t xml:space="preserve">为什么不是双胞胎？模样相同的哥俩同时应征入伍，他们有血缘关系且出 </t>
  </si>
  <si>
    <t>三或四胞胎</t>
  </si>
  <si>
    <t xml:space="preserve">怎么才能成为达人微博达人 </t>
  </si>
  <si>
    <t>你可以去天津白堤路那家学习，挺不错的</t>
  </si>
  <si>
    <t xml:space="preserve">高中化学题300ml硫酸铝[AL2(SO4)3]溶液中含铝离子[ </t>
  </si>
  <si>
    <t>300MLAl2(SO4)3含有1.62gAl3+，可以得出含有1.62g/27mol=0.06Mol所以含有0.09molSO42-（根据化学式对应摩尔比例可以得出）滴入300ml的0.1mol/L的Ba（OH）2后会发生反应（滴入n=cV=0.3L*0.1mol/L=0.03mol3Ba（OH）2+Al2（SO4）3=2Al（OH）3↓+3BaSO4↓如果加多了会生成偏铝酸钡反应中Ba2+与SO42-的沉淀比是1：1，所以每沉淀1molBa2+就有1molSO42-也跟着沉淀所以沉淀0.03molBa2+，也就沉淀0.03molSO42-，所以剩余0.06molSO42-接下来算水量300mlBa（OH）2中的水和300mlAl2（SO4）3中的水总共600ml=0.6L所以c=n/V=0.06mol/0.6L=0.1mol/L所以SO42-的物质量浓度为0.1mol/L</t>
  </si>
  <si>
    <t xml:space="preserve">单场博单。。。。。。。。。。。最后一次。。。。。。。。。。 </t>
  </si>
  <si>
    <t>看到你的单，我也说一下我的看法吧， 这3场，我看好出 0 ， 0 ， 1</t>
  </si>
  <si>
    <t xml:space="preserve">输入例句:仙剑3的金钱问题仙剑3能改金钱值吗？ </t>
  </si>
  <si>
    <t>可以，随便一个修改器就可以了</t>
  </si>
  <si>
    <t xml:space="preserve">怎么样还能拿到内测帐号 </t>
  </si>
  <si>
    <t>发短信有机会得到内测号 或者挣积分得 不容易呀 呵呵</t>
  </si>
  <si>
    <t xml:space="preserve">有一集最前面哀梦到在一个下雪的天气，琴酒对她说：“用你最喜欢的棕? </t>
  </si>
  <si>
    <t xml:space="preserve">176 与黑暗组织的再会（灰原篇）177 与黑暗组织的再会（柯南篇）178 与黑暗组织的再会（解决篇）这三集是连在一起的，你说的情节就在第176集与《黑暗组织的再会（灰原篇）》的一开始下面是这一集的在线收看 </t>
  </si>
  <si>
    <t xml:space="preserve">帮她签收了！昨天早上六点十分，来了个送快递的，让我看快递上的名字 </t>
  </si>
  <si>
    <t>据俺猜测，若你写个亲属也是不合适滴。。。</t>
  </si>
  <si>
    <t xml:space="preserve">男人被强奸的话，有没有相应得法律予以被害人保护？？ </t>
  </si>
  <si>
    <t xml:space="preserve">男孩可以去化妆学校学习么 </t>
  </si>
  <si>
    <t>可以，我在毛戈平的学校学，我们这里男生学的还蛮多的</t>
  </si>
  <si>
    <t xml:space="preserve">宝宝四个月嘴里有个白点点我家宝宝现在四个多月了,嘴里的白点到现在 </t>
  </si>
  <si>
    <t xml:space="preserve"> 你可真够细心的。我宝宝出生的时候，脸上，嘴里也好多小白点，医生也是说慢慢就会下去的，所以我没怎么担心。现在他已经1岁了，小白点已经都没有了，我也不知道什么时候下去的。我想你宝宝的情况也应该没有什么，再等等，不要着急。</t>
  </si>
  <si>
    <t xml:space="preserve">《寻仙》是那种类型的网络游戏？ </t>
  </si>
  <si>
    <t>游戏类型:角色扮演游戏特征:Ｑ版卡通    3D开发公司:像素运营公司:腾讯官方网站: 　由像素软件研发，腾讯代理的中国传统神话美术片网游大作《寻仙》耗时三年投资数千万开发。《寻仙》游戏画面具有中国美术片风格、以为人熟知的中国传统神话为题材，由你来导演平头老百姓的本色故事。高画质低配置。轻松上手，门槛低。游戏特色表现为：独创的战斗体系和动作感很强的法宝大战；首创的多人骑宠，无论是旅行还是战斗，都有与众不同的感受；独特的情感体系，使角色在虚拟世界中更加真实，更加绘声绘色，让你在游戏中的社交和生活更加轻松、有趣！　　提到美术片，有人也许会陌生，因为日韩的动漫文化在中国已经根深蒂固。所以会有人把游戏中“非写实”的美术表现手法称为“卡通”，如果人物头身比例不大，会被称为“Q版”。实际上日本有动漫、美国有卡通，而我们中国有自己的美术片。 　　日韩动漫对于现在的年轻人已经非常熟悉了，但是对于中国美术片，只有在二十世纪七十年代和八十年代初出生的人在回味童年的时候才会想起。如图所示，这些人物造型都来自著名的中国美术片题材：《葫芦兄弟》《天书奇谭》《大闹天宫》《宝莲灯》。 　　《寻仙》所表达的正是这样一种纯粹的中国美术片风格，一种中华民族特有的文化！ 希望更多中国玩家可以了解并支持国人精髓的东西，也希望能让世界上更多人了解、接受和喜爱它。</t>
  </si>
  <si>
    <t xml:space="preserve">机油弄脏衣服怎么清洗干净?机油沾在衣服上没发洗干净 </t>
  </si>
  <si>
    <t>用汽油.先将有油污的地方用汽油浸湿,再进行手工局部?Q搓，再溅一汽油进行?Q搓，一般二＼三遍就能清除干净，最后用肥皂或洗衣粉将衣服洗一遍，着重将刚才用汽油洗过的地方，再多?Q搓几遍．再用清水漂洗干净即可．</t>
  </si>
  <si>
    <t xml:space="preserve">为何指甲颜色与众不同？我的指甲前端（就是剪指甲时要剪的部分，不是 </t>
  </si>
  <si>
    <t xml:space="preserve"> 指甲也叫甲板，前端是指尖，后部在皮下的组织叫甲根，甲根下的组织叫甲母，是长指甲的地方，覆盖甲板周围的叫甲廓，甲廓前边半圆形的淡色区就是甲半月，可视为健康状态的标志。关于指尖部分的颜色，只要不是发黄，发黑就没有问题的^_^Mr.emily</t>
  </si>
  <si>
    <t xml:space="preserve">北京哪有大冷冻小冷藏的冰箱卖家庭用的冰箱,冷藏室小而冷冻室大的冰 </t>
  </si>
  <si>
    <t>美菱有一款BCD-181，就是大冷冻小冷藏。可以到国美或者苏宁去打听。质量并非特别出色，但还是过得去的。</t>
  </si>
  <si>
    <t xml:space="preserve">对对子热闹对城市正如安静对（）节约对光荣正如浪费对（）清澈对泉水 </t>
  </si>
  <si>
    <t xml:space="preserve">热闹对城市正如安静对（乡村 ） 节约对光荣正如浪费对（可耻 ） 清澈对泉水正如混浊对（污流 ） 喧闹对大街正如僻静对（小巷 ） 团结对安定正如分裂对（动乱 ） （明亮 ）对白天正如黑暗对夜晚 （凉爽 ）对秋天正如温暖对春天 寒冷对冬天正如（ 炎热）对夏天 勤劳对丰收正如懒惰对（歉收 ） 信任对朋友正如怀疑对（敌人 ） </t>
  </si>
  <si>
    <t xml:space="preserve">国际版的完美没开双倍经验时间，节假日有吗？ </t>
  </si>
  <si>
    <t>没有，现在就是花钱也没有双倍经验</t>
  </si>
  <si>
    <t xml:space="preserve">不排卵容易治疗吗 </t>
  </si>
  <si>
    <t>你先去医院看看,是因为什么不排卵啊,再问问医生好不好治,这里的姐妹们只能给你建议不能治疗</t>
  </si>
  <si>
    <t xml:space="preserve">为什么我的CAD2006画图时那些线显示得比较慢?我的机是奔腾D? </t>
  </si>
  <si>
    <t>你的配置还可以，正常情况下应该不会感觉到反应上的迟钝。可能的原因，有这么几种情况：1、最有可能，你的机器上有非法的程序在运行。在cad上的反映就是，有时反应慢，一顿一顿的，但是这又不是普遍现象，通常情况下鼠标反应速度很还可以，感觉不到滞后的现象。关闭所有程序，使windows处于空闲状态，观察硬盘的指示灯，如果时不时地闪亮，说明有程序在不停的访问硬盘，按Ctrl+Alt+Del键打开windows任务管理器，点击进程选项卡，如果发现explorer.exe时常占用cpu时间。如果发现上述两种情况，都是不正常的。非法程序的来源可能是d版程序带来的，如office2003等，也有可能是网上传染来的，黑客程序的可能性大，也有可能是流氓软件。查杀的难度比较大，少用可疑软件，少下载程序，调高防火墙的安全等级，设置严格防护配置；断开网络，停用本地连接可以作为尝试。2、可能是安装的程序较多，动态链接库占用的内存较多，内存量不够。这种情况比较少见，一般表现为开机时间长，打开windows任务管理器察看内存使用量，察看活动进程的数量。卸载一些大型软件，如游戏程序，打开防火墙，关闭一些自动启动程序等。3、cad自己访问网络。cad2006带有信息中心，可自动搜集信息，可以自己访问网络。禁用信息中心，运行安装程序：X:\Bin\ACADFeui\Support\CADManagerControl目录下的CMControl.exe,X代表磁盘路径。选择版本号，进入管理员设置然后禁用通讯中心就可以了。</t>
  </si>
  <si>
    <t xml:space="preserve">小萨摩呕吐去打点滴大概多少钱 </t>
  </si>
  <si>
    <t>要看是什么原因呕吐了.一般狗狗有时因肠胃不舒服甚至只是因为吃多了点儿也会呕吐,但这种情况一般吐出来就好了.但如果是因为有其他病因呕吐就比较麻烦了.如果狗狗除了呕吐没有别的症状,精神也还好,吐完后就没事了那就是我刚才说过的可能只是单纯的吃多了或者吃了什么不消化的东西,呕吐是狗狗身体自身的一种调解,这种情况就不用太管它,一般吐完后就好了.但如果呕吐的同时还排稀便,精神也不好的话,那有可能是比较大的其他病症,就需要送医院了.至于价钱要看是什么病用的什么药,还有就是你们当地的物价情况等等.建议多问问你们当地的宠物群,请宠友些推荐一些靠谱的医院,不要花了钱还耽误了狗狗的病.</t>
  </si>
  <si>
    <t xml:space="preserve">AMD3800+最大可以配多大的内存和多大的宽带?3800+能不 </t>
  </si>
  <si>
    <t>3800+ 可以配3G的内存3800+ 最大支持 8192G内存具体多大的内存看你的软件和操作系统的要求了！如果您上网的话，您就需要接入宽带，如果您不上网的话，不需要接入任何线路的！推荐您使用 DDR II 800 的内存。 从目前的软件来看 1G内存完全够了。</t>
  </si>
  <si>
    <t xml:space="preserve">个性与习惯对目标的影响有哪些？ </t>
  </si>
  <si>
    <t>人的个性影像习惯，反之习惯也造就了个性。不论个性强与弱，在坚持原则的同时能够倾听他人的意见，并调整自己思路和做法，就能顺利的到达预定的目标。不论习惯的好与坏，只要能够“见贤思齐”改正自己的不良习惯，就能离预定目标越来越近。固执己见、听不得不同意见的人，预定目标很难实现。对不良习惯听之任之，预定目标永远是可望不可即的事情。</t>
  </si>
  <si>
    <t xml:space="preserve">共同话题是什么发自内心的郁闷 </t>
  </si>
  <si>
    <t>共同有话题就是一个人的概念与另一个人的概念可以互相包容并融合.也可以说两个人其中一个人虚伪一点去迎合另一个人就称之为有共同话题.</t>
  </si>
  <si>
    <t xml:space="preserve">怎样使用耳麦耳麦连线分成红色和绿色,我将绿色一端接在音响上,影响 </t>
  </si>
  <si>
    <t>最简单的方法是买一个接音箱和耳麦的hub,上面有开关,可自由切换.</t>
  </si>
  <si>
    <t xml:space="preserve">酸笋的制作方法？请问在家里怎样自己腌制酸笋？都需要哪些材料和具体 </t>
  </si>
  <si>
    <t xml:space="preserve">新鲜的笋剥掉外壳，整棵或切片放泡菜坛子里，注入清洁的井水（有就最好，没有就自来水也行，不能用纯净水），盖上盖，沿上加水，密封两星期左右就成了。 （这种法复杂） 我的独门秘方：买到胖胖的鲜笋，切大片，糯米粉+水（和洗米水差不多的浓度就可以了）兑好煮开，晾凉，将笋丢进去封坛泡半个月左右就可以变酸。我自己没有做过，以前看过老妈子做，用洗米水泡的，但听说同事糯米粉水的效果更好。 唯一的共同点及千万切记的：整个过程中笋、手及所用的器皿都必须干净无油。腌的过程中要记得往坛沿上加水，以防漏风，笋就败了（变臭变黑）。 </t>
  </si>
  <si>
    <t xml:space="preserve">头皮问题最近我头皮痒的厉害，是怎么一回事啊？ </t>
  </si>
  <si>
    <t>可能是真菌感染啦</t>
  </si>
  <si>
    <t xml:space="preserve">紧急避孕药是不是对经期影响很大.?上次跟女朋友做完之后,不小心就 </t>
  </si>
  <si>
    <t xml:space="preserve">   可能是避孕失败了（如果不是经常服用避孕药），买张试纸测下吧，估计是怀孕了，如果是吃过很多次紧急避孕药，那就是有可能停经了，要去医院，去远一点的医院，没人认识你们的，放心好了，但是记住一定要去正规的医院，不要买医院的药，挂个号拿着医生开出的药单在外面买会便宜很多。   建议以后最好不要服用紧急避孕药了，这个对身体伤害很大，搞不好就月经失调，很不好治的，还可能对以后的生育造成影响，你如果要娶她、真正爱她就应该为她的未来啊、考虑。冲动是魔鬼！</t>
  </si>
  <si>
    <t xml:space="preserve">2004年陕西省西安市长安区城镇居民人均可支配收入是多少？200 </t>
  </si>
  <si>
    <t>你可以咨询长安区统计局,他们的数字应该比较准确,而且也可以上长安区政府公众网,你所需要了解的问题里面都有详细介绍</t>
  </si>
  <si>
    <t xml:space="preserve">妖精什么时候开放啊!!!我晕哦....妖精到底什么时候放出来啊! </t>
  </si>
  <si>
    <t>开了你会怎样？没妖精你就不玩了啊！！！！你等吧不能陪你呵呵</t>
  </si>
  <si>
    <t xml:space="preserve">游戏效果的好坏是看显卡的什么性能？现在的3D游戏里都有抗锯齿这个 </t>
  </si>
  <si>
    <t>显卡性能是一个综合的一：流处理器数量，这个不必多说了，当然是数量越多越强二：显存频率，也是越快越好三：显存带宽：频率是速度，带宽就是这条高速路的车道数，就好比3车道的高速和5车道的高速的区别，单位时间内通过数据的量，同样的速度，路越宽当然车就走的越多，显卡也是同样的道理。四：核心频率，和CPU一样，相同架构同处理器数量，频率越高，性能越好，但是对散热要求也越高。五：显存大小，说实话，在低分辨率以及不开高倍反锯齿的前提下，显存大小影响不大，就好比缓存一样，只有开启以上特效才会用到大量的缓存。六：主板接口，PCIE分1X 4X 8X 16X，有的集成显卡的主板的PCIE是8X就会大幅度降低高端显卡的性能。而PCIE1.0和2.0也是不同的，相同倍数的情况下，2.0性能要远好于1.0七：CPU，显卡好但是如果CPU拖累了也会造成性能下降，在游戏中，怪物的AI以及部分物理效果全由CPU来处理，任何一个环节速度跟不上，都会影响游戏的流畅度。</t>
  </si>
  <si>
    <t xml:space="preserve">在恋爱阶段，男友打了我，为一件小事，我还能和他在一起吗？这以不是 </t>
  </si>
  <si>
    <t>楼上的朋友们说的很对。非常的对。我开车速度太快走远了。呵呵。这样的男人不要就是那么垃圾。我可不会那样，这样欺负对自己托付终生的女人动手。这足以证明他不爱你。而且他真的很垃圾。不管在事业上还是在以后的爱情中。有种忠心叫愚忠。可能他再外面有别的女人也说不定。打你想和你分手，可你就是不分，那就经常打，打到你分为止。你还等什么呢。这男人不要了。我想你家人或是朋友知道你这样的情况想法也会是和我一样的。这已经不叫爱了。我爱的女人。我会用心去爱她，别说打她，骂我都骂不出来。是真的。顶多我就是生气不里她。去吧。找个和我类似的男人爱你，一定要看准了。别找那些伪君子。人品好。相貌一般就可以。好看的男人难以转情于你。好了，忘记。寻找。确定，─━幸福听大家的没错。我们祝福你，结婚之后别忘了在新浪网上谢谢大家。</t>
  </si>
  <si>
    <t xml:space="preserve">诺基亚5000有数据线吗手机有一个插口在充电和耳机中间做什么的 </t>
  </si>
  <si>
    <t>要那个也没用只有7M内存，不能插闪存卡，装个UC，QQ就没有空间了</t>
  </si>
  <si>
    <t xml:space="preserve">【初制谜请指教】李煜无言（词牌名）请指教 </t>
  </si>
  <si>
    <t>上西楼</t>
  </si>
  <si>
    <t>有机质可以使土壤形成比较稳定的团粒结构，使土壤比较疏松，提高保水性、通透性，有机质在分解过程中释放出植物生长所需的氮磷等营养元素，蚯蚓等低等动物也要以有机质为食物，蚯蚓可以疏松土壤。微生物可以利用土壤有机质，产生维生素、激素等，可以刺激植物根系的生长，微生物在生长的过程中，产生有机酸，可以分解土壤中的很多矿物，游离出磷钾钙镁等离子供植物应用。</t>
  </si>
  <si>
    <t xml:space="preserve">请问矿工的一开始挖的铜应该卖给哪个NPC </t>
  </si>
  <si>
    <t>能卖石头的地方通常都能卖材料，包括铜1组铜条=10组铜矿，卖给NPC，1组铜矿能卖56元，一组铜条能卖560，当铜矿数量没达到20时，无法卖出现在铜条一般是1000-1300/组 玩家收 很畅销</t>
  </si>
  <si>
    <t xml:space="preserve">优生（体育词语一） </t>
  </si>
  <si>
    <t>体育健儿</t>
  </si>
  <si>
    <t xml:space="preserve">清泉老师~002071江苏宏宝被套,如何操作?清泉老师,麻烦您帮 </t>
  </si>
  <si>
    <t>正常调整.逢低加仓.</t>
  </si>
  <si>
    <t xml:space="preserve">如何升级法宝 </t>
  </si>
  <si>
    <t>您好！新浪游戏诛仙爱问专家为您解答： 法宝升级　　法宝界面的最下栏为法宝的经验栏，每次使用法宝的技能，法宝经验都会进行增加，当经验值涨满后，玩家就可以至NPC“仙工”处进行法宝的升级。法宝每升一级，相对的附加属性值就会提升，随着法宝等级的提升，法宝会逐渐增加对玩家门派技能提升的属性。但并不一定是拥有此法宝的玩家门派技能。诛仙资料组：新月花</t>
  </si>
  <si>
    <t xml:space="preserve">我的一岁的宝宝&lt;有照片&gt;周岁留念 </t>
  </si>
  <si>
    <t>我的宝宝也8个月了，1岁的宝宝有这么大了？真可爱啊，等我宝宝一岁了，我也带她去拍照。真是太棒了。</t>
  </si>
  <si>
    <t xml:space="preserve">新浪爱问里关注足彩的人比别的任何论坛都多？我觉得这人气非常旺！！ </t>
  </si>
  <si>
    <t>还有说相声的 ？</t>
  </si>
  <si>
    <t xml:space="preserve">林老师！宝宝现在2岁3月。经常有这样的问题：大人之间说话，或者大? </t>
  </si>
  <si>
    <t xml:space="preserve">这是孩子逆反期的表现。建议不要跟他对抗，以平常心待之。甚至可以就着她这个习惯，拓展一些相关的游戏，既让她觉得很好玩，又锻炼她的应变能力。比如，可以随便说一个词，让她加个不，从慢慢的说，到快速的说，锻炼她的反应能力。他厌烦了说不，自然不会再说。这算是一个以毒攻毒的方法呵呵！ </t>
  </si>
  <si>
    <t xml:space="preserve">怎样才能提高彩票的中奖率？？/我买彩票很少中奖，希望有哪位高手透 </t>
  </si>
  <si>
    <t>资金+技术+运气，缺一不可。光有大把大把的钞票往里撒，不带头脑分析不行；有技术没有一定的财力保障也不行，小复式遇到“连环冷”无能为力，单式票更就甭提了；有时运气也很重要，如世界杯阿根廷VS德国，80多分钟阿根廷进了1球，由于边裁误判，被吹无效，杀死了全世界彩民多少单呀，你找谁说理去呀。但话说回头,关键还是靠自己,多做功课</t>
  </si>
  <si>
    <t xml:space="preserve">简单的机械绘图用哪个软件好用好学？哪有免费下载的？我是非机械专业 </t>
  </si>
  <si>
    <t>autocad视频教学： 现在视频教程越来越多，你可以再搜一下，找一个自己最喜欢的，学起来就很容易了..</t>
  </si>
  <si>
    <t xml:space="preserve">天津鑫天地华东地区营运中心目前黄金价格飞飞的涨，又创新高了，是投 </t>
  </si>
  <si>
    <t>黄金的价格是没有最高，只有更高，在全球经济不景气的情况下，纸币贬值的厉害，所以黄金作为主要的避险工具，大家都会去做了，绝对是明智的选择。你可以百度一下，鑫天地华东营运中心。</t>
  </si>
  <si>
    <t xml:space="preserve">怎么有上不去了啊，和上次一样啊，GM快解决啊，电信，急！！机战又 </t>
  </si>
  <si>
    <t xml:space="preserve">您好，经过测试我们这里是可以正常登录的，您可以到下面页面中手动下载更新包，安装后测试 </t>
  </si>
  <si>
    <t xml:space="preserve">请高手谈自己经验不要复制了事跑商问题我是DF到BJ跑但我不知道在 </t>
  </si>
  <si>
    <t>一般 纸和油 这样买是很赚的但有纸价格很高3000+ 或者卖光了 这是要去长安看看物价是否低 如果扇子 3000 多一点  武器 4000以下 可以买一些带到长寿卖 也不会空跑一趟境外  (另外CS的鹿茸 如果在 6000++一定要买 有时候卖长安 能卖10000+)</t>
  </si>
  <si>
    <t xml:space="preserve">粉丝多少或积分多少才能得到高级达人徽章 </t>
  </si>
  <si>
    <t xml:space="preserve">  你去这个连接去找啊，里面都有详细的说明呢~</t>
  </si>
  <si>
    <t xml:space="preserve">2个宠估价40级火刀，2血2防，加魔101级血刀，1攻，树海技能 </t>
  </si>
  <si>
    <t>火刀属于传统魔宠,以往对于防魔宠不该掉防有很多争议,我个人认为,防魔宠掉点防无所谓,但是别掉血敏魔,你这只2血2防,掉的还行,但是火刀已经不如以前那么风靡了,价格也狂跌,20~25W应该是这个价了我曾经养过只0D血刀加攻养到100级 1100W卖掉了你这只掉1攻应该去加敏,可惜了血刀的地位早就被改造僵尸所取代了,如果你加敏,能卖到450W+但是你加了攻所以价格为250W+除非碰到喜欢的人了,也许能卖个300W以上</t>
  </si>
  <si>
    <t xml:space="preserve">关于邮件删除你好!邮件永久删除是不是就找不回来了!怎么才能找回来 </t>
  </si>
  <si>
    <t>应该是找不回来了，唯一一线生机就是联系客服看看他们能不能帮你恢复了   全国统一客服热线：  咨询邮箱：webcn@ 希望我的回答对你有帮助：）</t>
  </si>
  <si>
    <t xml:space="preserve">时尚生活元素化妆品姐妹们有谁用过时尚生活元素的化妆品？我去化妆品 </t>
  </si>
  <si>
    <t>这个化妆品我不太了解，不过我可以告诉你一样很不错的化妆品，韩国的the face shop.我和朋友一直用这个，很不错，植物的，我朋友就是敏感性肌肤，皮肤很容易过敏，有一阵子她脸过敏很厉害，就是用这个用好了。她用的是洋柑橘系列：精华，护肤水和乳液，现在的皮肤很好，你不妨试试看</t>
  </si>
  <si>
    <t xml:space="preserve">你对现在生活能够满足的几个条件我列出了对现在生活能够满足的几个条 </t>
  </si>
  <si>
    <t>能够有一个健康的身体!有健康不代表拥有一切..但没有了健康就等于没有了一切的!</t>
  </si>
  <si>
    <t xml:space="preserve">17岁一般普遍的胸围是多少啊?如果遗传胸小有什么办法增胸吗?除手 </t>
  </si>
  <si>
    <t>近几年城市小孩的发育都有所提前，但是也并不是所有都是如此。所以如果说17岁第二性征不是特别明显的话也不要觉得就是不正常。如果你想知道同年龄的女孩子的平均胸围的话，可以参考一下你所在城市的统计数据。因为你目前还没有定型，所以从饮食方面着手效果还是不错的^_^能够促进胸部发育的食物有：1.木瓜、鱼、肉及鲜奶等含丰富蛋白质的食物，均可健胸。　　2.黄豆、花生、杏仁、桃仁、芝麻及粟米等种籽和坚果类，是有效的健胸食品，不妨多吃。　　3.橙、葡萄、西柚及蕃茄等含维他命C的食物，可防止胸部变形。　　4.芹菜、核桃及红腰豆等含维他命E的食物，有助胸部发育。　　5.椰菜、椰菜花及葵花籽油等含维他命A的食物，都有利激素的分泌。　　6.牛肉、牛奶、豆类及猪肝等含维他命B的食物，亦有助激素的合成。　　7.牛奶炖鸡──以嫩鸡加入牛奶同炖，能起丰胸作用。中草药食补可健胸肌　　8.饮用一些含中药成分的靓汤，如紫河车炖乳鸽汤。材料包括紫河车、当归、北旗、红枣及乳鸽等。紫河车是胎盘素，含丰富的激素及荷尔蒙；当归、红枣及北旗则补气血，而乳鸽则有强身健体的功效。　　9.亦可饮用以黄精、当归、白?X、云苓、鲤鱼及生姜等材料熬成的鲤鱼汤。因鲤鱼具有强身效用，而白?X则能健脾胃，结合下来，又有健胸效果。　　10.多喝参归猪心汤亦具有益气养血及健胸的疗效。　　11.草药的疗效也不俗，如羊乳和奶参等，也具有健胸的食疗。这两种草药能强健脾胃，增强人体的吸收能力，有助胸部的发育。　　12.也可饮用这两款中药茶：归脾茶及养心茶。前者益气养血，后者补益心气、养心安神。酒酿蛋蜂皇浆具扩建力　　13.酒酿蛋──把酒酿、糖加进熟蛋中，于生理期间早晚服用一碗，可达和丰胸的效果。　　14.蜂皇浆──连续服用数月，即能有一定的丰胸功效，因蜂皇浆有刺激荷尔蒙分泌的功用。胶质海产助第二度发育　　15.蹄筋、海参及猪脚等富含胶质的食物，能增加胸部发育。　　16.多吃海产食品，如虾贝类等，其所含的锌是制造荷尔蒙的重要元素。Mr.emiy</t>
  </si>
  <si>
    <t xml:space="preserve">华山神兽价格!我想在华山区收只神兽,全体罩子狗或者无TJ疆良优先 </t>
  </si>
  <si>
    <t>全体罩子狗或者无TJ疆良优先RMB200到400之间</t>
  </si>
  <si>
    <t xml:space="preserve">如何看到我没有关注的人的微博？求朋友们评论回复，帮忙指点一下新手? </t>
  </si>
  <si>
    <t>搜索他的名字。。。。让你看个够。。。</t>
  </si>
  <si>
    <t xml:space="preserve">鹰的英文怎么说？怎么说？ </t>
  </si>
  <si>
    <t>楼上的两位说的都对，除了eagle 之外，hawk一般称为小鹰或鹫鹰，例如美国在太平洋有一艘航空母舰的名字就是hawk，很多媒体翻译成“小鹰号”；另外还有：vulture 秃鹰falcon 猎鹰condor 神鹰（在电影里有神雕侠侣的那只神雕就是condor）当然猫头鹰(owl)就不算了</t>
  </si>
  <si>
    <t xml:space="preserve">打造装备的原料怎么得？ </t>
  </si>
  <si>
    <t>各个游戏中得到装备原料的方法可能不一。不过总得说来有以下几种：1、挖矿挖到的2、打怪掉出来的3、可能是游戏中某些抽奖活动中得到的</t>
  </si>
  <si>
    <t xml:space="preserve">我的电脑问什么会自己关闭安全中心服务?我的电脑最近总是会自己关闭 </t>
  </si>
  <si>
    <t>在服务里关闭 方法如下： 打开“控制面板” 打开“管理工具” 打开“服务” 找到名为“Security Center”的服务 双击这个服务，打开属性设置。 把启动类型设置为”已禁用”，然后点服务状态下的“停止”按纽停止这个服务。最后点确定退出。 还有一种方法： 打开它，点击左边的“更改安全中心通知我的方式”，去掉那三个勾 windowsXP的安全中心完全是个毫无价值的功能，经常发出没有意义的警报。杀毒程序你自己可以安装，防火墙也可以自己安装，根本不需要它来提醒你，禁用这个功能可以提高你机器的性能。 此外，安全更新也是WINDOWSXP的陷阱，如果你是盗版，如果你用了安全更新，那么微软会让你无法进入系统。建议在服务里一并关闭“安全更新”，服务名称为“Automatic Updates”，关闭方法和上面说的一样。</t>
  </si>
  <si>
    <t xml:space="preserve">他怎么想?我怎么办?以下的事都是我的事实，请大家别笑话我。请懂心 </t>
  </si>
  <si>
    <t>你和B从一开始就是错误的。因为你并不了解他，他为什么要离婚？为什么离了十年了还不再婚？如果他也真的爱你，为什么对你若即若离？在这种情况下，你没有完全弄明白，就把自己交给了他，这个后果能是好的吗？所以，你现在要吸取教训，好好去爱仍爱着你的A吧，你们才会是真正有幸福的！至于你和B的事，不让他知道就是了。就是他知道了，只要你俩感情深，谁还没有犯过错？他是会原谅你的。好了，祝你幸福！</t>
  </si>
  <si>
    <t xml:space="preserve">菲迷请进一切关于刘亦菲的事情都贴出来吧！ </t>
  </si>
  <si>
    <t>怎么都是图呢？</t>
  </si>
  <si>
    <t xml:space="preserve">有谁知道丰台区西罗园附近哪里有亲子班呀？我女儿一岁三个月了，想给 </t>
  </si>
  <si>
    <t>北京市丰台区西罗园第二幼儿园地址：北京市丰台区西罗园海户西里五区七号楼    邮编：100077    电话号码：67228132北京市丰台区西罗园第一幼儿园地址：北京市丰台区西罗园一区11号楼    邮编：100077    电话号码：67216393</t>
  </si>
  <si>
    <t xml:space="preserve">这样摆设家可以吗听说家居摆设很有学问，我想这样装修r摆设我的家， </t>
  </si>
  <si>
    <t>如果家里经常来人的话，这样摆放还可以，如果家里不经常来人的话，不如把客厅改成卧室，朝阳的房间总体说是好的了，小卧室可以做书房。</t>
  </si>
  <si>
    <t xml:space="preserve">中国哪个民族节日最少？ </t>
  </si>
  <si>
    <t>搜索下中国民族节日大全，然后自己数下</t>
  </si>
  <si>
    <t>攻1</t>
  </si>
  <si>
    <t>鸡肋!!!攻击不高幸运少了一点魔法躲避+10几乎可以忽略我不会要的东西所以你建个小号喊话用白字说不定能卖个好价钱能卖500顶天了!</t>
  </si>
  <si>
    <t xml:space="preserve">谁有电视剧《暗战》（李宗翰主演）的分集剧情介绍，谢谢 </t>
  </si>
  <si>
    <t>暗战分集介绍第1集　　　　十年前时任龙兴市公安局缉毒支队支队长的骆成龙得到情报大宗毒品要转运到龙兴市骆成龙亲自出马指挥围捕行动他的儿子也是龙兴市公安局特警大队队长骆树英奉命配合缉毒支队行动由于骆成龙固执己见导致行动失败　　省厅派人调查情况骆树英如实反映了实情骆成龙最终接受处分离开了岗位骆成龙迁怒与儿子从此跟骆树英形同陌路十年后我警方为了打击以女毒枭穆吉春为首的境外贩毒集团委任骆树英出任龙兴市缉毒支队队长一职骆树英上任的第一天副支队长纪言德接到卧底情报后抓捕了毒贩坤马和阿敢毒品虽被缴获坤马却自爆身亡　　穆吉春意识到内部有警方卧底命手下老七找出卧底后她亲自将卧底警员残忍地杀害弃尸于边境　　骆树英面对狡诈凶残的敌人只能暂时强压怒火去找父亲骆成龙请教对策骆成龙以大局为重不计前嫌给儿子出了两条主意一是再派警员打入毒贩内部二是他自己以平民身份再次出山配合卧底人员行动第2集　　　　关于卧底警员的人选两名支队的业务骨干落入了骆树英的视线一个是肖继军一个就是自己的儿子骆小虎骆树英有意让儿子骆小虎担当此危险的任务但肖继军却竭力要求担当骆树英只得决定让肖、骆两人比武以胜负来做最后决定在比武的关键时刻骆小虎有意失手落败骆树英看出儿子是因贪生怕死而故意失败他让骆小虎跪在亡妻的墓前对骆小虎严加训斥使小虎的心灵受到极大的震动　　肖继军临行前给母亲做了一顿饭来表达对母亲的爱樊爱贞隐约猜到儿子此行一定是冒着生命危险一颗母亲爱子的心在激烈地震动肖继军以毒贩岩东的身份被关进了毒贩阿敢的牢房也就在此时在与邻国接壤的蒙马村骆成龙的小饭店开张了　　肖继军获得了阿敢的信任后在骆树英的安排下肖继军和阿敢越狱逃跑出境阿敢把肖继军引上了穆吉春的老巢虎啸山肖继军经受住了老七的对他的残酷折磨与考验后终于留在了山上成为穆吉春手下的一名小喽罗第3集　　　　为了保护肖继军缉毒支队以肖继军在执行任务时藏毒被捕后又越狱叛逃的罪名对樊爱贞家进行了搜查并在肖继军的房间里搜出了毒品樊爱贞如五雷轰顶痛不欲生她找骆树英询问事实真相骆树英只能违心地告诉樊爱贞肖继军的确是叛逃出境当了毒贩樊爱贞怅然离去樊爱贞因儿子之事心中的阴影难以消除她拒绝与纪言德继续交往纪言德陷入深深的痛苦之中　　肖继军通过骆成龙的小饭店传递回来的第一份情报就是毒贩在龙兴的交货点‘迪欧’二字但‘迪欧’的具体所指他并不清楚骆树英命令骆小虎迅速破译‘迪欧’的含义骆小虎意外地发现以‘迪欧’为名的钢琴酒吧　　从阿敢和肖继军手上接货的毒贩被边防武警查获后吞毒自杀因此几天布控下来酒吧内毫无异常情况骆小虎对在酒吧内弹琴的哑女麻晓红产生了好感　　送货人意外被抓穆吉春对阿敢和肖继军起了疑心命老七将二人关进了水牢阿敢劝肖继军和他一起逃跑肖继军要留下了试着向穆老大解释阿敢无奈只身逃亡肖继军趁机告诉老七阿敢私自藏毒意图单干洗清了自身的嫌疑第4集　　　　龙兴市的爱国侨胞实业家余振华捐款兴建了密云村希望小学刘副市长对余振华的善举极为称赞余振华向刘副市长表示他还准备向龙兴市的戒毒所捐赠一百万元的戒毒药品和器械刘副市长大为赞赏　　穆吉春要老七对肖继军再次考验老七命肖继军携带假币去和毒贩接头收货肖继军与毒匪三人展开枪战终于抢下了他们手中的毒品在暗地里一直监视着肖继军的老七出现对肖继军的忠勇大加赞扬也就在肖继军受了这次考验之后穆吉春决定把毒品交接的任务交给肖继军去完成从肖继军手上接货的毒贩出现在钢琴酒吧以点曲的形式和另一毒贩接上了头当骆小虎和警员们对两名犯罪嫌疑人进行跟踪时不禁大吃一惊龙兴市的接货人竟然是戒毒所的药库主任徐宪光　　徐宪光是纪言德引见进戒毒所的因此就徐宪光的问题纪言德与骆树英发生了争执但事实使纪言德震惊了骆树英与纪言德研究后决定对这个地下毒品库暂不动手意图顺藤摸瓜要从徐宪光身上发现更大的线索第5集　　　　　毒贩们通过点曲接头而演奏者哑女麻晓红也就成了嫌疑人之一骆树英想到骆小虎谈及麻晓红时的那种热烈情绪他担心了父子两谈话后骆小虎深明大义开始对麻晓红展开调查但收获甚微骆树英只得通过骆成龙秘密联系肖继军由肖继军在毒贩内部调查麻晓红　　老七交给肖继军一个重要任务给一个神秘的人领路送往边境肖继军并不知道要他领路的人就是大毒枭穆吉春穆吉春潜入龙兴市去钢琴酒吧偷头看了看女儿麻晓红后又神秘地回到了虎啸山老七无意中告诉了肖继军穆吉春和麻晓红之间的母女关系　　穆吉春对肖继军仍不放心她要老七把肖继军的照片发给徐宪光让徐宪光去调查徐宪光把肖继军身着警服的照片发回了虎啸山穆吉春命老七把肖继军关进土牢她要把肖继军慢慢折磨致死后再弃尸边境向警方示威　　纪言德向骆树英报告徐宪光的种种反常的举动骆树英判断出肖继军的身份已经暴露随即一个大胆的营救方案迅速制定出来第6集　　　　纪言德向樊爱贞提出分手理由是担心肖继军的问题影响他的仕途徐宪光中计他自我感觉是意外地获得了警方内部通缉肖继军的文件就在徐宪光将信将疑之际他又从樊爱贞嘴里得知了纪言德与樊爱贞分手的原因后便深信不疑　　徐宪光获得的假情报传回了虎啸山穆吉春和老七中计他们终于相信肖继军是从中国警方那边叛逃过来的一个“识时务的公安”肖继军得救尽管麻晓红的嫌疑尚未洗清但骆小虎此时和麻晓红的相悦之情正在升温　　肖继军获救后传回来的第一份情报就是麻晓红和穆吉春的母子关系骆小虎在震惊的同时也向骆树英表示在大是大非面前他会始终记得自己作为一名缉毒警察所担负的责任余振华向戒毒所捐赠的药品和器械启运入境在对药库的监控时发现捐赠药品里居然混进了三十公斤海洛因骆树英命令小虎一定要盯住毒品扩大战果　　樊爱贞偶然来到钢琴酒吧当她点曲时麻晓红突然全身惊恐地痉挛起来朝樊爱贞喊道：你是妈妈你是穆吉春随即昏迷过去被送进了第7集　　　　骆小虎把钢琴酒吧里发生的怪事连夜报告给了骆树英骆树英大为惊愕他和小虎去医院看望麻晓红医生说病人是受了强烈的刺激要静养一段时间才会恢复骆树英只能接受这个事实在他心头升起了团团迷雾纪言德却认为这是麻晓红对樊爱贞的陷害是想把水搅浑他要骆树英决不要相信麻晓红的胡言乱语但骆树英对此却没有简单的下结论樊爱贞对这件事也感到茫然　　自从大宗毒品入境麻晓红住院后钢琴酒吧沉寂起来徐宪光也停止了活动一系列的谜团只能交给肖继军去调查清楚在樊爱贞的要求下骆树英同意由纪言德陪同樊爱贞到医院里去看望一下麻晓红已经稍稍恢复的麻晓红一看见樊爱贞似乎又旧病复发她绝望地对樊爱贞叫道：你是妈妈你要害我接着她又一次地昏倒在地目睹了这个情景的纪言德目瞪口呆　　这时骆树英决定采取“敲山震虎”之计要毒贩暴露原形穆吉春果然上钩她命令徐宪光火速将毒品转移第8集　　　　在徐宪光和樊爱贞到周边农村巡诊发药之际徐宪光趁机提出这三箱毒品等骆小虎追踪而去之时毒品却已神秘地被人中途调包而调包的人恰恰就是余振华余振华把这三箱毒品转移到了他捐赠建造的希望小学里骆小虎的工作失误使骆树英陷入困境省公安厅对骆树英做出了处分决定　　麻晓红在无法摆脱心灵的剧痛之时采取了自杀的办法来摆脱痛苦当护士发现麻晓红自杀时麻晓红已因失血过多而奄奄一息而麻晓红的血型又是一种极为稀少的血型恰恰只有樊爱贞的血型和麻晓红的血型相一致为了抢救麻晓红樊爱贞被紧急找来她的鲜血输给了麻晓红麻晓红得救了为此笼罩在樊爱贞身上的谜雾更加浓重了这使得骆树英和纪言德都陷入深深的痛苦之中　　穆吉春下令要徐宪光赶快撤离龙兴徐宪光请樊爱贞带他一起出国交流樊爱贞并不知情向支队提出出国申请被纪言德拒绝这使徐宪光感到危机正在向他逼近骆树英在苦苦的思索樊爱贞和徐宪光之间究竟有什么瓜葛徐宪光逼迫余振华想办法送他出境否则就鱼死网破第9集　　　　余振华把徐宪光的态度告之穆吉春穆吉春命余振华杀徐宪光灭口　　骆成龙提醒骆树英不要只考虑了樊爱贞是不是穆吉春而忽略了另一点就是樊爱贞像不像穆吉春骆成龙的话点醒了骆树英　　徐宪光被一辆飞速开来的汽车撞倒送进了医院骆树英敏锐地判断出敌人要杀徐宪光灭口了他命令加强了对徐宪光的监控余振华假扮医生威胁徐宪光并要他回所上班三天之内会安排徐宪光出境　　穆吉春冒充病人家属来到戒毒所杀死了徐宪光骆树英质问监控的警员为什么麻痹大意警员却说与徐宪光单独接触只有樊爱贞一人而樊爱贞恰恰有着作案的时间樊爱贞被叫到刑警队接受问讯委屈和气愤使樊爱贞几近精神崩溃的边缘经过刑警的调查取证后终于排除了樊爱贞的作案嫌疑　　肖继军接到了获取穆吉春照片的任务他打听到阿敢手上的一盘录像带里就有穆吉春的图像肖继军巧妙地从阿敢手里骗取了录像带却被阿敢发现了真实身份在与阿敢的搏斗中肖继军杀死了阿敢录像带由骆成龙传回了缉毒支队第10集　　　　骆树英、纪言德和骆小虎验看这盘录像带屏幕上竟然没有出现一个和樊爱贞长得很像的女人最后只得让骆小虎把这盘录像带送去给麻晓红看麻晓红在不经意间看到了带子里的画面时突然发出了恐怖的惊叫：她又是她显然麻晓红在画面上又一次看到了穆吉春在麻晓红发出惊叫的地方只看到了一个女人一晃而过的侧影骆小虎通过电脑的技术把这个一晃而过的女人侧影单独放大并把樊爱贞的侧面照片混在了一起这次骆树英、纪言德都无法分辨出那一张是穆吉春那一张是樊爱贞因为就从侧面来看她们两人实在是太像了　　骆树英决定要用这盘录像带作为诱饵把穆吉春引出来抓捕归案肖继军告诉穆吉春他找到了阿敢约好时间在小饭店赎回录像带骆树英也已经布置好了一切狡猾的穆吉春临时改变了交易时间肖继军意识到来不及通知队里毅然决定与穆吉春同归于尽他为了保护骆成龙把骆成龙捆在了房间内穆吉春在老七等人的簇拥下来到了小饭店就在肖继军拔枪要向穆吉春射击时老七抢先一步开枪击倒了肖继军第11集　　　　骆树英、纪言德来到了樊爱贞的家里他们来向一个英雄的母亲表示对她的敬意和对她儿子的沉痛悼念樊爱贞忍着巨大的悲伤接受了痛失爱子的不幸在内部悼念肖继军的仪式上骆小虎把当时肖继军要他保管的给他妈妈樊爱贞的一个存折和一封遗书交给了樊爱贞　　在虎啸山上的穆吉春来看肖继军的事根本还没有完她对于肖继军的真实身份小饭店老板在哪等等都心存疑问她命老七赶快下山去弄清这些问题　　老七来到了马蒙村他躲在暗处亲眼看到骆成龙在埋葬那个被人杀死在小店里的“客人”肖继军老七终于相信这个陆老板是完全不知道内情的普通人骆成龙乘机提出想上虎啸山老七考虑了一下答应了带他上山　　骆树英、纪言德和骆小虎都为骆成龙的这个大胆的举动而激动不已与此同时骆树英要求骆小虎再去接近麻晓红要让她说出所知道的一切　　老七给骆成龙安排的住地就是肖继军住过的竹棚骆成龙坐在肖继军睡过的床边暗下决心一定要为肖继军报仇第12集　　　　骆小虎到医院里去看麻晓红麻晓红尽管心里爱着骆小虎但她总认为骆小虎来接近自己是他在利用她因此她不愿意对他说出关于自己母亲穆吉春的情况两个年青人之间发生了激烈的冲突　　穆吉春要老七通知余振华去打探一下麻晓红的情况穆吉春深知一旦麻晓红落到警察手里她面临的将是一个怎样的灾祸她立即下令：一定要把麻晓红弄回来！余振华接到指令以后设计了一个极为险恶的计划那就是把纪言德拉下水让他以缉毒队副队长的身份为虎啸山服务这个计划让穆吉春狂喜不已她下定决心要不惜一切代价把纪言德拉过来老七亲自来到龙兴市与余振华商量拉纪言德下水的对策　　为了消除麻晓红对穆吉春的恐惧骆小虎安排樊爱贞与麻晓红见面终于趁此机会告诉她：她不是你妈妈她是樊医生麻晓红将信将疑地来到了樊爱贞的面前扑到了樊爱贞的怀里泣不成声地请求樊医生原谅她樊爱贞动情地对麻晓红说：如果麻晓红愿意可以把她当作妈妈麻晓红终于对樊爱贞叫了声妈妈第13集　　　　　余振华对纪言德发出了邀请约定在钢琴酒吧见面余振华不露痕迹地向纪言德打听起以前在这里弹琴的哑女纪言德无意中说出了麻晓红不是哑巴和现在正在医院接受治疗的事穆吉春害怕麻晓红会把她所知道的一切都向中国警察说出来所以她要老七赶快去办这件事一定要把麻晓红活着弄回来　　纪言德接到前妻吴逸兰从纽约打来的电话他们的儿子纪延平被不明身份的人绑架了绑匪索要十万美元的赎金限三天送到一旦报警立即撕票纪言德颤栗了绝望和恐怖使他双眼发直纪言德突然想到了向余振华借钱余振华豪爽地一口答应帮助纪言德解决困难他的办法就是把那批捐赠药品的钱先用来救他的儿子纪言德终于接到了电话他的儿子纪延平真的获释了喜极而泣的泪水流满了他的脸颊同时对余振华充满了感激之情　　在医院里麻晓红和骆小虎正在谈论着樊妈妈的事他们没有提防一双狰狞的眼睛已经盯上了麻晓红第二天余振华向纪言德提出要他为自己一批急待出口的货物批一张免检放行的批条第14集　　　　余振华下达了对麻晓红动手的指令就在麻晓红想避开骆小虎而与纪言德单独见面的时候她突然被人绑架了　　骆树英、纪言德分析了各种可能性一致认为这肯定是穆吉春所为的但是穆吉春怎么能把一个活生生的人转移出境？为此骆树英下令对各个口岸加强检查并且命骆小虎赶快向骆成龙通报看看他那儿会有什么情况被塞在货车里的麻晓红已凭着纪言德免检放行的批条被绑架者安然地运出境外　　骆树英为纪言德批出的这张免检批条而与纪言德发生了激烈的争论余振华的疑点越来越大了骆树英对骆小虎下令对余振华采取全天监视　　被绑架到虎啸山上的麻晓红看到了穆吉春惊恐万状骆成龙以给小姐送饭的名义劝慰麻晓红要她先顺从穆老大千万不要硬来　　穆吉春给麻晓红注射了毒品麻晓红受残酷迫害的情况很快通过骆成龙报告了骆树英这里使骆树英下决心一定要营救麻晓红并要骆小虎把这个决定告诉潜伏在虎啸山上的骆成龙第15集　　　　麻晓红来听到了穆吉春把收录了她的整个贩毒网络的一张光盘郑重地交给老七要把龙兴的那批货要尽早出手了麻晓红表示她一定要想办法把重要的资料从穆吉春的电脑里取出来骆树英很快就得到了这个重要的情报他要求骆小虎紧密配合麻晓红并要骆成龙注意自己和麻晓红的安全　　麻晓红把电脑中的文件拷贝了出来骆成龙就要掩护麻晓红逃出虎啸山把情报送回龙兴骆成龙为保护麻晓红顺利越过国境被匪徒抓获　　穆吉春想用骆成龙来向我方交换麻晓红为名把骆树英等对手全部消灭而骆树英已完全识破了穆吉春的诡计他制定了更为周密的战斗计划不但要救出骆成龙而且要捣毁穆吉春贩毒集团　　一场敌我双方斗智斗勇的战斗在邻国警察部队配合下打响了经过激战我方避开了敌人设下的陷阱一举攻入了虎啸山上的穆吉春老巢穆吉春漏网藏匿在境外的一个山洞中但是骆成龙却英勇牺牲　　麻晓红带回来的情报终于使我警方彻底破获了穆吉春的贩毒网络第16集　　　　惶惶不可终日的穆吉春把所有的仇恨都集中到麻晓红身上她下令一定要把麻晓红杀死老七提出要杀死麻晓红只有动用已被他们拉下水的纪言德　　余振华以还清十万美元为要挟逼迫纪言德对麻晓红下毒纪言德走投无路来到陵园的墓地跪在骆成龙和肖继军的墓前准备自杀骆树英此时出现在纪言德身边纪言德把自己所有的一切都向骆树英倾诉出来根据纪言德的实际情况在请示了上级以后骆树英对纪言德以后的工作做出了战略性的安排　　骆树英决定将计就计演一场戏给余振华看使他对纪言德更加信任穆吉春相信了麻晓红真的是已经被纪言德毒死　　骆小虎跟踪余振华时终于发现了余振华在希望小学里藏毒的秘密这个重发现促使骆树英下决心要采取一个重大的战略部署那就是“以毒引枭”　　骆树英决定先实施“敲山震虎”之计在龙兴市布置了大规模的搜毒行动余振华惟恐那批毒品暴露急报穆吉春穆吉春大为震惊为了保住这批毒品她不得不把老七派到龙兴市以寻找转移之策第17集　　　　　在麻晓红隐匿的屋子里樊爱贞和麻晓红已经建立起一种母女般的感情　　纪言德突然接到余振华的电话说是有一个生意上的朋友有点货要运出去要请纪言德帮忙给他开一张“免检证”纪言德表示现在正在全力搜查毒品边境各口岸都在严查即使有自己的批条恐怕也很难免检放行余振华和老七都感到以外和吃惊但纪言德随即想出一个办法他说可以请刘副市长批一个免检证那就万无一失了余振华和老七这才放下心来　　刘副市长批的免检证在通过边境口岸时仍然被边防武警扣了下来这使余振华和老七顿时陷入巨大的恐慌之中经紧急请示了穆老大之后他们只得灰溜溜地重新把货运回了龙兴市　　老七在偶遇樊爱贞他几乎不敢相信自己的眼睛暗地里跟踪这个女人来到了戒毒所当晚他把这个情况紧急报告给了穆吉春穆吉春向老七和余振华下令一定要杀掉樊爱贞老七和余振华暗中监视樊爱贞的举动立即被骆小虎发现骆树英和纪言德对这个新出现的情况非成警惕他判断这里面肯定有文章第18集　　　　在老七和余振华准备刺杀樊爱贞的最后一分钟老七和余振华突然停止了刺杀行动匆匆逃离了现场　　麻晓红已经在那间小屋子中蹩不住了她缠着樊妈妈让她到外面去透透空气樊妈妈心疼她陪着麻晓红来到楼顶上呼吸新鲜空气　　老七回到了穆吉春的身边穆吉春终于向他透露了自己为什么暂时不杀樊爱贞的原因原来她是想利用自己和樊爱贞长得很像这一点让自己假扮成樊爱贞携带那批毒品混出国境　　余振华和车内的一个神秘的男人似乎在侦察樊爱贞医生神秘男人的照片放到了麻晓红面前奇怪的是连麻晓红也不认识他是谁骆树英要小虎通过电脑解象来比对比对的结果出来了不禁使大家大吃一惊原来这个男人是穆吉春化妆而成的骆树英准备在今天晚上九点种一举抓获穆吉春　　窃听器里传来了穆吉春和余振华的秘密对话骆树英听说他们要召开一个三月三的大会届时各路毒枭都要与会骆树英下令撤消原定作战计划第19集　　　　纪言德得到余振华的电话通知赶来见面在希望小学里纪言德终于看到了这个想冒充樊爱贞的大毒枭穆吉春当然他一见她便机智地脱口而出叫了他一声樊医生穆吉春反复地询问他中国警方究竟知道不知道樊爱贞和她自己长得非常相象纪言德竭力要让穆吉春相信中国警方对此一无所知这才使穆吉春最后放下心来最后穆吉春讲了她反复盘算过的那个阴谋要利用自己这张长得和樊爱贞一模一样的脸冒充樊爱贞携毒出境为了顺利实施这个阴谋她要纪言德今天夜里去刺杀樊爱贞她知道当自己真正冒充樊爱贞时真的樊爱贞必须消失骆树英和纪言德针对穆吉春的这个毒辣的阴谋设计了周密的对策　　与此同时穆吉春下令要余振华亲自陪同纪言德前去要他全程监视纪言德下手纪言德来到了樊爱贞家不一会儿屋门打开余振华果然看见屋里的地板上躺着一具女尸　　穆吉春来到戒毒所窃取樊爱贞的证件却与樊爱贞相遇骆树英只能将穆吉春逮捕纪言德和余振华就等在戒毒所门外第20集　　　　在戒毒所外已经等得不耐烦、企图想撇下穆吉春不管的余振华突然发现穆吉春从戒毒所里走了出来纪言德和余振华急忙把穆吉春迎上车子在车上穆吉春很圆满地给他们介绍了自己耽误那么长时间的原因使得余振华深信不疑自己面前的这个人就是他的穆老大但其实她已经换成了樊爱贞　　一行三人很顺利地通过了边境的关卡他们终于来到穆吉春的巢穴老七在洞口热情地迎接了他们在表面上老七装得不动声色但在内心里却对这位穆老大产生了怀疑尽管樊爱贞没有任何破绽露出来但老七认定来的是樊爱贞不是穆吉春他把自己的怀疑对余振华说了出来但是遭到了余振华的一番奚落　　樊爱贞意识到老七对自己产生怀疑她有意挑起余振华和老七之间的矛盾保证三月三大会的顺利召开　　老七收买了邻国的莫警官得知穆吉春已经被中国警方逮捕即将被引渡回国老七从莫警官处得知了引渡的具体时间和路线招募了一群匪徒在路上拦截了警车将穆吉春救出老七陪同穆吉春向山洞走去第21集　　　　邻国的清剿部队这时已经作好了围歼的准备就等着明天穆吉春的三月三大会一开就展开围歼行动　　洞穴内穆吉春和樊爱贞见面穆吉春命老七杀掉樊爱贞纪言德为了保护樊爱贞与老七进行殊死搏斗最终两人同归于尽此时骆小虎感到制服了穆吉春并将穆吉春捆绑于山洞内　　三月三的毒贩大会如期在山洞里举行各路毒贩也都按时来到了会场里而这时邻国的警察部队已经把山洞紧紧包围起来樊爱贞冒充的穆吉春在余振华的陪同下缓步出现在会场里但终因一个轻微的举动使毒枭们看出了破绽在樊爱贞为难之时邻国的警察部队对山洞发起了进攻经过一番激战所有的毒匪均被歼灭唯独没有发现樊爱贞和余振华的踪迹　　余振华挟持樊爱贞沿着秘密通道逃出了山洞骆树英和骆小虎挡住了余振华的退路在樊爱贞的帮助下骆树英和骆小虎同时开枪击毙了余振华　　在骆成龙、肖继军、纪言德的墓前骆树英、骆小虎、樊爱贞、麻晓红向着英雄们致以崇高的敬礼</t>
  </si>
  <si>
    <t xml:space="preserve">花斑癣有哪些症状？想知道真菌感染引起的花斑癣在表现的时候都有哪些 </t>
  </si>
  <si>
    <t xml:space="preserve">   花斑癣多见于成年人，好发于胸、背、颈和上臂等处。开始时，为黄豆大小的圆形斑，呈灰白色、褐色或淡黄色，上面附着细小糠皮样鳞屑，以后皮损越来越多，有时可融合成片。去除鳞屑后留下暂时性色素减退斑。病程缓慢，多年不愈，夏重冬轻，无自觉症状或有微痒。    1．处方：鲜山姜20克、土槿皮10g，米醋100毫升。 用法：药洗净捣碎，放醋中浸泡12个小时后，用肥皂水洗净患处，涂敷药液，日1次。     2．处方：鲜樟柳头根茎50克、土槿皮10g，，陈醋100毫升 。用法：上药方药醋中浸泡8个小时，取液涂擦患处，日2次。    3. 外用中药外用药膏朴安堂股清膏进行外涂治理，通过宣壅逐湿，清热解毒，调血行气等作用消肿痛，止痒快，可快速缓解股癣病痛。</t>
  </si>
  <si>
    <t xml:space="preserve">动感地带用户加17951后拨长途一分钟多少钱? </t>
  </si>
  <si>
    <t>加拨17951之后，长途费用为0.30元/分钟，当然基本通话费还是另记的！</t>
  </si>
  <si>
    <t xml:space="preserve">死灰TL多久出一级的 </t>
  </si>
  <si>
    <t>晕呀！！！正常情况死灰大约是2~3小时出1只一级的楼上各位也许是说运气最好的时候——15分钟连出两只吧（其实我怀疑你们是在瞎说）-------------------------PS：抓死灰建议盟约到6以上，使用3级以上封印卡——祝你能在毒到1点血的情况下扔10张封印卡之内收进来</t>
  </si>
  <si>
    <t xml:space="preserve">北京哪里有卖剪头发的锯齿形剪刀？是那种刀口很长的剪刀，手握处是圆 </t>
  </si>
  <si>
    <t>您可以到珠市口东大街美博城看一下,那儿全是卖美发用具的.都是从前门搬迁过去的.</t>
  </si>
  <si>
    <t xml:space="preserve">求推荐一部好看的科幻片... </t>
  </si>
  <si>
    <t>《霍比特人》《哈利波特》《激情与速度》希望我的推荐对你有用。</t>
  </si>
  <si>
    <t xml:space="preserve">怎样巧妙拒绝别人？有个朋友经常叫我去帮她办事，也办好很多次了（到 </t>
  </si>
  <si>
    <t>做好人容易，做一辈子好人难啊。就是说，你做几次好事的话，别人会很感激你，但是如果这种好事变成习惯的话，如果拘绝就很容易得罪这个人了！！！呵呵，不管怎么拘绝都是得罪，我就觉得直接点拘绝会更好点，至少不会让这个人认为你很虚伪！！！想帮的时候就高兴的答应，也可以适时的说些让她请客的话（那有那么便宜的事，对吧？），如果不想，就直接说，心情不好，让他自己去吧！！！！！人都有心想不好的时候，不要让自己心情更加不好就是啦！！！！呵呵，不要做死要面子活受罪的事，我都快改过来了。你也要做个随自己心做事的人啊！！！记着，不要委屈了自己！！！！</t>
  </si>
  <si>
    <t xml:space="preserve">540mm美圆中mm是什么单位？ </t>
  </si>
  <si>
    <t>两个mm合起来是百万的意思，540mm 美元就是5.4亿美元的意思，另一种写法US$ 540mm</t>
  </si>
  <si>
    <t xml:space="preserve">您好，希望加为好友您好，我下载了您的汉籍全文检索系统的全部28个 </t>
  </si>
  <si>
    <t>好滴！立即加你为好友！如下在遇到困难可随时提问</t>
  </si>
  <si>
    <t xml:space="preserve">太阳是双鱼座,月亮是金牛座的男人,容易外遇和出轨吗?会不会嫌弃老 </t>
  </si>
  <si>
    <t>嫌弃老婆不会!~但外遇和出轨的概率大得要命太阳双鱼容易受到诱惑,要让他不脚踏两条船,除非把他看紧,否者阿门月亮金牛,怎么说呢,金牛是次于天蝎之后最好色的,但胆量是排12星座倒第一星书上说土象安稳,是最适合当老公的,但事实上是土象恰恰都是好色分子,汗象星书上说风象最好色,但事实恰恰是最不好色,双子和天秤还算是正常人但宝瓶最难说,他一定是最不好色的,但同时也是胆量最大(排第一)宝瓶座男生的爱情格言:神爱世人,不知情为何物</t>
  </si>
  <si>
    <t xml:space="preserve">少儿肾综能吃山竹吗？ </t>
  </si>
  <si>
    <t>山竹是最寒的水果。所以体质虚寒者少吃尚可，多吃不宜，也切勿和西瓜、豆浆、啤酒、白菜、芥菜、苦瓜、冬瓜荷叶汤等寒凉食物同吃。小儿肾综不建议食用！</t>
  </si>
  <si>
    <t xml:space="preserve">面对她如此，我该何去何从？我形象好，有气质，精神面貌阳光乐观，有 </t>
  </si>
  <si>
    <t>难道世界上就她一只兔子吗？大哥哥啊，这样的女人好虚伪啊！这个世界最可悲的也就不过是爱上这样的人！你的痛苦可想而知，她的行为也不能说是不好的！不都说“水往低处流，人往高处爬”。一边是爱自己的男人，可以随时随地回到他的身边，一边是比爱自己的男人有钱，能给她更多物质上的满足与虚荣心。这个女孩很厉害咯，她能把你们俩玩弄在鼓掌之中，不简单! 属兔的，应该是86年的吧。但是大哥哥啊，要想清楚咯，她可以通过你认识一个更加有钱的他，也可以通过他认识N个更加有钱的某某。如果每次遇到更好的，就默许别人对她“老婆，女朋友等等”的称呼，或者别人对她的亲吻，那你以后来这里诉说痛苦的次数应该会更加多！好好考虑清楚了！割舍一段感情不容易，但是你是男人咯，应该拿得起，放得下！我还是那句话，“难道世界上就她一只兔子吗”？希望你能找到只属于你自己的“兔子”！</t>
  </si>
  <si>
    <t xml:space="preserve">昆明盘龙区治疗性病病毒感染哪家医院效果明显 </t>
  </si>
  <si>
    <t>尖锐湿疣初期的症状为小的淡红色丘疹，后逐渐长大，在初期治疗效果最佳。丘疹长大后，表面呈凹凸不平的柔軟乳头样病变，有的呈菜花状，根部可有蒂，表面湿润，有分泌物浸渍可呈污灰色或红色或灰白色。治疗尖锐湿疣的方法很多，但大部分具备高复发率，因此选择疗法上是关键。建议去正规专科医院全面检查与治疗。尖锐湿疣危害巨大，尖锐湿疣引起其他泌尿系统疾病，面临尖锐湿疣的医治要趁早，患者在接受医治，需要客观面临，消弭心里顾忌，积极适合医生开展医治，趁早医治疾病才会会防止一点不不可缺少的麻烦。建议前往正规专科医院，选择科学疗法，而非盲目选择疗法。建议去正规专科医院全面检查与治疗。尖锐湿疣发病后有一段时间的潜伏期，尖锐湿疣早期的症状病程进展慢慢，多发生于青年人。尖锐湿疣是由人乳头瘤病毒感染所致，由性传播，性滥交或夫妻生活不节，也可自身接种及经非性接触途径感染。</t>
  </si>
  <si>
    <t xml:space="preserve">精子化验结果，急急急急急急急！！！！！！！！！精液量4ml希释比 </t>
  </si>
  <si>
    <t>我也正在找正规医院和好医生，这些问题捆绕我好多年了</t>
  </si>
  <si>
    <t xml:space="preserve">怎样才能把鼻梁变低？一个女生有高鼻梁实在不好看啊！ </t>
  </si>
  <si>
    <t>这是你的特色~一定会成为人们关注的焦点~有些女人为了鼻子变高变挺不惜去做整形呢~整形都是把塌陷的鼻子垫高~我可从来没听说过哪个傻丫头要把高挺的鼻梁整塌下她才认为满意~</t>
  </si>
  <si>
    <t xml:space="preserve">德甲谁会杯具？斯图加特　不莱梅　沃尔夫　三场 </t>
  </si>
  <si>
    <t>不莱梅，沃尔夫</t>
  </si>
  <si>
    <t xml:space="preserve">最近月经不正常,请问是何原因以前经期大概7天左右,而这月快10天 </t>
  </si>
  <si>
    <t xml:space="preserve">    经期延长通常与如下疾病有关：　　血液病：如血小板减少性紫癫、再生障碍性贫血等，常伴月经来潮，若出现严重子宫出血，经期延长。     其他如慢性贫血、慢性肝炎、肝硬化、肾炎等，可使血管壁脆弱，通透性增加造成出血。　　盆腔炎症、子宫内膜息肉、子宫内膜炎等均因子宫内膜血液循环不良、退化坏死或盆腔淤血等引起月经过多和经期延长。　　慢性子宫肥大症（子宫肌炎）：因盆腔淤血，卵巢雌激素持续增高，使子宫肌层肥厚，引起月经过多和经期过长。　　子宫肌瘤：尤其是子宫粘膜下肌瘤，因子宫腔面积扩大，收缩异常，可致月经过多和经期过长。　　子宫功能失调性出血：如无排卵性功能失调性子宫出血症和子宫内膜不规则脱落，均因内分泌功能障碍而引起经期延长。　　子宫内膜异位症：常因影响子宫肌层收缩或因内膜增强而导致月经过多或经期延长。　　放置节育器也易引起经期过长。　　所以经期延长有全身疾病的因素，也有许多妇科疾病的原因，应予区分和识别，然后分别进行治疗。</t>
  </si>
  <si>
    <t xml:space="preserve">选择硅胶隆鼻手术有哪些副作用？ </t>
  </si>
  <si>
    <t>你好，任何手术都是有一定的风险，而硅胶隆鼻手术肯定也是存在副作用的。硅胶隆鼻手术副作用具体表现在：术前沟通不到位，导致求美者对术后效果不满意，需要进行鼻部修复手术;采用的假体材料不适合，导致求美者鼻尖发红、假体蕗炪、出现排异反应等手术处理不当，导致假体术后移动、歪斜等;手术未规范操作，导致求美者出现感染、肿胀、供血不佳等情况。另外，求美者自身的体质不好或术后护理不当也会造成各种硅胶隆鼻副作用。硅胶隆鼻手术虽不是大手术，但是对医生的要求较高，医生要能根据求美者的面部设计出适合的手术方案。比较医生技术和经验的问题，导致假体雕刻不适合，这样会出现术后出现形态不美、歪斜、移位等情况出现。硅胶隆鼻手术后一定要做好护理，严格遵循医生的叮嘱，避免外力撞击鼻部，保持鼻部卫生，短期内不抽烟喝酒、不吃辛辣食物等等。做好护理对术后的效果至关重要，也能减小硅胶隆鼻后遗症的出现。</t>
  </si>
  <si>
    <t xml:space="preserve">我的眉毛不是很好看，想做一个植眉，能保持多长时间有痛苦没？就有一? </t>
  </si>
  <si>
    <t>我女朋友就经常爱搞这些东西~老说自己眉毛太小,很难看`后来搞了个有细又长的眉毛~刚开始看的有点别扭~因为变了个样~但看着看着就习惯了~一般植眉都能保持3-4年吧`反正我女朋友就大概3年再做一次~痛我想没有吧`她做了两次了`两次我都是坐在她旁边看着她做~她都没说过什么~第二次植的时候还差点睡着了.............-_-~!根据您说的"眉毛很长，修眉毛总也修不了那么好看"我想你就不用植了吧~因为一般是眉毛少才是植的,你是太长了很难修得好看所以苦恼~你就去一些比较大型的美容院叫他们帮你修咯,修完了以后你就按着这次修的以后自己一直这样修咯~</t>
  </si>
  <si>
    <t xml:space="preserve">假如周末没有任何利好消息，那下周大盘会怎样？假如周末没有任何利好 </t>
  </si>
  <si>
    <t>下周的大盘走势要靠金融板快,但愿中国平安不要捣乱(下周一,中国2000亿元价值的大非解禁). 从今天盘口看,金融板快走势还行,起码中国平安的走势还是平安的. 下周一大盘收红可期.</t>
  </si>
  <si>
    <t xml:space="preserve">新开的淘宝店啥也不懂，卖汽车用品的。该怎么吸引更多人来店里逛逛？ </t>
  </si>
  <si>
    <t>你的级别不够高，诚信度不高的商家一般生意都差，想办法把信用度提上去</t>
  </si>
  <si>
    <t xml:space="preserve">什么时候是安全期，什么时候是危险期好担心自己回怀孕 </t>
  </si>
  <si>
    <t>如果你实在是很担心会怀孕，你可以检测一下，一般在月经期延后15天以后可以买一个“验孕棒”或“验孕纸”（一般药店都有卖）来验早孕，方法是：取一小杯早上的第一次尿液，按“验孕棒”或“验孕纸”（要注意有没过有效期）上所说的方法将“验孕棒”或“验孕纸”浸入尿液中，如果出现说明上说的两条红线，极有可能是怀孕了，你可再测一次，如果情况还是一样，则表明已怀孕。如果你还想得到更准确的证实，你可以将你女朋友早上的第一次尿液取一小纸杯于当天上午送到去化验（妇产科开单，化验室化验）。关于安全期与危险期：正常育龄女性每个月来1次月经，从本次月经来潮开始到下次月经来潮第1天，称为1个月经周期。如从避孕方面考虑，可以将女性的每个月经周期分为月经期、排卵期和安全期。安全期避孕就是在排卵期内停止性生活的一种避孕方法。这是一种传统的避孕方法，在避孕药和宫内节育器问世之前是国内外常用的避孕方法之一。女性的排卵日期一般在下次月经来潮前的14天左右。卵子自卵巢排出后在输卵管的内能生存1-2天，以等待受精；男子的精子在女子的生殖道内可维持2-3天受精能力，故在卵子排出的前后几天里性交容易受孕。为了保险起见，我们将排卵日的前5天和后4天，连同排卵日在内共10天称为排卵期。因为在排卵期内性交容易受孕，所以排卵期又称为易受孕期或危险期。安全期又分为排卵前安全期和排卵后安全期。从月经干净那天到排卵期开始的前一天的那段日期为排卵前安全期。从排卵期结束后的第一天到下次月经来潮的前一天为排卵后安全期。排卵后安全期比排卵前安全期更安全。这是因为有些女性有时受环境变化和情绪波动等影响使排卵提前，这样排卵前安全期就会缩短，而自已并不知道，这样排卵前安全期就不大安全了。卵巢在一个月经周期中先后排两次卵的机会是极少的，即排卵后到下次月经来潮前这段时间一般不会再发生第二次排卵，所以，排卵后安全期就比较安全。</t>
  </si>
  <si>
    <t xml:space="preserve">“haveabitofafever”,为什么fever前面要有一? </t>
  </si>
  <si>
    <t>这句应该没什么问题.have a fever 是固定搭配,a bit of 是另外一个词组,意思是一点儿,所以两者组合在一起就成了have a bit of a fever还有其他类似的组合,比如:a bit of a problema bit of a squarea bit of a mystery a bit of 后面一般是跟不可数名词的,但名词前为什么加a,会不会这些都是固定搭配就不得而知了.</t>
  </si>
  <si>
    <t xml:space="preserve">西班牙与埃及的热身赛有直播吗？除了风云足球频道，谢谢 </t>
  </si>
  <si>
    <t>有，明天(凌晨4:00)风云频道直播!    广东体育同步直播.</t>
  </si>
  <si>
    <t xml:space="preserve">求救，路过请进我，男，今年20岁，才刚刚长腋毛，我发现我现在有狐 </t>
  </si>
  <si>
    <t>狐臭和长毛无关,青春期发育长毛很正常.狐臭可能是个人卫生缘故.不过可以治疗,去医院用激光治疗一下就可以了.</t>
  </si>
  <si>
    <t xml:space="preserve">请问吃了被狗咬伤的鸡，会有可能得狂犬病吗 </t>
  </si>
  <si>
    <t xml:space="preserve">   只要是充分熟透了的,就不会被传染上.</t>
  </si>
  <si>
    <t xml:space="preserve">伊布自曝诡异重伤：我左膝肌腱上有个洞　2008年02月27日11? </t>
  </si>
  <si>
    <t>记得前年利物浦不是爆出里瑟和贝拉米打架么，呵呵，其实两个人根本没事，就是烟雾弹，结果欧冠赛场上一个助攻另一个进了球，呵呵！国际也可能是兵不厌诈吧（这也是我希望的，不是真有伤），祝国际好运……</t>
  </si>
  <si>
    <t xml:space="preserve">纠结于比亚迪G3与腾翼c30，谁能给点建议？经过长时间的筛选，目 </t>
  </si>
  <si>
    <t xml:space="preserve">    这两款车样式都比较美观，配置也都相当不错，甚至连价位也差不多，在国产车中是属于相当有竞争力的两款车型。    两款车对比上，你如果喜欢空间比较大些的，比亚迪G3的长宽高分别是4600*1705*1490，腾翼c30的长宽高分别是4452*1705*1480，毕竟G3是A级车，C30是源自威驰平台的A0级车，空间上还是G3更胜一些，如果开高速，G3比C30要稳很多；如果你想省油，两款车现在都出了2012款，其中，2012款比亚迪G3搭载了全新的带VVL（可变气门）和EGR（废气利用）的全铝发动机，功率、扭矩、油耗都非常出色，油耗只有6.2L/百公里，2012款腾翼C30油耗是6.5~6.8L/百公里，另外，新款比亚迪G3入选新一批节能惠民补贴目录，可以享受国家节能补贴3000元。</t>
  </si>
  <si>
    <t xml:space="preserve">新出的车价位是多少?花点买还是CT?听说要出新车,就是不知用CT </t>
  </si>
  <si>
    <t>可以肯定地说使用CT买得。原因有三：    一、游戏制造者的根本目的就是为了吸引更多的玩家来参与，而CT这万一只有在游戏当中才可以赚取得到，所以官方人员为了提高上线率和人数比率所出新车绝对不是用点买得。   二、在玩家的角度来讲，你在游戏当中每次完的时候都会赚取一定的钱，那么出的新车用CT币买后，所有玩家就看到了希望，就会投入更多的精力去赚取和积累CT彼来实现自己的梦想，而这个心理恰恰是官方人员希望的！   三、从车的角度来讲，用CT的所有车都有马达可装。那么所出新车在每个玩家努力赚取铅笔卖到后又向下一个目标进发——马达。还有马达车的速度方面也是不错。在车库里的撤出了SP、S3和那个99车之外，全是CT车 。                  综上所述：肯定地说新车是用CT买得。       我是梦幻海南岛车队队长。游戏市电信2的，ID：寻找背影1</t>
  </si>
  <si>
    <t xml:space="preserve">为什么我的qq宠物不可以打工``但是按一下QQ保姆叫它打工就可以? </t>
  </si>
  <si>
    <t>你不要用QQ保姆，自己养，让它打工试试，一定能打的，但一天最多能打8小时。</t>
  </si>
  <si>
    <t xml:space="preserve">关于做情人的问题我认识了一个网友，我们见过一次面，感觉很好，还在 </t>
  </si>
  <si>
    <t xml:space="preserve">哈哈!你真是天真的女孩!我来告诉你怎么做.    做为网友,见面不过是认识的开始,你原来对他的认识都是网上的,没有现实接触不能算,而你一开始就跟他在一起一夜,我想因为是异地的问题吧?但是你的行为很容易让多数产生想法,认为你随便,即便开始想跟你好,看到你的行为也会认为你不值得,既然你不反对,做个情人不是更好吗?还不用负责任!这个跟他有没有女朋友没有关系,男人把情人和爱人分的很清楚,找个情人玩着,有了爱的女孩再结婚对他有啥影响?    既然他都拿你当情人了,就是说不准备当真发展了,而你不可能接受,这么说吧,世界上很多事情都是有底线的,就好比你并不玩弄感情,你想认真对待感情,这个是你的原则,也是你的价值观.说明自己的价值观非常重要,价值观和目标都不一致你们能走出结果来吗?你想找人结婚,他想找人解闷,你当然该说出你的想法,你的底线!没有什么不好意思的,他不是都说了让你当情人吗?    你可以明确说,虽然你当时跟他过了一个晚上,但是你是个严肃对待感情的女孩,你只是找老公,不当情人,如果他想找情人,希望你们以后不再联系.这么大的原则问题你要是不说,他会认为你默认!认为你就是那种女孩!    如果你不接受,还不愿意说,也很简单,用行动来体现,直接断绝来往,就是最好的回答,如果他找你,问你,直接告诉他,他想拿你当情人是你对你最大的侮辱!而且他让你很失望,你只想跟一个负责任的好男人来往,他不配.    至于他是否值得你爱,我认为够呛!他都敢跟网友提出找个来,说明他对感情不认真,有玩弄的心理,虽然说很多男人都对送上门的女人不要白不要,但是毕竟还是有好男人,知道没事别发展不该发展的关系,所以,我建议,既然你已经给他这个印象,想挽回很难的,加上这个男人我感觉也不怎么样,不可靠,你原来网上认识的男人不过是你想象中的他,既然他如此,我建议你放弃吧.    </t>
  </si>
  <si>
    <t xml:space="preserve">谁能给个最新王者归来VIP激活码啊，能领熊猫坐骑的哪本人要想要个 </t>
  </si>
  <si>
    <t xml:space="preserve">新浪新手卡中心有送。没sina通行证就碰运气，有sina号的话可以得到，不过一个号一天只能领一个，换个号再领一个 </t>
  </si>
  <si>
    <t xml:space="preserve">银行卡安全密码怎么设？ </t>
  </si>
  <si>
    <t>为了减少丢失或遗忘密码后带来的风险，保证资金的安全，持卡人在设置密码时，不要设置易让他人知晓的密码，如生日、身份证号等；更不要将密码或帐号告知他人。在使用密码时应注意避开他人视线，以防不测；不要将密码和银行卡放在一起，更不可将密码写在卡片背面，以防同时丢失银行卡与密码。     持卡人如果遗忘密码，可与发卡机构联系，按照发卡机构的规定进行重置密码或补打密码等操作</t>
  </si>
  <si>
    <t xml:space="preserve">数学问题67快快快快快快快快！！！先谢谢了！！！ </t>
  </si>
  <si>
    <t>6.B因为Y随X的增大而增大，所以M小于0    当X大于0时Y为正数，所以在第一象限   当X小于 0时，Y为负数，所以在3象限7.相同点图像都是双曲线；图像都关于原点对称  不同点一个Y随X的增大而减小一个Y随X的增大而增大        K值不同，一个是1，一个是-1</t>
  </si>
  <si>
    <t xml:space="preserve">找银行工作人员办透支卡收钱对吗？中国银行的工作人员在工作之外有自 </t>
  </si>
  <si>
    <t>"中国银行的工作人员在工作之外有自己的信贷公司"----银行工作人员不允许有第二职业,更何况是与自己实际的工作有很大关联.向银行的纪律或监察部门举报他(她)!!!</t>
  </si>
  <si>
    <t xml:space="preserve">35级首饰怎么练的？是不是35级的首饰就是35级了就可以带了，另 </t>
  </si>
  <si>
    <t>你问的这些在官网上都有,现在复制过来你看一下打造 系统介绍：     玩家通过任务获得饰物材料，打造饰物，获得饰物以后，可以加强自身的各项属性。饰物分类：手镯、项链、玉佩。饰物材料：玄铁、赤铜、琥珀、绿松石、天然玉、金银砂、水晶石、 翡翠石、金丝线。合成饰物的特殊材料：女娲石饰物获得：玩家可通过杀怪或完成任务获得饰物原材料，用饰物原材料制作初级饰物，再通过饰物合成获得更高级的饰物。玩家等级≥20级时，完成寻宝任务，则有一定几率获得原材料。玩家也可以通过任务或者杀特殊怪直接得到成品首饰。饰物属性：（分为基础属性和附加属性）基础属性：     项链的基础属性为增强法力，玉佩的基础属性为增强气血，手镯的基础属性为增强伤害，基础属性会随着饰物级别的提高而相应提高。附加属性：     饰物到达一定级别以后，会随机增加额外的附加属性，附加属性有：金抗性提升、木抗性提升、水抗性提升、火抗性提升、土抗性提升、所有相性增加、体质、灵力、力量、敏捷。饰物制作与合成：     玩家获得饰物材料以后，通过和天墉城巧手坊的厉巧手交谈可以进行饰物合成。手镯：翡翠石＋绿松石＋金银砂（增强伤害）玉佩：天然玉＋水晶石＋琥珀（增强气血）项链：金丝线＋赤铜＋玄铁（增强法力）饰物升级：     三个同等级的饰物可以合成高一等级的饰物。     35级－70级的饰物分别需要3个20级－60级的饰物才可以进行合成，并且35级－70级饰物合成的成功率为100%。80级－100级的饰物时分别需要1个70级－90级的饰物再加两个女娲石才可以进行合成。80级—100级的饰物合成时有一定几率失败。饰物的基础属性会随着饰物等级提升而增加，20－70级的饰物只有基础属性，70级饰物升为80级饰物后会随机增加一项附加属性，80级饰物升为90级饰物在保留其附加属性的基础上再随机增加一项附加属性，90级饰物升为100级饰物时则在保留80级饰物附加属性的基础上再随机增加一项附加属性。  另外现在如果不是会员就不能合成20以上的首饰</t>
  </si>
  <si>
    <t xml:space="preserve">看到这个我笑趴了刚刚看到这个的时候，我惊了一下，随即笑趴了。。 </t>
  </si>
  <si>
    <t>有那么好笑吗?不觉得啊,楼主是乐天派的啊,像龙珠里面的界王一样,一句无聊的话都可以让你笑翻 - -!!</t>
  </si>
  <si>
    <t xml:space="preserve">重睑术多少钱_好的眼部医院 </t>
  </si>
  <si>
    <t>上海整形的专家表示，做眼部的价格是受到多方面因素影响的，无法用确切的数字来衡量，影响重眼部价格的因素具体有如下几方面：　　因素一、与求美者的自身情况有关，每个求美者的眼部情况不同，有的眼距长，有的则短，因此，专家采取的整形方案就会不同，不同求美者眼部整形的价格就会产生差异了。　　因素二、与求美者选择的眼部整形医师有关，一个经验丰富的眼部整形专家具有娴熟的手法和独到的审美观，能让眼部整形后的效果更佳，自然会比普通的医师收费贵的，但都是大多数求美者能接受的。　　因素三、与求美者选择的医院有关，在上海，很多美容整形医院都相继引入了重睑这一美容项目，但是不同的医院在资质、技术设备和专家团队方面有差异，因此，眼部整形的收费标准也不同。　　上海做眼部手术价格是多少?通过上文介绍，相信您有了一定了解，专家提醒，不管您如何权衡眼部整形的价格，都要选择正规专业的医院，如果您还有其它疑问，欢迎随时咨询。眼部手术选择医院需慎重!眼部手术选择权威医院医生很重要的!建议到上海那边的整形机构更权威!眼部价钱的话，主要是与选择的医生、医院、手术有着很大的关系。做这类相关手术，应该到专业的脂肪移植机构，找对权威专业的眼部整形医师进行术前分析诊断，这样安全、效果才有保证。</t>
  </si>
  <si>
    <t xml:space="preserve">赌博为什么那么多人会沉迷呢 </t>
  </si>
  <si>
    <t>因为政府就隆重置办了一个全世界最大的赌场——中国股市。上行下效。</t>
  </si>
  <si>
    <t xml:space="preserve">翻译成汉语1.曰本の雑誌を?の中に入れました2.李さんは何人人兄 </t>
  </si>
  <si>
    <t>1.把日本杂志放入了皮包里。2.小李家有几个兄弟?(原文有不当?) 的正月一日基本都在二月。(原文有不当?)4.老师家离学校远,都打车去。5.现在我不需要钱。6.与日本南方同样美丽。7.母亲煮的粥又软又嫩,很好吃。8.每年四月举行日语考试。9.已经成人了,不必再多牵挂。10.空的时候来家坐坐。</t>
  </si>
  <si>
    <t xml:space="preserve">无锡太湖乐园的问题！我是外地的，几年前去过无锡的太湖乐园玩过，那 </t>
  </si>
  <si>
    <t>现在已无太湖乐园了！</t>
  </si>
  <si>
    <t xml:space="preserve">Z60t笔记本声卡坏了，换主板需要多少钱？Z60t笔记本的声卡坏 </t>
  </si>
  <si>
    <t>换主板……其实买一对USB口的音箱就可以，不用声卡，也不贵，百八十吧，虽然音质差点。</t>
  </si>
  <si>
    <t xml:space="preserve">中一次太难！ </t>
  </si>
  <si>
    <t>不要放弃啊，加油!胜利属于我们！哈哈</t>
  </si>
  <si>
    <t xml:space="preserve">脂肪肝吃什么,脂肪肝有什么症状 </t>
  </si>
  <si>
    <t>脂肪肝是一种常见的临床现象 而非一种独立的疾病。引起脂肪肝的病因很多，其临床表现轻者无症状 重者病情凶猛主要表现为肝脏受损的表现。一般而言，脂肪肝属可逆性疾病 早期诊断并及时治疗常可恢复正常疗原则是去除病因 调整饮食 增加 合理用药 　　1.去除病因 去除一切可以引起脂肪肝的因素 戒酒和应用高蛋白饮食 常常能有效降低肝内脂肪 酒精性脂肪肝主要是戒酒 并给予足量蛋白质饮食 使肝内积存的脂肪有效地去除;肥胖者要减肥;糖尿病病人要治疗原发病 　　2.调整饮食 这是治疗脂肪肝的重要一环 饮食需要高蛋白 适量的脂肪和糖类 　　3.增加运动量 根据不同的原发病可适量进行锻炼 加速脂肪的代谢 4.合理用药 可根据药物说明服用一些去脂药物和减肥药物 但治疗效果不十分肯定 合理用药可降低转氨酶 使肝功能恢复正常 但这些药物大多有损肝的副作用 使用时应加以注意 脂肪肝套装产品经人体服用后，能够迅速进入肝脏细胞，促进肝脏组织细胞，提高肝脏解毒机能和抗感染力，并且能抑制和杀死酒精霉素，避免酒精霉素引起的中毒现象，同时能清除肝脏油垃圾，快速提高受损肝脏自我愈合能力，使肝脏重新鲜活起来，并在肝脏表面形成保护膜，并能修补受损免疫系统，增强身体抵抗力。脂肪肝套装（轻度）包括三款产品：美国保肝护肝胶囊3号、排毒清胶囊、慢炎清胶囊，美国保肝护肝胶囊3号专业针对脂肪肝脂代谢异常，根本防止脂肪在肝细胞内的积聚，美国排毒清胶囊根据脂肪肝的发病机制与解毒机制，全方位多途径清除脂肪肝的多次诱发因素，美国慢炎清胶囊植物抗氧化成分消除过氧化损伤产生的炎症，治疗脂肪肝并发的脂肪性肝炎和肝纤维硬化。美国CBH脂肪肝套装（轻度）：美国保肝护肝胶囊3号2瓶＋排毒清胶囊1瓶＋慢炎清胶囊1瓶</t>
  </si>
  <si>
    <t xml:space="preserve">我喜欢闻女孩穿过的鞋子怎么办 </t>
  </si>
  <si>
    <t>你很羞涩，不善于表达自己，但是你很希望和女孩子近距离地接触，而不会受到伤害，结果偶然的机会你发现了这个物体就是女孩子的鞋子，但愿你不会以喜欢的目的去不合理收集女孩子的鞋子才好，那样如果被人发现就有问题了，大多数人会误解你，使你受到很大的伤害，这属于恋物癖的范畴，希望及时到心理医生那里就诊，能够调理好的．</t>
  </si>
  <si>
    <t xml:space="preserve">问问们，怎样治疗汗疱疹啊？？谢谢被这烦人的汗疱疹折磨的好久了，想 </t>
  </si>
  <si>
    <t>1、要注意规律饮食，不要经常吃辛辣刺激性食物，发物。多吃蔬菜、水果。2、保持乐观的情绪，不要有过度的激动、悲伤等情绪。3、尽量少接触化学品，特殊是洗涤剂类的，汽油、油漆等。4、如果平时出汗过多，要常用一些滑石粉之类的，保持手脚干燥。5、出现汗疱疹症状，直接涂抹 汗疱疹油 进行治疗</t>
  </si>
  <si>
    <t xml:space="preserve">韩F法师本人想这样加18体18智12魅到45级多少魔怎么配装备魔 </t>
  </si>
  <si>
    <t>这么配点个人感觉还是不太好啊，韩服还是以打钱为主，传统的18精智12魅就是打小钱的最佳配点，你不加精神蓝少回蓝慢魔防还低，法师蓝总跟不上多郁闷啊，18精的法+4抗头，+4抗斗，一对灭魔戒指，+个精神项链，48级正好魔防100%，如果你就练到45级就穿个棉袍+4点魔防的，但穿那个防会少，帖防卷只加防御不加魔防的，考虑考虑加点吧，最后还是祝你好运~</t>
  </si>
  <si>
    <t xml:space="preserve">470分左右能上那所二本学校呢 </t>
  </si>
  <si>
    <t>山西理科考生470？报个三本。</t>
  </si>
  <si>
    <t xml:space="preserve">微博里显示关注有600多，可实际我只关注了4个人，那500多点关? </t>
  </si>
  <si>
    <t>请问你是关注了一个人、但是显示的却是你关注了2个人对吗？你在你关注的人里面看看、你关注的人是否在你已经关注的人的名单里。可能是你按错了便关注了你本来没想要关注的人。你移除不想要关注的人的关注就行了。你关注了谁那个人便会在你已经关注人的名单里、但有的时候也会遇到你没有关注的人跑到你关注人的名单里去了、这都是极少数的情况、你按取消关注就行了。如果你名单里面你关注的只有一个、但在你首页显示你已经关注的人却有2个的话、那这是系统的问题、过段时间就会好的、不用去理会。希望可以帮到你。</t>
  </si>
  <si>
    <t xml:space="preserve">请问蜀道难任务？　　请问蜀道难任务　蜀道难第一篇日志任务的那个石 </t>
  </si>
  <si>
    <t>在西凉进巴蜀!进去后!在从石地变走榨道的时候!那边就有块大石头那个就是了!在右边!</t>
  </si>
  <si>
    <t xml:space="preserve">关于虚拟内存和虚拟光驱虚拟光驱和虚拟内存各指的什么哦他们有什么用 </t>
  </si>
  <si>
    <t>28》 虚拟内存在计算机中的作用很大，电脑中所有运行的程序都需要经过内存来执行，如果执行的程序很大或很多，就会导致内存消耗殆尽。为了解决这个问题，Windows中运用了虚拟内存技术，即拿出一部分硬盘空间来充当内存使用，当内存占用完时，电脑就会自动调用硬盘来充当内存，以缓解内存的紧张。举一个例子来说，如果电脑只有128MB物理内存的话，当读取一个容量为200MB的文件时，就必须要用到比较大的虚拟内存，文件被内存读取之后就会先储存到虚拟内存，等待内存把文件全部储存到虚拟内存之后，跟着就会把虚拟内里储存的文件释放到原来的安装目录里了。下面，就让我们一起来看看如何对虚拟内存进行设置吧。虚拟内存的设置　　对于虚拟内存主要设置两点，即内存大小和分页位置，内存大小就是设置虚拟内存最小为多少和最大为多少；而分页位置则是设置虚拟内存应使用那个分区中的硬盘空间。对于内存大小的设置，如何得到最小值和最大值呢？你可以通过下面的方法获得：选择“开始→程序→附件→系统工具→系统监视器”（如果系统工具中没有，可以通过“添加/删除程序”中的Windows安装程序进行安装）打开系统监视器，然后选择“编辑→添加项目”，在“类型”项中选择“内存管理程序”，在右侧的列表选择“交换文件大小”。这样随着你的操作，会显示出交换文件值的波动情况，你可以把经常要使用到的程序打开，然后对它们进行使用，这时查看一下系统监视器中的表现值，由于用户每次使用电脑时的情况都不尽相同，因此，最好能够通过较长时间对交换文件进行监视来找出最符合您的交换文件的数值，这样才能保证系统性能稳定以及保持在最佳的状态。　　找出最合适的范围值后，在设置虚拟内存时，用鼠标右键点击“我的电脑”，选择“属性”，弹出系统属性窗口，选择“性能”标签，点击下面“虚拟内存”按钮，弹出虚拟内存设置窗口，点击“用户自己指定虚拟内存设置”单选按钮，“硬盘”选较大剩余空间的分区，然后在“最小值”和“最大值”文本框中输入合适的范围值。如果您感觉使用系统监视器来获得最大和最小值有些麻烦的话，这里完全可以选择“让Windows管理虚拟内存设置”。调整分页位置　　Windows 9x的虚拟内存分页位置，其实就是保存在C盘根目录下的一个虚拟内存文件（也称为交换文件）Win386.swp，它的存放位置可以是任何一个分区，如果系统盘C容量有限，我们可以把Win386.swp调到别的分区中，方法是在记事本中打开 i（C:\Windows下）文件，在[386Enh]小节中，将“PagingDrive=C:WindowsWin386.swp”，改为其他分区的路径，如将交换文件放在D:中，则改为“PagingDrive=D:Win386.swp”，如没有上述语句可以直接键入即可。而对于使用Windows 2000和Windows XP的，可以选择“控制面板→系统→高级→性能”中的“设置→高级→更改”，打开虚拟内存设置窗口，在驱动器[卷标]中默认选择的是系统所在的分区，如果想更改到其他分区中，首先要把原先的分区设置为无分页文件，然后再选择其他分区。或者，WinXP一般要求物理内存在256M以上。如果你喜欢玩大型3D游戏，而内存（包括显存）又不够大，系统会经常提示说虚拟内存不够，系统会自动调整（虚拟内存设置为系统管理）。如果你的硬盘空间够大，你也可以自己设置虚拟内存，具体步骤如下：右键单击“我的电脑”→属性→高级→性能　设置→高级→虚拟内存　更改→选择虚拟内存（页面文件）存放的分区→自定义大小→确定最大值和最小值→设置。一般来说，虚拟内存为物理内存的1.5倍，稍大一点也可以，如果你不想虚拟内存频繁改动，可以将最大值和最小值设置为一样。44》虚拟内存使用技巧对于虚拟内存如何设置的问题，微软已经给我们提供了官方的解决办法，对于一般情况下，我们推荐采用如下的设置方法：(1)在Windows系统所在分区设置页面文件，文件的大小由你对系统的设置决定。具体设置方法如下：打开"我的电脑"的"属性"设置窗口，切换到"高级"选项卡，在"启动和故障恢复"窗口的"写入调试信息"栏，如果你采用的是"无"，则将页面文件大小设置为2MB左右，如果采用"核心内存存储"和"完全内存存储"，则将页面文件值设置得大一些，跟物理内存差不多就可以了。　　小提示：对于系统分区是否设置页面文件，这里有一个矛盾：如果设置，则系统有可能会频繁读取这部分页面文件，从而加大系统盘所在磁道的负荷，但如果不设置，当系统出现蓝屏死机(特别是STOP错误)的时候，无法创建转储文件 ( p)，从而无法进行程序调试和错误报告了。所以折中的办法是在系统盘设置较小的页面文件，只要够用就行了。(2)单独建立一个空白分区，在该分区设置虚拟内存，其最小值设置为物理内存的1.5倍，最大值设置为物理内存的3倍，该分区专门用来存储页面文件，不要再存放其它任何文件。之所以单独划分一个分区用来设置虚拟内存，主要是基于两点考虑：其一，由于该分区上没有其它文件，这样分区不会产生磁盘碎片，这样能保证页面文件的数据读写不受磁盘碎片的干扰；其二，按照Windows对内存的管理技术，Windows会优先使用不经常访问的分区上的 页面文件，这样也减少了读取系统盘里的页面文件的机会，减轻了系统盘的压力。(3)其它硬盘分区不设置任何页面文件。当然，如果你有多个硬盘，则可以为每个硬盘都创建一个页面文件。当信息分布在多个页面文件上时，硬盘控制器可以同时在多个硬盘上执行读取和写入操作。这样系统性能将得到提高。　　小提示：　　允许设置的虚拟内存最小值为2MB，最大值不能超过当前硬盘的剩余空间值，同时也不能超过32位操作系统的内存寻址范围——4GB 六位数的QQ不要钱啦，点击马上申请！(由于现在的QQ病毒很多，当你发网址给网友的时候一定要告诉他们这个不是病毒，不然他们可能怕去打开你的网址。同时本站强烈建议你去论坛发表你的网址，这样很快就会有15个人打开你的网址。)</t>
  </si>
  <si>
    <t xml:space="preserve">四字断一生，我的是：芙蓉艳色，请问是什麽意思啊？谢谢！我是女生。 </t>
  </si>
  <si>
    <t>出水芙蓉，绝代佳色，形容女性相貌美丽。</t>
  </si>
  <si>
    <t xml:space="preserve">如何计算定投基金收益例如,2008年2月我买入南稳贰号,每月的6 </t>
  </si>
  <si>
    <t>计算基金定投收益的公式： M=a(1+x)[-1+(1+x)^n]/x 其中：M表示定投n年后总金额（包括收益和本金），a表示每年投入的金额（比如每月投入200元，其a＝2400元），b表示年收益率（比如年收益为15%，其b＝0.15）,^n表示n次方（因无法打上标，只好这样表示）。假设南稳贰号每月定投200元(每年为2400)，年收益率为15％，定投2年后的收益加本金为： 2400(1+15%)[-1+(1+15%)^2]/15%=2400×1.15×0.32÷0.15＝5888元收益＝5888元－2×200×12元＝1088元即南稳贰号定投二年后的收益为1088元。</t>
  </si>
  <si>
    <t xml:space="preserve">鲁鱼的习性、分布？ </t>
  </si>
  <si>
    <t>鲁鱼的学名应该叫 鲈鱼 鮨科Serranidae，学名Lateolabrax japonicus (Cuvier et Valenciennes) ，俗称鲈板、鲈子、板鲈、四鳃鱼、七星鲈、花鲈、鲁鱼、花寨、大板、中板。英文名Japanese seabass 【产地、产季】鲈鱼分布于太平洋西部、我国沿海及通海的淡水水体中均产之，黄海、渤海较多。为常见的经济鱼类之一，也是发展海水养殖的品种。主要产地是青岛、石岛、秦皇岛及舟山群岛等地、渔期为春、秋两季，每年的10～11月份为盛渔期。喜栖息于河口咸淡水，也能于淡水。性凶猛，以鱼、虾为食。个体大，最大可长至30～50市斤，一般为3～5市斤。 你了解习性是想养殖吗？养的鱼种多出20—30％，以备死亡损耗和留有余量。 4、投饵驯食的方法――以鲜鱼糜为饵，每次投喂时间不少于半小时，将鱼糜均匀地投撒到网箱中，驯练鱼苗抢食，每天投喂4—5餐，日投喂量为鱼体重量的30％左右，以观察到鱼苗大致都能食到和食饱为好，具体标准是注意鱼苗抢食程度减弱后则停止投喂，以免暴食而引起肠胃疾病。 5、及时分级培育――10天鱼苗大多已长至5厘米，此时应过筛分池培育，减少大鱼吞食小鱼和幼苗抢食不到而出现大小差异的现象。分池培育10天后，在网箱周围用网片围出约100平方米的一块小水面，放出网箱中的鱼种再喂养15天，此时鱼种已在10 厘米上，然后拆去围网，再进入大塘养殖，这样目的是防止鱼种过早进入大唐追食生物饵料，而弃食人工投喂的饵料。 鱼苗的中间培育在注意网箱的水质清新和溶氧充足，可在网箱中设置增氧气头，要经常刷洗网箱，保持水体流动交换良好。 四、饲料 1、小杂鱼――要求新鲜、硬骨少，苗期可打浆投喂，随着个体的长大，应切块投喂。鲈鱼可吞食相当其口裂长度1.5倍的鱼肉块，切块投喂不仅可节省饲料，并可减轻水体污染。小杂鱼含动物性蛋白高，喂养鲈鱼长速快，但受资源的限制，尤其是在每年的禁渔期货缺价高，不易购买并受冷藏、运输的限制和对水质有一定的污染。用小杂鱼作饲料喂养系数约为4—5。 2、人工颗粒饲料――采用含蛋白质在35％以上的膨化饲料，以便观察到是否有食剩浪费。工厂生产的颗料饲料可分成大小多种规格，理论上可制成不比小杂鱼差的全价营养饲料，并可适当掺加防病药物。人工饲料来源稳定，使用方便，尤其是对高密度养殖有减少水质污染、防止鱼病发生的积极作用。饲料系数约为2—2．5 。 五、管养方法 清塘、培水――用来养殖鲈鱼的池塘有条件的最好经过干塘清淤和暴晒，尤其是多年养殖的旧塘。在放苗前半个月进行一次毒塘，每亩施放生石灰50公斤或使用20ppm漂白粉带适量池水消毒。如果未经干塘暴晒的，还要每亩使用30公斤茶麸打碎浸水全塘泼洒，以彻底清除遗留的凶猛杂鱼。消毒后的池塘经滤网纳入新鲜水，每亩施放3公斤复肥进行培育浮游生物，待水质微绿色或微褐色则可投苗。 投苗密度――经中间培育的鱼种已达10厘米，每亩放养2500尾为好，300天的养殖期亩产量可达1200－1500公斤。另外搭配每亩投放100尾鲫鱼和30尾花鲢和白鲢，以减轻水质的污染和增加养殖效益。 投饵――鲈鱼比较暴食，应适当控制投饵量，以利于降低成本、减少肠胃病的发生和水质污染。投饵要做到定时、定点、定量，一般日喂2餐，分别在上午的7—9时和下午的4—6时，日投喂量约为鱼体重量的5 ％。要坚持驯食的习惯，在塘中搭一饵桥，每次投饵敲击饵桥或拨响塘水，招呼鱼群游来抢食，这有利于观察鱼群的进食和健康状况，方便采取应变措施。鲈鱼抢食水中悬浮的饵料，下沉后不再摄食，因此投喂小杂鱼应耐心慢慢投喂，颗粒饲料则应用浮性饲料。 水质管理――鲈鱼的高产养殖也就是高密度养殖，因此保持水质清新和溶氧充足是十分重要的，主要方法有： 勤换水。特别是在中后期，每天的换水量要达30％以上； 勤增氧。鱼苗期可适当开动增氧机，随着鱼体的长大开动增氧机的次数愈趋频繁，尤其是在高温天气和后养殖期，夜晚可开动部分增氧机、白天则要开动全部增氧机，保持塘水的溶氧量在5 毫克／升以上。 施放生物制剂。高密度养殖带来塘底大量的残饵和排泄物，有害物分解浓度高，大量消耗水水中氧气，尢其是高温天气更为严重，这是鱼病发生的重要原因，因此应适当施放生物制剂，使有益菌群除去水中的氨氮和亚硝酸盐，保持良好水质。这是目前减少药物使用、实行健康养殖的主要方法。 六、病害防治 1、氨氮中毒――高温天气，水中的氨氮高，甚至产生亚硝酸盐，致使鲈鱼缺氧中毒死亡。主要症状：鱼群全塘狂游不安，上下乱窜，鳍条充血，鳃丝暗红。防治方法：立即注入新水、放出老水，注水时注意用木板把水档散，以免直接冲起塘底污物加速鱼的死亡；每亩施放氟石粉(底质处理剂)10—15公斤，中和水中氨氮；发病前注意用生物制剂预防。 2、肠炎病――病鱼食欲低，腹部膨胀，肛门红肿，轻压有黄色粘液流出。此病全年均可发生。预防措施是不要投喂变质的下杂鱼。治疗方法：按每100公斤鱼糜拌入300克呋磺合剂，连续投喂3—5天。 3、烂鳃病――此病易暴发流行，死亡率高。主要症状：鱼体色发黑，尤以头部为甚，游动缓慢，对外界刺激反应迟钝，呼吸困难，食欲减退，鳃部粘液增多，鳃丝肿胀，末端糜烂，体消瘦，离群， 最后致死。治疗方法：每100公斤鱼每天用复方新诺明6—8克、氯霉素4—6克混合拌饵连续投喂3天。 4、车轮虫、斜管虫和聚缩虫病――多发生在鱼种中间培育阶段，虫体附着在鱼的体表和鳃丝。症状为鱼体消瘦，体色变黑，口端糜烂。一年四季均有发病。预防上多采用大量换水，改良水质。治疗可用0．7~lppm的硫酸铜及硫酸亚铁合剂(5：2)全塘均匀泼洒，或用20—25ppm的福尔马林全塘泼洒。 5、赤皮病和溃疡病――病鱼鳍基部充血，红肿，脱鳞，表皮腐烂，肌肉外露。此病多发生在高温季节，预防上可大量更换新水，定期施放生石灰35—40ppm， 冬季干塘暴晒。治疗上可用漂白粉1ppm全塘泼洒；口服呋磺合剂，每100公斤鱼糜拌药300克；肌肉注射青霉素，每公斤体重3000国际单位。 6、鱼鲺病――鱼鲺寄生于鱼的鳃部、皮肤和鳍条。使鳃丝上皮增生、变形，炎性水肿，体表损伤，引起继发性细菌感染而死亡。治疗方法：全塘泼洒晶体敌百虫0．2—0．3PPm 。 七、收捕与产品运输 鲈鱼较娇嫩，捕捞容易损伤，活运成活率低。故此收捕时应定量而捕，方法是根据池塘的存鱼量和分布状况，采用部分水面收捕而不是全塘拉网收捕。为了预防收捕的鲈鱼抽筋死亡，收捕前的一段时间可适当拉网锻炼。 活鱼运输用大桶或帆布袋盛装，充氧。密度视运输距离而定，一般以尽量减少互相碰撞刺伤程度为原则。 鲜鱼的运输采用泡沫箱盛装，收获的产品采用鱼、冰4：1的比例包装保温发运。这种方法运输量大，运输成本小，但产品价格相对低。 【淡水养殖】一、地塘建造选择水源丰富，水质清新无污染的地方建池。每口池塘5—8亩，呈长方形，南北走向较好。要求池底平坦，砂泥底质，池岸牢固，池深2米。他底要埋设进、排水管道。同时配备1～2台1.5KW 的增氧机，养殖场要有发电备用机组。临放养时要做好池塘清淤消毒，可在放苗前一周每亩用50公斤生石灰或5～10公斤漂白粉干池泼洒消毒。放苗前要施肥培养池水的基础饵料，使池水呈油绿色或茶褐色为宜。二、苗种培育从海区捕捞的鲈苗 (体长1.5～2厘米)，要经过淡化至盐度4—7‰后投入暂养池(盐度1‰)，放养品种以北方海区天然鲈苗最佳，由于理化因子不同，苗种生长快，个体大，可缩短养殖周期，增加经济效益。暂养池放养密度控制在每亩1～2万尾，要经常对池塘冲水增氧。下池第2 天开始投喂浮游动物、红虫等鲜活饵料，慢慢将鱼浆、浮性颗粒配合饵料与鲜活饵料混合投喂，逐渐驯化至投喂搅碎鱼糜、浮性颗粒饲料。日投饵量为鱼体重的15%,分3次投喂。暂养期间每周用0.3ppm强氯精或15ppm福尔马林泼洒消毒一次，在开始投饵前3天，每50公斤鱼内服痢特灵0.5克、土霉素3 克、维生素C1克，每天拌饲投喂一次，连服3天。经过20多天饲养，鱼长至4～6厘米可进入大池分疏饲养。三、饲养管理将鲈苗过筛后按大小分池饲养。放养密度一般为2500～3500尾/亩。水深1.5米以上，要保持池水适宜肥度，以透明度在30厘米，水色呈油绿色为宜。每天投饲两次，主要饲料为搅碎的鱼糜和浮性颗粒饲料，饲料中要添加维生素B、C，日投饵量为鱼体重的6%。每月还要将土霉毒、红霉素、维生素药物拌饵投喂2 次，每次连服3 天。同时定期用 0.4ppm 强氯精或20ppm福尔马林对池塘全池泼洒消毒。药物防治要慎用敌百虫、硝酸亚汞等药物。每天做好巡塘管理，在夜间或天气闷热气压低时开机增氧，发现池水变坏要及时排换水，保持池水清新。【海水养殖】 （1）池塘条件与准备工作 池塘面积以3300m2-6600m2为宜,水深2m以上，水源充足、水质无污染，有较好的进排水设施、交通方便。 放养前需干池清淤、平整护坡，每公顷用生石灰750kg-1050kg，保持池水10-20cm，浸浆泼洒。7天后加水至1m深，为使水质保持良好状态，可一次施用二铵75kg/hm2，两天后池水变为油绿色即可放养。 （2）鱼种暂养与放养 鲈鱼苗种目前多为海捕，春季海捕苗种约为2.5cm-4cm，经捕捞转运操作鱼体会有不同程度受伤，为提高养殖成活率，可先进行中间暂养。暂养方式以养殖池中架设40目网箱比较方便。每立方米水体暂养苗种2000-3000尾，用1×10-6－2×10-6氯霉素拨洒消毒,待摄食鱼糜后呋喃唑酮。前10天投喂卤虫幼体或海淡水技角类，桡足类，而后投喂新鲜鱼糜。鱼种培养至10cm左右，按1.5尾/m2投入养成池中。 （3）养成管理 A、投喂 饵料以低殖杂鱼为主，辅以人工配料。鲈鱼抢食快，含量大，定时定量投喂很重要。投喂时要掌握鱼吃饱，又不浪费饵料。每次投喂先少投引鱼上浮抢食时再加大投喂量，待鱼下沉不抢食时中止投喂，日投饵次数和投饵量视季节而异。鲈鱼快速生长的适温季节、日投饵4-5次，投饵量为鱼体重的10-30%，低温的早春、晚秋，日投饵2-3次，占鱼体重的1-10%。 B、巡塘检查 早晚巡塘观察，发现异常及时处理。巡塘观察内容包括鱼体活动情况，池塘水色、气味、透明度变化及池塘防逃设施和敌害等。 【海水网箱养殖】 （1）养殖海区条件 要求透风,低潮时保持水深5m以上,水流畅通,每秒0.3m为宜,底质无障碍物，水质清新无污染，盐度变幅小。 （2）网箱结构形式 养鲈网箱管架固定式和网体四角沉砂袋式。固定式是以金属管材做成略大于网箱的框架，把网箱扎其内定型；沉砂袋式是在网箱本体四角各吊一个4kg的砂袋，以固定网型。南方多以木板连制成合格的鱼排，用浮球浮于水面，以锚索定位，网箱挂在鱼排格中。北方以单网单浮体框架为多，各浮体网箱连接在海区定位浮绳上。 网口大小通常采用3×3m和4×4m，网深随时海区的水深而定，一般4-6m，网目随鱼体大小而定，选用网目原则以破一目而不逃鱼为准，网目应小于鱼体高的1/2。 （3）鱼种放养 鲈鱼当年养成商品鱼，其苗种应先暂养至10cm以上再计数放入网箱。每立方米网箱水体数20-30尾为宜，具体放养密度，还要根据鱼种规格，季节早晚海区条件、饵料贮备及养殖技术因素确定。 （4）投饵 饵料以低值杂鱼为主,也可投喂颗料饵料.每次投喂应先少后多,待引鱼上浮抢食后再加大投饵量,日投饵量以吃饱不浪费为准,当鱼不抢食时应停止投喂.日投饵次数4-5次,早春晚秋水温低时日投2-3次。 （5）日常管理 经常洗刷网元，清除附着物，一般10-15天一次，必要时更换新网箱，勤查网箱、严防逃走漏。注意鱼情、水情及病害发生。 【病害防治】 （1）眼球白烛症 [症状]多见于春夏鱼种阶段。眼球出现白点，逐渐扩大遮盖整个眼球，严重者眼球突出脱落。此病可由饵料不新鲜、维生素缺乏而引起。 [防治]更新养殖水体，投喂新鲜饵料、饵料中添加维生素（尤其添加VB）。 （2）水霉病 [症状]鱼体出现絮状细菌，病鱼浮上水面慢游，食欲不振，消瘦死亡，多数为鱼体受伤后感染所致。 [防治]更换新水，保持良好水质，以6×10-6的孔雀石绿药溶5-10min。 （3）皮肤溃烂病 [症状]以高温季节多见.鱼体局部脱鳞,充血溃烂。多因鱼体受伤引起细菌感染所致，病鱼食欲不振，上浮慢游，消瘦死亡。 [防治]以20×10-6加氯霉素(或呋喃西林)药浴4h-5h。 （4）肠炎病 [症状]病鱼腹胀肛门红肿、有黄色粘液流出，鱼消瘦、食欲不振、重症者死亡。由饵料变质和饵料食脂高引起。 [防治]以0.1%的添加量配制呋喃唑酮药饵,连续投喂5-7天。 （5）鱼虱病 [症状]鱼体寄生鱼虱，病鱼犯游不安，靠池壁摩擦，重者鱼体消瘦死亡。 [防治]用晶体敌百虫全池泼洒，使池水含药量达0.25×10-6－0.3×10-6,隔3天再施药一次,一般两次用药可治愈，也可用纯淡水浸浴2-3分钟，鱼虱也可自行脱落。 【药用价值】[性味]性平，味甘。[功效]健脾，补气，益肾，安胎。[宜食]适宜贫血头晕，妇女妊娠水肿，胎动不安之人食用。《食疗本草》：“安胎、补中，作鲑尤佳。”《嘉枯本草》：“鲈鱼，多食宜人，作蛙尤良。暴干甚香美，虽有小毒，不至发病。”[忌食]根据前人经验，患有皮肤病疮肿者忌食。鲈鱼忌与奶酪同食。崔禹锡：“鲈鱼肉多食发痃痔疮肿，不可同乳酪食。”《随息居饮食谱》：“鲈鱼，多食发疮患癖，其肝尤毒。中其毒者，芦根汁解之。”[按语]鲈鱼分布在中国沿海一带及河口和江河中，江南水乡各地均产。在每100克鲈鱼肉中，含蛋白质17．5克，脂肪3．1克，碳水化合物0．4克，灰分1克，钙56毫克，磷131毫克，铁1．2毫克，核黄素0．23毫克，尼克酸1．7毫克。台湾产者含粗蛋白19．39克，粗脂肪1．16克，灰分1．16克。【清蒸鲈鱼】原料：鲈鱼1条（500～600克〕，熟火腿30克，笋片30克，香菇4朵，香菜少许。辅料：姜片、葱丝各5克，盐5克，料酒15克，酱油少许，鸡汤50克。准备：将鲈鱼去除内脏，收拾干净，擦净身上多余水分放入蒸盘中；将火腿切成与笋片大小相近的片，码在鱼身上；香菇用温水泡发，去蒂，切片，也码在鱼身及周围处，再将姜片、葱丝放入鱼盘中，再倒入盐、酱油、料酒；香菜择洗干净，切段备用。做法：1.大火烧开蒸锅中的水，放入鱼盘，大火蒸8～10分钟，鱼熟后立即取出，拣出姜片、葱丝。2.将鸡汤烧滚后，浇倒鱼身上，饰以香菜段即可。Tips：1.如果没有鸡汤，可以用鸡精调入清水中来代替，加入鸡汤主要是增加清蒸鱼的鲜味，不加也可以。2.用清蒸这种烹饪方法制作的鱼要尽量新鲜，除鲈鱼外，草鱼、武昌鱼、鳜鱼等也都可以。特色：鲈鱼性温，有补中气、滋阴、开胃、催乳等功效。鲈鱼秋后始肥，肉白如雪，有“西风斜日鲈鱼香”之说。【锅贴鲈鱼】用料：肥猪肉225克，净鲈鱼肉300克，鸡蛋3个。调料：精盐3茶匙，味精1.5茶匙，香油、胡椒粉各1茶匙，湿淀粉、干淀粉各0.5汤匙，花生油750克，ji汁、椒精盐各1碟。制作：肥肉改成长5cm、宽3cm的长方形24片腌过。鲈鱼肉改成长约5cm、宽约3cm的长方片放精盐、味精、麻油、胡椒粉拌匀。将鸡蛋、湿淀粉调成浓糊，用70%涂匀鱼肉，用30%将腌好的肥肉拌匀。用一大盘撒上干淀粉，把肥肉排在盘上，再将鱼肉贴在肥肉上。锅放底油烧热，端离火位，将鱼肉排在锅中，放回炉上半煎半炸至两面呈金黄，倒入漏勺控油。用剪刀剪齐摆放在盘中。另跟ji汁、椒盐同时上桌。</t>
  </si>
  <si>
    <t xml:space="preserve">李白的妻子和女儿分别叫什么名字? </t>
  </si>
  <si>
    <t>李白一生有四次，开元十五年在安陆与许氏结婚，生有一女一男，女名平阳，男伯禽（颇离），许早逝，又与刘氏结合，时间约在开元二十七、八年，刘氏恐非正娶，不久离去，李白携子女移家东鲁，天宝元年与“鲁一妇女”结合，生一男名天然，天宝四、五年离异，天然随母，后李白又与宗氏结婚，寓家宋城，有资料上说宗氏生了个女儿,更多资料上说没有,一般认为李白有两儿子一女儿.当然还有人说李伯禽和李颇离是两个人,所以李白有三个儿子,证据有魏颢做的《李翰林集序》，但是其实“颇离”是突厥语狼的意思，汉名叫“伯禽”，因为李白是西域人。他们那些专家为这个事情还吵来吵去，我都被他们搞晕了。李白妻儿在诗中的反映，李白曾做《寄东鲁二稚子》诗吴地桑叶绿，吴蚕已三眠。我家寄东鲁，谁种龟阴田。春事已不及，江行复茫然。南风吹归心，飞堕酒楼前。楼东一株桃，枝叶拂青烟。此树我所种，别来向三年。桃今与楼齐，我行尚未旋。娇女字平阳，折花倚桃边。折花不见我，泪下如流泉。小儿名伯禽，与姊亦齐肩。双行桃树下，抚背复谁怜。念此失次第，肝肠日忧煎。裂素写远意，因之汶阳川。诗里面说“娇女字平阳”就是指长女李平阳，“小儿名伯禽”就是指长子李伯禽。相传李白和第二个妻子刘氏不和，这在诗中也有反映，在诗作《南陵别儿童入京》中曾说：白酒新熟山中归，黄鸡啄黍秋正肥。呼童烹鸡酌白酒，儿女嬉笑牵人衣。高歌取醉欲自慰，起舞落日争光辉。游说万乘苦不早，著鞭跨马涉远道。会稽愚妇轻买臣，余亦辞家西入秦。仰天大笑出门去，我辈岂是蓬蒿人。诗中“会稽愚妇轻买臣”就是用东汉名臣朱买臣被妻子轻视的典故指他第二个妻子刘氏，说明刘氏是个势利眼。李白很喜欢最后一个妻子宗氏，曾做诗《自代内赠》表达对妻子的思念。宝刀截流水，无有断绝时。妾意逐君行，缠绵亦如之。别来门前草，秋巷春转碧。扫尽更还生，萋萋满行迹。鸣凤始相得，雄惊雌各飞。游云落何山，一往不见归。估客发大楼，知君在秋浦。梁苑空锦衾，阳台梦行雨。妾家三作相，失势去西秦。犹有旧歌管，凄清闻四邻。曲度入紫云，啼无眼中人。妾似井底桃，开花向谁笑。君如天上月，不肯一回照。窥镜不自识，别多憔悴深。安得秦吉了，为人道寸心。</t>
  </si>
  <si>
    <t xml:space="preserve">1986年夫妻属虎生蛇宝宝、马宝宝好还是羊宝宝好呢？我跟老公打算 </t>
  </si>
  <si>
    <t>爸爸：农历1986（丙寅）年5（甲午）月28（己酉）下午出生的 妈妈：农历1986（丙寅）年5（甲午）月18（己亥）凌晨1点任何生肖与任何月份的宝宝都是父母的宝，单从命理的观点分析：2013年蛇宝宝是爸爸妈妈生肖的禄（禄者为财） ，蛇宝宝和爸爸妈妈生肖三刑、穿、破、害（禄者为财可解三刑、穿、破、害，所以没关系）。2014年马宝宝的禄是爸爸妈妈生肖（禄者为财），马宝宝和爸爸妈妈生肖三合（合者和谐）。2015年羊宝宝和爸爸妈妈生肖无关系。所以马宝宝比较适合您们双方的生肖，蛇宝宝也好。蛇宝宝配合父母八字适合的月份：1、阳历2013年2月4日0点19分～3月5日18点18分，农历（阴历）十二月二十四日0点19分～正月二十四日18点18分。分析如下：（1）宝宝的月份和爸爸生肖同。（2）宝宝的月份和爸爸出生月三合（合者和谐）。（3）宝宝的月份和妈妈生肖同。（4）宝宝的月份和妈妈出生月三合（合者和谐）。（5）宝宝的月份和妈妈出生日六合（合者和谐）。2、阳历2013年6月5日20点44分～7月7日7点8分，农历（阴历） 四月二十七日20点44分～五月二十九日7点8分。分析如下： （1）宝宝的月份和爸爸生肖三合（合者和谐）。（2）宝宝的月份和爸爸出生月同。（3）宝宝的月份和妈妈生肖三合（合者和谐）。（4）宝宝的月份和妈妈出生月同。3、阳历2013年7月7日7点9分～8月7日17点13分，农历（阴历）五月二十九日7点9分～七月初一日17点13分。分析如下：（1）宝宝的月份和爸爸出生月六合（合者和谐）。（2）宝宝的月份和妈妈出生月六合（合者和谐）。（3）宝宝的月份和妈妈出生日三合（合者和谐）。4、阳历2013年10月8日12点31分～11月7日15点44分，农历（阴历）九月初四日12点31分～十月初五日15点44分。分析如下： （1）宝宝的月份和爸爸生肖三合（合者和谐）。（2）宝宝的月份和爸爸出生月三合（合者和谐）。（3）宝宝的月份和妈妈生肖三合（合者和谐）。（4）宝宝的月份和妈妈出生月三合（合者和谐）。马宝宝配合父母八字适合的月份：1、阳历2014年2月4日6点21分～3月6日0点8分，农历（阴历）正月初五日6点21分～二月初六日0点8分。分析如下：（1）宝宝命带禄存（禄者为财）。（2）宝宝的月份和爸爸生肖同。（3）宝宝的月份和爸爸出生月三合（合者和谐）。（4）宝宝的月份和妈妈生肖同。（5）宝宝的月份和妈妈出生月三合（合者和谐）。（6）宝宝的月份和妈妈出生日六合（合者和谐）。2、阳历2014年6月6日2点32分～7月7日12点56分，农历（阴历） 五月初九日2点32分～六月十一日12点56分。分析如下： （1）宝宝的月份和爸爸生肖三合（合者和谐）。（2）宝宝的月份和爸爸出生月同。（3）宝宝的月份和妈妈生肖三合（合者和谐）。（4）宝宝的月份和妈妈出生月同。3、阳历2014年7月7日12点57分～8月7日23点1分，农历（阴历）六月十一日12点57分～七月十二日23点1分。分析如下：（1）宝宝命带天乙贵人。（2）宝宝的月份和爸爸出生月六合（合者和谐）。（3）宝宝的月份和妈妈出生月六合（合者和谐）。（4）宝宝的月份和妈妈出生日三合（合者和谐）。4、阳历2014年10月8日18点20分～11月7日21点35分，农历（阴历）九月十五日18点20分～闰九月十五日21点35分。分析如下： （1）宝宝的月份和爸爸生肖三合（合者和谐）。（2）宝宝的月份和爸爸出生月三合（合者和谐）。（3）宝宝的月份和妈妈生肖三合（合者和谐）。（4）宝宝的月份和妈妈出生月三合（合者和谐）。仅供参考，祝心想事成。因为爱问版面系统不让上传资料更改，如果对fenny（易学爱好者）答复后，还有其他疑问，请您重新到“演艺、艺术、娱乐的运气与星座”的“风水”栏，向“易学爱好者”提问，并提供原始问题的“链接网址”，不要再复制fenny的答案，否则还是无法全文呈现，谢谢！</t>
  </si>
  <si>
    <t xml:space="preserve">心情会影响食欲吗？我心情不好就不吃饭我就特吃别的 </t>
  </si>
  <si>
    <t xml:space="preserve">   人是感情动物，心情自然会影响饮食了！   心情不好会影响胃液的分泌，进而影响到没有什么食欲，即使勉强吃饭也会感觉好想一直堵在胃里，不消化。     这个时候不建议你勉强吃很多东西，可以少吃点好消化的食物，要改善现状应该首先调整心态，可以找朋友聊聊、看看风景、听听音乐、做做运动。相信凡事都会有解决办法，想开点，车到山前必有路吗！相信你在困难面前是最坚强的！努力克服自己的抑郁情绪。情绪调整好了胃口也就好了。 </t>
  </si>
  <si>
    <t xml:space="preserve">胃癌晚期，发生了转移如题，胃癌晚期，转移得很厉害，医生说根本没法 </t>
  </si>
  <si>
    <t>因为胃癌早期症状的不明显，40%的患者在确诊时都已经失去了手术时机，而对于发生转移的患者，化疗是最主要的治疗手段。现在临床上用得比较多的胃癌晚期化疗药有新型靶向口服化疗药，这类化疗药最突出的特点是能找到肿瘤细胞的所在，有针对性地“攻击”，而不是像传统化疗药那样，对所有生长较快的细胞发动“集体攻击”。因此具有疗效强、副反应小的特点，病人可以考虑应用一下。</t>
  </si>
  <si>
    <t xml:space="preserve">天啊!哺乳期后乳房变形了!哺乳期过后,乳房松弛,下垂,没有原来坚 </t>
  </si>
  <si>
    <t>据统计很多产后出现乳房松弛下垂的女性，都曾在哺乳期中患过乳腺炎或乳汁淤积症。在此期间乳房肿胀，乳房皮肤随之过度膨胀，待症状消失时乳房会迅速缩小。如果未及时采取恰当的保健措施，皮肤会失去原有弹性，从而导致了乳房的松弛下垂。另外，如果哺乳期胸罩选戴不适当也是造成乳房变形下垂的主要原因。产妇应该在分娩两周后就开始佩带质地全棉、大小合适的“哺乳”胸罩。否则，乳汁充盈的乳房会因重力缘故而下垂，时间过长乳房便无法再回复原状。既然如此，如何护理才能避免哺乳后乳房的松驰下垂呢？这需要对乳房进行产前、产后的精心护理。哺乳期结束后，停止泌乳必定会使胀满的乳房缩小。这个阶段对产后乳房形状的恢复至关重要。妈妈们一定要随着乳房的缩小，调换穿较小尺寸的胸罩，对乳房提供适当的支撑。需要提示的是，乳罩选择得过大、过松起不到支撑作用，过紧则会加快乳房的萎缩。因此，适当的尺码才是最好的，一定要及时调整不可忽视。</t>
  </si>
  <si>
    <t xml:space="preserve">仓库密码忘了怎么办有几个月没上号了居然忘了自己的仓库密码怎么也解 </t>
  </si>
  <si>
    <t>到官网传真服务专区打开“清空仓库与元宝交易密码”页面，然后按提示操作即可。。或直接给客服打电话查询具体操作。。祝你好运！</t>
  </si>
  <si>
    <t xml:space="preserve">什么是每秒伤害？ </t>
  </si>
  <si>
    <t>就是你每秒能对敌人造成的伤害（英文简称dps）算法就是你的平均伤害（最低伤害与最高伤害平均值）除以你的攻击时间（就是武器上写的速度，有可能你有buff加速度了，以你加过buff后的时间为准）</t>
  </si>
  <si>
    <t xml:space="preserve">亚洲有哪几个国家进这次的世界杯了？ </t>
  </si>
  <si>
    <t xml:space="preserve">澳大利亚 日本 韩国 朝鲜 </t>
  </si>
  <si>
    <t xml:space="preserve">[旗谜]核电不是不安全（字一） </t>
  </si>
  <si>
    <t>否？</t>
  </si>
  <si>
    <t>初一数学急，我在线等如图2</t>
  </si>
  <si>
    <t>设除边长为1cm的小正方形外从左下始逆时针依次为边长a,a,b,c,d的正方形:则有a+a+b=c+d,b=a+1cm,c=b+1cm,d=c+1cm,a+d=b+c.只将b,c,d转换成a,即可得:a=4cm,长方形的边长为11cm,13cm.面积为143平方厘米</t>
  </si>
  <si>
    <t xml:space="preserve">ios上哪个浏览器有阅读模式？ </t>
  </si>
  <si>
    <t>uc浏览器～希望能帮到你，给个好评哦，谢谢了</t>
  </si>
  <si>
    <t xml:space="preserve">成吉思汗与希特勒有什么分别？成吉思汗比希特勒更残忍！为什么现在很 </t>
  </si>
  <si>
    <t>一个生活在七八百年前的,按当时中国封建社会的标准也属于比较野蛮落后的蒙古酋长,用近代工业文明以后的道德标准要求他,是不是有些勉为其难了?我个人认为:严格的说,蒙古在当时还属于奴隶社会的晚期(传统的说法是蒙古贵族属于新兴的地主阶级),成吉思汗也就是一个部落联盟的头,这与发展了少说有一二百年资本主义的欧洲国家有什么可比性?关于避免残忍屠杀,因为历史的局限,我们不能要求成吉思汗做他做不到的事情,事实上把"战利品"视为胜利者的私有财产,可以任意处置的做法在成吉思汗时期的很多少数民族内,还属于是"天经地义"的事情.而资本主义发展到相当程度的德国却理所应当的应该做到善待占领区的人民,阿道夫却没有做到,这就是区别.个人意见,仅供参考.</t>
  </si>
  <si>
    <t>匈牙利最新发明的E</t>
  </si>
  <si>
    <t xml:space="preserve">　　洗衣粉等化学清洁剂污染环境，还损伤衣料。匈牙利最新发明的“E-洗机”则可以不用任何化学洗衣剂，代之一种以果壳内含有清洁物质的坚果清洁衣物。这款洗衣机不仅清洁能力强，同时还保护环境。　　天然清洁无损环境　　这种具有清洁功能的坚果名为“无患子”。该洗衣机的使用原理是把一小袋无患子坚果存放在机器顶端的凹槽内，清洗衣物时，“E-洗机”会自动把无患子投入到衣物中，无患子果壳内含的皂苷便渗入衣物，起到去污作用，这样就取代了洗衣粉、洗衣液等化学清洁剂。因为无患子皂苷为天然清洁物质，所以不会对环境产生任何负面影响。　　“E-洗机”设定的程序可以保证无患子在最合适的时间投放进衣物。在整个清洗程序结束前，机器还会把打碎的果壳分离出来并冲走。　　“E-洗机”体积小巧，厚度仅为普通洗衣机一半。但是它的转速与洗衣量均不输于普通洗衣机。　　 </t>
  </si>
  <si>
    <t xml:space="preserve">还有没有比较有感情的歌曲啊？？ </t>
  </si>
  <si>
    <t>你怎么舍得我难过</t>
  </si>
  <si>
    <t xml:space="preserve">这是不是QQ病毒？？本人用QQ珊瑚版，启动时会出现珊瑚版的界面， </t>
  </si>
  <si>
    <t>您好：因为您的可能存有 windows  跟目录的病毒及病毒原文件[解释：跟目录 c:\windows 病毒及病毒原文件 病毒感染的文件 病毒本身文件]所以我提出几点建议处理方法[本人声明      非转载]第一步安装及建议江民 KV 杀毒软件[一般有1-2天的使用期 在此期间完成操作]安装完成后设置升级[一般可升级1-3天在此期间一定完成杀毒后删除]重视建议：一定不要在网站[解释：是指的盗版软件]上下载 因为江民 KV 杀毒软件有江民 KV 炸弹可让你-----第二步从朋友得到帮助到朋友家[windows 98]的制作启动盘[开始-----设置----控制面版---添加删除程序---启动盘 制作]一定制作两张才够用第三步设置与起用江民 KV 杀毒软件启动电脑 按Delete进入控制截面 设a:\ 为基础启动[一般电脑不用此步]用制作好的启动盘进入 windows 运行江民 KV 杀毒软件 的杀毒盘制作程序 共三张1-2-3制作好后应注意一定不要杀毒 不然功亏一篑第四部使用并成功启动电脑 放入 启动盘 启动 一定不要用上次启动盘请 启动 致dos 放入杀毒盘 按要求操作 十分简单                                           你是不是已经成功了如果成功了请发邮件至359020054@ 如果失败请继续发送问题您发送 的问题是我们前进的目标</t>
  </si>
  <si>
    <t xml:space="preserve">是女性qing回答如果你身边有这样一位男性。你嫁不？离异。孩子国 </t>
  </si>
  <si>
    <t>如果他喜欢你,你不喜欢他,但是你现实,就嫁给他,起码你能够拥有他的爱和你需要的东西;如果你喜欢他,也嫁,因为你们拥有感情,还有不错的经济条件,可以过上幸福的小康生活;如果你爱他他不爱你,谈不上嫁不嫁的问题,只能是退避三舍;如果你只喜欢他的人不喜欢他的条件,肯定嫁,人好满足了你的要求,条件不喜欢嘛好像也不太可能?至于其他的年龄啊长相啊都不是问题,只要你希望得到的最看重的东西具备了,这些都不是考虑的范畴......当然如果你很在意年龄,就要重新考虑和决定了......面面俱到,十全十美的事情是不存在的;婚姻也一样。</t>
  </si>
  <si>
    <t xml:space="preserve">我想删除新浪的免费邮箱我想重新注册新浪免费邮箱，因为以前的邮箱名 </t>
  </si>
  <si>
    <t xml:space="preserve">        用新的会员名重新注册新邮箱即可,老邮箱到时自动注销.</t>
  </si>
  <si>
    <t xml:space="preserve">怀孕几个月做B超好呢? </t>
  </si>
  <si>
    <t>一般怀孕五个月就可以做B超了</t>
  </si>
  <si>
    <t xml:space="preserve">最近发现的出T小秘密首先磨掉1颗星后马上跑向（+刀WS...冲呀 </t>
  </si>
  <si>
    <t>你们把我多年的出特小秘密都出来了……恨……在天上布满乌云之时，天气万里晴空之时…还有最最重要的一点。。。别告诉别人额，在节日，或者维修的前一天晚上8～10点去找那个锻造老头。。。…我感觉出特几率最高……另外，我要说……LZ我恨你额～。。。</t>
  </si>
  <si>
    <t xml:space="preserve">发光二极管有钳位作用吗？如题！ </t>
  </si>
  <si>
    <t>由所附引用的LED特性图中，可以看出，正向连接使用的LED，当在允许范围内，流过LED的电流发生较大变化时，两端电压变化在一个较小的范围内，近似稳压二极管的工作特点，所以有一定的钳位作用，在某些场合下，可以作为稳压管使用，同时还可节约一个指示灯。</t>
  </si>
  <si>
    <t xml:space="preserve">阿该亚人,或者叫希腊人,在3000年前(公元前1000年左右),? </t>
  </si>
  <si>
    <t>阿该亚人是约公元前1700-1100年左右统治今天希腊大部分地区（除了克里特岛和北部伊庇鲁斯）的民族，所以那个时期“阿该亚人”基本等同于“希腊人”概念（参见《荷马史诗》）。那时的希腊地区，类似于中国春秋战国时代，但也略有差异——1、各地城邦林立，一个城邦基本就相当于一个主权国家。各城邦基本上都是君主制，与后来古希腊黄金时代的雅典的制度是不同的，而且君主权力往往极大；2、各城邦按位置远近，有一些松散联盟，如雅典为代表的东部沿海的“阿提卡同盟”、迈锡尼为代表的中南部地区的“阿耳戈斯同盟”等，而这些小同盟又形成一个奉迈锡尼为盟主的大联盟（平时也是松散的，但战争时期大家会进退一致、紧密团结——最好的例子就是“特洛伊战争”），迈锡尼为这些城邦中最富裕的一个（有传说说那里的皇宫是黄金铺就的）；3、克里特岛联盟、今天北希腊伊庇鲁斯的特萨里亚部落联盟（就是大英雄阿喀琉斯的故乡），与阿该亚人不是同一种族，但由于他们实力较弱，还是向阿该亚（主要是迈锡尼）低头，类似附庸国，一些共同的军事行动也与阿该亚人一起参加；4、当时的希腊地区，是青铜时代，有自己的文字（线形文字B），且航海技术发达，与小亚细亚、埃及、亚述、意大利等地有贸易往来；在公元前1100年左右，北部原始民族多利安人南侵，在消耗了极大人力物力的特洛伊战争后尚未恢复元气的阿该亚人，被打得落花流水，部分被消灭、一部分被往东驱逐（“史诗之父”荷马的祖辈可能就包括其中），迈锡尼等发达城邦被摧毁，希腊地区又回到了原始社会（“大黑暗时代”），一直持续了300多年才重新进入奴隶制时代。</t>
  </si>
  <si>
    <t xml:space="preserve">〈三国群英传5〉刚进入游戏，就显示“全灭”，然后就GAMEOVE? </t>
  </si>
  <si>
    <t xml:space="preserve">    你肯定是在网上下载的盗版，而且你是选择的“新君主”，这样吧，给你一个补丁：         该补丁由《游侠网》提供，专门针对无法以新君主进行游戏的情况制作。解压后用得到的文件直接覆盖原安装目录中的同名文件即可。</t>
  </si>
  <si>
    <t xml:space="preserve">我国女性缠足开始于何时,有什么的社会背景? </t>
  </si>
  <si>
    <t>我国女性缠足的历史：民间谚语说得十分形象：“裹小脚一双，流眼泪一缸”。缠足开始的年龄，一般从4、5岁开始，耗时3、4年，到7、8岁初具模样。缠足前以热水烫脚，趁着脚还温热，将脚拇趾外的四个脚趾向脚底弯曲，紧贴脚底，并在脚下趾间涂上明矾，时间一长，脚缠得弓弯短小，使脚底凹陷，脚背隆起，脚的长度会被缩短。 云南六一村的吴杨氏老太太这样回忆她的缠脚的经历：她母亲用织布机上的“射通”，横垫在她的脚腰下，让脚腰凸起。然后，裹扎起来，逼她走路。慢慢的，脚腰被“射通”凸断了。她因此一个多月不能下床走路。虽然脚腰折断了，但她的脚仍然臃肿难看。她母亲又念叨：你这双男人脚，怎么还不烂？她奶奶也说：难烂了，该使用法子了。于是，她母亲在她奶奶的指导下，找来半个瓷碗，砸成碎片，放在她的脚底、脚腰、脚面上，再用缠足布包裹起来，套上小鞋，让她下地行动。她的脚被划破了，血迹从缠足布中渗透出来，变黑，发腥，发臭。她经常疼得脸色苍白，精神恍惚，体重大减。 缠足通过外力改变脚的形状，严重影响了脚的正常发育，引起软组织挛缩，这个痛苦的过程是用言语不足以描述的。而一千多年以来中国的千千万万的女性从小就要经受这样的痛楚，不情愿的忍受这种从心理和身体上的摧残。 通过缠脚而来的小脚真的那么美吗？以至于男人在娶妻时将它作为一条最重要的标准，而女性将它作为人生中对自己身体必须实现的重大改造。事实则不然，下面有一段关于小脚的真实的描述，让人非常的感慨，从我们现在的审美角度出发，我们甚至会觉得我们的祖先是那么的不可理喻。 一般来说，小脚从正面看，像火伤之后，脱去陈皮烂肉，露出变形、变颜的一个肉疙瘩。只有一个翘起的趾头，依稀可辨上面的指甲，其它，一概呈现出可憎的模糊轮廓。 从侧面看，脚趾和脚跟已从中折断，两部分紧挨在一起，在软肉的附和下，形成一条由两端站立的曲线，脚跟臃肿，脚掌消失，脚背凸起。脚的全长不及自然长度的一半，整只脚像一个不规则的三角形。最恐怖的是从正面看脚底。那是一幅完全消解了人足的原始形象的荒诞图案。除了变形的足跟之外，已没有一丁点平滑的脚板。四个脚趾长短不一地向外转折，围绕在以大脚趾为轴心的脚心下面，脚趾的正面因此变成了脚板心，完全扭曲地压在了脚板底下。 我们都很清楚，在审美不超出常态的情况下，这样的小脚是很丑的。事实上，这样的小脚也不健康，不实用，缠足对人身的伤害是终身的。缠了小脚的女人其支撑的重心移到脚外部，行动极为不便。而且它们成年后多患早发退行性关节炎。 无论是从赏心悦目还是从健康实用的角度，女人缠小脚都是不应该被接受的，而这样的残忍的行为在我们中国的历史上却曾经盛行一千余年，以至于我们不得不承认它是中国古代的一种有影响力的，古人的这种不健康的视觉审美取向就象一个复杂的谜（当然，这肯定不仅仅是个审美的问题），而这个谜的背后有太多的东西值得我们深思和反省。 很多人都认为女子缠小脚的习俗是封建社会和男权社会的产物。显然，它们之间是有很多的内在的联系的，但如果要说，小脚文化与封建社会和男权社会有着必然的等同性，却是值得怀疑的。在西方也同样经历了封建社会，女子的地位一度非常低下，他们的女性通过束腰和穿高跟鞋的方式来获得男性的认可，没有听说过有逼迫女性缠小脚的历史传闻，这无论如何比缠小脚来的文明。 女子裹小脚的起源据说是这样的：南唐李后主（公元937——978）因为喜欢宫嫔睿娘的小脚状态，就让她缠足做新月状，并因此成为皇宫里最受宠的一个女人。于是皇宫里开始流行缠足。由于皇帝的表率作用，小脚成为时尚，继而官场与民间也相继流行。 这并没有得到确证，但有一点可以肯定，唐朝的女子不用缠脚，而恰恰是从宋朝（公元960——1234）开始，儒家文人乃至于农家男人开始痴迷的追捧女子的“三寸金莲”。但我们都知道中国的封建社会在秦始皇统一全国（公元前221）之前就已经形成。从此我们可以看出,缠小脚的习俗并不是封建社会和男权社会的伴生物。 现在就有一个最大的疑问，那就是为什么偏偏就是在宋朝，这样一个随着历史前进的步伐已经比较开化的年代，女子裹小脚这样的反人道的残忍的习俗却盛行开来。其实“三寸金莲”的说法源于北齐少帝萧宝卷赞其宠妾潘玉儿一双柔弱无骨的纤小美足“步步生莲花！”，但当时及其后的隋唐在对脚的审美上并未出现这样的倾向，所以女子裹小脚在宋朝泛滥开来绝不可能是偶然的，一定是有其社会与思想根源的。因为时代久远又难以找到第一手的资料，我们只能根据当时社会以及文化方面的史料作一些合理的推理，下面我想尽我所能就这个问题作一些深入的思考与探索。 任何一种现象都可以从社会的历史与现实中寻找根源，而且其根源一般都可以追踪到文化，小脚的陋俗也不例外。小脚习俗所存在于的文化环境必定是一种非理性的文化所产生的。而一般来说，文化内涵中核心思想的单一性或者说叫做单调性是非常容易导致文化的非理性，因为缺乏不同思想的争鸣，就难以对思想本身进行反思，同时文化中核心思想的一元化因为缺少其他思想的制衡，容易走向极端。当这种非常态的文化主导了一个国家时，这个国家的民众作为个体就被单一的思想简单化，无论是从个体自身还是与其他个体相比较都找不到思考的内驱力，作为整体因为内部没有差异性，缺乏内部矛盾的整体失去前进的原动力。当整个国家都基本静止了他的思维，民众反过来就完全固守于已有的非常态文化，并逐渐惰性的走向极至，国家与民众不可避免的进入非理性状态。尤其不幸的是，文化中核心思想的一元化与由它所主导的非理性国家互相作用，形成恶性循环，在这种情形下，任何荒谬的事情的发生以及可能长久的持续都是不足为奇的。而在宋朝，程朱理学就是上面推理的现实演绎。朱的理学与程的心学都是对儒家学说的进一步发展，将中庸提到天理的高度，并根据他们所认为的道与器相分离的原则，提出了“存天理，灭人欲”的思想。这种思想体现了对作为人这样的有尊严的个体的极端的不尊重，当这种思想成为整个社会的主流意识形态时，一旦脚是否小成为评判女子是否美的标准（事实上已经上升为贤良与道德的标准），全社会对于女子因此所遭受的痛楚的漠视也就不足为奇了。 宋王朝在中国历代王朝中是一个比较弱势的政权。一方面，其领土局限于中原及长江以南地区，该地区内又基本为汉族人，所以无论是地域文化和种族文化都是比较单一的，这种情形有利于某一种思想在全国形成权威地位。而在汉唐时期，因为领有西域大漠，肢体完整，政治文化中心长安更是胡汉文化的交汇地带，这就是为什么尽管从西汉时汉武帝就已开始认识到儒家学说是统治者愚民的一剂良药，并让董仲舒罢黜百家，独尊儒术，而这却没有导致汉唐期间儒家思想在社会中的极权地位。另一方面，纵观整个宋朝政权历史，在与少数民族政权如金、辽、西夏交战的战场上一直处于被动地位，朝廷内也有主战和主和两种声音，但主张称臣和进贡的投降派一直都占了上风，而且皇室也倾向于苟和求安，但这就增加了百姓的赋税负担，民不聊生，农民起义风起云涌，因为这种内外交困的局面，加之政权本身体弱，所以几乎没有哪个朝代像宋朝的当权者那样对安定与秩序充满了渴望。 儒家思想的核心是道德至上，而最基本的道德规范是“三纲五常“，三纲是君为臣纲、父为子纲、夫为妻纲，五常是仁、义、礼、智、信。可见，儒家思想是强调秩序和塑造权威的思想,是维护皇权与男权的思想，这正切合了当时政权的需要，所以统治者极端的推崇儒家学说，并在统治中深刻地贯彻、严格地执行、极力地发展儒家思想。男权与皇权都属于极权和威权的范畴，都是儒家思想所倡导的，它们一脉相承。随着皇权的权威被进一步神化，男子相对于女子强势地位就被进一步增强，而男子的强与女子的弱是相对的，即这种更加强势的地位必定是建立在进一步降低和弱化女子的地位的基础上的。在这里有一点应该被提到，宋朝的男性是比较压抑的，他们在对外族的战争中基本都是失败的，这里面除了国力军事等宏观因素，还有一个重要原因，在古代战场当战法水平接近时，士兵的力量与野性至关重要，宋朝军队在用兵方面与北方少数民族相比水平相近，但由于士兵基本上是汉人，而且多来自江南，在力量与野性方面相对明显欠缺，在战场上的失败就不奇怪了，但由此而来的巨大的挫败感对宋朝的男性是沉重的心理上的折磨。在宋朝这样一个男权社会里，男子对自己的强大有着与生俱来的自负，但当他们的这种自负被自己的保家卫国的无能所重创时，必然从本能上必然去寻找出路以承载破碎的尊严。很显然，女性是最合适的对象。汉代才女班昭在她的著名的《女诫》中曾提到：“阴阳殊性，男女异行。阳以刚为德，阴以柔为用。男以强为贵，女以弱为美。”可见在中国历史上，男性的刚强在本质上就是以女性的柔弱为衬托的，所以，必然的，当时的男性潜意识的迫使女性走向更弱势的地位，从而为自己在战场上丢失的自尊寻找平衡。女性在缠了小脚之后，因行走不便只得轻抬步微扭腰（所谓的莲步姗姗）而尽显柔弱，因不能轻松随便走动只得好好呆在家里相夫教子，做一个娴静的贤妻良母，这与宋王朝政权渴望的秩序是相符的，更是当时逐渐走向极端的儒家文化所提倡的境界，而且还暗暗迎合了当时男性当中普遍的一种心理需求。因此，女子缠小脚的行为在宋朝走向泛滥是由当时社会极其不正常的宏观的社会形势和文化氛围所决定的。 缠小脚的陋俗竟然能从宋朝一直延续到民国初期，最合理的解释只能是，宋朝以降，极端的儒家思想，也就是将禁锢人性的礼发挥到极至的程朱理学一直在社会占据着统治地位。但是，社会这种宏观的思想的代代传承具体到微观是由一个个鲜活的生命个体所实现的，程朱理学的延续不衰说到底是一代代的一个个有灵性的人所作出的选择的综合的结果，这是一个多么大人为的悲剧。在十九世纪末，二十世纪初，随着国际形势的发展，国内外交流的频繁，西方的文明之风在国内逐渐刮大，知识分子率先觉醒，并开始积极宣传西方的各种流派的思想，反思我们的传统文化的某些弊病，这种思考逐渐蔓延到整个社会。在这种多元的文化氛围熏陶之下，当时的社会思想非常活跃，人们开始真正的理性的去审视自己的那些为礼教所束缚的非理性的风俗习惯，所以，水到渠成的，男人的长辫子给剪了，女人放足了。但是，中国女人的千年裹足的疼痛与屈辱实在是不能这样轻轻的一笔就从我们的历史中勾去，只有对历史的深刻反思才能让我们克服蒙昧，踏者历史的足迹继续前进。</t>
  </si>
  <si>
    <t xml:space="preserve">电脑死机怎么搞 </t>
  </si>
  <si>
    <t xml:space="preserve">死机，相信是很多朋友习以为常的事。一发现死机，我们通常都会直接热启动或按“Reset”，但孰不知，有时并未真正死机，只不过是处于一种假死的状态。按下数字键区的“Num Lock”键，如果指示灯有反应，则说明是假死机。那我们该如何处理真、假死机呢？ 　　一、修改注册表，远离假死机困扰　　 　　很多假死机是由于运行的程序没有响应造成的。比如你在同一时间打开或启动的程序过多，导致系统资源消耗严重，就会出现程序停止响应的情况，这时我们可以按下“Ctrl＋Alt＋Del”组合键，在弹出的列表中选定标注为“没有响应”的程序项(如果有两个，则首先关闭上级程序)，点击“结束任务”令其强行关闭即可让系统恢复正常运行，不过有时即使出现了“正在关闭……(该程序)”提示窗口，也会很长时间没有反应，遇到这种情况，我们可以修改注册表以达到快速关闭没有响应的程序以及允许强行关机的目的。　　 　　1.快速关闭没有响应的程序 　　 　　在“开始”\“运行”框中输入“Regedit”，打开“注册表编辑器”，在“HKEY＿CURRENT＿USER”下新建串值“Waittokillapptimeout”，将其键值设为“1000”(ms)或更小。如果采用了上述办法仍很长时间没有反应，就只得强行关机或重新启动了，不过最好先进行以下修改，以最大限度地减小死机对机器的损伤。　　 　　2.允许强行关机　　 　　进入“HEKY＿USERS\.DEFAULT\Control Panel\desktop”，创建一个字符串“AutoEndTask”，将其键值设为“1”即可。对于真正的死机，一般只能两次按下“Ctrl＋Alt＋Del”组合键或按主机箱上的“Reset”键来重新启动了。　　 　　3.系统死机时自动重新启动　　 　　进入“HKEY＿LOCAL＿MACHINE\System\CurrentControlSet\Control\CrashControl”主键，在右边的窗口中修改“AutoReboot”，将其键值改为“1”。 　　 　　小提示：上述注册表的修改在Windows的不同版本中情况可能不一样，如果没有相应键值，请勿随意添加。 相信任何朋友在计算机应用中，都或多或少地遭遇过各种各样“假死”这一严重影响运行效率的“顽疾”。但“假死”并非是解不开的魔咒，采取相应的手段可以减缓、甚至避免这一现象的发生。 　　 　　关于对付较大AVI视频文件假死现象 　　 　　一些朋友下载了不少电影，但有时在单击较大的AVI视频文件时，WinXP SP1往往会停止响应（WinXP SP1以上版本此问题已有较大改观），在进程中察看，发现Explorer.exe进程的CPU占用率100%，占用时间居然长达两个小时！　　 　　其实这是微软系统的缺陷：在资源管理器中单击较大的AVI文件时，系统需要先扫描该文件，执行一次循环来检查文件的所有部分，以便建立索引，假如文件较大(超过700MB)且文件中没有索引信息，系统查询该文件的索引所需的时间也较长，CPU使用率也较高。目前微软已经有针对WinXP SP1以上版本的修复工具，但只有正版用户可以到指定地址下载。　　 　　如何才能有效解决这一问题？方法很简单：右键单击目标文件夹，选择“属性-常规-高级”，去掉“为了快速搜索，允许索引服务编制该文件夹的索引”前面复选框的对勾，然后点击确定并应用，系统会问你是否将更改应用到所有文件夹和文件，假如实在受不了这项索引服务，就选择应用到所有文件夹，问题就会迎刃而解。　　 　　关于系统的任务栏假死现象 　　 　　有时用户再操作过程中想在任务栏中切换窗口时，忽然发现点击任务栏中的图标没有任何反应了，就像系统死机一样，这就是Windows XP中常见的任务栏失去响应，又被称为“任务栏假死现象”。 　　原来这是Windows XP的“高级文字服务”功能出错造成的。Windows XP的“高级文字服务”包括了语音、手写和中文键盘输入服务，我们常用的输入法在Windows XP中也被归入高级文字服务。但是某些服务，如手写或语音功能可能与某些软件存在冲突，最明显的反映就是任务栏失去响应。例如我们清除文档记录点击“确定”或者打开多个IE快速关闭时，任务栏假死现象就很可能发生。 　　其实高级文字服务中的语音、手写功能使用的人并不多，我们完全可以将其关闭。打开“控制面板”，点击“切换到经典视图”，双击“区域和语言选项”，在对话框中点击“语言”标签，再单击“详细信息”按钮，在打开的“文字服务和输入语言”对话框中点击“语言栏”，选中“关闭高级文字服务”选项后保存设置即可。 　　由于中文输入法也属于高级文字服务的一部分，因此关闭服务后导致的结果就是输入法切换栏消失，我们就只能用快捷键“Ctrl+Shift”来切换输入法了。 </t>
  </si>
  <si>
    <t xml:space="preserve">请问老师，我们小散户怎样申购新股？一次能申购多少股？谢谢！ </t>
  </si>
  <si>
    <t xml:space="preserve">调皮捣蛋止赢保护回答：2009-06-16 08:25 共1条评论...[雅典娜女神] 网上申购和你在网上买卖股票一样,输入申购的股票代码,系统会根据你的现金余额自动提示你可以申购多少新股. 新股申购现在分上海和深圳中小版的两种,深圳的股票申购代码为002***,上海的股票申购代码为780***. 深圳中小板每500股为一个基准,上海市场每1000股为一个基准,以其基准之倍数申请.每只新股都有它的发行上限的. 到了新股申购日,正常网上一样购买就是了,资金会被冻结,直到摇号中签结束后,如果中签,则自动配给你相当股份,否则返还资金. </t>
  </si>
  <si>
    <t xml:space="preserve">函授和大专有什么区别函授和大专的学习内容有什么区别 </t>
  </si>
  <si>
    <t>函授就是通过自学为主，通过网络或者远程的学习，在那里都一样可以学习。 1、比自考简单、比夜大省事，但都是属于成教 2、我了解得函授可以随时报名、有的学要入学考，有的不要。 3、函授也是国家承认的、学完函授本科国家允许考研、考公务员，学得好的话可以获得学士学位 4、我下边给你介绍的都是由学校统一配教材。 5、下边这些学校学制从一年到8年不等-，学费从总共3500元到总花费15000元不等。 6、函授一般人都能学下来的。函授大专一般为省、市级，出了省或市就不认了 普通大专或自考大专为国家级，全国承认函授大专属于没有围墙的大学了，而大专却比较正式了。很多的公司在应聘的时候都不认可函授学历的，在他们看来函授学历都不如一个职业技术学院呢。如果你有别的道路可走的话，希望你不要选择函授这条道路。还是走个全日制的大专比较好</t>
  </si>
  <si>
    <t xml:space="preserve">中国直辖市是那几个？ </t>
  </si>
  <si>
    <t>北京，上海，天津，重庆</t>
  </si>
  <si>
    <t xml:space="preserve">请问华南农业大学附近有什么三星级宾馆啊？ </t>
  </si>
  <si>
    <t>五山招待所也算阿?华农里有个竹园宾馆华工那边有个五山宾馆再稍微远点,暨大后门有个佳园连锁酒店</t>
  </si>
  <si>
    <t xml:space="preserve">碧柔的彩漂剂有什么特点？ </t>
  </si>
  <si>
    <t>维持白色衣物的持久亮白附着在衣物纤维上的微小绒毛会吸附灰尘，影响洗涤剂的洗涤效果，时间一久，白色衣物变得暗黄发旧。碧珍欧莉福彩漂剂中的C.Z.M酵素可以去除附着在纤维上的微小绒毛，维持白色衣物亮白如初。还能去除重点污渍，和衣服上的顽固斑渍，帮助更彻底清洁衣物</t>
  </si>
  <si>
    <t xml:space="preserve">求栗子的保存方法北方产栗子，有营养又好吃，就是不好保存，容易坏。 </t>
  </si>
  <si>
    <t>板栗贮存方法  1、锯末混藏：用相当于所藏板栗重量20％的锯末, 加入水, 使其含水量达40～50％, 然后与板栗混合堆放. 装在木箱或口袋里也行。  2、塑料袋藏法：将板栗装在塑料袋中, 放在通风好、气温稳定的地下室内. 气温在10℃以上时, 塑料袋口要打开；气温在10℃以下时, 把塑料袋口扎紧保存. 初期每隔7~10天翻动一次. 1个月后, 翻动次数可适当减少.  3、坛内混藏法： 挑选饱满板栗, 用潮湿的细黄沙拌匀装入坛内. 坛底和坛口呵以多放些黄沙, 坛口用稻草堵塞, 口朝地倒置. 容器直径不宜太大. 贮存一段时间后, 要倒出来检查一次, 将较嫩的和发黑的板栗挑出来.        4、自然风干法：把要冬存的板栗浸入冷水桶里, 水漫过板栗, 浸泡7~10天后捞出, 装在竹篮里, 高挂在通风处,让其自然风干. 浸泡前, 要除尽病、虫、伤栗果,摊放1~2天, 蒸发水分, 当鲜果失重10％左右方可按上述方法收藏. 入藏1个月内是危险期, 要常查看。</t>
  </si>
  <si>
    <t xml:space="preserve">在新可口可乐广告里和姚明一起拍广告的女孩是谁,有她的档案吗 </t>
  </si>
  <si>
    <t>黄蓉，可口可乐奥运广告女主角荣获今日之星</t>
  </si>
  <si>
    <t xml:space="preserve">谁能告诉我塔各层适合多少级练啊?谢谢啊~! </t>
  </si>
  <si>
    <t>1楼1及怪,2楼2几怪....以此类推几楼就是几及的怪,现在好像有100层吧(..顶楼我也没上去过)但是25楼以上遇敌率暴低,不用香的话跑到你手抽筋,所以塔里很少有人肯带队的.但是出的怪比其他地方多,经常都是8个10个的.55楼以上怪特喜欢防,还会圣盾,所以不带魔法师打的话效率实在很低(要不是雪山容易掉线的话,我死也不要到那地方练)</t>
  </si>
  <si>
    <t xml:space="preserve">诛仙有什么职业 </t>
  </si>
  <si>
    <t>鬼王宗:传统中的武士类职业,皮厚肉多,能攻能守.青云门:法师尖职业,善于群攻,费蓝.合欢派:类似盗贼类,高命中,高爆发,高敏捷.容易出致命一击.天音寺:和尚尼姑,辅助技能优秀,也就是传统的牧师型.复活加活加防样样会.具有暴力倾向.据说以后也许会开放鬼道和焚香谷.</t>
  </si>
  <si>
    <t xml:space="preserve">空调是春兰好还是海尔好？支持国产品牌！ </t>
  </si>
  <si>
    <t>现在空调的制造技术已经很成熟了，空调的原理并不复杂，空调的质量大都和采用的材料的质量有关，同厂家的管理水平有关，所以选用正规厂家的产品，特别是社会上口碑较好的公司的产品，一般质量并没有太大的差别。春兰和海儿都是可以信赖的产品。如果确要仔细的判别，可以咨询它们所用的压缩机、室内机塑料外壳的材料（不好的材料冷热收缩膨胀时会有噪声）、氟里昂管接头的设计（良好的设计可以确保不泄露氟里昂）等方面的情况。随便说一下，空调的安装质量也很重要，在选择供货商时，要考虑一下他们安装人员的口碑和安装质量。</t>
  </si>
  <si>
    <t xml:space="preserve">脸上过敏起皮怎么办？脸上过敏起皮了要怎么办好啊，有什么好的方法可 </t>
  </si>
  <si>
    <t>可以简单的买一些药膏来擦擦就可以了；例如：复方地塞米松软膏</t>
  </si>
  <si>
    <t xml:space="preserve">上唇翘~~~~帮帮我哦~~~我上唇翘的挺厉害。。从侧面看很难看。 </t>
  </si>
  <si>
    <t>不会影响外观手术是口内</t>
  </si>
  <si>
    <t>三角函数求证：cosα／(1+sinα）</t>
  </si>
  <si>
    <t>证明：方法一:(利用二倍角公式)易得：cα/(1+sinα)={[cos(α/2)]^2-[sin(α/2)]^2}/(sin(α/2)+cos(α/2))^2=[cos(α/2)-sin(α/2)]/(sin(α/2)+cos(α/2))sinα/(1+cosα)=[2sin(α/2)*cos(α/2)]/[1+2cos^2(α/2)-1]=sin(α/2)/cos(α/2)∴cosα/(1+sinα)-sinα/(1+cosα)=[cos(α/2)-sin(α/2))]/[sin(α/2)+cos(α/2)]-sin(α/2)/cos(α/2)={[cos(α/2)]^2-sin(α/2)*cos(α/2)-[sin(α/2)-]^2-sin(α/2)*cos(α/2)}/{sin(α/2)*cos(α/2)+[cos(α/2)]^2}={[cos(α/2)]^2-[sin(α/2)-]^2-2sin(α/2)*cos(α/2)}/{2sin(α/2)*cos(α/2)/2+{2[cos(α/2)]^2-1+1}/2}=(cosα-sinα)/[sinα/2+(1+cosα)/2]=2(cosα-sinα)/(1+sinα+cosα)方法二：易得：(1+sinα+cosα)^2=1+2sinα+2cosα+sinα^2+cosα^2+2sinα*cosα=2(1+sinα)*(1+cosα)左边=[cosα+(cosα)^2-sinα-(sinα)^2]/(1+sinα)(1+cosα)=[(cosα-sinα)(sinα+cosα+1)]/(1+sinα)(1+cosα)由前面得：(1+sinα)*(1+cosα)=(1+sinα+cosα)^2/2∴左边=[(cosα-sinα)(sinα+cosα+1)]/[(1+sinα+cosα)^2/2]=2(cosα-sinα)/(1+sinα+cosα)方法三：左边=[cosα+(cosα)^2-sinα-(sinα)^2]/(1+sinα)(1+cosα)=[(cosα-sinα)(sinα+cosα+1)]/(1+sinα)(1+cosα)左边/右边=(1+sinα+cosα)^2/2(1+sinα)(1+cosα)=(1+2sinα+2cosα+sinα^2+cosα^2+2sinα*cosα)/2(1+sinα)(1+cosα)=2(1+sinα)(1+cosα)/2(1+sinα)(1+cosα)=1即证！方法四：(利用等比性质)∵ cosα/(1+sinα)=(1-sinα)/cosα利用等比性质∴ cosα/(1+sinα)=(1-sinα+cosα)/(1+sinα+cosα) ----(1)同理：∵ sinα/(1+cosα)=(1-cosα)/sinα∴ sinα/(1+cosα)=(1+sinα-cosα)/(1+sinα+cosα) ----(2)(1)-(2)得cosα/(1+sinα)-sinα/(1+cosα)=(1-sinα+cosα-1-sinα+cosα)/(1+sinα+cosα)=(2cosα-2sinα)/(1+sinα+cosα)=2(cosα-sinα)/(1+sinα+cosα)</t>
  </si>
  <si>
    <t xml:space="preserve">娄底是不是征兵考试啦？？难不？？ </t>
  </si>
  <si>
    <t>不太难．．．</t>
  </si>
  <si>
    <t xml:space="preserve">有关四级的试题那些比较好，能否推荐几套？ </t>
  </si>
  <si>
    <t>我觉得王长喜和马德高的星火英语都挺好的</t>
  </si>
  <si>
    <t>（x</t>
  </si>
  <si>
    <t>解：x-y+5＞0  x+y＞0或 x-y+5＜0  x+y＜0画图得知(x-y+5)(x+y)＞0 0≤x≤3表示的平面区域是一个C梯形.</t>
  </si>
  <si>
    <t xml:space="preserve">求歌名这个空间的背景音乐是什么啊? </t>
  </si>
  <si>
    <t>歌名是:when you  know-hooverphonic(芝华士广告歌曲)下载地址: 关于芝华士     芝华士威士忌是苏格兰高级威士忌。创始人詹姆斯.芝华士和约翰.芝华士兄弟开当时调配艺术风气之先，创造出芝华士品牌。   希望能给您提供帮助</t>
  </si>
  <si>
    <t xml:space="preserve">珠海哪里有NIKE360的店子？很想找NIKE360的休闲鞋，N </t>
  </si>
  <si>
    <t>拱北粤海东路的“百丽体育”好象卖NIKE的东西，就在粤海东巴士站不远的地方。坐4路，9路，13路，99路可到。外墙上就画了个很大的NIKE标志，路过的时候瞄过几眼，不知道有没有你想要的东西。</t>
  </si>
  <si>
    <t xml:space="preserve">他是什么意思呀我们谈恋爱了二个月，一次聊天他说：如果以后结婚我怀? </t>
  </si>
  <si>
    <t>你老公心理并不成熟.我来告诉你他的用意.其实.他是想让你嫁给他.他说这些话的本意是:让你知道他有多爱你.如果你怀孕了.他不会为了自己的私欲而给你的身体或孩子带来不好的影响.这是本意.为什么说他不成熟....一..多半...婚前教育没参加...生理卫生课没学好.所以不知道怀孕后如何处理夫妻生活.二. 他以为不对你直接的伤害就是保护了你.而不知道他如果去外面找其他女性解决对你的伤害更大.三 ...三什么三...我都烦了..你就直接问他一句.....你搞过对象没?搞过?...那肯定没有一次恋爱关系能保持上3个月的....简直一个穿开档裤的娃娃.....道还没学会怎么走..就想来泡妞.....他爱你也许不假.但肯定一点.他肯定是极为自私的人.不管他平时隐藏的多好.有多虚伪呀.</t>
  </si>
  <si>
    <t xml:space="preserve">灵山大佛烧香问题想去无锡灵山大佛烧香，可不可以自己带香过去啊？听 </t>
  </si>
  <si>
    <t>心誠在哪里?愣伎梢裕诩依镌谒略豪镫S意。烧香的含义有四个方面: 1、表示虔诚恭敬供养三宝，以此示范接引众生。 2、表示传递信息于虚空法界，感通十方三宝加持。 3、表示燃烧自身，普香十方，提醒佛门弟子无私奉献。 4、表示点燃了佛教徒的戒定真香，含有默誓“勤修戒、定、慧，熄灭贪、喧、痴”意，佛并不嗜好世间大香贵香，但却喜欢佛弟子的戒、定、真、香。 上香以三支为宜。此表示戒、定、慧三无漏学；也表示供养佛、法、僧常住三宝。这是最圆满且文明的烧香供养。上香不在多少，贵在心诚，所谓“烧三支文明香，敬—片真诚心”。一般在大雄宝殿前上三支香就行了。 在家一支就行了，不?阋部梢浴?把香点燃后应插在香炉中间，第一支香插在中间，心中默念：供养佛，觉而不迷；第二支香插在右边，心中默念：供养法，正而不邪；第三支香插在左边，心中默念：供养僧，净而不染。</t>
  </si>
  <si>
    <t xml:space="preserve">请问，北京哪里有卖素什锦的地方？想找干净、卫生、吃着放心的，谢谢? </t>
  </si>
  <si>
    <t xml:space="preserve">如果不是因为信仰或其他特殊原因而必须吃素，现在许多豆制品厂都生产素什锦。因此可以在超市、商场非常方便地购买。但如果要求比较苛刻，下面为您推荐两家专营素菜近百年的老店：1、功德林“北京功德林素菜饭庄”现为北京唯一一家经营佛家经素菜肴的饭庄，是旅游局定点餐馆。功德林饭庄是杭州城隍山常寂寺维均法师的弟子赵云韶于1922年创立于上海。北京功德林饭庄于1984年开业，是完成仿照上海功德林建造和生产经营的，匾额由中国佛教协会会长赵补初所书。地　址：崇文区前门南大街158号电　话：010-   交　通：110,120,20,742路珠市口站下2、全素斋全素斋是一家具有近百年历史的老字号传统企业，以生产宫廷风味素菜著称于世。其产品工艺精湛、品种繁多、名荤实素、味道鲜美，达到了色、香、味俱佳的境地，在国内外市场享有很高声誉。全素斋的创史人刘海泉，14岁进清宫御膳房当差，学会了做御膳素菜的手艺，后他离开御膳房，在北京东安市场租了一个摊位。由于用料讲究，做工精细，买卖兴隆，逐步发展壮大，开始素菜摊没有字号，顾客随口称为“全素刘”，刘海泉就以此定为摊名，后改为“全素斋”。 全素斋的素菜，不仅形态、味道好，而且具有营养和滋补作用，其主要原料豆制品蛋白质含量一般在20%左右，不低于肉类、辅料，以及含有丰富蛋白质的香菇、口蘑等菌类。在生产工艺上，从选料、配方到操作过程严格按照御膳房程式。原料渠道固定，产品选型逼真，以鸡、鸭、肘、肚、肠等荤菜命名，制成荤菜形状，既美观又好吃，风味独特，因此，声誉卓著，颇受各界顾客的喜爱。香菇面筋，1982年以来连续评为北京市优质产品，1988年荣获中国首届博览会铜牌奖，1994年，荣获第五届亚洲及太平洋国际贸易博览会组委会颁发的金奖，素什锦荣获银奖。地　址：东城区王府井大街213号（利生南侧）电　话：010- </t>
  </si>
  <si>
    <t xml:space="preserve">红鬼请高手估价1区牧羊95级2D（1攻1敏）红鬼，树海技能能卖几 </t>
  </si>
  <si>
    <t>2挡一级红鬼在一区牧羊就卖120万，95级，还有树海技能，可以卖到370万。</t>
  </si>
  <si>
    <t xml:space="preserve">上了双挫泰栓以后，晚上和老公同房了请问有什么坏处吗？ </t>
  </si>
  <si>
    <t>很不好的，容易交叉感染。男的可能会不发病但很容易再次传给你的，一定要注意！治愈后在AA。</t>
  </si>
  <si>
    <t xml:space="preserve">六个月大的宝宝辅食中能放核桃油吗？我现在都是滴猪油 </t>
  </si>
  <si>
    <t xml:space="preserve">注意：这些辅食不宜添加来源：安康公益　　婴儿已经能吃许许多多食品，但下列食品最好不要喂：　　(1)刺激性太强的食品　　酒、咖啡、浓茶、可乐等饮品不应饮用，以免影响神经系统的正常发育;汽水、清凉饮料等万一喝上就不肯放嘴，一直想喝，容易造成食欲不振;辣椒、胡椒、大葱、大蒜、生姜、酸菜等食物，极易损害娇嫩的口腔、食道、胃粘膜，不应食用。　　(2)含脂肪和糖太多的食品　　巧克力、麦乳精都是含热量很高的精制食品，长期多吃易致肥胖。　　(3)不易消化食品　　章鱼、墨鱼、竹笋和牛蒡之类均不易消化，不应给婴儿食用。　　(4)太咸、太腻的食品　　咸菜、酱油煮的小虾、肥肉、煎炒、油炸食品，食后极易引起呕吐，消化不良，不宜食用。　　(5)小粒食品　　花生米、黄豆、核桃仁、瓜子极易误吸入气管，应研磨后供婴儿食用。　　(6)带壳、有渣食品　　鱼刺、虾的硬皮、排骨的骨渣均可卡在喉头或误入气管，必须认真检查后方可食用。　　(7)未经卫生部门检查的自制食品　　糖葫芦、棉花糖、花生糖、爆米花，因制作不卫生，食后造成消化道感染，也可因内含过量铅等物质，对婴儿健康有害。　　(8)易产气胀肚的食物　　洋葱、生萝卜、白薯、豆类等，只宜小量食用。 </t>
  </si>
  <si>
    <t xml:space="preserve">求大师帮我算下八字女，1985年4月19日早上八点多，阳历。求大 </t>
  </si>
  <si>
    <t>八字乃因果关系,算命非宿命,日行一善,积累功德,定有好报. 判断仅当参考! 八字:乙丑　庚辰　戊子　丙辰五行:木土  金土  土水  火土八字属土,生于土月,土时,土年日主旺.喜用为木金.忌火土.天干火生土,土生金,且乙庚合金,生化有情.地支都是湿土和水,有点湿.总体上八字不错.性格方面:为人有包容心,讲信用,温和客气,不足的地方是内心不自觉地就会与他人比较,隐藏着好强爱面子的一面.重点说说婚姻:天干透出官星,可是被庚金合住,一方面不用担心真命天下,另一方面父母也许是真命天子没来的另一个原因.家教应该比较严.可官星在年干,缘不够厚,晚婚较好,结婚后也有可能夫妻两地工作,但婚姻是稳定的,不用担心.自坐子水,土克水,你温和的外表其实内心还是有较强的权力欲,估计婚后你比老公的权力大,也就是说老公听你的多.结婚后,钱财不会少,你老公应该会有钱,旁边是两个辰土,和子水半合水局,进一步说明你的八字看会是个有钱人,稍为注意就是有点分夫,但问题不大,要注意处理就好.姻缘年在2010,2011,2012的三年,之前的大运和流年都很少看到有姻缘,有的话也就2004和2005可能会认识较好的男生,不过你应该没有把握好,没关系,后来会有更好的.至于他是什么样子的,这个就很难看出来,应该说我就不会看.不过,你老公和你的感情谈不上深,谈不上恩恩爱爱.大体是这样,希望对你有帮助.</t>
  </si>
  <si>
    <t xml:space="preserve">新生儿病毒性黄疸照射蓝光会引起后遗症吗？我家宝宝是2007年9月 </t>
  </si>
  <si>
    <t>宝宝化验血,那他的转氨酶高吗？怎么不给宝宝也做一个乙肝系列化验？宝宝父亲是大三阳，还是有遗传因素的．而且大三阳是有传染的．平时要多注意隔离．如果宝宝的两项转氨酶／还有总直胆都高的话，就要治疗．医院里蓝光照射是有时间限制的．不会对宝宝身体有太大影响．而且你要注意与生理性黄疸区分开．有的小孩黄疸期就是退的比较慢．还是建议你早期到正规医院检查，多找几个专家医生，看看都怎么说．以便给宝宝一个好的治疗方案．宝宝现在小，早日治疗还是有效果的．祝你的宝宝早日康复．</t>
  </si>
  <si>
    <t xml:space="preserve">在那里买手镯 </t>
  </si>
  <si>
    <t>去一线，那里好多卖东西的。找找一般都可以找到卖手镯的。。。。。。。。</t>
  </si>
  <si>
    <t xml:space="preserve">火很大啊，求水浇！！！最好淹死我。它妈的，今天见鬼了，打1场卡一 </t>
  </si>
  <si>
    <t>争夺的时候在城里掉出去。要知道我更新一次游戏要两个小时，我都没去睡觉（上晚班来着）。比你更悲剧。这边的网吧每次都要自己下载然后更新，跟网管说了N多遍，说只有我一个人玩这游戏，爱上不上</t>
  </si>
  <si>
    <t xml:space="preserve">抽脂肪对身体有没伤害 </t>
  </si>
  <si>
    <t>人的脂肪存在于皮肤和肌肉之间，一味地强调瘦的效果而过多或盲目地吸去脂肪，对人的身体是不利的；吸脂减肥手术仅限于皮下肥大细胞脂肪层，其实减少到原来脂肪数量的五分之一就可以达到瘦身的目的。在抽脂前，医生都会对前来抽脂的人进行一次超声扫描检查，这样可以在荧光屏上清楚地显示出此人的脂肪层厚度，以确定她是否可以实施抽脂。一般来说，脂肪层在2厘米以内的话，是没有必要而且也不能进行抽脂术的；如果在3．5－4．5厘米，那么就有必要实施手术了。如果是由训练有素的医师按照严格的无菌无创的操作原则实施手术的话，对组织、皮下神经、血管、淋巴不会有损伤，是比较安全的。但专家们同时强调以下三类人不宜做吸脂减肥手术。一、患有心脏病、高血压、糖尿病及血液功能障碍的肥胖人群都不宜做吸脂减肥。二、由于内分泌过剩或某种疾病引发的病态型肥胖者不宜做吸脂手术。三、 18岁以下的儿童，身体发育还没有完善，体内脂肪数目还未恒定，如果盲目吸脂，不仅容易反弹，还会破坏儿童的生长周期，危害健康。</t>
  </si>
  <si>
    <t xml:space="preserve">我没有参加高考但又想上大学怎么办?我中专毕业一年了,去年参加成人 </t>
  </si>
  <si>
    <t>现在以社会考生的身份参加今年高考，可以得到上全日制正规大学的机会。不过你要在现在的大专里努力学习，不是更现实的问题吗？</t>
  </si>
  <si>
    <t xml:space="preserve">怎么就一天都闲不住呢〈4串1〉.上一轮巴塞大比分干了奥萨苏.该轮 </t>
  </si>
  <si>
    <t>昨天跟了你一单7C1没中，今天再跟一单，不会又不中吧，呵呵！希望你天天亮单，天天跟只到红。</t>
  </si>
  <si>
    <t xml:space="preserve">人的性格及行为举止大部分是由基因所决定的吗？我们知道，每个人大都? </t>
  </si>
  <si>
    <t>人的性格及行为举止大部分是由基因所决定的。但是由于人是一个非常复杂的生命体，自受孕后就受到各方面的影响，出生后又受到诸如环境，家庭，生活，婚姻，社会背景，学习，经历，学历，本身的素养以及长期的行为习惯等等的影响，所有这些都或多或少地影响了一个人后天的性格和行为举止。所以，这都说明了对于一个人的良好的 塑造是非常不容易的。因此，国家大力提倡对孩子从小就要教育培养：（1）正确的坐立走姿势；（2）远大的前途理想及为之奋斗的精神；（3）勤奋向上的思想及踏实严谨的学风。。。</t>
  </si>
  <si>
    <t xml:space="preserve">你好,我女儿今年四岁了,经常鼻塞,睡觉张着嘴,甚至憋醒,哭闹不止? </t>
  </si>
  <si>
    <t>是不是鼻炎啊!医院看看</t>
  </si>
  <si>
    <t xml:space="preserve">今天是股指期货交割日，什么是交割日？不懂这是什么意思，请明白人告 </t>
  </si>
  <si>
    <t>就是5月的股指期货到啦强行平仓的时候。不管你是盈是亏，仓位归零。剩余资金归还账户</t>
  </si>
  <si>
    <t xml:space="preserve">ＨＯＬＡ　楼主先生，看起来你很喜欢巴塞，专业是旅游和美术？严重羡 </t>
  </si>
  <si>
    <t>照片是5月初拍的，我现在回到了北京。BCN我很喜欢。我是做出境旅游的，所以有比较多的机会在利用工作之便。。。。 :)</t>
  </si>
  <si>
    <t xml:space="preserve">初二浮力问题一个木块,放在水中,有1/3露出水面,求木块密度.把 </t>
  </si>
  <si>
    <t>1. ①木块体积设为V！水的密度为1000kg/m3！并设木块的密度为ρ2 ρ=M/V② 根据浮力可以得出 浮力=重力 既木块的重量=它所受到的浮力 设木块的浮力为F，木块的质量为 M。依照ρ=M/V  既 ：M=ρ2 V 所以木块的质量=Mg=ρ2 V g 其中g=10N/kg而浮力=木块所排水的体积的重量 即F=2/3 V *1000kg/m3所以可以得出：ρ2 V g=2/3 V *1000kg/m3从而得出：ρ2=1/15 1000kg/m3=0.067 *1000kg/m3换算单位 ：670kg/m3=0.067g/cm3 2.设这个液体密度为ρ3，所受浮力为f  f=Mg =1/3 V *ρ3=ρ2 V*g 其中g=10N/kg 所以得出 ：ρ3=ρ2 *g*3=2g/cm3注意单位的统一 ！细心的算！嘿嘿！我初中的时候也算了许多这样的题目！做这样的题目很好的！多做题目！多思考！你的物理会提高很快的！学好！考上好的大学吧！</t>
  </si>
  <si>
    <t xml:space="preserve">我想问一下，北京农业嘉年华的草莓博览园在什么地方？北京农业嘉年华 </t>
  </si>
  <si>
    <t>就在昌平区的香屯站，位置不小上次我们一下子就找到了，晚上住的附近酒店，力荐静之湖啊还有温泉放松劳累的一天！</t>
  </si>
  <si>
    <t xml:space="preserve">肾结石吃什么药？现在医院里查出来，B超显示1.45CM，0.85 </t>
  </si>
  <si>
    <t>我也有肾结石，第一次是在医院做体外震波治疗的，但医生说只能把大的震碎，再通过药物排出体外，我朋友给我推荐了南京同仁堂生产的排石颗粒冲剂（一定要是无糖型小包装的那种），效果不错，吃了我腰就不疼了，你也去买试试看，价格也不贵</t>
  </si>
  <si>
    <t xml:space="preserve">英孚英语怎么样？能提高孩子的口才吗？孩子不太爱说话，不知道英孚英 </t>
  </si>
  <si>
    <t>感觉孩子学英语的话主要还是培养学习兴趣最重要，英孚有很多双证的外教，课程中也会安排很多活动、游戏等等，一边培养孩子对于英语的兴趣，一边教学的。同时英孚鼓励孩子多说的，自然会提高孩子口才。英孚还是很不错的，你可以亲自去他们授课点咨询一下的。</t>
  </si>
  <si>
    <t xml:space="preserve">函数的单调性设函数f(x)＝－x/（1－|x|）(x属于R)，区 </t>
  </si>
  <si>
    <t>设函数f(x)=-x/(1-|x|)(x∈R)，区间M=(a,b)(a＜b)，集合N={y|y=f(x),x∈M}，则集合M=N成立的实数对(a,b)有多少对？由题意：函数f(x)的定义域是M，值域是N∵M=(a,b)是一个连续区域，又x≠±1，∴分三种情形：（1）a＜b＜-1时：---&gt;f(x)=-x/(1+x)=1/(1+x)-1, 单调减M=N---&gt;f(a)=b且f(b)=a---&gt;1/(1+a)-1=b，1/(1+b)-1=a---&gt;(1+a)(1+b)=1显然，这样的(a,b)有无数对（2）1＜a＜b时：---&gt;f(x)=-x/(1-x)=1-1/(1-x), 单调减M=N---&gt;f(a)=b且f(b)=a---&gt;1-1/(1-a)=b，1-1/(1-b)=a---&gt;(1-a)(1-b)=1显然，这样的(a,b)也有无数对（3）-1＜a＜b＜1（略）选D</t>
  </si>
  <si>
    <t xml:space="preserve">遇到这样的问题过吗?进来看看~游戏登陆界面的PING为什么那么高 </t>
  </si>
  <si>
    <t>遇到过啊,不奇怪,不影响正常游戏,其实登陆框上有个隐藏的刷新键,你的光标标划过就会知道,刷新了就不会了我现在都是直接用wow.exe直接登录</t>
  </si>
  <si>
    <t xml:space="preserve">孩子比同龄矮如何长高？向@首儿健高李玉芳医生提问：您好！我家宝宝 </t>
  </si>
  <si>
    <t>属于矮小，父母遗传身高占70%。建议：充足睡眠、均衡营养、适量运动有助于长高。</t>
  </si>
  <si>
    <t xml:space="preserve">我高潮时的叫声很大，不叫就不舒服，怎么才能不出声又能舒服呢？ </t>
  </si>
  <si>
    <t>告诉你一个方法：咬自己的下嘴唇，然后发出“嗯”的声音即可。请试试，肯定适用的。你能采纳我的答案吗？</t>
  </si>
  <si>
    <t xml:space="preserve">淋巴癌（非何杰金T细胞）如何治疗我母亲58岁，患淋巴癌（非何杰金 </t>
  </si>
  <si>
    <t>因为淋巴是全身循环系统,所以一般都要采用化疗和放疗结合的治疗方案.T细胞的比较容易复发,所以医生一般都会建议进行造血干细胞移植.这是对待这种疾病比较根本的治疗措施。当然做治疗也是有风险的。得同一种病，由于人的体质、对药物的反映、情绪等等因素的不同，治疗结果也会不同。我建议你到北京解放军三零七医院肿瘤二科看看或咨询一下。这个科是专门治疗淋巴瘤的。我曾在此进行过治疗，觉得他们的医德和医术都不错。</t>
  </si>
  <si>
    <t xml:space="preserve">如何消除自卑的心理和别人讲话时会不自觉的脸红也怕人家看自己的脸 </t>
  </si>
  <si>
    <t>自卑感是一种过低评价自己的自我意识首先你要正确的认识自我,不要老拿自己的缺点和人家的有点比,对自己客观一点,是什么样的就是什么,知道自己的不足就努力改进,正确的给自己定位面对失败和挫折也要正确对待,在失败和挫折中吸取教训,是自己提高积极与人交往觉得和人交谈会脸红的话,去练练自己的胆量吧你可以经常到一个热闹的场所呆一段时间，然后回家将所观察到的一切记录下来。这种做法的目的是想将你从你的个人世界里拖出来。还有就是要主动地与他人接触。不用担心别人要怎么看你，不是有句话“走自己的路让必然说去吧！”听到别人说你什么时候不要想太多，尽量对自己说：“这没什么大不了的！”“我可以应对的很好！”有心事的话可以对家人或朋友讲，有难同当嘛。如果实在开不了口，自己就写下来，这可以把问题分担出去，不至于都堆积在心里。这样对身体不好你还可以把自己的优点罗列下来，你会看到自己的确是一个很不错的人每天都对着镜子对自己说：“我真的很棒！”这些可以试试的,最终会不会改变还是要考自己的加油咯</t>
  </si>
  <si>
    <t xml:space="preserve">天下密保怎么样啊天下加油站保障账户安全的天下密保，有谁用过的？怎 </t>
  </si>
  <si>
    <t>天下密保没有任何按键，密封防水性很高，而且动态密码常显，使用寿命可达30月以上，在-20℃低温环境，比如说北方的冬天，也能正常使用。当然了，蓝色、绿色、黄色的外观，也挺吸引人的，很时尚的感觉。</t>
  </si>
  <si>
    <t xml:space="preserve">请问，GDP和恩格尔系数的确切定义是什么？ </t>
  </si>
  <si>
    <t>1、GDPＧＤＰ即英文（ｇｒｏｓｓ ｄｏｍｅｓｔｉｃ ｐｒｏｄｕｃｔ）的缩写，也就是国内生产总值。它是对一国（地区）经济在核算期内（通常是一年）所有常住单位生产的最终产品总量的度量，常常被看成显示一个国家（地区）经济状况的一个重要指标。生产过程中的新增加值，包括劳动者新创造的价值和固定资产的磨损价值，但不包含生产过程中作为中间投入的价值；在实物构成上，是当期生产的最终产品，包含用于消费、积累及净出口的产品，但不包含各种被其他部门消耗的中间产品。 ＧＤＰ的测算有三种方法：生产法：ＧＤＰ＝∑各产业部门的总产出－∑各产业部门的中间消耗：收入法：ＧＤＰ＝∑各产业部门劳动者报酬＋∑各产业部门固定资产折旧＋∑各产业部门生产税净额＋∑各产业部门营业利润；支出法：ＧＤＰ＝总消费＋总投资＋净出口。 2、恩格尔系数1857年，世界著名的德国统计学家恩思特(恩格尔阐明了一个定律：随着家庭和个人收入增加，收入中用于食品方面的支出比例将逐渐减小，这一定律被称为恩格尔定律，反映这一定律的系数被称为恩格尔系数。其公式表示为：　　恩格尔系数（%）= 食品支出总额 /家庭或个人消费支出总额×100%恩格尔定律主要表述的是食品支出占总消费支出的比例随收入变化而变化的一定趋势。揭示了居民收入和食品支出之间的相关关系，用食品支出占消费总支出的比例来说明经济发展、收入增加对消费的影响程度。众所周知，吃是人类生存的第一需要，在收入水平较低时，其在消费支出中必然占有重要地位。随着收入的增加，在食物需求基本满足的情况下，消费的重心才会开始向穿、用等其他方面转移。因此，一个国家或家庭生活越贫困，恩格尔系数就越大；反之，生活越富裕，恩格尔系数就越小。　　国际上常常用恩格尔系数来衡量一个国家和地区人民生活水平的状况。根据联合国粮农组织提出的标准，恩格尔系数在59%以上为贫困，50-59%为温饱，40-50%为小康，30-40%为富裕，低于30%为最富裕。在我国运用这一标准进行国际和城乡对比时，要考虑到那些不可比因素，如消费品价格比价不同、居民生活习惯的差异、以及由社会经济制度不同所产生的特殊因素。对于这些横截面比较中的不可比问题，在分析和比较时应做相应的剔除。另外，在观察历史情况的变化时要注意，恩格尔系数反映的是一种长期的趋势，而不是逐年下降的绝对倾向。它是在熨平短期的波动中求得长期的趋势。</t>
  </si>
  <si>
    <t xml:space="preserve">卑微是什么意思?卑微的反义词是什么? </t>
  </si>
  <si>
    <t>意思是地位低下而渺小；反义词同上。</t>
  </si>
  <si>
    <t xml:space="preserve">五当黄金玉的问题请问五当黄金玉里天地高点好还是无我高或8挂高好啊 </t>
  </si>
  <si>
    <t>当然是天地重要了，23级天地是一个台阶，因为它已经是6次连续伤害，当然333是最好，如果没有条件的话还是最好选择天地3级的</t>
  </si>
  <si>
    <t xml:space="preserve">鸡蛋怎么吃有营养且不长肉？ </t>
  </si>
  <si>
    <t>煮白水蛋最好</t>
  </si>
  <si>
    <t xml:space="preserve">关于无法安装客户端的问题。。。。。我在官网上的官方BT下载上下载 </t>
  </si>
  <si>
    <t>你用鼠标中间的滑轮上下动几下就可以了</t>
  </si>
  <si>
    <t xml:space="preserve">你好，烟台到北京可不可以只买到济南的卧铺，济南到北京是硬座呢？ </t>
  </si>
  <si>
    <t>可以 不过是需要买两份的。 那你就购买晚上10点多那个K286吧卧铺133/138/142元第二天早上6点半到济南。然后购买K102    9点15分左右发车 下午3点45分左右到达 硬座72元在烟台火车站可以购买。 需要缴纳5元手续费 也可以到济南购买（可能没票）另外建议：在手机上安装一个8684火车的软件 可以随时查询火车的。（希望能帮到你，麻烦点击 “好评”，谢谢你^_^）</t>
  </si>
  <si>
    <t xml:space="preserve">民族精神小故事 </t>
  </si>
  <si>
    <t>小兵张嘎故事以1934年的白洋淀为背景，以嘎子梦想参加八路，梦想得到一支属于自己的真枪展开。奶奶为了保护八路老钟牺牲了，嘎子只身上县城找传说中的罗金保，打鬼子替奶奶报仇。在县城结识了集贤居少掌柜佟乐，嘎子仇没报，反而陷入鬼子追杀。在佟乐和一个神秘便衣的帮助下，脱离险境。便衣原来是罗金保，将嘎子带到区队秘密隐藏之地，钱队长收留了嘎子。嘎子从此以小八路自居，紧接着又和区队八路打了一场挑帘战，嘎子缴获一把真枪。眼看梦想全部实现，枪却被区队长收了。嘎子想不通，和打赌认识的小伙伴胖墩一起重返县城。嘎子要单独替奶奶报仇。由此同时，后方特派员刘燕肩负使命路经白洋淀被伏击。刘燕不知下落，鬼子派了石磊冒充特派员混入区队。鬼子的计谋被嘎子无意中发现，嘎子和佟乐、胖墩行动起来，误认为区队联络员纯刚是鬼子奸细。纯刚竟然被制伏，报信不成有口难辩。白洋淀鱼户女儿玉英，打鱼时救了刘燕。刘燕受伤难行，请玉英去城里寻找联络员。玉英在城里遇到了嘎子一伙。三方力量围绕着真假特派员斗智斗勇，特派员肩负的任务迫在眉睫，大批药品将在指定时间内经过白洋淀。鬼子方面，肥田和斋藤一武一文，试图在最短的时间内，通过奸细石磊了解真想，将区队八路和药品一网打尽。区队钱队长则逐渐识破石磊真面目，将计就计引鬼子出动。而真特派员刘燕却与孩子们在一起。 经过种种误会和巧合，以嘎子为首的孩子们，粉碎了敌人的阴谋，配合区队八路使药品顺利过境，一举歼灭肥田斋藤一伙日本鬼子。</t>
  </si>
  <si>
    <t xml:space="preserve">用友财务集中管理解决方案，重点介绍一下 </t>
  </si>
  <si>
    <t>其重点在于打破传统分散式财务管理模式，顺应集团企业集中财务管理趋势，在管理模式上支持在整个集团内实现集中监控、集中管理的转变，帮助集团提高运作效率，实现集团企业利益最大化。该集团财务管理解决方案囊括了财务会计和管理会计两大部分。围绕财务管理的前瞻性、有效性，用友首创动态会计、经营模拟两大平台，满足集团企业经营管理需要提高预见性的要求，协助集团企业的财务会计和管理会计与业务实现动态衔接；利用项目（作业）成本管理平台，满足集团企业对全成本和项目成本的管理需求。</t>
  </si>
  <si>
    <t>微瑕</t>
  </si>
  <si>
    <t>略见一斑</t>
  </si>
  <si>
    <t xml:space="preserve">练级中出新的问题,急!!!!朋友带我练级,可打怪时突然我的经验全 </t>
  </si>
  <si>
    <t>1、看一下自己的头顶上有没有有国战两个字，国战期间刷怪的经验都为一，国战过去就恢复到原来了。2、看一下开没开代练系统，开代练的经验也都为一。结束代练就好了。3、系统的数值错误问题，下线再上就好了。</t>
  </si>
  <si>
    <t xml:space="preserve">秦皇岛玉带湾是哪个设计院设计的 </t>
  </si>
  <si>
    <t>开发团队介绍:开发商/ Developer中冶置业有限责任公司为中国冶金科工股份公司的一级子公司，拥有“一级”房地产企业开发资质，是一家集房地产开发、物业管理、新区服务为一体，进行大规模、多层次、高水平运作的国有大型房地产开发企业。中冶置业作为中国冶金科工集团房地产板块的领军企业，相继完成了京津唐地区、华中、华南、东北、西南五大区域公司的组建，全国区域公司布局基本完成，实现了品牌统一与区域化经营相结合，并成功挺进海外房地产开发领域。公司通过开发首都地产之王北京西单“大悦城”大型综合商业地产项目、北京中关村收官之作“金和国际”项目、北京望京“悠乐汇”、北京三元桥“中国中冶”大厦、北京马甸“金澳国际”、北京金鱼池“前门前”、大连国贸中心、珠海前山村B区改造、南京莲花村两房项目、巴基斯坦拉合尔住宅区等多个项目的全盘运作，不但树立了良好的企业形象，还积累了丰厚的资历并获得业内外的高度评价。公司尊崇“敬业、忠诚、团结、进取”的企业精神，秉承一贯的品质原则，全力打造“中冶置业”品牌，向社会贡献更多优良房地产项目。</t>
  </si>
  <si>
    <t xml:space="preserve">关于任务，高级别职业进60级以后感觉没有任务做了，天天上线除了做 </t>
  </si>
  <si>
    <t>60级左右任务是少.70级的别墅任务就能得10W经验.后期每级任务都不多,因为升级要的经验值多,升级就慢,可以接令去59FB玩,做完级别任务就去59FB刷装备,</t>
  </si>
  <si>
    <t xml:space="preserve">要过英语4、6级，请问哪些参考资料对我有较大的帮助？本人大一新生 </t>
  </si>
  <si>
    <t>其实大一新生要考4、6级的话，我认为最需要注意的有以下几点：1、考试的形式，试卷的题型分配，以及考试的时间把握2、听力，大学以前的英语教学偏向于试卷形式的考题，而忽略了听力的锻炼3、单词量的差距，到大学以后单词量的提高很大的程度上影响你的英语学习考试差不多就这些了，总之一定要尽快的适应大学的英语考试形式，加紧英语方面的锻炼学习，在这里，我也预祝你能成功呀，加油！！！</t>
  </si>
  <si>
    <t xml:space="preserve">头部还在继续痛，怎么办！要不要去医院看看阿 </t>
  </si>
  <si>
    <t>去医院看看吧，头疼还是不能忽略的，建议去医院诊断下</t>
  </si>
  <si>
    <t xml:space="preserve">如何判断是否患疟疾疟原虫可寄生在红细胞内,使人患疟疾,要判断一个 </t>
  </si>
  <si>
    <t>如果在血样中能看到疟原虫，就能确定一定是患了疟疾因为疟原虫寄生在红细胞内，所以要想办法让疟原虫从红细胞里出来才能看到，最简单的办法就是用清水，让红细胞吸水而涨破。</t>
  </si>
  <si>
    <t xml:space="preserve">单位领导好爱算计人,怎么办呢?要怎样做,才会不常被放进算计的行列 </t>
  </si>
  <si>
    <t>他对别人也是一样的,你没法躲过的.你最好是只吃他的明亏而不吃他的暗亏,呵呵一笑别当一回事.明亏是借出去的债务,暗亏则是被盗一般是讨不回的债了.最终有一天他会算计到自己头上的.</t>
  </si>
  <si>
    <t xml:space="preserve">重庆号巡洋舰有什么遗物吗？我只知道舰名牌在北京军博，好像有门副炮 </t>
  </si>
  <si>
    <t>重庆号巡洋舰打捞经过： 1951年4月起，海军青岛基地工兵营和潜水员在苏联专家的指导下开始打捞“重庆号”巡洋舰，1952年春天打捞工作结束。“重庆号”巡洋舰打捞出海后，紧接着就要做舰内清理工作。当时参加清理的官兵们在舰上除了找到许多武器和弹药，还找到了一些银元。邓兆祥的舰长室也没有损坏，里面的一个小写字台和一把转椅都还完好。 舰内清理工作结束后“重庆号”被拉到大连港进行修理（当时大连港还是苏军租用的海军基地）。我国政府本意是将“重庆号”修好后命名为“黄河”号，重新编入海军部队服役。当时“重庆号”部分起义人员已经被重新组织起来，编为了“黄河”部队，准备在“重庆号”修好后返回军舰工作。但苏联专家视察打捞出海的“重庆号”巡洋舰后，认为把“重庆号”机器零件损坏严重，更换修好需要的代价达到4亿卢布，超过了重新购买一艘新的巡洋舰，因此“重庆号”已经没有修理价值，建议把“重庆号”拆解。苏联专家提出这个意见的动机当时虽然被认为可疑，但是我国军工还没具备自己独立将“重庆号”修复的能力。无奈之下，最后只好按苏联专家的意见把“重庆号”拆解。这艘二战时曾经作为过英国海军蒙巴顿将军旗舰转战大西洋、地中海的一代名舰“重庆号”巡洋舰，最终失去了重新驰骋在海疆之上的机会。如果当时“重庆号”被修复，无疑将取代吨位和火力都比其小很多的“长治”号（“南昌”号）成为解放军海军的旗舰。自1949年重庆号巡洋舰被炸沉后，中国海军半个多世纪都未再次拥有新的巡洋舰。 “重庆号”最后命运如下；舰上的火炮、仪器、雷达等一部分做为清华大学和哈尔滨工程学院的教具，一部分交给苏联作为打捞费用，汽轮主机给了发电厂，剩下的空船壳于1959年11月拖到上海交给上海打捞局做为水上仓库，命名“黃河”；1964年又拨给天津渤海石油公司做为海上钻油平台的宿舍船并改名为“北京”。1974年，已经是英国海军元帅的蒙巴顿访华，此时他当年座下的旗舰的船壳正以宿舍船的形式停泊在渤海之上。 “重庆号”的空船壳直到1990年代初期才被彻底解体。解体后的空船壳最终在炼钢炉里化作了钢水。“重庆号”巡洋舰的“重庆”二字舰牌在舰体拆卸后在青岛军用五号码头仓库中一直存放到1982年7月后，被捐赠给了中国军事博物馆，定为国家一级文物，成为后人凭吊这艘一代名舰的最后纪念。</t>
  </si>
  <si>
    <t xml:space="preserve">电脑为什么会产生病毒 </t>
  </si>
  <si>
    <t xml:space="preserve">什么是计算机病毒？ 计算机病毒是一种小程序, 能够自我复制, 会将自己的病毒码依附在的其他程序上，通过其他程序的执行，伺机传播病毒程序，有一定潜伏期，一旦条件成熟，进行各种破坏活动，影响计算机使用。就像生物病毒一样，计算机病毒有独特的复制能力。计算机病毒可以很快地蔓延，又常常难以根除。它们能把自身附着在各种类型的文件上。当文件被复制或从一个用户传送到另一个用户时，它们就随同文件一起蔓延开来。 除复制能力外，某些计算机病毒还有其它一些共同特性：一个被污染的程序能够传送病毒载体。当你看到病毒载体似乎仅仅表现在文字和图象上时，它们可能也已毁坏了文件、再格式化了你的驱动或引发了其它类型的灾害。若是病毒并不寄生于一个污染程序，它仍然能通过占据存贮空间给你带来麻烦，并降低你的计算机的全部性能。 可以从不同角度给出计算机病毒的定义。一种定义是通过磁盘、磁带和网络等作为媒介传播扩散,能“传染” 其他程序的程序。另一种是能够实现自身复制且借助一定的载体存在的具有潜伏性、传染性和破坏性的程序。还有的定义是一种人为制造的程序,它通过不同的途径潜伏或寄生在存储媒体（如磁盘、内存）或程序里。当某种条件或时机成熟时,它会自生复制并传播,使计算机的资源受到不同程序的破坏等等。这些说法在某种意义上借用了生物学病毒的概念,计算机病毒同生物病毒所相似之处是能够侵入计算机系统和网络,危害正常工作的“病原体”。它能够对计算机系统进行各种破坏,同时能够自我复制, 具有传染性。 所以, 计算机病毒就是能够通过某种途径潜伏在计算机存储介质（或程序）里, 当达到某种条件时即被激活的具有对计算机资源进行破坏作用的一组程序或指令集合。 计算机病毒的产生 病毒是人为的特制程序 现在流行的病毒是由人为故意编写的，多数病毒可以找到作者信息和产地信息，通过大量的资料分析统计来看，病毒作者主要情况和目的是：一些天才的程序员为了表现自己和证明自己的能力，处于对上司的不满，为了好奇，为了报复，为了祝贺和求爱，为了得到控制口令，为了软件拿不到报酬预留的陷阱等。当然也有因政治，军事，宗教，民族。专利等方面的需求而专门编写的，其中也包括一些病毒研究机构和黑客的测试病毒。参考资料： </t>
  </si>
  <si>
    <t xml:space="preserve">非典时期曾在中央电视台看过一个大陆香港巨星共同演绎的MTV，请问? </t>
  </si>
  <si>
    <t>兄弟姐妹</t>
  </si>
  <si>
    <t xml:space="preserve">驴头下载器的网址是什么我重装系统了,记不起来网址了,谁可以告诉我 </t>
  </si>
  <si>
    <t>你去 看一下吧,叫emule</t>
  </si>
  <si>
    <t xml:space="preserve">请问方老师：我老师记不住单词干怎么办？我今年刚上初中，开学前上过 </t>
  </si>
  <si>
    <t>我不得不承认词汇的积累是一个漫长而艰苦的过程，但这并不意味它并没有捷径可谈。 首先，你可以准备一个小巧的笔记本，将每天遇到的生词和新的词汇记在上面，利用下课或在食堂排队等候的空闲时间及时的翻阅复习。这样可以大大节省你复习的时间和生词的遗忘率。（这里需要强调指出的是并不是每个单词你都需要掌握它的拼写，有些单词只要会读，看到它时能马上回想起它的意思就可以了） 其次，大多数单词可以运用它的读音法回想起它的拼写，建议你也可以尝试着使用联想法记忆（个人觉得比较实用）。比如说candidate是候选人的意思，那么我们该如何记忆呢?我们可以将这个单词分解为：can,did,ate.于是我们便可以顺利成章的记忆为“一个候选人能干而且能吃”，这样是不是很容易记住呢？而且运用联想法记忆能训练我们的想象能力，和乐而不为呢？ 词汇量的不断提高会使你的英语水平不断进入新的层次，所以关键还是需要每天坚持。 希望我的方法对你有所帮助。</t>
  </si>
  <si>
    <t xml:space="preserve">大家认为盾中什么盾最好？ </t>
  </si>
  <si>
    <t>我觉得虽然神盾是现在的主流盾宠，精神成长好，但它的火风属性也是一个弊端，相比之下，强盾的属性就好多了，水火的属性够它驰骋魔力了，而且它的精神成长也不错，具体你想要的是什么，全看你自己的了</t>
  </si>
  <si>
    <t xml:space="preserve">刚109级的天音做任务内详特意练的专门加防号小TY..刚刚109 </t>
  </si>
  <si>
    <t>黑水玄蛇边上好象有玄蛇护卫很难搞</t>
  </si>
  <si>
    <t xml:space="preserve">双侧侧脑室三角脉络丛钙化是咋回事？ </t>
  </si>
  <si>
    <t>应该是缺钙</t>
  </si>
  <si>
    <t xml:space="preserve">我买的诛仙书里面送的礼品装备号在哪填啊 </t>
  </si>
  <si>
    <t>你好新注册账号输入此诛仙VIP账号激活码,当您的角色到一定级别后,可获得一定的奖励. 诛仙VIP账号注册及激活流程: 1.请登陆"完美时空通行证"注册页面 2.点击网页左侧的"立即注册"按钮 3.进入账号注册页面,填写个人账号注册信息 4.填写完个人注册信息后,点击选中游戏,如:"诛仙选填内容" 5.填写选填内容,输入诛仙VIP账号激活码 6.仔细阅读并接受完美通行证用户协议,点击同意,即注册完 进游戏后到等级可领取</t>
  </si>
  <si>
    <t xml:space="preserve">信用证与作为其依据的购销合同相互独立吗 </t>
  </si>
  <si>
    <t xml:space="preserve">信用证与作为其依据的购销合同相互独立,各经办行处理信用证业务,不受购销合同的约束。 </t>
  </si>
  <si>
    <t xml:space="preserve">LR专业问题我现在是拨皮和采矿我在服务器是PVE服请问我该怎样选 </t>
  </si>
  <si>
    <t>拨皮你可以留着  对LR来说 拨皮是个很好的专业 和楼上一样  建议你搞个制皮   如果你采矿满的话就不用洗掉了  你可以另建个号搞植皮 还是很赚G的</t>
  </si>
  <si>
    <t xml:space="preserve">39F新手求购刺猬装一套，有的M冰枫蓝心 </t>
  </si>
  <si>
    <t>刺猬买起来很容易滴,不是很难买滴装备啊,去城里叫叫就是了啊,在这里一般很少人理</t>
  </si>
  <si>
    <t xml:space="preserve">请问高人：两次世界大战一共死了多少人？越精确越好 </t>
  </si>
  <si>
    <t>第一次世界大战：第一次世界大战先后卷入33国15亿人口。行动涉及的领土达400万平方公里，战线长度有2 500～4 000公里。1914年，英、法、俄三国（含殖民地）总人口7．045亿，动员完毕时陆军兵力达977．7万人；德奥两国（含德国殖民地）总人口为1．3亿人，动员完毕时陆军兵力为634万人。战争期间，协约国总计动员军队4 218万余人，损失2 210万余人，其中死亡515万余人；同盟国总计动员军队2 285万人，损失1 540万余人，其中死亡338万余人。交战双方直接战费约为1 863亿余美元。以万人计死亡：846.5负伤：2008。8失踪或被俘：775。2第二次世界大战：第二次世界大战共有5 700多万人死亡。其中：前苏联：死亡2 060万人，是死亡人数最多的国家。被纳粹军队俘虏的前苏联士兵575万人中有330万人死于战俘营。波兰：死亡600万人，是受纳粹摧残最严重的国家之一，仅奥斯威辛等三个集中营被杀害的就有290万犹太人。德国：死亡730万人，其中有士兵370万人。法国：死亡81万人；南斯拉夫：死亡170万人；美国：死亡38万人；匈牙利：死亡42万人；意大利：死亡33万人，罗马尼亚：死亡37万人；荷兰：死亡21万人；希腊：死亡16万人；芬兰：死亡8．4万人；保加利亚：死亡2万人；挪威：死亡1万人。此外，欧洲各国被希特勒分子杀害的犹太人和其他人种有500万～600万人；吉卜赛人被杀害50万人。在亚洲战场，中国：死亡1 200万人；日本：死亡180万人。</t>
  </si>
  <si>
    <t xml:space="preserve">猜守株待兔字一 </t>
  </si>
  <si>
    <t>守株待兔－－柳</t>
  </si>
  <si>
    <t xml:space="preserve">左侧精索静脉曲张在网上看了些资料应该是轻度的，不想手术请问怎么治? </t>
  </si>
  <si>
    <t>你好，是否做过检查？检查过精液常规？</t>
  </si>
  <si>
    <t xml:space="preserve">个人帐户一次性打入超过五万元，是否交个人所得税？ </t>
  </si>
  <si>
    <t>个人帐户一次性打入超过五万元，是否交税，要看来源：收入？借款？礼金？其他？</t>
  </si>
  <si>
    <t xml:space="preserve">现在有口服的乙肝免疫球蛋白吗？口服的乙肝球蛋白对乙肝患者有疗效吗 </t>
  </si>
  <si>
    <t>只有注射的,口服应该无效</t>
  </si>
  <si>
    <t xml:space="preserve">有没有可以玩象棋残局的软件?我很喜欢象棋残局,越是难越有意思.. </t>
  </si>
  <si>
    <t>有的,很多网站都有下,比方说天空软件,还有棋友等等.你直接用百度搜索也可以搜索到一些的.我下过一些,感觉网上的都不是特别难.</t>
  </si>
  <si>
    <t xml:space="preserve">哪位热心肠的好人可以教我怎么做人？以前我非常幸福，温暖，可现在没 </t>
  </si>
  <si>
    <t>这个问题问的好深啊，我说些形式上的吧。做自己自尊，自爱，自信，自强！做事有目的，有感觉，有原则，有手段！做朋友守诚，守信，守财，守义！对家人要关心，要体谅，要容忍，要责任！社交内正直，外圆滑，善利用，忌树敌。看着不多，但是真正做起来没几年时间打磨，是做不好的。往深里说，我没有发言权。我只能说自己的感悟，自己什么样就是什么样，人就是会思考的动物而已，能在社会中生存下去并让自己的基因延续，比任何事情都要有意义的多。</t>
  </si>
  <si>
    <t xml:space="preserve">我宝宝断奶已经七天了，我的乳房为什么还是胀呢? </t>
  </si>
  <si>
    <t>人奶可以给带来免疫力，多种维生素和营养。很多宝宝一旦断奶后会容易生病，因为暂时缺小人奶的免疫力，又未能从辅食中摄取应有的营养，所以会易生病。 那么断奶前最好选择在秋季（天气没有太热的时候也可以），夏季宝宝的食欲会差，加上没有人奶吃，更难谈得上身体会摄入足够的营养了。 一定要选择宝宝没有感冒、发热的时候。精神的时候，宝宝断奶会比较易适应。 断奶时，最好要准备奶粉，晚上如果真的要喝人奶就给他喝奶粉，真的不喝奶粉，必要时开水也要顶上，但一定要坚持不能给人奶喝呵，不能因为宝宝哭闹心软又再给人奶喝，要不然就前功尽废。 真的哭着要喝人奶，白天就分散宝宝的注意力，在习惯吃奶的时间多陪她玩，喂一些辅食，那么最好能有家人抱开，一旦抱开 ，宝宝闻不到妈妈的奶味就不会太想喝人奶了。只要习惯一两天改变了他第天吃人奶的惯性时间，宝宝就会忘记吃人奶的惯性时间，多坚持几天，人奶就很快断掉。 最基本的是在断奶前宝宝一定要已添加辅食了，这样才能补充断人奶后的营养缺失，续步来添加辅食，以辅食为主，反正甜酸苦辣的味道都要让宝宝尝试过，让宝宝知道原来吃的东西还是有很多味道的，不是单纯人奶的甜味，这样宝宝慢慢适应，就会容易断奶。 断奶时多吃山楂、麦芽、猪肝、豆豉这些食物会阻碍奶的排出。更好地帮助断奶。 记住，就算乳房有多涨也不能挤奶，因为奶是越挤越长有。</t>
  </si>
  <si>
    <t xml:space="preserve">有没有关于学校生活的美剧？具体的名字。 </t>
  </si>
  <si>
    <t>欢乐合唱团、成长的烦恼 新版的、felicity（据说是经典，不过有点老）</t>
  </si>
  <si>
    <t xml:space="preserve">5.11月经，21排卵，感觉例假要来了，大哭。。。。。。。。心承 </t>
  </si>
  <si>
    <t>不要这样呀,心态放好,顺其自然或许会好孕的.再说了你只是感觉快要来月经了,又还没来.这么悲观干什么?会好孕的,我们这里的姐妹都会好孕的.我才惨呢,这个月老公还不在,连机会都没有.又要等一个月了,可怜呀!</t>
  </si>
  <si>
    <t xml:space="preserve">台式机的鼠标无法使用鼠标的灯一直亮着，开机有光标显示，但鼠标无法 </t>
  </si>
  <si>
    <t>原来的鼠标如果不是USB接口的最容易出问题了，还是换吧（接口或驱动的问题）。</t>
  </si>
  <si>
    <t xml:space="preserve">初恋什么感觉?初恋和早恋的感觉应该不是一样的吧?很想知道初恋是什 </t>
  </si>
  <si>
    <t>一双动人的眼睛!一个难忘的女孩子!一段神智不清的日子!一个回忆中发呆的小孩子!</t>
  </si>
  <si>
    <t xml:space="preserve">什麽叫电镀钝化？是和平是所说的镀锌是一回事吗？ </t>
  </si>
  <si>
    <t>镀锌后再钝化，镀锌以后被度件呈银白色，钝化后呈淡五彩色，物件美观。</t>
  </si>
  <si>
    <t xml:space="preserve">由于是第一次接触这个游戏就选择了暗弓现在练到51级现在的暗的确很? </t>
  </si>
  <si>
    <t>暗弓还是比较有前途,其实游戏里没有什么职业不好的，完全看玩家的,所以每个职业基本都会有那么一两个出挑的人.暗弓到55学了燃烧箭以后实力提升比较明显,之后到了65学了4转技能后也是不错的,65技能都是群毒的,配合好潜行这个技能的杀伤力是不用质疑的.楼主先好好搞技能施展速度首饰吧,首先想办法潜行可以连放,这样安全基本有保障了,之后开始尽量提高自己的技能伤害,当你有一天发现你的终极暗影箭攻击到五位数了,你会发觉原来自己还是很有前途的.OVER~~~</t>
  </si>
  <si>
    <t xml:space="preserve">磐正超磐手AF720T能上AMD938cpu吗？ </t>
  </si>
  <si>
    <t>不能上。只能支持am2接口的。</t>
  </si>
  <si>
    <t xml:space="preserve">在文章段落前怎么空格 </t>
  </si>
  <si>
    <t>空格的话一般是四个空格的位置相当于一个汉字位置。开头要空2个汉字的话就是按8下空格键。</t>
  </si>
  <si>
    <t>HIS</t>
  </si>
  <si>
    <t>你好：——★烟雾传感器的烟敏接收头，需要加电压才可以工作的。当加压预热后仍没有反应，说明烟雾传感器接收头已经老化、失效了。</t>
  </si>
  <si>
    <t xml:space="preserve">请问000830后市如何?谢谢 </t>
  </si>
  <si>
    <t>大势企稳，会有反弹，莫慌</t>
  </si>
  <si>
    <t xml:space="preserve">什么是宇代分界，什么是宙代分界？ </t>
  </si>
  <si>
    <t xml:space="preserve">    以演化的自然阶段性为依据，配合同位素地质年龄的测定，对漫长的地质历史进行系统性的编年与划分，编制出的在全球范围内能普遍参照对比的年代表即地质年代表。    地质年代单位的划分是以生物界及无机界的演化阶段为依据的，这种阶段的延续时间常常在百万年、千万年甚至数亿年以上，并且常常是大的阶段中又套着小的阶段，小的阶段中又包含着更小的阶段。根据这种阶段的级次关系，地质年代表中划分出了相应的不同级别的地质年代单位，其中最主要的有宙、代、纪、世四级年代单位。    “宙”是最大一级的地质年代单位，它往往反映了全球性的无机界与生物界的重大演化阶段，整个地质历史从老到新被分为冥古宙、太古宙、元古宙和显生宙4个宙，每个宙的演化时间均在5亿年以上。    “代”是仅次于“宙”的地质年代单位，往往反映了全球性的无机界与生物界的明显演化阶段。每个代的演化时间均在5000万年以上。    “纪”是次于“代”的地质年代单位，它往往反映了全球性的生物界的明显变化及区域性的无机界演化阶段。每个纪的演化时间在200 万年以上。     “世”是次于“纪”的地质年代单位，它往往反映了生物界中“科”、“属”的一定变化。每个纪一般分为早、中、晚3个世或早、晚2个世。    在古近纪（第三纪）与新近纪（第四纪）中，世的名称比较特殊。年代地层单位:在各级地质年代单位的时间内所形成的地层。    地质年代单位相对应的年代地层单位为：宇、界、系、统.    地质年代单位   年代地层单位    宙…………………宇        代…………………界            纪…………………系                世…………………统    地方性地层单位:         群—             组—                 段—</t>
  </si>
  <si>
    <t xml:space="preserve">大家都给宝宝吃什么奶粉呀？我家宝宝八个月了，一直吃雅培奶粉。听说 </t>
  </si>
  <si>
    <t>你的宝宝都8个月了牛奶的量在减少，雅培、美赞臣、惠氏都已是现在国内婴儿奶粉的最高档，营养上是没有问题的，奶粉就不用换了，吃了8个月，换了还不知到适不适应，从3个月以后就要给你的宝宝添加辅食，营养米粉、水果、鸡蛋、稀饭、面条等，水果以苹果为主用小勺刮成茸状一次喂半个，一天二次，苹果对改善大便干燥有一定的作用，喂金银花露是改善最结火最有效的方法，在白开水中兑以适量的金银花露，金银花露有一点点甜味小孩子比较爱喝，兑在牛奶中也可以，宝宝排便困难的时后大人用手在肛门边在辅助一下，避免肛门出血，是你的宝宝不要嫌脏！应该听过婴儿素这种宝宝万能药吧，定时的喂一点，可以帮你改决很多宝宝的常见不良反应，祝你的宝宝健康！</t>
  </si>
  <si>
    <t xml:space="preserve">偶问一下你是哪国人飞回2000年前，偶是燕国人，你们呐~~ </t>
  </si>
  <si>
    <t>还是脚踏实地吧。。。。。。。你这么胖，还能飞吗？坐飞机都买两张票~~- -~~~肉肉。</t>
  </si>
  <si>
    <t xml:space="preserve">有悬赏快来回答3头牛在两星期内吃完2亩地上所有的草.而2头牛在4 </t>
  </si>
  <si>
    <t>设一头牛一个星期吃草为X，一亩草一个星期生长出为Y，每亩草原始值为1列出方程了3*2X=2+2*2Y （解释一下，左边为3头牛2个星期吃的草，右边为原始两亩草加上两个星期两亩长出的草）同理列出另一个方程2*4X=2+2*4Y这样得到两个方程：6X=2+4Y 和8X=2+8Y 解得X=1/2 Y=1/4根据问题设牛数为n列方程 n*6X=6+6*6Y 代入X、Y值，得到3n=6+9 所以n=5 最后答案为5头牛</t>
  </si>
  <si>
    <t xml:space="preserve">一般行政机关可以对哪些决定进行强制执行？扣押可以吗？ </t>
  </si>
  <si>
    <t>中华人民共和国行政强制法草案有如下规定，第四十二条 (代履行)行政机关依法作出排除障碍、强制拆除、恢复原状等决定后，当事人逾期不履行的，行政机关可以委托第三人代为履行。 第四十三条 (执行罚)行政机关依法作出金钱给付义务的决定后，当事人逾期不履行的，行政机关可以按日加收滞纳金。 第四十四条 (直接强制形式)依照本法第四十三条规定的行政强制执行措施实施三十日，当事人仍不履行，不能达到执行目的，或者无法采取第四十三条规定的行政强制执行措施的，可以对不履行行政决定的当事人实施划拨存款、拍卖查封;扣押财产等行政强制执行措施。 依照法律规定有行政强制执行权的行政机关可以实施前款规定的执行措施;没有行政强制执行权的行政机关应当申请人民法院实施前款的执行措施。 根据以上规定，扣押只有法律规定的有行政强制执行权的行政机关行使，一般的行政机关只有申请人民法院强制执行。</t>
  </si>
  <si>
    <t xml:space="preserve">这两天为什么这么卡还容易掉线 </t>
  </si>
  <si>
    <t>完美的服务器出现问题了，我估计是被人攻击了，这几天老是无缘无故出现数据丢失然后好多玩家被无辜封号了。</t>
  </si>
  <si>
    <t xml:space="preserve">我的电脑屏幕中间有一条线，怎么会这样，怎样解决 </t>
  </si>
  <si>
    <t>如果是液晶的话，可能屏幕出问题了，不过也可能是显卡的问题，打开机箱，看显卡插槽是不是很多尘土，清理干净就没有线了，如果是屏幕的问题，那是没法修的，凑合着用吧，不然就买新的</t>
  </si>
  <si>
    <t xml:space="preserve">“对象”和“对相”的区别 </t>
  </si>
  <si>
    <t>生活中差别不大。语文上来讲：对象，有相亲之意，也是恋爱对方的互相称谓。对相，两字皆为动词解，与上相同。对相，后一字，即相作名词解时，此词有查对相貌之解。个人浅见。</t>
  </si>
  <si>
    <t xml:space="preserve">日TM，交了钱不给我激活码云网是骗子，交了钱不给激活码，大家小心 </t>
  </si>
  <si>
    <t>你可以联系云网的在线客服,我在那买过QQ号,可以投诉的6个小时内就解决了祝你好运</t>
  </si>
  <si>
    <t xml:space="preserve">这个司机忒缺德了今天下班很晚，只能去赶末班车，想不到这个司机竟然 </t>
  </si>
  <si>
    <t>哪座城市都不排除个别行为的存在。有些司机素质不高，脾气不好，一有点不顺心的就把乘客当出气筒；车厢卫生不够好，经常有人吐痰之类的；比较死板，乘客跑来，已经关门就死都不开，一溜烟开走；安全意识不够，一辆车经常挤得不行，有的司机甚至开快车，不顾乘客安全。一个比较发达的公交系统对一个城市真的很重要啊。</t>
  </si>
  <si>
    <t xml:space="preserve">益民红利成长混合型证券投资基金增加基金经理为加强基金投资管理的力 </t>
  </si>
  <si>
    <t>益民红利成长曾经辉煌一时，潮起潮落，如今雄风不在。哎！</t>
  </si>
  <si>
    <t xml:space="preserve">请教:什么情况下,单位不得擅自解除劳动合同?解除合同程序? </t>
  </si>
  <si>
    <t>一、以下五种情况下,单位不得擅自解除劳动合同一是患职业病或者因工负伤并被确认丧失或者部分丧失劳动能力的；二是患病或者负伤，在规定的医疗期内的；三是女职工在孕期、产期、哺乳期的；四是正在担任平等协商代表的；五是法律、行政法规规定的其他情形。二、解除合同程序用人单位解除劳动合同，应当事先通知工会。工会认为不适当的，有权提出意见。用人单位违反法律、行政法规规定或者劳动合同约定的，工会有权要求用人单位纠正。用人单位应当研究工会的意见，并将处理结果书面通知工会。劳动者申请劳动仲裁或者提起诉讼的，工会应当给予支持和帮助。</t>
  </si>
  <si>
    <t xml:space="preserve">关于索子头点DF的问题我用索子头点DF，点了6个都是+4点+5的 </t>
  </si>
  <si>
    <t>没点头，D的装备用的时间太短了，浪费。</t>
  </si>
  <si>
    <t xml:space="preserve">诛仙高手请进啊~~~~寻宝任务的龙虎天是图所需的物品龙骧石虎抱石 </t>
  </si>
  <si>
    <t>在任务管理员那里会接到寻宝任务，完成寻宝任务后可以获得16种中的其中一种，每个门派４种，一共１６种</t>
  </si>
  <si>
    <t xml:space="preserve">电视剧＜楚汉传奇＞52或53集中接吕夫人的男的点火火化一人，那被? </t>
  </si>
  <si>
    <t>是跟在他们身边的丫鬟，也是夏侯敦的媳妇</t>
  </si>
  <si>
    <t xml:space="preserve">急急！求数列和！！求1+1／2+1／3+……+1／n的和 </t>
  </si>
  <si>
    <t>今后就知道,这个数列是发散的,没有求和公式.不仅它如此,事实上,前n个正整数的负整数次幂之和,都没有求和公式.这一点,今后在高等数学中会研究的.</t>
  </si>
  <si>
    <t xml:space="preserve">市场管理与服务的关系 </t>
  </si>
  <si>
    <t xml:space="preserve">“......客户关系管理（CRM）是一种以客户为中心的企业商务战略，目的是使企业了解客户并为之提供个性化服务。强化使客户满意的行为并连接客户和供应商之间的过程，从而优化企业的可盈利性，提高利润并改善客户的满意程度。......”可以给你推荐本书： &lt;&lt;客户满意度和忠诚度测评手册&gt;&gt;（原书第2版）       －－《Handbook of Customer Satisfaction and Loyalty Measurement》作者: （英）奈杰尔.希尔;吉姆.亚历山大     译者:廉奇志 唐晓辉 市场价: ￥32.00 ，里面很详细地介绍了。 </t>
  </si>
  <si>
    <t xml:space="preserve">郑州治疗扁平疣比较好的医院是哪个 </t>
  </si>
  <si>
    <t>扁平疣是因为感染到人类乳突状病毒所造成的，一般为针头到米粒般的大小，外形略呈圆形、椭圆形或不规则状，稍为突起而形成平顶状的颗粒，颜色为浅褐色、粉紅色或正常肤色。由于传染力强，常常密集成群或分散多处产生，尤其在搔抓之后，会沿着抓痕呈条状分布，常好发于脸部，特别是额头以及四肢，一般并没有自觉症状。你好，疣是病毒感染引起的，具有传染性。情况严重的话建议及时去医院诊断治疗。祝你早日康复。治疗扁平疣方法很多，可以进行冷冻，激光，电离子，手术等方法。平时注意尽量保持患处清洁干燥。尽量避免摩擦。</t>
  </si>
  <si>
    <t xml:space="preserve">我一直在网上等雪鑫老师对我问题的回答 </t>
  </si>
  <si>
    <t>大家的问题我会逐一给大家回答,但是每周三要到电台作节目,到家里要12点了,所以回答大家问题可能有些晚了,请大家原谅</t>
  </si>
  <si>
    <t xml:space="preserve">中国最热门的十大行业是哪些?具体的性质是怎样的? </t>
  </si>
  <si>
    <t xml:space="preserve">世界20种职业未来发展趋势展望  1. 法庭会计师：  经济犯罪情况增多  条件：兼具和会计学方面的专业学习，并取得相应学科或专业的学位  2. 广告业（传媒策划者）  具备现代艺术、心理学、广告学、传播学或相应专业的学位，并在这些专业领域具有某一方面的特长  3．文化艺术与娱乐  影视制作：具有计算机专业的学位和影视制作方面的专业训练，从助理制片开始逐步发展  娱乐：具备表演方面的专业训练  4．咨询业  具有贸易学、会计学、心理学、社会学、金融和管理等方面的本科或硕士以上的学位，并具有一定的实践经验  5．教育  具有心理学、教育学方面的训练，以及学科知识的训练和特殊教育技能方面的训练，具备大学以上的学历  6．化学工程  具有化学工程的学位，或者与华国过程有关的专业（如生物技术和生物工程、分子生物学等）  7．交叉学科的专家  具备所从事专业的学科知识和专业训练，同时掌握相关学科的专业知识和发展动态，最好是经过不同专业学习或训练的专业技术人员  8．医学  有医学、生物技术、生物工程方面的学位  9．市场营销  一般需要获得工商、管理、市场营销、经济贸易等方面的学位，并具有一定的管理和营销经验  10．生物制药（医药开发）  11．计算机技术  12．通讯  需要具备商业、通讯、经营管理等专业的了学位，有管理、销售或技术开发经验或背景 均可应聘  13．电子工程技术  14．金融（商业系统分析员）  从事金融网络建设、管理和技术维护的工作  熟练掌握金融学和计算机系统的专业知识，获得相应专业学位，了解必要的计划管理、财务、会计学方面的知识是有帮助的  15．公共事业  包括：清洁业、物业管理、公共卫生与健康保健、社区服务、社会保障体系、社会福利体系的建立等  具备公共事业、管理学、社会工作等方面的学历或专业培训，具有相关的工作经验  16．社区医疗服务  获得医学、健康和信息管理等方面的穴位，具有政府部门认证的资格证书和营业执照  17．社会工作  18．信息与网络技术  具有计算机、通讯、电子学、信息科学等方面的学位，或者获得国际上通用的技术认证，如微软认证，Novell的技术培训等等  19．法律  20．执法（犯罪分析家）   我国发展势头最好的考证  1．项目管理师  2．人力资源管理师  3．电子商务师  4．心理咨询师  5．调酒师  6．DJ(调音师)  中国最有发展前景的行业职业  十大最旺行业  1．IT业  2．建筑、房地产行业  3．金融行业  4．汽车制造业  5．电信业  6．老年医疗保健品业  7．妇女儿童用品业  8．旅游休闲及相关产业  9．装潢业  10． 餐饮娱乐服务业  六大科技发展潜力领域  1．生物技术  2．以信息技术为主导的高技术：计算机和互联网技术、人工智能技术等  3．新材料科学领域  4．新能源及相应技术开发领域  5．空间技术  6．海洋技术与海洋资源开发  未来十年主要职业  1．会计类职业  2．计算机技术类  3．计算机软件开发类  4．环境保护类  5．中医和健康医学类  6．咨询服务类  7．保险类  8．法律类  9．老年医学类  10． 家庭护理和服务类  11． 专业公关类  12． 市场营销类  13． 生物化学和生物技术类  14． 心理学类  15． 旅游类  16． 人力资源类  最有"钱"景的"三师"  管理咨询工程师  注册建筑师  涉外咨询师  什么职业最紧缺  1．物业经理  2．物流经理  3．心理干预师  4．旅游营销人员  5．网络教师  6．ERP实施顾问   </t>
  </si>
  <si>
    <t>请问怎样增长阴茎（疲软状态下）我的GG软的时候才3</t>
  </si>
  <si>
    <t>你这已经是正常的啦,没有必要再去增长。</t>
  </si>
  <si>
    <t xml:space="preserve">关于柯南剧场版7迷宫的十字路口京都是日本的哪里呢？离大阪很近吗？ </t>
  </si>
  <si>
    <t>NO.1京都 京都府位于日本主要岛屿——本洲岛的中西部，东邻三重县和滋贺县，西邻兵库县，南邻大阪府和奈良县，东北邻福井县。尽管周围有众多府县，京都府的北界构成日本海海岸线。京都府拥有人口260万，面积为4613平方公里，从近畿地区的核心地带向北延伸的日本海。京都府的北海岸线，多是悬崖峭壁，称为丹后地区。京都府的中部由丹波高原等山地和小盆地形成，被称为丹波地区。向南，由桂河、宇治河、木津河汇合冲积而形成的扇形盆地，称为山城地区。京都市气候宜人、风景秀丽、全年平均气温14oc—15o京都古称“平安京”。公元794年，桓武天皇于京都建都。从此，京都开始作为日本政治、、经济的中心。显示出其文化繁荣和经济强盛。由于历史上横跨了7个朝代，京都繁荣并发展了其建筑、艺术、传统工业以及正规的祭奠。基于此历史背景，蕴涵在古城京都的能量，通过与日本其它地区联系的通道，作为一种文化动力，把日本人民充满活力的文化激发出来。其有力标志是：百分之二十的日本国宝和重要文化财产都可在京都找到。公元1868年，明治维新降下了京都作为日本首都1000年的历史帷幕，但这并没有影响京都的重要性，京都悠久的历史所创造和孕育出的文化仍然传到了今天。日本人民思慕古京都，这种深深的感情召唤出另一种感情：京都是日本人民精神上的故土，返回故土！返回日本文化的发源地。 京都拥有天赋美丽风光和丰富的人文景观。每年访问京都的观光者有5600万人次，其中有52万为海外观光者。客人们可尽情领略日本的风土人情和各种类型的食宿；大小旅馆、庙宿、宾馆等，其中，较大的旅馆均有用精通英语和法语等外国语言的工作人员，使海外游客尽兴尽致。　　京都工业主要以纺织工业为主，是全国最大的纺织工业中心和纺织品集散地。著名的轻纺产品“西阵织”和“京友禅”，均是高档名贵和服衣料。其次有食品加工业以及电机制造业、制药业等。京都的染色品、京漆器、京扇、京佛县、陶器、木偶等传统工业品很有名。化工和精密仪器等新兴工业也有发展。京都在日本享有“学都”美称，有20多所高等院校。其中京都大学闻名国内外，日本的诺贝尔奖得主大都毕业于该校。　　京都还有“千年古都”之称，是日本宗教和文化中心，保存有全国最丰富的历史文化遗产，被国家指定为重要文物的建筑物多达199处，列为“国宝”的建筑38处，因而被誉为日本的“文化摇篮”，是日本文化的象征。京都乃是依照中国唐代都城长安建成，地地道道的中国气派。   NO.2那首歌的确有~叫《丸竹夷》讲的是京都的 地名，据说京都人都是用这首童谣记地名的。 丸 竹 夷 二 押 御池 丸 竹 夷 二 押 御池 （まる たけ えびす に おし おいけ） ?? 三 六角 蛸 锦 姐 三 六角 蛸 锦 （あね さん ろっかく たこ にしき） 四 绫 ?? 高 松 万 五条 四 绫 佛 高 松 万 五条 （し あや ぶっ たか まつ まん ごじょう） 雪駄 ちゃらちゃら 鱼の棚 行囊 钱 声 鱼之棚 （せった ちゃらちゃら うおのたな） 六条 七条 とおりすぎ 通过了六条七条 （ろくじょう ひっちょう とおりすぎ） 八条こえれば 东寺道 过了八条就是东寺路 （はちじょうこえれば とうじみち） 九条大路で とどめさす 九条大路连成片 （くじょうおおじで とどめさす） 在片子里“夷”这个字读成“えびす”，但是在生活中一般是读成“えべす”。 上述的歌词是新歌词，我们平常习惯的歌词是 丸 竹 夷 二 押 御池 丸竹夷二押御池 （まる たけ えべす に おし おいけ） ?? 三 六角 蛸 锦 姐三六角蛸锦 （あね さん ろっかく たこ にしき） 四 绫 ?? 高 松 万 五条 四绫佛高松万五条 （し あや ぶっ たか まつ まん ごじょう） 雪駄 ちゃらちゃら 鱼の棚 行囊钱声鱼之棚 （せった ちゃらちゃら うおのたな） 六条 三哲 とおりすぎ 通过了六条三哲 （ろくじょう さんてつ とおりすぎ） 七条こえれば 八九条 过了七条就是八九条 （ひちじょうこえれば はちくじょう） 十条 东寺で とどめさす 直到十条东寺为止 （じゅうじょうとうじで とどめさす） 用地名解释起来就是： 丸太町、竹屋町、夷川、二条、押小路、御池 姐小路、三条、六角、蛸药师、锦小路 四条、绫小路、佛光寺、高辻、松原、万寿寺、五条 雪肽屋町（现在的杨梅）、键屋町、鱼之棚 六条 七条、八条、九条 十条 这首老的童谣的地名是从北到南，一行是一条从西到东的大路所包含的地名，这样的大路有 十条。（京都的地图看上去好像一个大方格被割裂成很多的小方格，路都是笔直的） 歌中的“ちゃらちゃら”似乎是指的是键屋町大街和钱屋町大街(现在已经消失)的“键”或 “钱”字的发音。 这首是明治以后，为了使机动车能够通行而重新规划修整之后新的歌词。 另外《寺御幸（洛中坚小路）》则是纵向（南北走向，由东向西）的街道名称。 寺 御幸 麸屋 富 柳 ??寺町、御幸町、麸屋町、富小路、柳马场、界町 （てら ごこ ふや とみ やなぎ さかい） 高 间 东 车屋町 高仓、间之町、东洞院、车屋町 （たか あい ひがし くるまやちょう） 乌 ?I替 室 衣 乌丸、两替町、室町、衣棚 （からす りょうがえ むろ ころも） 新町 釜座 西 小川 新町、釜座、西洞院、小川 （しんまち かまんざ にし おがわ） 油 醒ヶ井で 堀川の水 油小路、醒井、堀川 （あぶら さめがいで ほりかわのみず） 葭屋 猪 黒 大宫へ 葭屋町、猪熊、黒门、大宫 （よしや いの くろ おおみやへ） 松 日暮に 智?{光院 松屋町、日暮、智惠光院 （まつ ひぐらしに ちえこういん） ?犯?千本 はては西阵 净福寺、千本 （じょうふく せんぼん はてはにしじん）</t>
  </si>
  <si>
    <t xml:space="preserve">我想玩个狂暴战士,有精练的帮帮忙啊!虽难没分但还是请你们帮帮忙了 </t>
  </si>
  <si>
    <t>玩狂暴先+技能,等帝王出了,再考虑装备问题,狂暴有个技能,+50力量,50体力,是个不错的技能,一定+满,狂暴先出技能的话,出了帝王后,打普通怪几乎是秒杀</t>
  </si>
  <si>
    <t xml:space="preserve">一道关于圆的几何题，急如图，E为线段AB上的一点，AB=4BE, </t>
  </si>
  <si>
    <t>AC^=(2*3+1)^-1^=48BD^=(2*1+3)^-3^=16AC:BD=√48:√16=√3</t>
  </si>
  <si>
    <t xml:space="preserve">复活卷轴。2800一个。贵吗？有什么用啊。打怪能包吗请教 </t>
  </si>
  <si>
    <t>店里卖2400啊！！</t>
  </si>
  <si>
    <t xml:space="preserve">女友是初恋,很多都不懂怎么办?我是一名高中生,以前我和她总是暧昧 </t>
  </si>
  <si>
    <t>哎....真弄不懂你??男的怎?酉?我反??一下你,如果你女友是拍了很多次的拖,那你又怎?酉肽?你女友是初?倌悴皇歉械?c幸??不要想太多了....很自然的....女孩??杏X害羞的....</t>
  </si>
  <si>
    <t xml:space="preserve">始建于多少年的弗朗西斯大教堂完美地融合了波斯、阿拉伯和摩尔的建筑? </t>
  </si>
  <si>
    <t xml:space="preserve">始建于●1550年的弗朗西斯大教堂完美地融合了波斯、阿拉伯和摩尔的建筑风格。这个教堂的回廊由灰垒砌而成，高圆顶阁则以绿瓦铺盖，室内的装饰物全用金箔镶嵌。外墙也用金箔镶嵌着城市创建者的姓名，围墙内是厄瓜多尔解放者苏克雷将军的墓地。教堂内还收藏着一些印第安人和欧洲人的雕塑，因此使这里成为美洲“基多艺术学派”的宝库。 </t>
  </si>
  <si>
    <t xml:space="preserve">请问KB大还是MB大是KB占空间还是MB占空间 </t>
  </si>
  <si>
    <t>这显然是一个小白问题1KB=1024B,1MB=1024KB,1GB=1024MB.大小当然就可以看出来了.这是标准的算法,但是实际中,为了计算方便,像U盘所谓的容量,都是以1000计算的.</t>
  </si>
  <si>
    <t xml:space="preserve">怎样去除衣服上的锈迹我有一条白色的棉质休闲裤，在裤腿处不小心弄上 </t>
  </si>
  <si>
    <t xml:space="preserve">    可用2％的草酸溶液在50?左右温水中洗涤除去， 然后用清水漂净。或者用3 至4粒维生素Ｃ药片碾成粉末后，撒在浸湿的衣服污处，然后用水搓洗几次，也可去除铁锈渍。如是铁锈陈渍，可用10％的草酸、柠檬酸加水混合液将沾锈处浸湿，然后浸于浓盐水中，1天后洗净即可。     或者再锈斑上刺绣一朵您钟情的小花，不也很有个性吗？</t>
  </si>
  <si>
    <t xml:space="preserve">我的煤气灶灶台发热很厉害是什么原因煤气灶使用时间稍长整个面板发热 </t>
  </si>
  <si>
    <t>请你检查一下煤气灶的下面，在开始打开煤气灶开关时，煤气灶上有一引火管喷出的煤气到燃烧头上，引燃燃烧头使之工作。当面煤气灶燃着后引火管上的火随着你手的放松后应该灭掉，如没有灭就可能产生灶台发热的情况！如果没有这样的情况发生，你就可放心大胆的使用！</t>
  </si>
  <si>
    <t xml:space="preserve">已知正方形ABCD中,点P1与A、B、C、D分别连线,能组成四个? </t>
  </si>
  <si>
    <t>已知正方形ABCD中,点P1与A、B、C、D分别连线,能组成四个等腰三角形,请问这样的点在正方形内有多少个?把它们找出来,正方形ABCD外有这样的点吗?如有,请把它们找出来. 答案为：正方形内有５个，外有４个见图</t>
  </si>
  <si>
    <t xml:space="preserve">化学分子式氰化钾的分子式,结构式 </t>
  </si>
  <si>
    <t>分子式KCN，是离子化合物，没法写结构式。</t>
  </si>
  <si>
    <t>电脑无法正常开机,求高手帮忙我的电脑配置如下:主板</t>
  </si>
  <si>
    <t>内存条问是肯定的，把内存条拔下来，用橡皮轻轻把金手指擦干净，再仔细安装回去，就没问题了。</t>
  </si>
  <si>
    <t xml:space="preserve">经常听说少吃寒性大的，多吃暖性食品，对身体好。那什么是暖性食品呀? </t>
  </si>
  <si>
    <t>食物有四性，即寒，热、温、凉四种不同的性质。所谓暖性食物，就是指温热性食物，吃后身体会生热，改善循环，使肌体兴奋、增强抗寒能力和肌体的活力，起到温中、补虚、祛寒的作用。 除了食物的本性以外，不同的烹调方法和烹调用料都可以不同程度地改变食物的性质。如采用炖，烤，烩、炸、烧、煨等方法，可使凉性食物变得温热。这里介绍几种大热暖性食物： 糯米：降血脂 南方生产的香糯米，有”药米”之称，现代研究认为，香糯米具有调节胆固醇、缓解动脉硬化的功效。糯米性温燥，黏性高。特别是紫糯米，又有”补血米”之称，滋阴补益，却又不会让你上火。 推荐料理方法 ：紫糯米炖鸡对冬季手脚冰冷、贫血等有食疗奇效。 猪肝：补血、明目 冬季干燥、容易上火。猪肝味甘苦，性温，有补肝、养血、明目的功效。而且，猪肝中铁的含量是猪肉的18倍，人体吸收利用率也很高，是天然的补血妙品。 推荐料理方法： 佐以开胃补血功效显著的香菇、黑木耳，烹调成食疗佳肴。 桂圆：安神、补气 桂圆亦称龙眼，性温味甘，益心脾，补气血，具有良好的滋养补益作用。可以治疗失眠、眩晕等症，还可以防止病后体弱或脑力衰退。妇女在产后调补也很适宜。 推荐料理方法： 当归、桂圆肉、鸡肉洗净，将鸡肉切片，把全部用料放入炖盅中，加开水适量，盖盖，温火隔水炖3小时，调味食用。可起到养血益颜的作用。 香菜：帮助消化 香菜，又名芜荽，冬季的品质较好。香菜中胡萝卜素的含量为番茄、黄瓜、茄子、菜豆的10倍以上，钙、铁的含量也高于其他叶类蔬菜。 推荐料理方法：香菜可放在鱼和肉中调味，有去除体内毒素的作用。最方便的“暖胃”食品：　　　大枣、山药、大米、小米、糯米、高粱、薏米、豇豆、扁豆、黄豆、甘蓝、菠菜、胡萝卜、芋头、红薯、土豆、南瓜、黑木耳、香菇、桂圆等。另外炒菜的时候多放些大葱、生姜、大蒜、韭菜、洋葱等温性食物，也能起到祛阴散寒的作用。　　　敬而远之的“寒酸”食品：　　　寒性食物：黄瓜、冬瓜、绿豆芽等　　　酸性食物：山楂、乌梅等。　　　常被忽视的厨房暖胃好材料：　　　除了家庭常用的健胃材料如猪肚、羊肉、鲜姜、陈皮、胡椒等，还有一些具有很好暖胃功效的好食物常被我们忽视。它们是：　　　营养健康鱼　　　鲢鱼　　　用于缓解胃痛，常用于脾胃虚弱的治疗。尤其适用于胃寒疼痛或由消化不良引起的慢性胃炎。　　　胖头鱼　　　有暖胃、补虚、化痰、平喘的作用。体质虚弱的最好多吃胖头鱼的鱼头,暖胃的同时还能起到治疗耳鸣、头晕目眩的作用。　　　带鱼　　　补五脏、祛风、杀虫，对脾胃虚弱、消化不良尤为适宜。　　　山药　　　山药具有健脾、除湿、补气、益肺等多种功效。　　　板栗　　　栗子性味甘温，入脾、胃、肾三经，有养胃健脾、强筋活血等功效。适用于小儿脾胃虚寒引起的慢性腹泻。　　　温暖推荐　　　暖胃可口小甜品——芒果椰汁黑糯米　　　这道甜品热食尤其暖胃，益气血。芒果的清甜可口夹着浓郁椰香、与能保血暖胃的黑糯米同吃，坚韧有度，口感极佳。　　　材料：芒果核、芒果肉、黑糯米、椰汁　　　做法：由于芒果肉较湿毒，煮此款糖水时可先用芒果核干煲水，捞起核后再加入黑糯米，待米煮烂后，放芒果肉，最后加上椰汁，这样就更健康有益。　　　一分钟搞定的暖胃饭　　　治疗胃寒、心腹冷痛最简单的办法是在每天煮饭的时候加入一块生姜，不知不觉中平常的白米饭就具有暖胃的作用，轻轻松松让宝贝吃得胃暖身也暖。　　　材料：米、生姜　　　做法：先将米洗好，姜切薄片后放入洗好的米里面。按一般煮饭方式煮即可。</t>
  </si>
  <si>
    <t xml:space="preserve">怎样减肥呢///我很喜欢看你们的主持的美丽俏佳人.关于这个问题我 </t>
  </si>
  <si>
    <t>我想你面临的很有可能是因为生活环境的变化而引起内分泌失调，这也是变胖的原因之一，先从规律的生活作息以及适当的运动开始调整：）</t>
  </si>
  <si>
    <t xml:space="preserve">认证申请会不会难 </t>
  </si>
  <si>
    <t>只要满足条件 不会太难的</t>
  </si>
  <si>
    <t xml:space="preserve">3D打印机在哪些行业应用了？ </t>
  </si>
  <si>
    <t>3D打印机用于已有大约25年历史了，对相关领域的专业人士早言早已不再是新鲜技术。在过去十年里，它已经被设计师、工程师以及科学家用来制造一次性的机械产品以及模型。他们通过一层一层堆积的液体和粉末来生产物体。助听器生产部门利用3D打印机扫描患者的耳朵轮廓后复制出合适的助听器;汽车定制公司也在利用这套设备为汽车爱好者提供专门的汽车部件;消费电子产品厂商用它来完成对产品功能的设计，以避免在大规模生产后修改设计;医生用它来制造实习模型;博物馆用它复制真品，以避免参观者损毁真品。　　美国著名权威杂志《Replicatorinc》曾经组织过一个很有意思的评选，内容是评选出十大3D打印机能做的事其中包括：艺术品，Figures，珠宝首饰，助听器，样机，家庭用品，模型，组件生产/制造业，医学。还有一个，也是最神奇的——重量级的总在最后出场，你可以用它重建犯罪现场，三维打印机曾经成功的重建一枚犯罪现场的子弹模型。 　　 　　 　　3D打印机最初只应用于相关专业领域，并且价格十分昂贵。而如今它以诱惑力十足的平民价格出现在公众的视野里，一时间抓住了所有人的眼球。有了3D打印机，我们可以将自己想象出来的任意物品在电脑中建立模型，通过打印机将其化为实物。     同时还有一个有趣的报道，一位名为恩里科·迪尼的发明家设计出了一种神奇的3D打印机，利用它可“打印”出整幢建筑，比常规建筑快四倍。 　　恩里科·迪尼称希望能设计出一种可以使用月球尘土的打印机，这样在月球上就可以使用这种打印机快速的建造出人类的月球基地。</t>
  </si>
  <si>
    <t xml:space="preserve">lail看下这游戏还能玩吗，人数怎么样新浪网通F的人多吗？ </t>
  </si>
  <si>
    <t>这个游戏本身很可爱好玩但是被中国代理盛大高的太过于商业化，玩家老是说盛大在骗钱但是说实话游戏是好玩的，只不过在中国要玩好的话不花钱是不现实的新浪网通人数不算少，至少比新浪电信多一点，服务器质量不错建议去2区新浪网通</t>
  </si>
  <si>
    <t xml:space="preserve">西安市区质量最好的商场和超市还有体育用品商店的位置？请大家多多帮 </t>
  </si>
  <si>
    <t>很抱歉 我没有电子版的地图但是我说的地方 普通地图可以找到!平我20年的居住经验如果你有钱,最好的商店 就是钟楼东南角 开元商城东大街大差市 百盛购物广场钟楼西北角   世纪金花购物广场西大街鼓楼附近 百盛购物广场西大街店长安立交向南100米  百盛购物广场小寨店钟楼西南角   五环体育精品店东大街       五环体育精品店如果你是一个学生 建议你去康复路丹尼尔交易广场(买鞋子)万寿路轻工业批发市场(日用品)小寨百汇批发市场(服装,体育用品)小寨飞玄购物广场(服装,体育用品)小寨好又多购物广场(服装)超市 看你在什么地方了 现在超市很多推荐 爱家超市(东西便宜)不推荐 人人乐(东西相对较贵)其他的都差不多 比如 家世界 家乐........具体问题 你还可以继续问我不知道我朋友们肯定知道 呵呵</t>
  </si>
  <si>
    <t xml:space="preserve">高中会考历史和地理的高二会考主要靠什么 </t>
  </si>
  <si>
    <t>买本大纲书看看就OK了，</t>
  </si>
  <si>
    <t xml:space="preserve">问个高等级PK问题　　看过好多PK文章，高级别PK（90+）一般 </t>
  </si>
  <si>
    <t>这个要分情况来说的．首先可以肯定的是，90+以后PK最的不是刀，而是剑．特别是94+的X剑和97+的Z剑．如果跟这两个对手玩的话，只要对方的技术比较到位，那么任你装备再好，任你吃了再多的PK药，结果都只有一个，那就是你倒下．特别要说的是X剑的94技能，可以号称是江湖第一变态技能，速度和威力都很恐怖，而且是三次伤害，被卡上的话几乎无人可以生还．刀的气功重叠也很可怕，虽然概率不高，但是出现的话就经常可以秒人，我想这应该就是很多人说刀厉害的一个原因吧．但这也只是对于装备一般而且没吃PK药的对手而言．如果是面对极品装备或者吃了PK药的对手，刀就很无可奈何了．总之，如果对手是刀出了气功重叠却仍然无法秒掉的，那么刀想打赢对手就几乎是不可能的．要是比卡人的话，刀的91+技能显然是比不过剑的91+技能，可能也比不过Z枪的91+技能(X枪实在不行)．而在消耗战中，刀的实力应该是最弱的，因为这个职业在绝大多数时候所打出的攻击数值实在是......说到这里，我们就可以得出以下结论了(等级为97+)：不吃PK药的话，剑打刀卡上必胜，刀打剑出气功必胜，就看是剑卡得快，还是刀先出气功．吃PK药的话，剑卡刀仍然必胜，刀打剑无胜算．Z枪也可以跟刀耗，胜面不小！(X枪可是不行啊)另外值得一提的是弓职业．弓的90气功叫无明暗矢，其威力比刀的真武和剑的怒海都可以说是毫不逊色，加上又是远程攻击，在实战中的作用不可小视！</t>
  </si>
  <si>
    <t xml:space="preserve">一区金牛，一防二敏改僵价格及加点？如题。 </t>
  </si>
  <si>
    <t>你的改僵尸,既然掉了2敏,偶觉得应该混加,如果你加攻的话纯粹赌博了,混加是现在改僵的潮流加点法,30级以前加攻,以后全加敏.这样攻不错,实力也平均,你的价格的话60W左右.不缺钱的话,不建议卖了,自己练不错</t>
  </si>
  <si>
    <t xml:space="preserve">武功搏击的真正含义是什么呢？请大家一起来讨论一下。 </t>
  </si>
  <si>
    <t>对内:锻炼身体，提高体质，提升对自己的身体了解程度，追求天人合一。对外:以战胜对手为目的，所有的实战技术修炼都围绕这个目的进行。</t>
  </si>
  <si>
    <t xml:space="preserve">蛇为什么要冬眠？希望大家能帮帮我的忙！谢谢！ </t>
  </si>
  <si>
    <t>我知道很多动物都要冬眠。因为冬天的时候天气非常寒冷，许多动物又很难找到东西吃，所以它们要靠冬眠来度过严寒。　　蛇是其中一种要冬眠的动物。它们的体温随着外界的温度冷热发生变化，当外界气温降到10摄氏度以下时，蛇的活动就减慢了，降到7摄氏度时，蛇就停止了活动，它们会钻到地底的冰冻层下面土壤的洞穴中开始冬眠。　　蛇在夏秋的时候，能够吃到大量的食物，所以在身体里贮存了足够的营养物质。蛇就靠这些营养渡过漫长的冬天。到了春天，它们再苏醒过来，四处活动。</t>
  </si>
  <si>
    <t xml:space="preserve">在哪能买到正版的海报？我很想买几张自己喜欢的国外的乐队的海报收藏 </t>
  </si>
  <si>
    <t>新华书店和音响超市</t>
  </si>
  <si>
    <t xml:space="preserve">电脑长时间不用容易出什么故障 </t>
  </si>
  <si>
    <t>保养方法用塑料袋妥善包装好，并在其中放几袋吸潮剂。如果是台式的话，电脑最怕的就是灰尘、静电和潮显，如果电脑长时间不用也不好好安置就会因为长期得不到加热板卡相就会被湿气氧化导致不能工作，(cfsb)另外无孔不入的灰尘也聚集在板卡上加重故障发生的几率.最好的方法就是把电脑间的连线取下，和主机，显示器分开用薄膜密封包装，另外最好能同放几包干燥剂在里面，放在干燥通风的地方保存，避免阳光直射，这样，当你再次使用电脑时其状态就会和存放前一样好了。至于电池，也就是CMOS电池，一般的电池用3-4年都没问题，如果怀疑电池可取下电池用万用表测一下，如果电压低于2.6V则需要更换。如果是笔记本的话，只要环境不过度潮湿,本本就没问题(如连放几年不用,时间及BIOS设置会消失须重设),只是电池因有持续自放电,耗尽后易损坏,所以要一两个月左右充饱电一次。</t>
  </si>
  <si>
    <t xml:space="preserve">两人学历差异会影响爱情发展吗?我是中专毕业后,参加了工作两年了, </t>
  </si>
  <si>
    <t xml:space="preserve">  做什么事都要进行长远的打算    我不相信真爱  有也是极少数的  爱情固然可贵   面包也是不可忽视的   即使爱情上不会出现故障   可是作为男人你一定要想的多一些   这段感情可以作为你发展的动力 学历差距不是很大可以    太大我就不能打保证了   你应该在这基础上为自己充电考本呀    不要放弃     活到老  学到老   努力提升自己    </t>
  </si>
  <si>
    <t xml:space="preserve">我的机子怎么下载不了红警呀,各位高手帮帮我!反正我也说不清楚,有 </t>
  </si>
  <si>
    <t>很简单嘛就是你找到的红警并不是能够下载的嘛。你找的网站不对嘛。你从新找一个我昨天也才去下了一个很好用的。是尤里的复仇中文版的。你到这个网站上去下载应该是没有问题的。  到时候下载用个迅雷下或者网际快车也行。难得你也喜欢玩这款游戏哦。！终于找到个知音了！</t>
  </si>
  <si>
    <t xml:space="preserve">传奇３g和传奇世界，热血传奇有什么区别光通的传奇3g和传奇世界， </t>
  </si>
  <si>
    <t>简单点说就是：画面：3G对我来说不是很好的。我自己决得传世好些。怪物：好多怪物都不同，3G和传奇差不多，就是3G的怪是打全屏。人物：那是还要不同些3G的人物好看点，传世人物也不错，传奇丑死了技能：这个不好说3G技能多些不过不好看，总之一句话各有各的好处。</t>
  </si>
  <si>
    <t xml:space="preserve">为什么我的男朋友总半开玩笑说我没本事?我是一个普通的女孩,平凡的 </t>
  </si>
  <si>
    <t>这有什么?下次,他再说,你就说:""物以类聚,人以群分",你跟我混,说明你也好不到哪儿去.我可不象你那么笨,你看我从来不说你笨,好歹咱们是一伙的，多少给你点面子！＂这个男人，有人要的还不识好歹．不要怕！</t>
  </si>
  <si>
    <t xml:space="preserve">封铀有什么作用啊刚买了JD白漆车，朋友说做个封铀好点，是吗，还有 </t>
  </si>
  <si>
    <t>所谓封釉处理，就是通过专用的机器将车辆保护剂压入车漆内部形成网状的保护层，保护层让车辆表面如同陶器表面一般，故而形象称之为封釉。经过封釉处理最大的好处是相当于给车穿上了一件透明外套，可以让车辆防紫外线辐射、防酸碱的侵蚀、防风沙的吹打，保护车漆不被氧化造成褪色，另外釉面还可防火防油污及轻度硬物的刮擦。封釉以后，可以减少洗车次数。但是封釉也不是一劳永逸的，它基本上需要每年对车辆处理一次。旧车同样也可以做封釉处理，只不过先要处理掉已被氧化的车体表面，一般店还会使用增艳剂，恢复已褪色的车漆，再进行封釉。镀膜也是在车表面形成一层蜡质保护层。用镀膜机将带有负离子的液态蜡，均匀地喷涂到车漆上，由于液态蜡带有静电，所以会自动吸附到车漆上，这种镀膜机进行的电子镀膜与通常的手工打蜡相比，腊层与车漆的结合更紧密，持续时间比通常的打蜡时间要长。镀膜的效果可以保持一年以上时间，但也很难超过两年。镀膜与封釉都是在车漆表面涂上一种化学物质，通过在车漆表面上形成的一种高硬度、抗氧化、抗腐蚀的膜，从而对车漆形成保护。而两者所不同的是加工工艺上略有不同，保护介质不一样：封釉用的是液体釉，而镜面镀膜用的是一种氟碳和玻璃素的聚合物，两者都在车漆表面形成一种固态保护层，都需要先打磨掉车漆表面的氧化层，以保证“釉”或者“膜”在车漆表面的附着能更加持久。</t>
  </si>
  <si>
    <t xml:space="preserve">自行车打气简的打气哪块胶叫什么名啊。 </t>
  </si>
  <si>
    <t>自行车打气简的打气哪块胶叫什么名啊。名称很多结构不同给你图纸看看明白如有问题请再提问发错了图纸——请看这个能否明白？？</t>
  </si>
  <si>
    <t xml:space="preserve">苹果越狱会损伤手机什么的么？苹果手机越狱会给手机带来什么不好的么 </t>
  </si>
  <si>
    <t>你好！越狱是对软件进行修改，硬件不会受到损伤。不会伤害到您的手机的。请放心。但是请注意，一旦越狱，苹果售后不再支持iOS设备的保修。所以请在越狱前做好SHSH备份，方便日后刷回原有固件版本。</t>
  </si>
  <si>
    <t xml:space="preserve">在游戏中我得的金币和经验现在都减半了我知道可能是在一次你们的回馈? </t>
  </si>
  <si>
    <t>是因为你太垃圾,L3去初级玩,所以就减半.这是对付垃圾的办法!</t>
  </si>
  <si>
    <t xml:space="preserve">我手背上一个直径一厘米走有的疤痕，当兵体检的时候能不能合格？我那 </t>
  </si>
  <si>
    <t>手臂疤痕直径小于2厘米、且不影响功能，军检坦克兵、武警合格。</t>
  </si>
  <si>
    <t xml:space="preserve">这个FS号值多少2区耐普屠龙人类法师主要装备:2.4拍子装毕业, </t>
  </si>
  <si>
    <t>四百到五百吧.这是能卖到的最高价格了.</t>
  </si>
  <si>
    <t xml:space="preserve">请问一下今天欧元走势将如何各方评论对欧元评论不佳,但隐约中又有点 </t>
  </si>
  <si>
    <t>1.3过着还是费劲呀，看来压力比较大呀...</t>
  </si>
  <si>
    <t>这种情况该补钙吗？宝宝2个月骨密度为</t>
  </si>
  <si>
    <t>您好，如果不缺钙，不需要补钙。</t>
  </si>
  <si>
    <t xml:space="preserve">生完宝宝半年后来第一次例假,为什么后来又不来了? </t>
  </si>
  <si>
    <t>您好，月经一般在产后6周恢复。母乳喂哺婴儿的产妇,排卵及月经恢复较远,推迟的时间因人不同,多数人为半年,也有的一年以后才来月经,大多数人的月经量都比平时月经量多,平均约多1/3,第二次月经就正常了,不必治疗。此期也要注意避孕,避免未来月经怀孕。当然月经不调还有可能是器质病变或药物等引起：包括生殖器官局部的炎症、肿瘤及发育异常、营养不良；颅内疾患；其他内分泌功能失调如甲状腺、肾上腺皮质功能异常、糖尿病、席汉氏病等；肝脏疾患；血液疾患等。 建议去正规医院接受检查治疗，排除器质性病变的可能性，以免耽误了正常的工作和生活！自己也好放心，祝健康！</t>
  </si>
  <si>
    <t xml:space="preserve">扬州八怪的艺术成就他们的艺术成就是什么~~ </t>
  </si>
  <si>
    <t>“扬州八怪”是指清代乾隆年间活跃于扬州一带的郑燮(号板桥)、金农、罗聘、黄慎、高翔、李、汪士慎、李方膺八人。他们究竟“怪”在哪里呢？ 他们对当时盛行于官场的卑污、奸恶、趋炎附势、奉承等作风深恶痛绝。八人中除郑板桥、李、李方膺做过小小的知县外，其他人均一生以“鲁连”、“介之推”为楷模，至死不愿做官。就是做过官的郑板桥也与常官不同。他到山东上任时，首先在旧官衙墙壁上挖了百十个孔，通到街上，说是“出前官恶俗气”，表示要为官清廉。 “扬州八怪”一生的志趣大都融汇在文书画之中，绝不粉饰太平。他们用诗画反映民间疾苦、发泄内心的积愤和苦闷、表达自己对美好理想的追求和向往。郑板桥的《悍类》、《抚孤行》、《逃荒行》就是如此。 “八怪”最喜欢画梅、竹、石、兰。他们以梅的高傲、石的坚冷、竹的清高、兰的幽香表达自己的志趣。其中罗聘还爱画鬼，他笔下的鬼形形色色，并解释说“凡有人处皆有鬼”，鬼的特点是“遇富贵者，则循墙蛇行，遇贫贱者，则拊膺蹑足，揶揄百端”。这哪是在画鬼，分明是通过鬼态撕下了披在那些趋炎附势、欺压贫民的贪官污吏身上的人皮，还了他们的本来面目.</t>
  </si>
  <si>
    <t xml:space="preserve">战场的问题我35SS，能下战场吗？下战场有人么？ </t>
  </si>
  <si>
    <t>35可以下战歌峡谷和阿拉西盆地属于30-39段的</t>
  </si>
  <si>
    <t xml:space="preserve">有一个时钟，它每小时慢25秒，今年3月21日中午12点它的指示正? </t>
  </si>
  <si>
    <t>每小时慢25秒，再慢12个小时就指示正确了即12×3600/25=1728小时=72天3月还有31-21=10天、4月有30天、5月有31天，合计10+30+31=71天，下一次指示正确时间是6月1日的中午12时。</t>
  </si>
  <si>
    <t xml:space="preserve">北京现代罢赛有何感想？中国足球的问题太多了，在这种情况下，还有未 </t>
  </si>
  <si>
    <t>如果说要退出，就让他走。没有什么可惋惜，一个没有基本道德的集体没必要挽留。散失体育精神，滚！！！！！！！！！！！！！！！！！！！！！！！！！！</t>
  </si>
  <si>
    <t xml:space="preserve">从上地环岛到朝阳门走什么路最快？从上地环岛到朝阳门，开车的话，走 </t>
  </si>
  <si>
    <t>我同意，坐地铁确实比较快，而且在规定的时间内应该可以到达，也比较方便，不会受堵车之苦。如果您非要开车去的话，可以直接往南开，到中关村北口，也就是四环，然后左转上四环，到亚运村，好象是叫北辰路的出口吧，反正就是到五洲大酒店那个口，然后右转直行过地坛到安定门，绕环岛上二环，就可以到朝阳门了，不过您说的那个时间段，估计堵车的可能行比较大。特别是二环，指不定什么时候就堵车了。也可以下了四环后直行到安贞桥，绕环岛上三环，到朝阳北路右转，应该是在过了农展馆（长虹桥）然后出去就到朝阳北路了，右转之后到东大桥，过了东大桥没多远就到朝阳门了，我估计您是在那上班吧？大部分写字楼都在朝外，所以从这边走也比较方便。不过说实在的，不管您从哪边走，堵车的可能性都比较大，不如坐城铁换地铁方便。其实您买张地图仔细看一下，也会有不小的收获，反正在八点到九点，朝阳门周围的路都会堵车的，不如早点出发，可以减少很多麻烦……嘿嘿。</t>
  </si>
  <si>
    <t xml:space="preserve">妖弓最新章节下载,哪里有，求最新最快，最干净！ </t>
  </si>
  <si>
    <t xml:space="preserve">你还是应该到“狗狗搜索”去下载：30秒钟即可下载全书。以后找书也不用求别人。要啥有啥。希望你满意，并能自己下载。下载： 妖弓(思源中文网-syzww.net)   56万字  1.07M TXT网址： 在线阅读网址：妖弓,最新章节妖弓独家首发-明月夜色-玄幻小说-起点中文小说网  网址： </t>
  </si>
  <si>
    <t xml:space="preserve">男性急扎男人急扎后做爱能射出精液吗 </t>
  </si>
  <si>
    <t>输精管节扎后仍可正常射精,只是精液中没有精子了 避孕原理： 结扎和切断两侧输精管，使精子不能通过 输精管而贮存于附星内。术后性交时射精过程仍然正常，也不影响性快感，只是射出的精液 中没有精子，从而达到节育的目的。优点：手术简单，切口小，成功率高，后遗症少，不影响身体健康，不影响性功能和内分泌。缺点：需在无菌条件下施行手术。适应症：已婚男子，在较长时期内不愿再生育，经 夫妇双方同意要求做结扎手术者，除有禁忌症外，均可实行手术。禁忌症：1、有出血素质、明显的神精官能症、精神病和其他严重慢性病。       2、生殖系统炎症，如明显的前列腺炎、阴囊部有炎症、湿疹等。       3、精索静脉曲张，精索畸形。术后注意事项：1、术后休息到、时，检查无异常方可离去。 2、术后一周内注意休息，避免房事、重体力劳动和剧烈，如长途行走、骑车、打球、挑担等。3、术后如有伤口出血、阴囊肿大或发热时，必须及时就诊。4、术后应避孕3个月或排精12次以上。最好经精液检查证实已无精子后，再停用避孕措施。</t>
  </si>
  <si>
    <t xml:space="preserve">班主任能公开侮辱学生吗？我们的班主任因为班里有一位同学可能是长得 </t>
  </si>
  <si>
    <t>该行为不但有失为人师表的形象,对该同学心里也造成了一定的伤害,更违背了一名合格教师的基本的道德规范.建议取证(如:录音)直接投诉或向人民法院起诉.当然起诉需被侮辱者本人提出.</t>
  </si>
  <si>
    <t xml:space="preserve">求女主科幻或耽美科幻小说亲，求文笔细腻成熟的女主或耽美科幻小说例 </t>
  </si>
  <si>
    <t>《寄生》《寄生||》by无射《终级蓝印》《游医》by priest《拟态》《SILENCE MUST BE HEARD》by嫣子危《重生之机甲时代》by朱砂</t>
  </si>
  <si>
    <t xml:space="preserve">地狱十大死因,大家来找茬1.闪电灵魂ACT452.死神霸主ACT </t>
  </si>
  <si>
    <t xml:space="preserve">支持闪电灵魂ACT45 </t>
  </si>
  <si>
    <t xml:space="preserve">请问各味大侠怎么杀卡巴杀不掉 </t>
  </si>
  <si>
    <t>你好！  是典型的 IE插件木马！按我说的做，直接彻底的解决你的问题！解决方法：Windows 清理助手（纯绿色软件）: 彻底解决你所有的问题！注：下载解压缩后，无须安装，打开软件，点击 立即清理 就好了！最后下载安装恶意软件清理助手,使用该软件的"注册表项目清理"功能和"临时文件清理功能"把你的电脑清理一遍.恶意软件清理助手下载地址为： 以上软件都是绿色软件的，解压后可以免费使用。是我自己的爱问共享保证没有病毒，可以放心使用。</t>
  </si>
  <si>
    <t xml:space="preserve">请问调皮老师600151短线明天能买吗？600720是否可以出了? </t>
  </si>
  <si>
    <t>600151 航天机电短线盘升趋势,但是调皮不买.600720 祁连山 酝酿调整,考虑一下反弹逐步减仓.</t>
  </si>
  <si>
    <t xml:space="preserve">怎样直接显示图片的内容?我找开电脑,看收藏在"我的文档"之"图片 </t>
  </si>
  <si>
    <t>打开图片收藏-——点击工具——点击缩略图（或幻灯片）就能直接显示内容</t>
  </si>
  <si>
    <t xml:space="preserve">为什么汉子不出门? </t>
  </si>
  <si>
    <t>因为出了门就成了门外汉。</t>
  </si>
  <si>
    <t xml:space="preserve">生物啊啊啊啊啊啊啊下列植物中属于C4植物的是A.水稻B.小麦C. </t>
  </si>
  <si>
    <t>C书上就这么写的</t>
  </si>
  <si>
    <t xml:space="preserve">数学1.一张纸原来写有数字0.83和1.01各20个，如果划去其 </t>
  </si>
  <si>
    <t>可以列式得 83x+101y=1999解得 x=18, y=5所以要划去40-18-5=17个</t>
  </si>
  <si>
    <t xml:space="preserve">甘肃首府是什么？ </t>
  </si>
  <si>
    <t>兰州，一个很美的地方，人也很不错。。。。。</t>
  </si>
  <si>
    <t xml:space="preserve">家里孩子性格内向不善与人沟通怎么办？ </t>
  </si>
  <si>
    <t>自我封闭心理实质上是一种心理防御机制。由于个人在及成长过程中常常可能遇到一些挫折引起个人的焦虑。有些人抗挫折的能力较差，使得焦虑越积越多，他只能以自我封闭的方式来回避环境以降低挫折感。另外，自我封闭心理与人格发展的某些偏差有因果关系。从儿童来讲，如果父母管教太严，儿童便不能建立自信心，宁愿在家看电视，也不愿外出活动。从青少年来讲，如果他没有掌握一些技能，就意味着他没有获得生活自信心以进入某种社会角色，他不知道该做些什么，如何与他人相处。于是，他就没有发展出与别人共同劳动和与他人亲近的能力，而退回到自己的小天地里，不与别人有密切的往来，这样就出现了孤单与孤立。从中年人来讲，如果他是一个“自我关注”的人，他常常表现出不与他人来往。从老年人来讲，丧偶或丧子的打击，儿孙们远离自己，很易使老人心灰意懒，精神恍惚，对生活失去信心。总而言之，自我封闭阻隔了个人与社会的正常交往，使人认知狭窄，情感淡漠，人格扭曲，最终可能导致人格异常与变态。自卑感是产生自我封闭心理的根源，而且是在青少年时代埋藏的祸根。父母是孩子第一任老师，而老师又是学生的领路人和心目中的权威。</t>
  </si>
  <si>
    <t xml:space="preserve">关于超星软件使用一些从网上下载的CAJ文件，用超星阅读器打不开， </t>
  </si>
  <si>
    <t>用cajviewer,你搜一下吧,很多的</t>
  </si>
  <si>
    <t xml:space="preserve">这个人也许我该放弃吧我和他认识是在一个婚恋网上，通过几个月的写信 </t>
  </si>
  <si>
    <t>感觉他不爱你,只是比较谈得来而已.而在向前并没有发展的空间和动力之后,他的冷淡和冷漠也就是必然的结果了.他并不是一个优柔寡断，做事虎头蛇尾的人,只是没有遇到他爱的人而已.</t>
  </si>
  <si>
    <t xml:space="preserve">“我支持你”有几种说法？ </t>
  </si>
  <si>
    <t>是问日语说法吗？楼上弄一堆英语啥意思啊？一般就是 ずっと　?暝筏皮い蓼工琛?简单给对方加油的说法就是 頑??って；頑??りますよ；頑??れ</t>
  </si>
  <si>
    <t xml:space="preserve">为什么我的跑跑上不了呢???我以前还玩得了..今天就玩不了以下是 </t>
  </si>
  <si>
    <t xml:space="preserve">在官网下载最新版跑跑卡丁车 </t>
  </si>
  <si>
    <t xml:space="preserve">宫颈糜烂用药期间如果怀孕了对孩子有影响吗(外用药） </t>
  </si>
  <si>
    <t xml:space="preserve">不会的，放心吧！立即停止用药，好好怀孕吧！注意：只要你终止雌性激素或者类雌性激素样物质的摄入，就可以慢慢恢复，反之就会不断加重。宫颈糜烂不是真正的糜烂。是指由于你体内雌性激素或者类雌性激素样物质水平过高，雌性激素作用过强导致的宫颈外口鳞状上皮细胞脱落，被柱状上皮细胞组织所代替，这层新生上皮非常薄，甚至可以看到下方的血管和红色的组织，看上去像糜烂，故称为“宫颈糜烂”。 建议：改变你自己的饮食习惯，减少富含雌性激素类食物如大豆等的摄入，禁止使用塑料容器装食品，特别是泡沫塑料饭盒！！因为，塑料中的增塑剂是强类雌性激素样物质。 另外，你极可能也是个经常饮用珍珠奶茶、混浊型饮料的受害者，因其中被非法添加了增塑剂！！ 祝你顺利！ </t>
  </si>
  <si>
    <t xml:space="preserve">在酒席上不知说什么好，应该怎么办？ </t>
  </si>
  <si>
    <t xml:space="preserve">你好！酒席礼仪       谈起喝酒，几乎所有的人都有过切身体会，"酒"也是一个既古老而又新鲜的话题。现代人在交际过程中，已经越来越多地发现了酒的作用。    的确，酒作为一种交际媒介，迎宾送客，聚朋会友，彼此沟通，传递友情，发挥了独到的作用，所以，探索一下酒桌上的"奥妙"，有助于你求人交际的成功。1、众欢同乐，切忌私语    大多数酒宴宾客都较多，所以应尽量多谈论一些大部分人能够参与的话题，得到多数人的认同。因为个人的兴趣爱好、知识面不同，所以话题尽量不要太偏，避免唯我独尊，天南海北，神侃无边，出现跑题现象，而忽略了众人。小贴士——派对历险记    特别是尽量不要与人贴耳小声私语，给别人一种神秘感，往往会产生"就你俩好"的嫉妒心理，影响喝酒的效果。2、瞄准宾主，把握大局    大多数洒宴都有一个主题，也就是喝酒的目的。赴宴时首先应环视一下各位的神态表情，分清主次，不要单纯地为了喝酒而喝酒，而失去交友的好机会，更不要让某些哗众取宠的酒徒搅乱东道主的意思。3、语言得当，诙谐幽默    洒桌上可以显示出一个人的才华、常识、修养和交际风度，有时一句诙谐幽默的语言，会给客人留下很深的印象，使人无形中对你产生好感。所以，应该知道什么时候该说什么话，语言得当，诙谐幽默很关键。4、劝酒适度，切莫强求     在酒桌上往往会遇到劝酒的现象，有的人总喜欢把酒场当战场，想方设法劝别人多喝几杯，认为不喝到量就是不实在。    "以酒论英雄"，对酒量大的人还可以，酒量小的就犯难了，有时过分地劝酒，会将原有的朋友感情完全破坏。5、敬酒有序，主次分明    敬酒也是一门学问。一般情况下敬酒应以年龄大小、职位高低、宾主身份为序，敬酒前一定要充分考虑好敬酒的顺序，分明主次。好使与不熟悉的人在一起喝酒，也要先打听一下身份或是留意别人如何称呼，这一点心中要有数，避免出现尴尬或伤感情的局面。    敬酒时一定要把握好敬酒的顺序。有求于某位客人在席上时，对他自然要倍加恭敬，但是要注意，如果在场有更高身份或年长的人，则不应只对能帮你忙的人毕恭毕敬，也要先给尊者长者敬酒，不然会使大家都很难为情。6、察言观色，了解人心    要想在酒桌上得到大家的赞赏，就必须学会察言观色。因为与人交际，就要了解人心，左右逢源，才能演好酒桌上的角色。7、锋芒渐射，稳坐泰山    酒席宴上要看清场合，正确估价自己的实力，不要太冲动，尽量保留一些酒力和说话的分寸，既不让别人小看自己又不要过分地表露自身，选择适当的机会，逐渐放射自己的锋芒，才能稳坐泰山，不致给别人产生"就这点能力"的想法，使大家不敢低估你的实力。  </t>
  </si>
  <si>
    <t xml:space="preserve">是不是海洋里的鱼的肉的味道都和带鱼是一样的?我看煮好的海鱼外表都? </t>
  </si>
  <si>
    <t>有机会到海滨城市去玩玩就会知道各种海鲜的不同味道了</t>
  </si>
  <si>
    <t xml:space="preserve">有个女孩好像喜欢我，但我约她他又找借口怎么回事啊 </t>
  </si>
  <si>
    <t>其只能存在两种原因：1：要么是你理解错了——单方面认为她喜欢你；2：要么是试探你的决心——看你是否真正喜欢她。</t>
  </si>
  <si>
    <t xml:space="preserve">请问便宜外挂的官方网站地址是什么很急!!!!!!!!!!!!!! </t>
  </si>
  <si>
    <t xml:space="preserve">新便宜的是 </t>
  </si>
  <si>
    <t xml:space="preserve">怎么让五笔输入的字体变成繁体？我用的是陈桥五笔的，我想问问高手们 </t>
  </si>
  <si>
    <t>问：因工作需要，我经常在输出简体字和输出繁体字之间转换设置，请问可以使用快捷键进行输出简体字和输出繁体字的转换设置吗？　　答：请到我的主页 上去下载5.3版安装，并通过“自己的设置1”和“自己的设置2”来设置两种状态，一种是你所使用的简体状态，一种是你所使用的繁体状态，并保存两种状态。即可通过快捷键shift+1或shift+F12来快速调出第一种状态或第二种状态，从而达到了进行快捷转换的操作。当然这一方法可应用在多种需要在两种状态转换的情况。出处： 4.10　繁体汉字的输入　　为了满足许多用户的要求，适应繁体汉字的输出，智能陈桥通过设置后，可通过正常的操作来直接输出繁体汉字。　　1、输入繁体汉字的设置。　　要通过智能陈桥来输出繁体汉字，首先必须对智能陈桥系统进行设置。　　设置方法为：　　用鼠标右击智能陈桥状态提示窗口，弹出主菜单，单击主菜单“参数设置”中的“汉字输出设置”，弹出汉字输出设置窗口后，将“输出繁体汉字”参数项设置为选中状态。详细的设置请见第三章第3.4.3小节“汉字输出参数设置操作”中的内容。　　2、繁体汉字的输出。　　设置完成后，即可输出繁体汉字。　　例如：　　当你设置完成后输入“中华人民共和国”时，系统就会输出繁体的“中華人民共和?保峦?-57。　　注：繁体汉字仅指在简体汉字的WINDOWS系统中输出繁体汉字，如你的WINDWOS系统是台湾繁体版本，则不能通过本方法来输出繁体汉字，而只能将智能陈桥系统设置成BIG5码格式。　　另：如你所设置的字体如不支持GBK汉字库，则在输出繁体汉字时，会出现某些汉字不能显示的情况。如出现这种情况，请重新调整字体。 出处 陈桥五笔是个比较大的五笔输入软件，上面是它的详细使用说明，都是官方网站上的</t>
  </si>
  <si>
    <t xml:space="preserve">请"天道酬勤"老师点评一下大盘小双底后是否会延续上升态势? </t>
  </si>
  <si>
    <t>从技术上判断，目前A股市场仍处在震荡寻底的过程中，A股在探得2834点支撑后出现反弹理应有二次回落确认的过程，而美元的波动无疑将这个过程提前，两市股指重心明显下移，且沪指早盘缺口未能完全回补，5日线失守，短期再度回撤确认下方支撑概率加大。明日是本周最后一个交易日，投资者在谨慎的同时也不必过于恐慌，低仓位静待股指真正企稳，关注2820点上方支撑。</t>
  </si>
  <si>
    <t xml:space="preserve">天秤座和巨蟹座能成为好伙伴吗？她们的性格合吗？ </t>
  </si>
  <si>
    <t>我??一般說的天秤座和巨蟹座,都是指太?星座,?奶?星座?碚f,它??關?S不?芎?但其??這不太全面,如果分析命盤就可以知道每??人除了太?星座,?有月亮星座,水星星座,金星星座等等,一??人受多種星體的影?,形成了?碗s的??性,你說的天秤座和巨蟹座,如果感覺玩得??就不要考?]那么多,你??也可以成?楹门笥训?</t>
  </si>
  <si>
    <t xml:space="preserve">强化武器问题合1合2合3合4分别放的强化石是多少？ </t>
  </si>
  <si>
    <t>强化合1~2的装备需要2个强化石，强化合3~4的装备需要3个强化石</t>
  </si>
  <si>
    <t xml:space="preserve">清泉老师好：600171成本价9.7，今天没有补仓正确吗？可是已? </t>
  </si>
  <si>
    <t>可以少量加仓.周一冲高做对冲.</t>
  </si>
  <si>
    <t xml:space="preserve">怎么回事？余额为0本来还有33个U币，怎么突然间就为0了呢？且也 </t>
  </si>
  <si>
    <t>如果问题无法解决，请拨打新浪的客服电话95105670 （免长途费，按你当地的市话收费），客服工作人员会为你提供帮助。</t>
  </si>
  <si>
    <t xml:space="preserve">我的电脑为什么一开机就出一个找到新硬件向导.打开设备管理器一看, </t>
  </si>
  <si>
    <t>重装显卡驱动试试</t>
  </si>
  <si>
    <t xml:space="preserve">都12点了还是上不去提示更新中断是怎么回事啊是维护么？用下载补丁? </t>
  </si>
  <si>
    <t>因该还在维护我进去后就没的</t>
  </si>
  <si>
    <t xml:space="preserve">云南白药．伊利．联通？　　我打算近期在以上三只股中选一只进行建仓 </t>
  </si>
  <si>
    <t>云南白药。盈利比较稳定，但是增幅比较缓慢，想盈利只能在估值上做文章。不过进入云南白药在4000点以上不啻为一个安全的选择。伊利股份。涨幅基本和业绩增幅吻合，稳健品种。是北京奥运会赞助商，或许对炒作有一定帮助。</t>
  </si>
  <si>
    <t xml:space="preserve">毛细血管瘤被弄破了该怎么办宝宝生下来时在左腿膝盖部位有一直径5厘 </t>
  </si>
  <si>
    <t>第一：本来这部位的血管就是畸形血管，不像正常血管收缩那么好止血那么快，愈合也比正常组织结构慢。第二：感染的细菌可能是没能有效控制，需要的话做个细菌培养，看看是什么细菌，指导用药。第三：尽快，因为细菌感染可能引起败血症，感染性休克等等。</t>
  </si>
  <si>
    <t xml:space="preserve">小孩子是捡来的,要不要每年都去走他的父母?我朋友不能自己生小孩, </t>
  </si>
  <si>
    <t>一切都顺其自然吧,告诉你的朋友,每个人的生命路程都各不相同,我们没必要客意去做什么,也没必要客意去不做什么,因为只要是人就会面对各种各样的烦恼和无奈,你和你的朋友相信压力和磨难是人生最宝贵的财富这种说法吗?我相信所以我的儿子在知道自己不是我的亲生的时候,在经过了这个过程后,是那么的让我更加爱也许是从小就教得好的原因,所以这是我的爱和宽容的胸怀调教出来的,家教很重要,健康而勇敢面对的心态是可以让你朋友的孩子同样具有美丽和善良的当然,如果你朋友本身就不是美丽而善良的,那么你还指望他教出的孩子又有多大的好呢? 所以一切的一切,命中注定的,是也,非也,全靠自己的关念和行动也就算不告诉他,自己是捡的,那么纸包得住火,他有能力让一部份知情的人都不说不谈不议论吗?有些事是纸是可以包得住火,但是有些事就不然了,所以我介意你的朋友,顺其自然吧</t>
  </si>
  <si>
    <t xml:space="preserve">房产税的问题我厂是一般纳税人,我们的房子是租的,这样房产税要我们 </t>
  </si>
  <si>
    <t>一般情况下是由出租方交的,出租方应把发票提供给你们,你们付房租款,税款由出租方交,税票由出租方保存</t>
  </si>
  <si>
    <t xml:space="preserve">找生茶!我迷茫了不好意思要耽误你的时间,我也是没有办法了!第一次 </t>
  </si>
  <si>
    <t>楼主玩的应该是战神光辉吧.2100攻击打42级的战士.攻击才900多.在新魔界应该没有这种情况.要不,你的下限与上限差太多.全吸装备,上下限差的不太多吧.战神中的战士物理防御高.丛林某种情况上来看,打战士是有点不合算.你这套装备上没有致命,战神中丛林致命与新魔界有差异.致命大约需要50.致命爆发的情况下才可能100%致命.51级,强击也加的很少.从你的装备在看,物理下限并没有超过上限,下限的加成也没有体现出来(战神中弓下限超越上限,加成是上下限之差的50%)个人认为,你目前的这套装备,并没有完整的体现出丛林的优势来,在前期战士的基础防御相对较高的情况下,是不占优势.而后期换真黄金装备后,战士物理防御的提升会越来越少.攻击下限的提升空间还很大.52级后换真黄金装备,丛林的优势会逐渐的体现出来,强击9级增加25%攻击.做为纯物理职业的丛林弓就能真正发挥他的优势.且,这一优势将会保持很长一段时间.这段时间大约只有英雄会造成一定的威胁.战神中的弓其实还很有前途的.楼主说57的魔骑能追着遮日跑.这让人很不可思议.除非这个弓装备太垃圾,完全不破防.最后跟楼主聊聊题外话,悬赏分多少或没有,这并不影响我答题的兴趣.答题对我来说现在更像是种习惯,除非没时间.如果下次还有问题,你不一定需要选悬赏多少分...玩一个职业在我看来,需要坚持.中每个职业都有他的特点,找一个自已感觉轻松而喜欢的职业慢慢玩下去.对游戏多了解后,你会发现,其实自已玩的号垃圾与否只在乎与自已的心情.我玩这游戏快一年半了,玩过很多职业.现在主号还在玩弓.我玩过的职业我都很喜欢,在这个过程中我了解了不同职业不同的特点,好好的利用,任何职业都不会垃圾.只是特长有所不同.</t>
  </si>
  <si>
    <t xml:space="preserve">★冷门教母★:进球彩。。。。还是上图吧。。。。我的观点！！ </t>
  </si>
  <si>
    <t>教母，我和你PK一次，当然，我的单大点。12：1210：1201：010：01</t>
  </si>
  <si>
    <t xml:space="preserve">提供下文殊菩萨的照片，谢谢！ </t>
  </si>
  <si>
    <t>上传文件：文殊菩萨 照片</t>
  </si>
  <si>
    <t xml:space="preserve">关于网一牧羊斧子的价钱。6B的斧子，攻+196必杀+18耐久29 </t>
  </si>
  <si>
    <t>6B斧子价钱感觉还可以，+的攻差不多达到上限了；8绿龙斧10W有点儿高了，应该在8~9W左右，如果练级、任务的话建议买8紫的，+攻+防，大概10~12W。</t>
  </si>
  <si>
    <t xml:space="preserve">怎么我不可以卖东西？我发布不了担保信息是怎么回事？我点了我要出售 </t>
  </si>
  <si>
    <t xml:space="preserve">尊敬的客户:   您好！5173客户服务001很高兴为您服务！开通担保交易您必须保证您注册5173用户名时填写的联系电话通畅，以便我们的工作人员联系您并对您的5173用户名进行激活，如果您的电话联系不上是无法激活的。请您登入您的5173，选择修改填写个人信息，重新提交您的资料，我们会对您的用户名再次激活。如您有疑问，您可以拨打我们的客服热线：4007115173，　0579-83225173 ，免费电话：8008579173 (请用固话或小灵通拨打)进行咨询。感谢您对5173的支持!!!                                                                                                                </t>
  </si>
  <si>
    <t xml:space="preserve">1.请问我在某个防疫科检查身体,化验乙肝表面抗原为阳性,办不了健? </t>
  </si>
  <si>
    <t>你体检的地方可能医疗条件差,设备可能也不那么先进,因此数据会有出入的情况.当然也不能否认是化验者本身的技术操作问题.中国乙肝患者感染率高的一个重要原因是公民预防意识比较淡薄,实际防护能力也有待于加强.所以减少乙肝的被称为感染率还需要政府多下功夫.</t>
  </si>
  <si>
    <t xml:space="preserve">有什么好看的动漫么 </t>
  </si>
  <si>
    <t>火影忍者 银魂 死神 妖精的尾巴 恶魔奶爸 家庭教师 下一站巨星 滑头鬼之孙 恶魔阿萨谢尔在召唤你 驱魔少年 叛逆的鲁鲁修 夏目友人帐 Fatezero 命运长夜 绝园的暴风雨 心理测量者 K 刀剑神域 法外制裁者 潘朵拉之心 黑猫 少年同盟 黑执事 吸血鬼骑士 贫乏神来了 今天开始做魔王 海贼王 龙珠 青之驱魔师 樱兰高校男公关部 学生会长是女仆 寻找满月 散华礼弥 魔力家族 网球王子 魔法使出租 鬼泣 甜甜吐司猫  妖狐x仆ss 守护甜心  每一部都是不容错过的动画精品哟。</t>
  </si>
  <si>
    <t xml:space="preserve">1个月大的宝宝可以把屎把尿了吗?宝宝还未满月家人就开始把屎把尿了 </t>
  </si>
  <si>
    <t>还是不要把那么快,孩子的腰腰脊椎还嫩,四个月再吧,我的宝宝三个月时我问医生可不可以让他坐在大人的腿上,医生都说最好不要那么快,因为腰椎还没那么硬,所以你想想把尿是要缩着腰的.</t>
  </si>
  <si>
    <t xml:space="preserve">如何用千千静听下载歌词?千千静听的歌词储存在什么地方呢?或者你干 </t>
  </si>
  <si>
    <t>1.千千静听的歌词储存在什么地方：在千千静听播放器中点击右键，然后选择“千千选项”，然后在左边的菜单中选择“歌词搜索”，　在歌词搜索页面的下方，有“保存到其它文件夹”的字，后面即是下载歌词的默认路径(千千静听目录下有一个Lyrics文件夹，是下载歌词的默认文件夹，歌词应该在那里面。)，　当然只要修改这个默认路径，也就可以把歌词存到别的地方。 2.如何让千千静听自动、询问下载歌词：千千静听---选项--歌词搜索---勾选自动在线搜索，设置好后如果你用千千静听播放歌曲如果是联网的，它就会自动搜索歌词文件夹的歌词，如果没有就会询问是否下载歌词确定后就会下载了。打开歌词秀按钮就会显示歌词，如果没搜到，就没有显示。3.在千千静听添加曲目的方法：千千静听里的歌曲列表的歌曲，只不过是建立指定路径下的目标歌曲，并不是歌曲本身。所以链接指定路径下的源文件比如移动即可。 （不过当你的移动硬盘拔除后千千静听链接不到源文件将无法播放歌曲列表的歌曲。说白了千千静听播放列表里的也只是链接，并不是实际文件，实际文件还在你存放的位置。） 具体方法如下：千千静听提供了多种添加曲目的方法，您可以根据需要选择不同的添加方式： · 添加单个曲目： 点击“添加”－&gt;“文件”，浏览并选择您想添加的文件，点击确定。 · 添加整个目录： 点击“添加”－&gt;“文件夹”，浏览并选择您想添加的目录，点击确定，此时整个目录下的所有音频文件均会加入到列表中。 · 添加网络音乐： 点击“添加”－&gt;“添加URL”，输入网络音乐的地址，点击确定。 提示：建议网络音频文件或者网络电台单独建立一个列表。 ·用搜索添加： 为了方便添加不同目录的文件，千千还提供了强大的搜索添加功能。 点击“添加”－&gt;“本地搜索”； 在“搜索位置”后面浏览选择，或者输入指定搜索目录。 在“搜索类型”中选择您要搜索的文件格式。 在“高级选项”后选中“不包含少于”，并填入时间（单位秒）；这样如果搜索范围太大，可以避免搜索到系统音效之类的文件。 在搜索结果中选择想要添加的文件，点击添加已选结果。 提示：选择时可以按ctrl键或者shift键进行多选。 ·从外部添加文件： 选择本地硬盘中的曲目（单选或多选均可），可以直接拖拽到千千的播放列表中任意位置。 当千千静听已经关联了本地硬盘中的曲目格式，可以鼠标双击该曲目，默认情况下直接添加到默认列表中的首位，并不清除当前列表。</t>
  </si>
  <si>
    <t xml:space="preserve">肝炎有哪几种类型？除了甲、乙型外，还有丙、丁型肝炎么？是因我前几 </t>
  </si>
  <si>
    <t>凡是能引起肝脏损害，出现肝功能异常的肝脏炎症性疾病，统称为肝炎。引起肝炎的原因是多种多样的，常见的有如下几种：①病毒性肝炎：是由各种嗜肝性病毒引起的肝炎。现发现至少有7种，分别用甲、乙、丙、丁、戊、己、庚表示。②酒精性肝炎：是因为长期大量饮酒引起的肝炎。③药物性肝炎：是因对肝脏有损害的药物引起的肝炎。④自身免疫反应性肝炎：是由于机体免疫功能紊乱引起的肝炎。在现实中我们常说的肝炎，主要是指病毒性肝炎。我们常说的是病毒性肝炎，它的分类如下目前已知有7种主要病毒性肝炎：①甲型（A型）病毒性肝炎（简称甲肝）：由甲肝病毒感染引起②乙型（B型）病毒性肝炎（简称乙肝）：由乙肝病毒感染引起 ③丙型（C型）病毒性肝炎（简称丙肝）：由丙肝病毒感染引起④丁型（D型）病毒性肝炎（简称丁肝）：由丁肝病毒感染引起⑤戊型（E型）病毒性肝炎（简称戊肝）：由戊肝病毒感染引起⑥己型（F型）病毒性肝炎（简称己肝）：由己肝病毒感染引起⑦庚型（G型）病毒性肝炎（简称庚肝）：由庚肝病毒感染引起这7种病毒性肝炎的病原体不一样，临床表现及愈后也不尽相同，相互间无交叉免疫性。人们可以同时或先后患这7种不同的肝炎。希望我的回答对你有帮助</t>
  </si>
  <si>
    <t xml:space="preserve">关于成人教育在读报名的问题?我现在已30多了,因学历不够,在单位 </t>
  </si>
  <si>
    <t>朋友你好，现在读本科 1，可以是在职也可以是专职，2，还在年龄上也放开了，3，学历不够也不严格要求了。4，科目的难度是现在的高中教材，5，报名时间就是高考的时间。</t>
  </si>
  <si>
    <t xml:space="preserve">我是21的MM法师刚刚玩网络游戏的不知道去那里练好了？？？21级 </t>
  </si>
  <si>
    <t>去古镇接骷髅的任务。。报　　酬：10~2000金币任务说明：『在往废墟的途中、警卫克提兹说有好工作、于是介绍萨梅德、只要完成萨梅德的工作可以得到很高的报酬。』1.和古鲁丁城镇南门的警卫克提兹说话，再去南门右边屋子后方找萨梅德触发任务取得解剖图2.取得骨头和??尸的尸骨拿给萨梅德换取金币取得5种骨头时可以找东北方的瓦尔塞克组成完整的人骨(会有一定的失败机率)，拿给萨梅德可换取2000金币&lt;骨头&gt;亡者头盖骨-50金币亡者脊骨、亡者腿骨、亡者臂骨-10金币亡者肋骨-15金币&lt;??尸&gt;??尸头-30金币??尸心-20金币??尸肝-20金币</t>
  </si>
  <si>
    <t xml:space="preserve">我是新手注册的，怎么不送钻石和金币啊？公告里说新手注册十天都送钻 </t>
  </si>
  <si>
    <t>我的小号只领了5天，就没有了，已经发了好几封信了，说是请等待，可都4天了还什么都没有</t>
  </si>
  <si>
    <t xml:space="preserve">什么是生活(工作)压力?该怎样正确面对?生活(工作)压力的具体概 </t>
  </si>
  <si>
    <t>压力铺天盖地。虽然痛苦的负面情绪——生气、悲痛、挫折、恐惧，或多或少渗入甚至主宰了我们的日常，但让自己的生活保持完整并不像想象中那么难。下列40种方法包括了人际关系的维系、不同事物的体验、健康身体的保持和简单娱乐享受等，它们将帮助你面对困境，拥有更积极面对生命的原动力。 生活中压力无处不在，压力本身就是生活的一部分。压力并不是一种情绪，而是人对发生在他周围或在他身上的事物的一种反应。从压力对个体行为的意义上分析，一些适度的压力可以给人以振奋，促进注意力的集中、提升工作的动机、引发正向情绪（如兴奋）、增加成功后的成就感等；而那些不适当的压力或者过度压力往往会带来负面影响甚至破坏性后果，例如造成注意力狭窄、思维僵化、产生恐惧与逃避的心理、引起情绪与行为失控、长久压力导致身心疾病等。因此，个体需要调适自己，正确面对发展过程出现的各种压力，找到一个平衡点，寻找更多的良性压力而尽量避免恶性压力的出现。具体而言，以下几种方式可以帮助青年人缓解压力： 1、正确评价自己，不要过高要求自己。正确认识自己、评价自己是个性发展的重要前提之一。自己对自己的认识、评价是在发展过程中逐渐培养起来的。对自己有正确的认识，做自己可以胜任的事情，对自己有个合理的预期和评价。 2、培养独立的人格，减少他人评价的影响。认识自己的价值，明确应该坚持什么、反对什么，有明确的是非界限，且不能人云亦云，不要被周围所左右。 3、多与人交流沟通，及时倾诉自己感受到的无助和不快。交流是释放压力的交效途径，交流的过程也是自我反思的过程。通过与他人交谈，获取心理支持，增强自信心。 4、利用各种社会支持。任何心理成熟的独立的现代人，都需要他人的帮助，广泛的社会支持是缓解压力不可或缺的途径。家人是社会支持网络的重要组成部分。此外，平时需注意扩大自己的交际范围，从没有利益冲突的第三方寻求心理支持。 5、从多纬度审视自己，建立自我同一性。由于自我意识具有复杂性与多维性，青年需要在多向度中审视自我、调整自我，寻找自我意识的统一点，整合自我意识，向理想自我靠近。 ＝＝＝＝＝＝＝＝＝＝＝＝＝＝ 缓解压力的方法 据专家讲，有几种方法可以用来对付压力。包括深呼吸和一种叫做冥想的思维引导方法。同时还包括体育运动，吃健康食品，休息时间充足以及平衡好工作与娱乐的时间。医生说，人们必须限制其饮食当中酒精和咖啡因的摄入量。人们如果喝太多含咖啡因的饮料，如咖啡，则更容易感受压力，体内也会产更多压力引发的激素。专家说，体育运动是减轻压力的最有效的方法之一。跑步，散步或者是别的体育运动项目都能使人产生身体上的变化，让你感觉更好。体育锻炼还能改善身体抵抗疾病的免疫系统。最近一项研究表明，锻炼可以防止智力下降。缓慢深呼吸也有帮助作用。还有，自己一个人承受压力会使情形变得更糟。研究者发现，如果不能够确定并宣泄自己的情感，则会导致很多健康问题，这些问题包括饮食不调，恐惧症和高血压。他们说，向朋友或家人宣泄感情，或者写下自己的感受都有利于缓解精神压力。专家说，只要有可能，人们应该尽量接受压力或者改变压力的状态，减少精神压力可以让你感觉良好，寿命也更长些。 ＝＝＝＝＝＝＝＝＝＝＝＝＝＝＝ 最科学缓解压力的方法是什么？ 沉重的生活负担及工作中遇到挫折，会给中年人带来无尽的烦恼，这些烦恼会造成身体上的不适。善于调节自己情绪的人，经过一段时间后身心不适的症状可以缓解或消失，然而调节不了就会严重危害中年人的健康。 首先要面对现实，适应环境，只有这样才能够发挥自己最大的能力去改造环境，以求外界现实符合自己的主观愿望，同时在力不能及的情况下，又能另择目标或重选方法以适应现实环境。 其次，中年人要与人为善，乐于与人交往，和他人建立良好的关系。人与人的交流不只是可得到帮助和获得信息，还可使我们的苦、乐得到宣泄，从而促使自己不断进步。 再有，中年人要权衡好努力工作与积极而有意义的休息的关系。据报道，我国约有60％（约7亿）人处于亚健康状态，当然其中中年人占有相当大的比例。尽管造成亚健康的原因是多种多样的，但过度疲劳仍是首要的原因。 工作的最大意义不仅限于由此获得物质生活的报酬，更重要的是，工作能使人在团体中表现自己，以体现个人的价值。现代社会生活节奏紧张，工作忙碌又机械，不少人长期紧张而又不善于休息调剂，不少人遇到休闲日却又不知如何打发，只是睡个懒觉或看看电视消遣，也有人一逢休息便拼命娱乐，或打通宵牌，或跳通宵舞，或看通宵电影，于是休息日反比工作之时更累更忙。我们应该合理地安排休闲时间，经常改换方式，或郊游，或聚会，或访友，或参观展览等等，使休闲生活丰富多彩，真正成为恢复体力、调剂脑力、增长知识、获得健康的时机。</t>
  </si>
  <si>
    <t xml:space="preserve">电脑为什么无法识别USB无法正常运行无法识别移动硬盘 </t>
  </si>
  <si>
    <t>这主要是由于BIOS中的USB启动选项末打开或末正确设置的缘故。进入CMOS设置后，在系统启动顺序中，有“FDD　USB”和“HDD　USB”选项，这就是USB启动选项，因此应选项系统启动顺序为USB设置为先。 但有些老主板不支持USB启动，因此也就无法使用闪盘了。修改注册表在开始----程序----运行，输入regedit就进入注册表了找到注册表项HKEY_LOCAL_MACHINE\SYSTEM\CurrentControlSet\Services\UsbStor，将右边的“Start”数值数据改为1（为16进制），确定并重新启动后生效。这样就可以使用USB接口了另外也许是由于USB接口供电不足造成的使用USB延长线连接或换一个接口看看</t>
  </si>
  <si>
    <t xml:space="preserve">银元中袁大头、孙中山、蒋介石那种最值钱我有袁大头、孙中山、蒋介石 </t>
  </si>
  <si>
    <t xml:space="preserve">袁大头最值钱辛亥革命以后，袁世凯窃据了“临时大总统”之职。当时，虽然内外交困，一片纷乱，但为了巩固统治，尤其是为“制宪”和“称帝”作准备，于是毅然决定在全国“统一币制”。是年（民国3年，即1914年），制定了“中华民国国币条例”，于是大量收购旧币，在天津造币总厂和武昌、广州、南京等分厂按规格、重量等铸造袁世凯头像银币，在全国通用，逐渐取代了清朝政府的“大清银币”，“光绪元宝”等银币，这便是我国历史上发行量最大、流通最广、存世量最多的10余种“袁大头”机制银币（民国3年、8年、9年、10年等）。“袁大头”银币的正面图案，中间为袁世凯（均为光头）戎装左侧面像，上方为“中华民国×年”；背面图案均是两株交叉的稻穗，中央为“壹圆”、“中圆”（伍角）、“贰角”、“壹角”字样，后几种上方分别有“每二枚当一圆”、“每伍枚当一圆”和“每十枚当一圆”的字样；该系列币分别重26．6克、13．3克、5．3克和2．6克；成色分别为90．4％、84．5％、80．4％和82．5％；该币的外环主要是直齿边，另外，还铸有少量工字边和花齿边。在该系列币中，民国3年、9年、10年等一元币较为常见，目前在币摊上50—80元即可购得（一枚），有时在民间十几二十元也可买到。如能低价购得发行较少的民国9年币更好。但是，在民国三年的“袁大头”中，袁世凯“签字版”则出类拔萃地被爱好者所钟爱。一类是民国三年天津造币厂试铸的意大利制版人的英文签字版；另一类是袁世凯的左侧面像后颈部位的签字版。以上两类（5种）均为样品币，未曾正式流通使用，所以存世不多，目前几类图书上所标参考价均为1．5万—3万元。一些币友询问为什么真品的珍品币近来却卖不出好价钱呢？笔者思索其中主要原因是银币中，尤其是高档银币中各种材料和手段制造的仿伪品太多，几乎占了90％以上。尤其是近年来以激光照排制版为手段，以真银子造的“珍稀”假银币不但屡见不鲜，而且其“真实”、清晰”度等，比真币还要“真”！人们真假难分，使许多人上当受骗；另外，真正的收藏爱好者因财力有限，明知是枚好币，但因囊中羞涩，只能望币兴叹等，这便是珍品币卖不出好价钱的主要原因。所以，实际价值、“参考价”与售价的关系也并非一成不变的，所谓“货卖买家”，其中也有一些运气的成分，一般情况是拍卖会上的价格比较可观。业内行家提供了一种鉴定银币真伪的好办法：将银币在一块试金石上擦拭几次，直至出现道道银白色的擦痕，然后在擦痕上滴入盐酸和硝酸。这时，如果是真币，擦痕上的混合液体呈乳白色，伪币则呈无色透明状。如果角币含银量不足，盐酸和硝酸的混合液体也呈现乳白色，但不够浓郁。含银量越少，其浓郁度就越低。 </t>
  </si>
  <si>
    <t>四场单0做胆，这期就这么简单。01佛罗伦(06)09</t>
  </si>
  <si>
    <t xml:space="preserve">01 佛罗伦(06) 09-24 02:45 桑普多(01) 02 亚特兰(20) 09-24 02:45 卡塔尼(18)=3 03 博洛尼(16) 09-24 02:45 利诺(17)=31 04 巴　里(09) 09-24 02:45 卡利亚(19)=30 05 国　米(03) 09-24 02:45 那不勒(14)=31 06 拉齐奥(07) 09-24 02:45 帕尔马(05)=31 07 乌迪内(12) 09-24 02:45 AC米兰(08)08 巴勒莫(13) 09-24 02:45 罗　马(11)=0 09 马竞技(19) 09-24 02:00 阿尔梅(07)=31 10 萨雷斯(20) 09-24 02:00 拉科鲁(13)11 维拉利(17) 09-24 02:00 皇　马(01)=0 12 特内里(16) 09-24 02:00 毕尔巴(03) 13 赫塔菲(12) 09-24 04:00 瓦伦西(05) 14 西班牙(15) 09-24 02:00 马拉加(11)=31 </t>
  </si>
  <si>
    <t xml:space="preserve">枪的制退器只是在枪管的前端弄几个洞就可以起到制退的作用吗? </t>
  </si>
  <si>
    <t>当然不是随便弄几个洞就可以的！当然要根据物理学原理和力学原理来确定了！为什么有后坐力，因为反冲作用（这个原理大家都应该知道吧，火箭和喷气式飞机就是用这个原理飞行的），弹丸飞离枪口后，枪口火药气体猛烈外喷造成了枪枝的强大后坐力，弹丸飞离的时候也有后坐力，但因为弹丸的速度远没有火药气体外喷的速度快，所以弹丸造成的后坐力相比火药气体造成的后坐力要少很多，枪口制退器原理很简单，就是分流火药气体，让它不是完全向前喷出，而是向两侧甚至向后方喷出，这样向前喷出的就大大减少了，当然后坐力也大大降低了。这个效果非常明显，拿AK－74来说，装上制退器和不装制退器，后坐力有60％的差异。同时现在的枪口制退器还具有消除火焰的作用，增强了目标的隐蔽性，让敌人不容易发现。所以现在的枪口装置不光要考虑制退作用，还要考虑消焰作用，并且还要考虑对射手的影响，不能伤害到射手。一般来说这几方面都是兼顾的。</t>
  </si>
  <si>
    <t>埃尔切</t>
  </si>
  <si>
    <t>2-0了，你的不用追了</t>
  </si>
  <si>
    <t xml:space="preserve">外力做功的能量会转换成弹簧的弹性势能合部分动能，如果弹簧也是匀速? </t>
  </si>
  <si>
    <t>外力做功的能量会转换成弹簧的弹性势能合部分动能，如果弹簧也是匀速改变的，那就只转换成弹性势能 为什么在外力做功能量转换为弹性势能和部分动能，这个部分动能是从什么地方来的呢？ 但是弹黄是匀速的话，就只能转换为弹性势能的呢物体的动能Ek=(1/2)mv^2，与速度有关当外力做功时（例如在水平面上拉一个物体），物体的速度将逐渐增大，那么它的动能也逐渐增大。你的题干的论述中涉及到弹簧压缩的问题，那么当外力做功时，这部分能量就转化为弹簧的弹性势能和物体的动能。如果物体不是匀速（即速度有所改变），那么它的动能也会改变，此时做功的这部分能量就等于弹簧压缩时的弹性势能与物体动能的改变量之和。但是，如果物体时匀速（即速度不变），那么它的动能也不会改变。此时，外力做功的能量就完全转变为弹簧压缩时的弹性势能。</t>
  </si>
  <si>
    <t xml:space="preserve">我想给自己买一份保险,买什么样的保险好呢?(只考虑重大疾病险和意? </t>
  </si>
  <si>
    <t>建议买提前给付类型的重疾险，并且带增额分红类的最好，但提前给付条件也要看清楚，最好是医院确诊就开始理赔的那种，而不是确诊后还要生存多少天才开始理赔的那种。最好附加住院和津贴，这样平时的小病住院也能得到有效的保障，而且这种附加险的费用也不高，却实用性相当强。如果你光只买重疾和意外的话，虽然你有很好的忧患意识，但久了你会发现购买的产品“用处”不大，而搭上附加住院和津贴后，情况就能完全得到改观，不必再害怕生病住院了。意外通常都是10W起价比较合适。但缺乏你的很多资料（比如最重要的经济收入和支出项目），这里不好为你建议具体合适的产品以及保障力度。不知你所在的地区是哪里？您的想法还是挺先进的，很多人都不明白为什么要给自己买保险，而您就有这种先进的意识，难得！！！您公司所给员工上的社会保险是“广覆盖、低保障”，如果很不幸发生大病的风险，它几乎解决不了您的什么问题。根据您的需求，可以考虑保终身的大病保险。由于您的信息提供的不详细（比如您的性别、年龄、支付能力等），所以不太容易给您作出正确的判断。至于保险公司的选择，需要看您所在的城市。看你有什么样的需求了,现在有消费型和储蓄型2种产品(重大疾病方面).而且现在有确诊后一次行给付所有保险金的和报销性质的2种.你的需求是?</t>
  </si>
  <si>
    <t>【丁亥春节征联19</t>
  </si>
  <si>
    <t>出句：传承俗典 营造欢欣 年味溢如春荡漾 [塔西落尘]对句：激奋精神 重生文采 志气扬同日辉煌 [随风~~~~]呵呵，凑一个。</t>
  </si>
  <si>
    <t xml:space="preserve">有些人为什么那么看中钱呢？现在有的人只认钱，不认人，这是一种什么 </t>
  </si>
  <si>
    <t>钱不是万能的，但没有钱是万万不能的；有什么别有病，没什么别没钱。</t>
  </si>
  <si>
    <t xml:space="preserve">哭泣求助！！！我今年１９岁，现在上班不跟家里要一分钱。我在沈阳上 </t>
  </si>
  <si>
    <t xml:space="preserve">    莫哭哦,那家公司的确不应该——拖欠你的工资不应该，法定假期扣工资也不应该。你可以到劳动局劳动监察大队反映，由他们督促解决，也可以向劳动争议仲裁委员会申请仲裁。有一点你要特别注意哦，那就是仲裁时效的问题，劳动法第八十二条规定： “提出仲裁要求的一方应当自劳动争议发生之日起六十日内向劳动争议仲裁委员会提出书面申请”。而《最高人民法院关于审理劳动争议案件适用法律若干问题的解释(二)》第一条第（三）项规定：“劳动关系解除或者终止后产生的支付工资、经济补偿金、福利待遇等争议，劳动者能够证明用人单位承诺支付的时间为解除或者终止劳动关系后的具体日期的，用人单位承诺支付之日为劳动争议发生之日。劳动者不能证明的，解除或者终止劳动关系之日为劳动争议发生之日”。公司有可能故意拖下去，以致时效超过。你若能对他们的承诺通过录音加证明，则从他们承诺支付的时间起算时效，否则，从3月2日起算时效。千万不要过了仲裁时效了， </t>
  </si>
  <si>
    <t xml:space="preserve">迈腾好还是帕萨特好？同等条件下，不考虑价钱，给个建议 </t>
  </si>
  <si>
    <t xml:space="preserve">   两车相比肯定是迈腾更好 先说核心 迈腾的发动机采用了1.8TSI跟2.0TSI 两款发动机 TSI发动机采用的是缸内直喷水冷涡轮增压技术 而无论是帕萨特B5还是领域 都没有采用缸内直喷技术 而且涡轮还是老款的油冷涡轮 高速使用后 还需要延时怠速冷却 否则会缩短涡轮寿命  而迈腾的水冷涡轮就不需要延时怠速 而且由于技术的提升 这款涡轮在发动机1500转就能迸发出最大扭矩 属于低速高扭车型 虽然1.8T的帕萨特领域采用了20气门技术的发动机 但迈腾的16气门发动机也足够使用了 而且现在的TSI发动机都有可变气门技术 从发动机上来说 迈腾胜出   再看变速器 B5 领域 迈腾都配备了6速手自动一体变速器 但只有迈腾还配备了DSG双离合变速器 虽然这两款变速器从外观上看不什么不同 但实际上 6速手自动一体变速器的传动是靠"液力变矩器"传动 属于软连接的变速器 对发动机最大扭矩的调校有一定的限制 在动力传动的丧失率方面也比DSG变速器高 所以还是迈腾胜出     别的方面还有更多可以比较的 但一说就多了 单看核心技术就足以证明 迈腾要比B5跟领域更优秀 </t>
  </si>
  <si>
    <t xml:space="preserve">什么方式可以长久的去除毛发 </t>
  </si>
  <si>
    <t>　　脱毛并不是简单地去除毛发就可以，而是要在不伤害皮肤的情况下，达到不再生的效果。纵览市场上流行的各种脱毛方法，只有激光脱毛能做到。通过下文的介绍，您也会有相同的观点。　　1、夹子脱毛：用眉毛夹一根一根地拔除，因为是连根拔起，维持的时间会长一些，但也不会毁坏毛囊。缺点是相当疼痛而且如果毛孔清洁度不够，会使肌肤抵抗力下降，出现红肿和感染。　　2、剃刀脱毛：剃刀脱毛是比较经济方便的脱毛方法，不仅快速无痛，还能随时进行，剃毛刀也可重复使用。因为不影响毛囊，而且毛根还在，所以维持时间很短，而且再生的毛发看上去更加粗黑浓密。　　3、脱毛膏脱毛：利用物质溶解毛发，对毛囊没有损伤。迅速、方便，但效果不长久，毛发会再生，如果长期进行，可能使皮肤变得敏感。　　4、蜜蜡脱毛：可以比较迅速地大面积脱毛，而且维持时间较久，但最长不超过8周。比较痛，治疗过程中可能造成皮肤内毛根、毛囊的扭曲，导致毛发内生，容易继发毛囊炎或其他类型的皮肤感染。　　5、激光脱毛：以特定波段的激光穿透皮肤直达毛囊根部，利用选择性光热效应，让毛囊中的黑色素细胞吸收特定波长的激光，并产生热能，使毛囊失去活性而拟制毛发生长，从而达到长久脱毛的效果。毛囊受热坏死的过程不可逆，长久性脱毛效果可以保证。</t>
  </si>
  <si>
    <t xml:space="preserve">为什么今天28号我还没得到积分呢？我集齐了圣诞四张邮票，怎么都2 </t>
  </si>
  <si>
    <t xml:space="preserve">您好，非常抱歉，由于活动刚结束，我们需要统计所有集齐圣诞邮票的用户名单，然后统一加分，所以在时间可能会比较长。但是请放心，如果您已经集齐这期的4张邮票，，我们会在这周内将您获得的1225分加上的。十分感谢您对本活动的参与与支持。如有更多问题， 请咨询新浪客服中心。全国统一客服热线：  咨询邮箱：webcn@ </t>
  </si>
  <si>
    <t xml:space="preserve">学校应该如何召开有意义的家长会？ </t>
  </si>
  <si>
    <t>家长会的目的是让学校和家庭之间完成一个良好的信息沟通，只要能够完成这样的一个目标，那就应该算是成功且有意义的。从学校的角度来看，通过定期的家长会，把孩子在学校的一些情况告知家长，将学校的一些与孩子有关的活动和事项告知家长，这都是学校应完成的工作。有的时候，学校也希望家长能够知道一些有关学校发展的重大事项，获得家长的支持和理解，这在一些比较注重氛围建设的学校中是很常见的。从家长的角度来看，通过定期的家长会，希望获得孩子在学校的学习、生活情况，了解到一些与孩子成长有关的信息，配合学校营造一个良好学习、生活环境，让孩子能够更好地健康成长。至于家长会的形式，是可以多种多样的，在需要进行全面集体通知某些信息的时候，集中的家长会是必须的，这样最省时间；在某些时候仅仅是让家长知道有关孩子的一些个人信息，或是家长对于子女的一些问题的询问，可以采取家长接待的方式，个别接待。就个人而言，家长会的存在本身就是非常具有意义的。一般来说，无意义的家长会是很少的。有的家长会对学校举行的家长会认为没有必要，觉得自己工作已经非常繁忙，下班后去开这样的会没什么意思，单纯地将教育子女的责任全部交给了学校，其实是不对的。</t>
  </si>
  <si>
    <t xml:space="preserve">急急急急急急宝宝八个月打完麻风和乙脑疫苗后下午开始发低烧、身上出? </t>
  </si>
  <si>
    <t>问题分析：您好，很多孩子会在接种疫苗后出现不适的反应，很多是由于对疫苗的不耐受导致的，比较常见的就是皮疹和发热。意见建议：建议可以带孩子到医院先查一下血常规的情况，排除其他疾病引起的皮疹，再就是注意可以适当的吃点抗过敏的药物，对于接种引起的皮疹效果还不错。</t>
  </si>
  <si>
    <t xml:space="preserve">怎么才能打开下载的游戏（*.RAR类型文件）？ </t>
  </si>
  <si>
    <t>打开后，按CTRL+A全部选择，点击右键，选择“解压缩到指定文件夹”，选择你要放置的文件，解压完成后，进入刚才的文件，里面就有个安装文件，打开后，后面的步骤就跟从光盘安装一样了。</t>
  </si>
  <si>
    <t xml:space="preserve">我该怎么办？真是不知道该怎么办了，希望看到此贴的gg、jj帮帮我 </t>
  </si>
  <si>
    <t>他很爱他的家人也很维护他的家人如果你是独生子女的话，这种亲情是你体会不到的他唯一的姐姐从今以后就不是属于他一个人的了！会有一个除他以外的男人来照顾他了，他心里一定有种失落的感觉！所以他会这么说当然咱们也不能吃亏，毕竟咱们一辈子也就这么一次嘛！你不妨和他谈谈，说出你的想法，然后你试着把我分析的和他说说说不定真的说到他的心里去呐！也许你们可以商量到一个两全的方法！不要着急啊！祝福你们哦！</t>
  </si>
  <si>
    <t xml:space="preserve">杀死小蟑螂用什么药？家里不知道为什么突然出现小小个的蟑螂，以前要? </t>
  </si>
  <si>
    <t xml:space="preserve">你说的这种小蟑螂是德国小蠊，蟑螂中比较难灭除的品种，它的繁殖能力和生命力都很强，尽管它们难灭，但是聪明的人类还是有办法对付它们的，用洁兵杀蟑胶饵（带防伪码）来灭绝小蟑螂吧，它是专杀蟑螂的，而且对小蟑螂也有很神奇的效果，别的药小蟑螂不喜欢，自然而然就杀不了，而洁兵是一种膏状的药，像“蛋糕”一样，小蟑螂是特别喜欢吃，药里还有引诱剂会引诱它们主动去吃，一般用上药后2-3天左右蟑螂吃了药就会慢慢死，一星期到十天左右效果比较明显，十来天左右可以全部灭绝，蟑螂灭绝后不要把药擦掉，药效还可以管半年以上的效果。 </t>
  </si>
  <si>
    <t>值多钱？？92级WD11</t>
  </si>
  <si>
    <t>没多少钱，RMB的话，最多200，JXB就自己可以算了</t>
  </si>
  <si>
    <t xml:space="preserve">C程序报错急急急！！！！！查看附件，我用VC++6。0运行报错， </t>
  </si>
  <si>
    <t>已修改好了，请查收。</t>
  </si>
  <si>
    <t xml:space="preserve">请问哪里能打到高级符文?请问单机版什么怪暴高级符文率高? </t>
  </si>
  <si>
    <t>有三种方法:1.就是打地狱难度的女伯爵(就是第一幕的高塔主人)           2.就是单机双开建立小号(做第四幕的第二个任务,砸灵魂 之石)           3.就是用低等级的符文去合成高级别的符文(很辛苦的)我建议你用第2种方法,方便一些.</t>
  </si>
  <si>
    <t xml:space="preserve">帮忙翻译一下,谢谢1.Formorethantwomonthsy </t>
  </si>
  <si>
    <t>1.有两个多月的时间就算在中午你也看不到太阳。 2.有两个多月的时间，太阳从不落山，也没有夜晚。 dry 拽 不过发第四声</t>
  </si>
  <si>
    <t xml:space="preserve">65的CK商那里单练好？最好赚钱也快的地方~~~ </t>
  </si>
  <si>
    <t>没最好，只有混团。</t>
  </si>
  <si>
    <t xml:space="preserve">你们相信一见钟情吗? </t>
  </si>
  <si>
    <t>我相信！因为此事发生在我身上，曾经我根本就不相信什么所谓的一见钟情，更没奢望过在我身上出现。但在我结婚十年，并且夫妻感情很好的情况下与他偶遇了，在我看到他的第一眼起，我的心便动了---莫名的情愫涌现！我便确定那就是成语“一见钟情”的诠释。于是，我肯定地回答你：“有！”但可遇而不可求，也并不是每个人都能遇到。不过，希望你有此运！</t>
  </si>
  <si>
    <t xml:space="preserve">是不是Ｃ盘空间越大，电脑就运行越快 </t>
  </si>
  <si>
    <t>空间只是一个要素，电脑运行的速度主要和内存的大小，cpu的速度，主板的配置，硬盘的读取速度有关。C盘空间的大小往往被用来做虚拟内存，对机器运行速度的影响只是很小的一个因素。</t>
  </si>
  <si>
    <t xml:space="preserve">家居应注意哪些风水问题? </t>
  </si>
  <si>
    <t>你可以去我的开放词典观看！谢谢。如有什么问题可以发消息问我。</t>
  </si>
  <si>
    <t xml:space="preserve">正常是什么样的？正常阴茎的包皮包到什么程度，为什么我总是决的我的 </t>
  </si>
  <si>
    <t>在自然状态下龟头外露,　男性的阴茎头外面，有双层折叠的阴茎皮肤，这就是包皮。翻转包皮，可见龟头后面呈环状缩小部位叫做冠状沟。在冠状沟附近的皮肤里有许多皮脂腺，分泌一种具有臭味的分泌物，呈黄白色泥状，称为“包皮垢”。 　　一个男子，特别是在７岁以前，包皮都比较长，遮盖了整个阴茎头及尿道外口。以后随着青春发育，阴茎体积增大，长度增长，包皮会向后退缩，使阴茎头和尿道口暴露在包皮之外。如果到了成年，包皮口狭窄，或包皮与阴茎头仍然粘连，包皮不能上翻，露出尿道口或阴茎头，在医学上称之为包茎；如果包皮虽然能上翻露龟头，但包皮口很小，盖没尿道外口，就称包皮过长。 　　在我国成年男子中，包皮过长者占29％，包茎者占9％。 　　有人认为包茎、包皮过长并不防碍性及生育，因此不是一种生殖器的疾病。其实，这种看法不是科学的。因为，不论是包茎还是包皮过长，对人体都有一定害处。 　　（1）妨碍阴茎发育，影响性生活的和谐：包茎会影响阴茎的生长发育，在青春期由于阴茎头被包皮紧紧包住，得不到外界的应有刺激，阴茎头的发育受到很大束缚，致使性器官发育成熟后的阴茎头冠部的周径明显小，影响性快感。成年人会由于包皮过长或包茎，影响正常性生活。特别是包皮口径过小的男人，包皮上翻不能复原，包皮紧紧卡在冠状沟处，成嵌顿包茎，痛苦不甚。严重时，龟头会因血流不畅而发生水肿，甚至可发生龟头坏死。 　　（2）使阴茎发炎：包皮内有丰富的皮脂腺，能分泌大量的皮脂。包茎或包皮过长时，使包皮内皮脂腺的分泌物不能排出，皮脂和尿中的沉淀物合成乳酪状奇臭的“包皮垢”。包皮垢适宜细菌生长，故可引起阴茎头及包皮发炎。病菌通过尿道还可以造成尿路感染。发生在尿道口的炎症，愈合后可引起尿道口狭小，造成排尿困难。 　　（3）损害肾脏功能：由于阴茎发炎，可以引起尿道口或前尿道狭窄，造成排尿困难。长期排尿困难，肾脏的功能就会受到损害。 　　（4）有致癌的危险：包皮过长和包茎，有诱发阴茎癌的可能。现代科学研究表明，包皮垢是一种致癌物质，据调查，85%-95%的阴茎癌患者，都是包茎或包皮过长。包茎和包皮过长，不仅影响自己的身体健康，如果和妻子同房，还会把包皮垢带入阴道，刺激子宫，诱发子宫颈癌。 　　因此，包茎及包皮过长的男子应当及早到医院手术治疗。作包皮环切术。对于不发炎的包皮过长，只要经常将包皮上翻清洗，也可不必手术。 　　如果有炎症不能及早手术，也应当保持外阴清洁，每天清洗一次阴茎，不要用手翻包皮，不要乱涂药，更不要轻信什么“偏方”，要及时到医院请医生处理，待炎症消失后再做手术。</t>
  </si>
  <si>
    <t xml:space="preserve">泡菜，豪华寿司组分别是什么价格？三区牧羊。 </t>
  </si>
  <si>
    <t>泡菜一组 6000-6500豪华肉丝一组1W-1W2,我觉得豪华寿丝最好用预定的客户在做,不然做了是卖不出的!我做个10组卖了3天,郁闷吧,现在已经有客户订购了,当然这些客户是大款而且是高级的魔,.市场需求量比较小</t>
  </si>
  <si>
    <t xml:space="preserve">大家一般都用什么港股投资软件呀？ </t>
  </si>
  <si>
    <t>刚炒港股啊，:-) 以前我用过钱龙的，但是MS没什么数据，最近有朋友推荐我用多元世纪分析系统，刚开始试用，虽然不能和A股比，但好像数据比钱龙要多很多。 不过你应该是个人吧，如果是个人就不要买了，用免费的嘛，随便装一个软件，看延迟一点的行情就好啊，省钱。</t>
  </si>
  <si>
    <t xml:space="preserve">毒牙问题SS有个毒牙技能使变身后攻击附加木系伤害持续15分钟,假 </t>
  </si>
  <si>
    <t>我是SS   变回来后是没有用的  我们测试过的图标是有的  你可以采药造些什么丸   看属性加   可以附加伤害</t>
  </si>
  <si>
    <t xml:space="preserve">我下载了客户端，也下载了Direct9.0,一点击就说安装上了，? </t>
  </si>
  <si>
    <t>DirectX随意卸 DirectX 9.0c 2006.10 多国语言版 其实现在的XP系统自动更新系统到SP2的补丁就带有DirectX 9.0c,不过很多朋友也是安装了SP2补丁照样也还要装DirectX 9.0.看你的情况,你可以先下载"DirectX 9.0c 2006.10 多国语言版"试试能不能安装.不行的话就先用"DirectX随意卸"卸载老版本.DirectX 9.0c 2006.10 多国语言版安装时候那个安装路径自己新建一个文件夹(随便建在哪,安装好以后就能删除了),按"下一步"之后后就会解压到新建文件夹里.最后到新建的文件夹里点"setup"才正式开始安装</t>
  </si>
  <si>
    <t xml:space="preserve">请推荐一只有色金属股票同上 </t>
  </si>
  <si>
    <t>600497驰宏锌锗:定向增发的资产注入之后，驰宏锌锗的铅锌资源储量将增加至少400万吨达到766万吨以上。而电解锌产量也将从15万吨提高到近24万吨（权益），预计公司2008、2009年EPS为1.97元和2.32元（假设2008年底注入）.1季度受雪灾影响业绩都有8分,也是这个原因使股价大跌,但是也创造了机会:雪灾毕竟是百年难遇的.现在的动态市赢率只有13倍多,价值明显低估.</t>
  </si>
  <si>
    <t xml:space="preserve">电脑一直不关机玩卓越外挂可能大家也长时间不关机挂着练级吧问下时间 </t>
  </si>
  <si>
    <t>主要是看你电脑配置如何，最关键还是散热，散热好的电脑开三天关一次，不会有问题。其次就是显卡，就算你的显卡本身比较好，挂机时也建议所有效果调最低，长期挂GE的人显卡一般都比较容易出问题。</t>
  </si>
  <si>
    <t xml:space="preserve">初三化学已知答案是A不知如何判断谢谢！ </t>
  </si>
  <si>
    <t>B有铜离子，是浅蓝色的。C中硫酸钡是沉淀。D中三价铁离子是黄色的。</t>
  </si>
  <si>
    <t xml:space="preserve">新鲜的“佛手”怎么吃？新鲜的“佛手”怎么个吃法？有什么功效？ </t>
  </si>
  <si>
    <t>凉伴炒炒都可以的</t>
  </si>
  <si>
    <t xml:space="preserve">显示器显示质量与显卡有关吗? </t>
  </si>
  <si>
    <t>显卡对显示质量主要是体现在色彩还原度方面，也就是板卡低通滤波功能的体现以前a卡以色彩明亮鲜艳著称，n卡以3d渲染速度见长，其实都差不多，色彩质量见仁见智，受主观太大影响但是Matrox显卡2d显示质量一流是毫无疑问的，只可惜现在不做民用卡了，既买不到有买不起</t>
  </si>
  <si>
    <t xml:space="preserve">怎么添加音乐？总想听音乐，可我就是不知道怎样把音乐加到我的博客里 </t>
  </si>
  <si>
    <t>新浪博客量身定做的flash版本播放器定制新浪博客背景自动播放的具体步骤如下：第一步、登录自己的博客（输入用户名、密码和验证码）　　第二步、在首页右上方和左中部都能找到控制面板　　第三步、进入控制面板，找到个人首页维护（就可看到背景音乐播放列表）　　第四步、在背景音乐播放列表选择进入编辑页面　　第五步、选择新增选项，设置新的背景音乐　　第六步、输入音乐列表标题，然后选择下一步　　第七步、音乐列表增加成功，选确认项进入下一程序。　　第八步、在修改背景音乐列表中（右上方是“音乐搜索”，中间是具体选项，下面是“新增”）　　 点击“新增”，出现新增音乐选项，可输入音乐标题、音乐播放url、描述(可不写)　　第九步、点击“音乐搜索”，搜索自己喜欢的音乐　　第十步、在音乐搜索中，输入喜欢的歌名，然后选择搜索（新浪博客只支持MP3格式，所以要选择 MP3格式）　　第十一步、在出现的音乐列表中，点击mp3格式的歌曲名，在音乐链接地址上点右键选择属性，复制 音乐url链接地址。 　　第十二步、将搜索复制的音乐url链接地址粘贴到音乐列表，点击右边的勾号确认。（如需修改可选 右边的笔形标志修改编辑或叉号标志删除）注：如需自动播放歌曲，就把音乐列表的第一首歌曲的url链接地址填写为自己的博客地 址即可。第十三步、点击“保存”出现更新成功确认框，点击“确认”进入下一步。（如果想在列表中增加 更多的音乐，可以参见以上步骤）　　第十四步、返回到控制面板，点击定制我的首页，或者直接在右边操作面板中选取　　第十五步、进入定制我的首页，点击“添加模板”　　第十六步、在左下方就可以看到背景音乐播放列表，勾选该模块，点击下面的选取。　　第十七步、点击“保存设置”。　　第十八步、刷新博客首页就看到背景音乐效果。</t>
  </si>
  <si>
    <t xml:space="preserve">哺乳期能用克霉唑阴道片吗？念珠菌复发而下身骚痒，但宝宝还在哺乳， </t>
  </si>
  <si>
    <t>根据克霉唑阴道片说明书，使用克霉唑阴道片有微量吸收，但是否分泌进入乳汁还缺乏实验资料,因此哺乳期妇女应慎用。由于克霉唑阴道片属于外用给药，人体吸收微量，一次只用1片即为一疗程，所以，药物对哺乳的影响很小，如实为病情需要，可以使用。</t>
  </si>
  <si>
    <t xml:space="preserve">不用完毕散仙装备会练暴吗?真仙散仙装备,要是不用完毕会练暴吗? </t>
  </si>
  <si>
    <t>你好也有可能会爆的，昨晚我衣服加1，第五件才成功诛仙资料组飞机</t>
  </si>
  <si>
    <t xml:space="preserve">恶性淋巴肿瘤病人注意事项 </t>
  </si>
  <si>
    <t xml:space="preserve">恶性淋巴瘤饮食宜忌来源：新华社　作者：佚名　　关键字：营养饮食　浏览量：1369　　恶性淋巴瘤是一组原发于淋巴结或淋巴组织的恶性肿瘤。恶性淋巴瘤表现多种多样，淋巴结肿大为其特征，以其首发者约占60%，多发于颈部，其次为腋下、腹股沟，淋巴结大，坚而有弹性，无疼痛。病变也可见于淋巴结外组织器官，引起吞咽困难，鼻出血、腹痛、腹泻、腹水、肝脾肿大、肝痛、黄疸、咯血、胸水、骨瘤、病理性骨折、中枢神经病变、皮肤溃疡等。何杰金氏病大多表现为淋巴结病变，非何杰金氏病则多表现为淋巴结外病变，二者表现不尽相同，全身症状有恶寒、发热、乏力、盗汗、消瘦，晚期有贫血及恶病质。【宜】　　(1)宜多吃具有抗恶性淋巴瘤作用的食物：穿山甲、蟾蜍、田鸡、芋艿。　　(2)淋巴结肿大宜吃荸荠、芋艿、核桃、荔枝、黄颡鱼、田螺、羊肚、猫肉、牡蛎。　　(3)发热宜吃豆腐渣、无花果、大麦、绿豆、苦瓜、节瓜、菱、水蛇。　　(4)盗汗宜吃猪心、羊肚、燕麦、高粱、豆腐皮。　　(5)肝脾肿大、出血、贫血同白血病有关内容。【忌】　　(1)忌咖啡等兴奋性饮料。　　(2)忌葱、蒜、姜、桂皮等辛辣刺激性食物。　　(3)忌肥腻、油煎、霉变、腌制食物。　　(4)忌公鸡、猪头肉等发物。　　(5)忌海鲜。　　(6)忌羊肉、狗肉、韭菜、胡椒等温热性食物。　　(7)忌烟、酒。【护理措施】 　　关心体贴病人，耐心与病人交谈，通过交谈确认病人对疾病知识了解程度和对疾病、未来的顾虑，并给予清楚、充分的解释和说明。向病人描述病因：①尚未完成阐明；②可能与病毒感染、免疫缺陷、自身免疫病有关。 　　描述疾病的分类：霍奇金病和非霍奇金病。 　　解释淋巴瘤原发部位因人而异，可以是淋巴结或淋巴结以外的器官，如扁桃体、鼻咽部、胃肠道、脾脏、骨骼及皮肤等。 　　了解此疾病的临床表现。 　　解释明确诊断必须做细胞活检，以便病人密切配合。 　　讲解治疗方法。 　　建议有条件的病人做骨髓移植或外周干细胞移植。 　　创造一相相互尊重、信任和合作的氛围，认真听取病的提出的问题，并耐心给予解答。 　　允许和鼓励病人自学有关知识，提供适合病人的学习资料。 　卧床休息，减少活动，协助病人日常生活，减轻心肺负担。 　　降温处理：根据病人的具体情况选择合适的降温方法，如时测量体温并记录，以便观察降温的效果。 　　监测体温、脉搏、呼吸，每4h1次。 　　保持室内空气新鲜，每日开窗通风2次，每次15-30min，并注意保暖。 　　给予清淡易消化的高能量、高蛋白质的饮食，以补充高消耗。 　　出汗后及时擦干汗水，并随时更换汗湿的衣、被服；清洁全身皮肤，并鼓励病人多饮水，尤其是糖盐水，以预防大汗脱水而发生低血容量性休克。 　　口腔护理，多漱口。因高热病人唾液分泌减少，有利于细菌生长。 　　高热惊厥者予氧气吸入。 　　病人出汗畏寒、寒战时注意保暖。 做好保护性隔离：在病人接受化疗后，且骨髓受到抑制期间应减少探视人员，减少活动，尤其是少到人群聚集的地方活动，并戴口罩。　　各种治疗严格遵守无菌技术操作原则，工作人员接触病人前后要认真洗手，预防医院感染。　　保持室内空气新鲜，每日开窗通风2次，每次15-30min ，室内上、下午各1次。用0.5%过氧乙酸喷雾消毒，室内地面、床单位用1：200"84"消毒液抹拭消毒。 　　协助病人及时增减衣服，预防感冒。 　　协助病人做好个人卫生，指导病人培养良好的卫生习惯，经常洗手，尤其便后、餐前、自我护理前后要认真洗手，注意饮食卫生，不吃凉拦不洁生食，禁烟酒、浓茶、咖啡。 　　保持口腔卫生，保证每日3次口腔护理。每日多次用盐开水含漱，尤其是进食前后、晨起、晚睡前，以便清除食物残渣，并观察口腔粘膜有无异常、牙龈有无红肿。 　　保持良好的排便习惯，多饮水，多进食蜂蜜、香蕉等，防大便干结致肛裂而造成肛周感染。注意保持肛周及会阴部卫生，每次便后清洗，并用0.02%的高锰酸钾溶液坐浴20min。 　　若并发口腔粘膜改变，可用口康溶液含漱；若并发肛周感染疼痛，可用利多卡因-庆大霉素溶液保留灌肠或湿敷。 　　遵医嘱使用抗生素。 病人恶心、呕吐最严重期间，在餐后可给予止吐药，增加止吐药的疗效。 　　教给病人实施减轻/预防恶心/呕吐的措施： 　　摄入不引起恶心/呕吐的食物，如干面包片、脆饼干、新鲜水果等。 　　当病人感到恶心严重时，应减少活动，做深呼吸。 　　进餐时让病人采用半卧位或坐位、以利吞咽，并在饭后保持此资势30min防误吸。 　　发热者做好降温护理，遵医嘱补液。 　　制定饮食计划，指导家属提供营养丰富且易消化的可口食物。 　　每周监测体重1次，以了解营养状况。 </t>
  </si>
  <si>
    <t xml:space="preserve">重装电脑怎么重新分区 </t>
  </si>
  <si>
    <t>在重装时，用全新安装，打开时，问你要干什么的第2条-安装过程就是安装说明书。里面有分区说明，关键点是：按提示，到时按D，L分别删去各分区，再按c建立各分区，各分区的容量按计划，分区后格式化c分区，再安装系统。其它分区可以在安装后用一般方法格式化。</t>
  </si>
  <si>
    <t xml:space="preserve">真要出大奖了热刺又进了。。。 </t>
  </si>
  <si>
    <t>今天都疯了！！！！！！！！！！！</t>
  </si>
  <si>
    <t xml:space="preserve">今年农历10月初6是国历多少号？ </t>
  </si>
  <si>
    <t>11月8号 望采纳</t>
  </si>
  <si>
    <t xml:space="preserve">(脑筋急转弯):为什么有家医院从不给人看病？ </t>
  </si>
  <si>
    <t>宠物医院啊，当然不会给人看病了</t>
  </si>
  <si>
    <t xml:space="preserve">一个着急的问题？总想背着老婆偷食一次，我该怎么办？ </t>
  </si>
  <si>
    <t>临拟小诗一首，看后自知。风中的玲铛风中的玲铛，诉说着声声的愿望，回家的渴望在四处飘荡。风中的玲铛，彭湃在爱人的心房，我的心痛只有你来疗伤。风中的玲铛，充斥着脚步的忧伤，无尽的欢乐在心中激荡。</t>
  </si>
  <si>
    <t xml:space="preserve">600882下星期的股面还要调整吗。主力的流向会是如何的 </t>
  </si>
  <si>
    <t>不要被主力自救表演所迷惑,清仓离场观望.</t>
  </si>
  <si>
    <t xml:space="preserve">请问有没有男孩不是很看好女孩但是南孩父母很看好女孩的，这样最终走? </t>
  </si>
  <si>
    <t>我想问你的年龄是多少，还有你是个为人处事都很成熟的人吗，你以前的决定都是自己做出的还是父母的意见为主呢？如果你不是个很成熟的人而且父母的意见通常占主导的话，我觉得你先要想想父母为什么看好这个女孩，她一定有她的优点，是否成熟懂事是否会是个好妻子，父母不会凭白无故觉得她是个好女孩的，要学会从各方面角度出发看问题的本质。</t>
  </si>
  <si>
    <t xml:space="preserve">玩传世总出现重起的玩家进来看看~~~本人有解决方法了！前两天玩这 </t>
  </si>
  <si>
    <t xml:space="preserve">谢谢谢谢！！！你就是神！！！！ </t>
  </si>
  <si>
    <t xml:space="preserve">军队与春晚的关系？我问了一个关于蔡国庆为什么可以年年上春晚的问题 </t>
  </si>
  <si>
    <t>春晚毕竟是全国人民的春晚，它必须要照顾到各个层面，而在全国人民举家团圆的日子里，只有军队因为其特殊性必须坚守岗位，而且越是到节假日战备值班的级别越高，能回家探亲的干部战士因为比例问题，因为战备值班问题相当的少，绝大部分干部战士还坚守在自己的岗位上，在春晚欢乐的氛围中，有的战士还在风雪中伫立在哨位上，换普通人早就牢骚满腹了，可他们呢，轮到自己的交班时间，无论节目多么精彩都是义无反顾到自己的岗位上。说句心里话，每年的春节联欢晚会，只要反映军营生活的作品少了或者是不精彩，干部战士心里就特别失落，好像国家把他们忘记了。总政歌舞团是军队的精神力量的来源，也是艺术团体中门槛最高的团体，不是任何演员都能进的，他所代表的团结进取无私奉献精神是其他团体不具备的，在正规庄重严肃的文化活动中，任何团体也没有和他相提并论的资本，所以，在春节联欢晚会这样的大型活动中，总政歌舞团的演员当然是主力军，它代表的是主旋律和对真善美的歌颂，和对真善美的歌颂。</t>
  </si>
  <si>
    <t xml:space="preserve">MP3怎么样变成adp？ </t>
  </si>
  <si>
    <t xml:space="preserve">使用这个软件： </t>
  </si>
  <si>
    <t xml:space="preserve">每天下班，总想吃完饭看书，可是，回家做完饭，吃完饭，收拾完，再干? </t>
  </si>
  <si>
    <t xml:space="preserve">  那是自己缺乏意志力阿需要自己强制性每天规定的必须办到让你爸爸妈妈监督你啊过一段时间就好了阿</t>
  </si>
  <si>
    <t xml:space="preserve">求解姻缘瑶琴一曲奏新腔，明月清风枕草凉。咸集嘉宾同赏菊，或歌或舞 </t>
  </si>
  <si>
    <t>有点深奥，但是我看到，有随缘的意思。</t>
  </si>
  <si>
    <t xml:space="preserve">封系的问题我是玩五庄的,问下封的命中几率和自身灵力还有命中有无关 </t>
  </si>
  <si>
    <t>封的成功率与灵力和命中都无关，只跟技能修炼五行有关。</t>
  </si>
  <si>
    <t xml:space="preserve">暑假里你最想干的是什么？开始行动了吗 </t>
  </si>
  <si>
    <t>去做志愿者吧，好有意义的！1.打工.到现实社会上感受一下,顺便赚点外快. 2.看多点书,一定要看自己喜欢的,与考试有关的就不要管它了,最主要是自己喜欢的,而且是健康,可以增长知识的. 3.锻炼身体.暑假那么热,可以多点游泳,其实游泳最好,可以全身运动,而且可以锻炼肺活量,要不就早点起床跑一跑步.只要用心去做,一个暑假下来,真的是废柴也可以成为人才. 4.找点兴趣来搞搞,例如说你平时很想做的,例如溜冰,学跳舞.5.帮家里做家务.感恩嘛,多少有点.6.暑期作业别忘记了哦.7.旅游,不过人多的就千万别去,别忘记了你是去享受的,不是去活受罪的!心动不如行动,想到就去做!暑假我想去新西兰玩，已经去完回来了</t>
  </si>
  <si>
    <t xml:space="preserve">艾瑞泽3的空间大不大？ </t>
  </si>
  <si>
    <t xml:space="preserve">艾瑞泽3作为A0级别的小型车，内部空间很宽裕，甚至达到A级车，后备箱的容积也达到了502L，足够日常生活使用，此外多达25处的灵动储物空间也可以存放足够多的细碎物品。 </t>
  </si>
  <si>
    <t xml:space="preserve">有一个圆柱形铁盒，底面直径是6厘米，高是直径的2倍。它的表面积是? </t>
  </si>
  <si>
    <t>3×3×3.14×2+6×3.14×12=56.52+226.08=282.6（平方厘米）答：表面积是282.6平方厘米。</t>
  </si>
  <si>
    <t xml:space="preserve">同下不想回答问题了。。送分额认识的来。留下名字 </t>
  </si>
  <si>
    <t>送我-------贼亲笔</t>
  </si>
  <si>
    <t xml:space="preserve">2008年底水稻价格是多少钱一斤？ </t>
  </si>
  <si>
    <t>11月3日黑龙江省内价格 (风语录 : 2008-11-3) 新稻上市，农户受国家收储影响，目前水稻价格持稳 哈尔滨地区 五常：0.95 木兰： 0.92 牡丹江地区 穆棱： 0.87-0.88 佳木斯地区 富锦：0.85 建三江： 0.85 桦川：0.85 绥化地区 绥棱： 0.88-0.90 鸡西地区 鸡西： 0.88 虎林：0.88-0.90 鹤岗地区 绥滨： 0.85-0.88 注：因协会所报价格来自不同村屯、 11月3日江西抚州水稻价格略有回落 (风语录 : 2008-11-3) 稻谷：市场上稻谷收购价格略有所回落。其中普通早籼稻收购价格由9月中期的95元/百斤回落至目前的93元/百斤，跌幅为2.10%，早糯稻由96元/百斤回落至94元/百斤，跌幅为2.08%；本年产中籼稻（65002）加工厂家的收购价格在92元/百斤，其他个体粮商入户的收购价格在90元/百斤；优质晚稻的部分品种收购价格突破100元/百斤，923优质稻的加工厂家收购价 黑龙江宾县地区水稻价格行情2008-11-03 (风语录 : 2008-11-3) 3日消息，今日黑龙江宾县地区长粒 水稻 收购价0.91元/斤，已接近于国家0.92元/斤的收购价格。预计随着国家挂牌 水稻 收购活动的开始，农民卖粮的积极性将会增强，水稻市场成交量逐日增加。 11月东北地区水稻价格走势分析 (风语录 : 2008-10-30) 为了保护农民的利益，稳定市场价格，经国务院批准20日正式发布了在东北三省及内蒙古地区收购150万吨大豆作为中央储备。同时还将在 东北地区收购400万吨稻谷，作为国家临时存储。其中水稻的收购比例分别为黑龙江240万吨、吉林120万吨、辽宁40万吨，收购价格依次是每市 斤0.92元、吉林0.93元、辽宁0.94元，相邻等级之间的差价为每市斤0.02元。在此政策的 10-30双鸭山饶河地区水稻价格行情 (小雨 : 2008-10-30) 北农资源信息中心 30日消息，国家最低保护价出台后，黑龙江地区的水稻市场起伏较大，一方面有了政策的支持，农民心中有底，惜售现象突显，另一方面面对当前不稳定的市场一些中小型米厂也不愿高价收购，因此纷纷停产观望，笔者从双鸭山饶河地区了解到，当地水稻的收购价格为0.82元/斤，上涨幅度相对较小。（北农资源 飘雪 ） 黑龙江五常地区水稻价格行情2008-10-25 (风语录 : 2008-10-25) 25日消息，随着国家发改委发布保护东北 粮食 最低收购价政策的出台，使得黑龙江地区水稻价格较前期有所回升。据本网在黑龙江五常地区了解到，现当地 水稻 （粘稻）收购价0.88元/斤，但离国家挂牌收购0.92元/斤的价格，每市斤还是略低0.04元，农民惜售心理较重，收购商持观望的心理的居多。 10月24日安徽太湖水稻价格行情 (风语录 : 2008-10-24) 今年太湖县中晚籼稻从九月中旬开始上市，随即进入收购高潮，目前入库量达到2801吨，比去年同期1036吨，净增1765吨，增幅达170%。收购价格高开持续低走，据了解，太湖县中晚新稻开秤价，优质稻97元/百斤，普通稻95元/百斤，9月底新稻收购价优质稻降到95.5元/百斤、普通稻降到93.5元/百斤，10月中旬收购价再次下调，优质稻降为94元/百斤，普通稻降为 黑龙江七台河水稻价格行情2008-10-22 (风语录 : 2008-10-22) 22日消息，黑龙江七台河茄子河区新产 水稻 收购活动陆续展开，农民手中新稻米不愁销路，但农民朋友对于新稻的收购价格期望比较高。当地一些规模种植水稻的大户目前出售不够积极，等待市场行情的好转。从当地水稻收购现场了解到，新 水稻 的收购价格为圆粒稻0.82元/斤，长粒稻0.83元/斤。 04月07日水稻价格 (小雨 : 2008-4-7) 产品名称 货品所在地 单价(不含运费) 起批量 黑龙江水稻 宁夏银川市 1710.00/吨 3000吨 打得银 湖北武汉市 1.00/维斯康 1维斯康 水稻 黑龙江萝北县 1600.00/吨 60吨 黑龙江水稻 黑龙江 04月01日水稻价格 (小雨 : 2008-4-1) 产品名称 货品所在地 单价(不含运费) 起批量 打得银 湖北武汉市 1.00/维斯康 1维斯康 水稻 黑龙江绥化市 1600.00/吨 60吨 水稻 黑龙江萝北县 1600.00/吨 60吨 粮食,稻谷,水稻,粳稻 安</t>
  </si>
  <si>
    <t xml:space="preserve">因为现在钱不够,暂时隆便宜点的胸,等钱够了换更好的,可以吗就是说 </t>
  </si>
  <si>
    <t>隆胸？姐妹呀，你怎么这样傻呀？社会上有太多这种失败的案例，你还愿意承担这种风险吗？一次开刀已经够伤身了，还打算再来一次，真的不敢想象！如果真的决定要丰胸，还不如等钱够了再一次性做吧！</t>
  </si>
  <si>
    <t xml:space="preserve">电脑网络连接里没有本地连接是不是网卡坏了 </t>
  </si>
  <si>
    <t>在设备管理器里查一下网卡状况，如是坏了，前面是个问号的，否则就正常。然后自己新建一个网络连接，选中网卡即可</t>
  </si>
  <si>
    <t xml:space="preserve">最近开始流行感冒，没有发烧，确咳嗽，流清鼻涕。请问怎么治疗？好象 </t>
  </si>
  <si>
    <t>一般人们认为，是由于上呼吸道感染所致，通过呼吸、飞沫传播。近些年，科研人员发现了感冒传染的许多鲜为人知之处：　　一、手是感冒的主要传播途径　　感冒病毒在手帕上存活`1个小时，在手上能存活70个小时。感冒患者擤鼻涕、挖鼻孔时病毒粘在手上，通过握手、毛巾、桌椅等传播。预防方法是勤洗手，不用手模鼻、眼。呼吸、飞沫传播是感冒的次要传播途径。　　二、足部受凉易感冒　　足离心脏最远，供应的血量相对较少，因而对冷比较敏感，使上呼吸道的抵抗力降低。当气温降至7℃以下时，足就会发晾，反射性地引起鼻粘膜血管收缩。有人称足为人的“第二心脏”，预防感冒就要做好足部的保暖工作。 　　三、“三高”饮食易感冒　　食物过于丰盛，如鸡鸭鱼肉、山珍海味等高脂肪、高蛋白质、高糖饮食会降低人体的免疫功能。预防感冒的新法是饮食荤素搭配。　　四、喜爱咸食易感冒　　食盐能使唾液分泌减少，口腔内溶菌酶也减少。由于钠盐的渗透作用，上皮细胞功能被抑制，降低了干扰素等抗病因子的分泌，病毒便乘机侵入上呼吸道粘膜而诱发感冒。　　五、用药不当易感冒　　解热镇痛药、抗生素、磺胺类药、抗结核药、驱虫药、抗癌药等对人体免疫功能都有不同程度的抑制作用，滥用这些药就会降低人体的抗病能力，使人容易感冒。 　　六、忧愁易感冒　　俗话说：“愁一愁，白了头。”多愁善感的人免疫功能容易降低，杀伤病原微生物能力减弱，干扰素水平下降，呼吸道防御功能减退，使感冒病毒有机可乘。　　七、精神紧张易感冒　　某医学专家通过对400多名失业、失业恋、离婚等精神紧张的人观察发现，他们比精神不紧张的人易感冒，原因是鼻咽部干扰素、核酸酶等抗病毒物质明显减少，局部免疫力降低。　　八、感冒久治不愈与牙刷有关　　有些牙刷用筒密封，经常处于潮湿状态，病菌容易滋生繁殖。感冒久治不愈的人除了个人体质较弱、抵抗力较差之外，就是因为病毒借刷牙造成的牙龈伤口而反复感染。　　九、感冒无特效药　　英国威尔士大学普通类型感冒研究中心通过10年耗资500万英镑研究得出的结论是感冒无特效药，原因是世界上的感冒病毒超过200种，要找到感冒特效药，其难度可想而知。　　十、睡眠可以治感冒　　美国学者近年发现感冒病人发热时产生一种叫“胞避酸”的物质，有提高免疫功能的作用。人在熟睡时也会产生这种物质，故主张感冒病人多睡一会儿，使免疫力提高，感冒就会不药而愈。</t>
  </si>
  <si>
    <t xml:space="preserve">问问这条舰的情况只知道这条舰的原为美造快速输送舰，并知道外援后舰 </t>
  </si>
  <si>
    <t>这是美国当年军援哥伦比亚海军的4艘科罗斯利级高速运输舰中的一艘，DT-15“科多巴”号，原美国海军科罗斯利级高速运输舰“罗歇姆金”号，69年在哥伦比亚海军重新上岗，现作为博物馆舰展出。其余3艘：DT03，帕迪亚海军上将号，原美国海军科罗斯利级高速运输舰“托贝格”号，65年转让，73年退役DT04，托诺海军上将号，原美国海军科罗斯利级高速运输舰“巴赛特”号，68年转让，75年退役DT07，比昂海军上将号，原美国海军科罗斯利级高速运输舰“博克”号，68年转让，74年退役</t>
  </si>
  <si>
    <t xml:space="preserve">请问狩猎者大师，我想买一些基金，但不知买什么好，你可以指点一下吗 </t>
  </si>
  <si>
    <t>最近我喜欢持有"八"那部分的基金!因为我有股票操作可以参考的!我朋友今天加了广发小盘和策略优选!昨天加了国泰金马和景顺新兴成长!你可以参考!</t>
  </si>
  <si>
    <t xml:space="preserve">一首歌的歌名？我已剪断了发，剪断了牵挂 </t>
  </si>
  <si>
    <t xml:space="preserve"> ：短发    歌手：梁咏琪　专辑：最爱梁咏琪 &lt;&lt; 短发 &gt;&gt;词：郑淑妃 曲：陈国华哭到喉咙沙哑 还得拼命装傻我故意视而不见 你外套上有她的发她应该非常听你的话她应该会顺着你的步伐乖乖的呆在家静静的守着电话我已剪短我的发 剪断了牵挂剪一地不被爱的分岔长长短短 短短长长一寸 一寸 在挣扎我已剪短我的发 剪断了惩罚剪一地伤透我的尴尬反反覆覆 清清楚楚一刀两断 你的情话 你的谎话哭到喉咙沙哑 还得拼命装傻我故意视而不见 你外套上有她的发她应该非常听你的话她应该会顺着你的步伐乖乖的呆在家静静的守着电话我已剪短我的发 剪断了牵挂剪一地不被爱的分岔长长短短 短短长长一寸 一寸 在挣扎我已剪短我的发 剪断了惩罚剪一地伤透我的尴尬反反覆覆 清清楚楚一刀两断 你的情话 你的谎话我已剪短我的发 剪断了牵挂剪一地不被爱的分岔长长短短 短短长长一寸 一寸 在挣扎我已剪短我的发 剪断了惩罚剪一地伤透我的尴尬反反覆覆 清清楚楚一刀两断 你的情话 你的谎话一刀两断 你的情话 你的谎话</t>
  </si>
  <si>
    <t xml:space="preserve">我国四大名砚产自哪里？ </t>
  </si>
  <si>
    <t xml:space="preserve">从唐代起，端砚、歙砚、洮河砚和澄泥砚被并称为“四大名砚”，其中尤以端砚和歙砚为佳。 端砚,始于唐代，盛于宋。端石出产于广东省高要县和肇庆市一带，其颜色以紫色为主调（分为青紫———红紫十多种），另有灰色、青黑色、青色和等。其主要特点是石纹丰富，有青花纹（砚面上带有青黑色花纹）、朱砂钉（如坚硬的红色钉头般的斑点）、五彩钉等，另有形似动物眼睛的“石眼”。端石的“石眼”为辉绿岩凝结物，也有石连虫化石。其中的“鸲鹆眼”形似八哥眼，圆晕中还有“瞳仁”，是“眼”中上品。 鉴别砚时，用手指敲打砚，听其声。发出金属声的，表明石质坚硬、密度高；木声表明石质温和，密度低；若发出的声音似瓦声，则表明石质粗糙。古人将端砚的特点概括为“温润如玉，扣之无声，缩墨不腐”，这表明“无声”的端砚为上品。“无声”的砚，并不是指敲打时听不到声音，而是发出的声音温和、细微。值得注意的是，砚石时发出的声音也取决于砚的厚度。 歙观，出产于江西省婺源县与安徽省歙县交界的龙尾山一带（罗纹山）。歙砚始采于唐代开元年间（713年—741年），于南唐时期兴盛起来，南唐李后主曾派专门的砚务官制作官砚。歙砚还一度得到欧阳修，苏东坡等人的推崇。 歙砚的石品很多，主要分为罗纹类、眉子、眉纹类及金星和金晕类。古代称：“罗纹砚，其纹如罗丝精细，其色青莹，其理坚密。刷丝罗纹砚银色刷丝如发之密”。金星罗纹，是指砚面融有谷粒的结晶物，在光线照耀下犹如天空星斗，金星久研磨而不褪，且越磨越亮，是歙砚中的佳品。眉子砚，“纹若甲痕，如人画眉，遍地成对”。 洮河砚，产于我国甘肃省临潭县境内洮河，故而得名，它已有1000多年的历史。洮河砚取材于深水之中，非常难得，是珍贵的砚材之一。洮河石质地细密晶莹，石纹如丝，似浪滚云涌，清丽动人。洮石有绿洮、红洮两种，其中尤以绿洮为贵。洮砚适用于雕刻大面积的图意，雕刻手法有浮雕、透雕、高浮雕等，其雕工质朴，清晰感强。 澄泥砚，属陶瓷砚的一种非石砚材。其制作方法是：以过滤的细泥为材料，掺进黄丹团后用力揉搓，再放入模具成型，用竹刀雕琢，待其干燥后放进窑内烧，最后裹上黑腊烧制而成。澄泥砚的制作始于晋唐时期，兴盛于宋朝。其特点是质地坚硬耐磨，易发墨，且不耗墨，可与石砚媲美。澄泥砚的颜色以鳝鱼黄、蟹壳青和玫瑰紫为主。唐时，虢州（今河南灵宝县南）已成为制澄泥砚的著名产地，在现代，澄泥砚的产地有河南洛阳、河北钜鹿、山东青州、山西绛县、湖北鄂州、四川通州和江苏宝山等地。参考资料：  </t>
  </si>
  <si>
    <t xml:space="preserve">推荐一些好看的宠文，符合要求的！1.男主只宠女主，女主也只对男主 </t>
  </si>
  <si>
    <t>凤点江山，史上最强皇后，武傲天下，噬剑，红颜天下，冰血妖姬，绝色锋芒，凤临异世，风起苍穹，呆子王妃，朕本红妆，杀手也穿越系列（舞倾城，云无痕，媚者无情），</t>
  </si>
  <si>
    <t xml:space="preserve">卢沟桥为何又叫马可波罗桥? </t>
  </si>
  <si>
    <t>《马可波罗东游记》它被形容为一座巨丽的石桥 后来洋人都称它“马可波罗桥”</t>
  </si>
  <si>
    <t xml:space="preserve">在日常生活中怎么预防远视眼啊 </t>
  </si>
  <si>
    <t>发生远视眼是因为当人体处于休息状态的时候，在人的眼睛的视网膜的后面会因为平行光的摄入而形成一个焦点，这样的情况就是远视眼的原理。但是这种在人体视网膜后面形成的这个焦点是模糊不清的，如果人为了看清楚更远的地方的事物就需要调节眼睛的力量，把视网膜后面的焦点转移到视网膜上面，所以当人体发生远视眼之后会一直努力的调节焦点使得加点处于视网膜，这样的眼睛用力会造成眼睛非常容易就疲劳。在饮食上也需要调节，多吃水果蔬菜，鸡蛋、鱼类都对眼睛有好处。平时多喝水可以补充体内水分，同时可以增加眼睛湿润。少吹电扇，不要坐在风大的地方时间太长，尽量保持自己的生活工作学习的环境湿润。目前为止，虽然还没有预防远视眼的确切方法。但以下方法对远视眼患者的眼睛有一定好处：　　（1）吃含有丰富维生素A和维生素C的食物。　　（2）在室外工作或行走时戴太阳眼镜，防止过量紫外线照射眼球。　　（3）喝足够的水以防止眼干。　　（4）做危险工作时保护好眼睛，如敲击金属物体、使用腐蚀性化学品等。　　（5）定期进行常规眼科检查。读书、看电视、玩电脑、看報紙的时候，千万不要目不转睛的盯着看。这样对眼睛很不利。要注意经常眨眨眼睛，不要让自己的眼睛累到干涩了才停下来歇一歇眼睛，这个时候你的眼睛都已经受到伤害了。所以眼睛不能看东西目不转睛。</t>
  </si>
  <si>
    <t xml:space="preserve">你人来爱问了心也跟着来了吗？ </t>
  </si>
  <si>
    <t>心随我动 人都来了心能不来??</t>
  </si>
  <si>
    <t xml:space="preserve">大腿内侧出现条状癣已经好几年了不痛不痒的看了些医生都说是股癣用药 </t>
  </si>
  <si>
    <t>我跟你一样的情况啊，我以前看过医生，医生说这种条状一般出现在胖人的身上，大腿，和手上肌肉处都有，是脂肪造成的，不是什么鲜</t>
  </si>
  <si>
    <t xml:space="preserve">我下了在上怎么会系统错误啊维护的时候我下了在上就出现系统错误晕晕 </t>
  </si>
  <si>
    <t>我想很有可能是服务器的问题</t>
  </si>
  <si>
    <t xml:space="preserve">这样算侵权行为吗比如我去专卖店买了一件衣服，拿回来照着做，然后把 </t>
  </si>
  <si>
    <t>是否属于侵权行为,要看你仿冒的程度而定.比如,世界知名品牌的服装,其都有固定的设计风格和特点,如果完全仿冒,则构成侵权.但对于一些风格不明显的服装,仿冒后很难认定构成侵权行为.</t>
  </si>
  <si>
    <t xml:space="preserve">我买的显卡为何显存频率只有270MHz，说明书上明明写的是500? </t>
  </si>
  <si>
    <t>第一种可能是由于你的主版引起的，主板无法兼容高频率的显卡导致显示值较低第二种可能就是被商家掉包了</t>
  </si>
  <si>
    <t xml:space="preserve">请问吃龙虾会上火吗？最近身体表现出火大，舌苔发黄、痔疮，分析自己 </t>
  </si>
  <si>
    <t>小龙虾属寒性,吃红烧的话不会上火。吃辛辣的食物会加重你的火气。夏季上火因素很多，天气闷热、情绪烦闷烦躁，多余体热不能排除等，可以多吃些去火的食物，如西瓜、凉茶、百合绿豆粥等等。</t>
  </si>
  <si>
    <t xml:space="preserve">论坛无法正常登陆怎么办？ </t>
  </si>
  <si>
    <t xml:space="preserve">Q：论坛无法正常登陆怎么办？ A：您好，请您提供您的帐号、注册昵称、所用浏览器和注册时间相关信息给我们，我们将提交给相关部门进行核查处理，感谢您对我们游戏的支持！我们会尽快查明原因并加以解决，感谢您对游戏的支持！ </t>
  </si>
  <si>
    <t xml:space="preserve">体重增长问题jmm好！六个月了136斤了，都长了26斤了，孕前1 </t>
  </si>
  <si>
    <t xml:space="preserve">一个健康宝宝是每对父母最大的期望，该如何从怀孕时期，注意饮食、给宝宝充分的营养，让宝宝在妈咪肚子里健康的成长，就是准妈妈的最大的责任。到底怀孕时期，孕妇特别需要哪些营养素？饮食上有哪些必须注意的原则？该如何控制体重？目前流行的生机饮食，孕产妇适合吃吗？若是孕产妇要吃生机饮食该注意哪些事项？需要特别补充其它营养素吗？生产之后，许多产妇想要尽快恢复窈窕身材，该如何吃才能快些瘦下来？哺育母乳的妈咪，该吃些什么才能增进乳汁？我们都将为您一一解答。 一般孕产妇的饮食营养原则 医师常说：“有健康的妈咪，才有健康的宝宝”，所以如何营造一个舒适、健康的怀孕过程，让宝宝在妈咪的肚子里正常的成长，是每个母亲怀孕时期最重要的功课。均衡足够的营养是宝宝能否健康发育最重要的因素之一，因此孕妇“吃的营养、吃的均衡”，充分提供宝宝成长所需，并且在怀孕时期避免各种不利宝宝发育的因子及定期产检，才能为宝宝造就先天的好体质。 孕产妇的营养素摄取原则 从以上的资料了解，怀孕、哺乳期间为了胎儿健康，的确需要补充较多的营养才行。但是营养摄取时，仍然有一些必须注意的原则： 1. 叶酸：怀孕初期是胎儿组织和器官分化的重要时期，最好能多多摄取含叶酸的食物，因为它有造血、预防胎儿神经管缺损及胎儿畸形的功能。但是根据台湾在民国82年的一项调查发现，大约只有2%的孕妇缺乏叶酸，所以大部分的孕妇并不需要额外摄取叶酸补充剂。 建议食物：肝脏、肾脏、瘦肉、深绿色蔬菜、鱼、全谷类、柑橘类水果等。 2. 维他命A：此种维他命可以帮助细胞分化，对眼睛、皮肤、牙齿、粘膜的发育是不可缺少的，但是摄取过量也会导致唇颚裂、先天性心脏病等缺陷。一般坊间贩卖的综合维他命，其维他命A含量过高，孕妇并不适合食用，孕妇应购买孕妇专用的综合维他命。营养师建议，孕妇若平日饮食均衡，维他命A由平日饮食中摄取即足够。 建议食物：深绿色蔬菜、水果等。 3. 钙：怀孕时期为帮助胎儿骨胳发育及母体，必须多摄取钙质；哺乳时期，为增加乳汁，最好也能多吃含钙质的食品。 建议食物：小鱼干、黄豆制品、蛋、牛奶、绿色蔬菜、萝卜、花椰菜、鲑鱼、牡蛎、甘蓝、虾、蛤类等。 4. 铁：孕妇应摄取足够的铁，以提供孕期的需求及生产时大量流失的血。 建议食物：蛋黄、肉类、动物的肝及其它内脏、蛋黄、谷类、深绿色蔬菜、桃子、杏仁、葡萄干、贝类等。 5. 钠：孕妇若为高危险妊娠，如妊娠高血压、妊娠毒血症等，应控制钠（盐分）的摄取量。 避免的食物：盐渍品、卤制品、素食品、罐装加工食品等。 6. 维他命C：维他命C具有增强免疫力的功效；且素食孕产妇可多吃维他命C，以利铁质被身体吸收。 建议食物：柑橘类食物、番石榴、西红柿、草莓、绿色蔬菜、花椰菜、白菜等。 7. 蛋白质：这是孕妇和产妇都非常需要的一样营养素，在一般的正常饮食中多能获取，所以不须太过担心。 建议食物：动物性蛋白质，如蛋、牛 奶、肉 类、鱼类等；植物性蛋白质，如豆浆、豆腐等黄豆制品。 饮食均衡的重要性 饮食均衡的重要性何在？因为许多食物之间具有交互作用，如多吃深绿色蔬菜，可以帮助钙质被身体吸收﹔多吃维他命C食物，能帮助矿物质被身体吸收，所以六大类食物，不要偏废或独钟哪一类，因为任何食物摄取过多或过少，对身体而言都是一种失去平衡的状态。 </t>
  </si>
  <si>
    <t xml:space="preserve">请各位兄弟姐妹狠批,准备出血!!!!!!!!!!1西汉姆VS布莱 </t>
  </si>
  <si>
    <t>不错，只错2——3场！</t>
  </si>
  <si>
    <t xml:space="preserve">泡沫玻璃如何制造的？特点、应用？ </t>
  </si>
  <si>
    <t>　　泡沫玻璃是一种以废平板玻璃和瓶罐玻璃为原料，经高温发泡成型的多孔无机非金属材料。具有防火、防水，无毒、耐腐蚀、防蛀，不老化，无放射性、绝缘，防磁波、防静电，机械强度高，与各类泥浆粘结性好的特性。是一种性能稳定的建筑外墙和屋面隔热、隔音、防水材料，具有保温隔热、防水、吸声的明显作用。　　泡沫玻璃还可以运用于烟道、窑炉和冷库的保温工程，各种气、液、油输送管道的隔热、防水、防火工程，地铁、图书馆、写字楼、歌剧院、影院等各种需要隔音、隔热设备的场所，基础设施建设的隔离、隔音工程，河渠、护栏、堤坝的防漏、防蛀工程等多种领域。甚至还具有用于家庭清洁、保健的功能。用泡沫玻璃保护暖气输送管道与传统保护材料相比，可减少热损耗约25％，其生产原料98％以上是利用回收废旧玻璃。</t>
  </si>
  <si>
    <t xml:space="preserve">王者晶石?王者灵石?有什麽用的？？ </t>
  </si>
  <si>
    <t>代理商赚钱用的～嘿嘿～</t>
  </si>
  <si>
    <t xml:space="preserve">zg金度的具体打法，高手帮忙我们会一直没想过打金度，近期刚刚开荒 </t>
  </si>
  <si>
    <t>影子＞图腾＞金度开打前都上暗抗。所有职业中了诅咒都不要解，都全力杀影子，特别注意优先杀打加血职业的影子，还有就是打看骷髅的FS的影子也必须迅速解决。如果是MS，SS中了诅咒，尽量给每个影子都上DOT，LR上钉刺，影子属于亡灵，可以佩带银色黎明符文之类的饰品，影子不吃任何AOE魔法技能。如果杀影子太慢会导致后来影子越来越多，加血职业总是被打断施法，最后加不上血团扑。打图腾需要注意的是多带贼，因为别的职业杀图腾太慢，图腾的顺序是洗脑，然后治疗，建议所有人做宏/TARGET 洗脑图腾/TARGET 强力治疗结界JD本身是个菜，只要MT拉住大家没事就K一会就搞定了。治疗职业带好大蓝也可以考虑大家围绕JD成圆形站位，这样大家都可以看到JD放图腾。OT就跑到中间，让MT接手。</t>
  </si>
  <si>
    <t xml:space="preserve">这个1个TJ值多少钱我是网通长白的,今天抓了个带游嘴话舌的冰龙值 </t>
  </si>
  <si>
    <t>游说之舌吧，不值钱150W能甩就甩吧</t>
  </si>
  <si>
    <t xml:space="preserve">呵呵！因为活动，所以很多人都跑来搞恋爱了！衷心祝福大家恋爱的甜甜 </t>
  </si>
  <si>
    <t>愿天下有情人终成眷属。。大家都要幸福。。。</t>
  </si>
  <si>
    <t xml:space="preserve">011期任九实图很久不中了！火锅也高兴啊！ </t>
  </si>
  <si>
    <t>应该能回本。呵呵</t>
  </si>
  <si>
    <t xml:space="preserve">打狂犬病疫苗后不能吃什麽被咬到右手手腕，像被针刺到一点伤口，咬到 </t>
  </si>
  <si>
    <t>宝宝打了狂犬病疫苗后，在饮食上要注意，避免吃刺激性食物，如辣椒、蒜、姜、海鲜类食物等，如孩子还吃奶，大人也不要饮酒、咖啡、浓茶等，因这些都属于刺激或增敏性物质，可激发或干扰人体注射疫苗后的正常免疫反应，干扰抗体的产生，影响免疫效果。同时要注意补充维生素，避免着凉、感冒，以减轻反应。</t>
  </si>
  <si>
    <t xml:space="preserve">手机充电问题？每每手机充电时，界面都会出现“警告！充电无效！”问 </t>
  </si>
  <si>
    <t>接触不良，一般都是充电器的毛病，换个试试吧</t>
  </si>
  <si>
    <t xml:space="preserve">请教阿九兄赔率分析问题请阿九兄举例，如何分析标准盘和平均赔率之间 </t>
  </si>
  <si>
    <t>玩足彩的话英超以威廉希尔、立博、易胜博等为主，意甲以威廉希尔、立博、SNIA等为主，其他有参考价值的比如bet365、伟德、SSP、interwetten。相应的联赛就要看相应的博彩公司对应欧洲平均赔率的差异。比如上周六足彩富勒姆对南安普顿澳门 立博  1.83 3.20 3.75 伟德 威廉 1.83 3.20 3.75 Bet365 2.00 3.20↓ 3.75↑ SSP  1.94 3.36 3.47平均 1.94 3.00 3.65可以看出威廉和立博的主胜大大低于平均赔率，可见他们对于主队获胜的信心。具体的可以看一下 但是用这种方法你也得小心几家老牌博彩公司的差异不能太大，关于赔率的集中性和分散性参考一下这里 希望对你有所帮助。</t>
  </si>
  <si>
    <t xml:space="preserve">我总共十万资金入市,本想抄底一把,可是...我是4月6日入市的, </t>
  </si>
  <si>
    <t>回答者：李杰   称谓：新浪股市专家 (2005-07-01 21:00:13) 您好，您刚进入股市亏损还不是很多，建议您远离股市，不要再参与，问问您身边的股友吧！直接出局。 建议您远离股市，不要再参与最真诚的忠言</t>
  </si>
  <si>
    <t xml:space="preserve">我想请问一下中服天堂1怎么收费的！如题知道的回答一下谢谢最好具体 </t>
  </si>
  <si>
    <t xml:space="preserve">    有两种计费方式：    1、包月。需充值700点以上，在点费用完的情况下（切记，必须是用完，否则无法包月）先充值，然后在选择转换方式，选项里点选包月，即可得到30天的游戏时间，700点的点卡费约45元，每天大概折合1.5元；    2、按时收费。500点30元，可以充值88.24小时，每小时折合0.34元。</t>
  </si>
  <si>
    <t xml:space="preserve">请帮忙给宝宝取个名字爸爸姓陈，妈妈姓贺，麻烦各位取个名字，男孩女 </t>
  </si>
  <si>
    <t>男孩叫陈加东,女孩叫陈加贝.怎么样爸爸妈妈的名字都在里面.</t>
  </si>
  <si>
    <t xml:space="preserve">鲍医生，我家宝宝今天44天了，脐带是15天时脱落的，但脱落至今一? </t>
  </si>
  <si>
    <t>等自愈，用消毒纱布保护好，防止擦破</t>
  </si>
  <si>
    <t xml:space="preserve">关于4月16日——4月20日《狼眼看盘》推荐股票的总结本周《狼眼? </t>
  </si>
  <si>
    <t>可我偏偏进的就是600095，但愿下周能解套。希望老师下周再荐好股。</t>
  </si>
  <si>
    <t xml:space="preserve">5，24，6，20，()，15，10，()。空里是什么数字？有什 </t>
  </si>
  <si>
    <t>先将数列2项2项分组：（5，24）；（6，20）；（？1，15）；（10。？2）显然，5*24=6*20=120于是，？1*15=120得：？1=8      10*？2=120得：？2=12因此，（）里面的数分别为8，12。规律就是，2项一组乘积都是120！</t>
  </si>
  <si>
    <t xml:space="preserve">经常吵架的感情会持久吗?我和男友相处两年多了,刚开始他在一家电脑 </t>
  </si>
  <si>
    <t>为了一个网吧，而把自己栓在一个自己不爱的人身边你觉得是不是代价太大了，懂电脑的人那么多，天下也不只有他一个人懂，你可以去人才市场找一个人来当网管就是了，现在找不到工作的人那么多！你给多点钱一定有人会给你好好干呢，一个不懂什么叫珍惜的人是不值得一个女人这样为他付出的。你对他这么好，他都不懂得珍惜，那你还觉得他那一点值得你留恋呢？就算你不放心你的网吧，找一个懂电脑的人做男朋友又不难，网吧没了可以再开，爱没了却很难很难找回来，人生是一个单行道，错了就没有改正的机会了，自己好好想想自己的未来！</t>
  </si>
  <si>
    <t xml:space="preserve">常德口碑最好的医院是哪家？常德口碑最好的整形医院是哪家？ </t>
  </si>
  <si>
    <t>当然是爱思特啦</t>
  </si>
  <si>
    <t xml:space="preserve">中江地产进来看下~~~~中江地产现在怎么样啊???? </t>
  </si>
  <si>
    <t>600053 中江地产  逐渐转强仍可持仓,不落五日线续持,见滞涨就先?p仓.</t>
  </si>
  <si>
    <t xml:space="preserve">在DOS下如何粘贴字母和数字?已经在其它文本上复制好了,怎么粘贴? </t>
  </si>
  <si>
    <t>在这个对话框的左上角点一下，应该会有一个菜单下来，就是那个黑色的C：/符号，鼠标左键点然后里面有个编辑右拉以后可以选复制粘贴</t>
  </si>
  <si>
    <t xml:space="preserve">关于XEB挖豆子今天和一队人玩XFB,在挖豆子的时候,有人说分几 </t>
  </si>
  <si>
    <t>根据远近分的吧在门口哪儿的是A区在桥哪儿的是B区打伞哪儿的是C区打碑哪儿的是D区无聊人士分的，那管那么多能挖就OK反正我听着说这个区哪个区的就烦，呵呵</t>
  </si>
  <si>
    <t xml:space="preserve">女友受到感情伤害，我怎么办？我女友是一个爱发脾气的22女孩，前几 </t>
  </si>
  <si>
    <t>女人就是花瓶,经不起男人打的.不能怪谁,只能说你的一时冲动做了不该做的事情.不要说你的女友容易受伤,怎么不觉得你这样对待女的是对的吗?打女人不是男人做的事情.你不觉得吗?</t>
  </si>
  <si>
    <t xml:space="preserve">石景山区域的甲级写字楼现在什么价，比如融科创意中心？多少钱一平米 </t>
  </si>
  <si>
    <t>目前均价30000元/平米，只是部分散售，户型还不错，有大有小。</t>
  </si>
  <si>
    <t xml:space="preserve">孕妇可以接触宠物吗？今早上我发现我们家多了一只小小猫，很漂亮、很 </t>
  </si>
  <si>
    <t xml:space="preserve">    怀孕期间别人当然说养猫猫不好，但要你送走与你多时相伴的朋友那是很残忍的，不止对你更是对你的猫猫残忍。我现在怀孕34周，我的猫猫就一直陪伴在我的身边，当初我也很害怕，想把它寄养，但最后都没有实施。其实我咨询过产科医生和兽医，他们都给了我可实施的办法：1：你首先要确定你现在没有感染或者已经感染过了，我们排除后面的，就说没有感染过的。2：带你的猫猫到兽医那里验血，看它是否感染弓型虫，如果没有，你还要给它打一针预防弓型虫的针。3：不要让你的猫猫到室外活动以防止它吃老鼠和鸟类，不要给它喂生的食物，室内猫一般没有弓型虫。4：你不要处理它的排泄物，让你家人处理，每天最少一次。5：每隔三个月你做一次弓型虫的检查，以给自己放心。万一有问题也可以及时解决。    我现在一切都正常，猫猫也没有送走，我的良心也很平安。如果你的猫猫是室外猫那我还是觉得把它暂时送走的好。</t>
  </si>
  <si>
    <t xml:space="preserve">MOST是什么品牌手表 </t>
  </si>
  <si>
    <t>品牌介绍 编辑本段　　英国M.O.S.T纺织集团，前期主要负责为全球各大一线顶级品牌提供高端面料，并定制各品牌所需要的特质开发。英国M.O.S.T纺织集团所出品的全棉长绒面料，以精选美棉为原材料，其中双纱“MOST”和“ROMAS MASION”面料系列，更为Zegna,Amarni,Gucci等顶级品牌首选面料供应商。　　同时M.O.S.T纺织集团的辅料也是顶级欧洲商务男装的高端代表：荷兰产的顶级衬布，日本80支名牌缝纫线，以及深水珍珠贝母纽扣等，都一度成为顶级大牌优选的高端辅料。　　M.O.S.T集团秉承“优雅男士，品味面料”的态度，于2000年利用自身高端面料整合优势，推出高端英伦男士品牌--Most Romas（莫马仕）。　　品牌风格：简洁，高贵，随意，优雅，注重细节 　　品牌定位：商务精英，成功人士 ，时尚达人 　　产品系列： 床上用品，童装，羊绒衫，鞋类及皮具，女性时尚内衣及睡衣，运动服饰，文化用品，内衣及袜等。</t>
  </si>
  <si>
    <t xml:space="preserve">手写板问题求救：我买了一套联想的手写板，安装了驱动后，能在字框里 </t>
  </si>
  <si>
    <t>删除后重新启动装手写板驱动程序.装好了还得再重新启动电脑,然后设置一下.就好用了.如还是不行?那就用鼠标点击要输入的那里再写.</t>
  </si>
  <si>
    <t xml:space="preserve">如何重命名文件？c#system.io </t>
  </si>
  <si>
    <t xml:space="preserve"> File.Move("你的文件地址","你需要移动到的地址");</t>
  </si>
  <si>
    <t xml:space="preserve">怎么盖霸王步和三步上篮？是有一定的方法还是有一定的几率能盖到？ </t>
  </si>
  <si>
    <t>对于只会着两招的人就一个字“盖他”。霸王步就是撞开你上蓝。其实不难盖，因为霸王步是一个连贯的动作预动很大，而且它的作用是撞开身边和前方的人，你不挨着他，他是撞不到你的。防守时你只要看他带球走进3秒区，站住双手拿球。你只要往后退两步（站在蓝筐外面点），等他过来一出手上蓝你就跳起盖他。YEYEYE3步更好盖，在3秒区内边上等他过来，在他走的第一步没迈完第二步时跳起盖他。走第二步时他就把球举起来撞你了。如果你没能来到他面前，那就站在蓝筐下等他来，等他举起要出手时跳起盖他，让他知道什么是封盖！YEYEYE我光说也只是纸上谈兵，盖帽不是说出来的，是练出来的。+U 练练吧！你会盖到他的！YEYEYE</t>
  </si>
  <si>
    <t xml:space="preserve">支?夤苎?今天我朋友刚被查出来支?夤苎祝Ω米⒁馐裁矗? </t>
  </si>
  <si>
    <t>“今天我朋友刚被查出来支?夤苎住币恢智榭鏊得魉郧吧硖搴芎茫鼋鍪浅醮畏⒉。嗍歉腥舅隆：芗虻ィ灰凑找缴姆桨讣岢钟靡钡揭坏阒⒆匆裁挥形梗乐棺陕灾苎祝缓笫欠纹祝踔链⒑头涡牟　Ｖ瘟坪昧撕笠岢侄土渡硖澹庖常欢ㄗ⒁馓炱浠奔笆奔蛹跻路龋×勘鹗芎Ａ硗庖恢智榭觯怯衅苎椎闹⒆炊嗄炅耍恢币裁挥屑觳椋蛭⒆辞幔衷谥亓耍湃ゲ椋槌隽巳绱说慕峁」苣炅浣鼋?5岁，也可以有气管炎10年以上啊，那样的话，治疗起来比较麻烦。急性期西医治疗为主：消炎、止咳、化痰；缓解期：中医治疗为主：服用中药，配合锻炼，增加营养，注意保暖和增强机体抵抗力。这只是对于普通细菌引起的气管炎而言，如果是特殊菌所致，就要查清病原菌，针对病原菌进行针对性的治疗，比如结核性，霉菌性等，均需要特殊治疗                        愿其早日康复！</t>
  </si>
  <si>
    <t xml:space="preserve">农夫养１０头牛，只有１９只角，为什么？ </t>
  </si>
  <si>
    <t xml:space="preserve">农夫养１０头牛，只有１９只角，因为，这其中9头普通牛，一头犀牛 </t>
  </si>
  <si>
    <t xml:space="preserve">高二物理磁场4在地球赤道上空有一磁针处于水平静止状态.突然发现小 </t>
  </si>
  <si>
    <t>我觉得这个问题要看出题者的意图,如果考虑到地磁场的影响就不对,如不考虑,就对</t>
  </si>
  <si>
    <t xml:space="preserve">朋友们:有谁能告诉我,游戏中的小乖奖励是怎么一回事???先谢谢了? </t>
  </si>
  <si>
    <t>特殊人物特殊奖励 用点卷买特殊人物</t>
  </si>
  <si>
    <t xml:space="preserve">WMA能转换成MP3格式吗？我的手机只支持MP3,怎样把MMA转 </t>
  </si>
  <si>
    <t>用播放软件千千静听即可。下载、安装千千静听（网上很多，搜索一下即可）——将wma歌曲加入播放目录（不要播放）——右击要转换的歌曲——格式转换：mp3——立即转换即可</t>
  </si>
  <si>
    <t xml:space="preserve">火车票改签多的钱退吗？ </t>
  </si>
  <si>
    <t>以前不行，新规定可以，但是不知道有没有实施。</t>
  </si>
  <si>
    <t xml:space="preserve">困难60弓或战士能强到BB吗困难60弓或战士跟死亡60弓或战士抢 </t>
  </si>
  <si>
    <t>1 打BB：狂热的话战士你有水刀能抢的过，因为你卡下技能你的刺击+肆虐+旋风斩绝对占优势再不然+个屠龙者咆哮，有人说死弓有磨快，你困难战士不就有快速打击嘛，相差才15 秒。60困难弓跟60死亡战士 装备一样，建议别想了，根本不可能的事情。除非他不会卡技能，比你反应速度慢好点，不过你觉得这一般有可能吗。。60死亡战士一般不会那么蠢吧。困难号是用来上战场的，死亡号才是用来抢BB的。2 练级：你应该知道吧，有个弓手捣乱 练级很麻烦的吧，不效率让人心烦，不过我想60了应该不练级了吧。。</t>
  </si>
  <si>
    <t xml:space="preserve">吞拿鱼(金枪鱼)价格请问目前国内冰鲜吞拿鱼(金枪鱼)市场售价多少 </t>
  </si>
  <si>
    <t>广州近期市场价格,超市里售卖的细条吞拿鱼肉块由八十至二百元/公斤不等,后者是鱼腩部位;如果超过五十公斤以上的大鱼在黄沙水产市场,脊肉约三百元/公斤,上佳的鱼腩部位最贵可达千元.</t>
  </si>
  <si>
    <t xml:space="preserve">能在武器攻击的间隔时间内插入法术攻击吗?双手武器时间一般都3秒以 </t>
  </si>
  <si>
    <t>冷却时间重新计算，就是说骑士不可能拿锤子敲一下，在下次攻击的3秒内+上血</t>
  </si>
  <si>
    <t xml:space="preserve">最近是睡不好还是怎么了，老是头晕 </t>
  </si>
  <si>
    <t>有所思夜有所梦白天多运动可以有效提高睡眠质量。 如果我的回答对你有用，请给个好评，谢谢</t>
  </si>
  <si>
    <t xml:space="preserve">手机二维码怎么扫描条码 </t>
  </si>
  <si>
    <t>用你微信的扫一扫就可以扫描二维码。朋友您好，我致力于努力认真的回答您的每一个问题，所以请您高抬贵手将我的答案设置【好评】，您的肯定将是对我最大的鼓励和动力。</t>
  </si>
  <si>
    <t xml:space="preserve">在月球上能用指南针辨别方向吗?能不能?为什么? </t>
  </si>
  <si>
    <t>　　在对美国阿波罗号宇航员从月球上带回的岩石的研究中，科学家们发现，月球周围的磁场强度不及地球磁场强度的1/1000，月球几乎不存在磁场。但是，研究表明，月球曾经拥有过一个液态热核并依靠该液态热核获得磁场。放射性同位素测量结果表明，这一磁场出现于距今约42亿年前，是月球形成后的3亿年。月球诞生直至36～39亿年期间，是有磁场的。但是，当它出现了6～9亿年之后，磁场却突然消失了。　　所以在月球上，用指南针的话，除了靠近飞船时，受钢铁材料的影响会有指示，否则是不能辩别方向的。</t>
  </si>
  <si>
    <t xml:space="preserve">听说知识堂社区正在搞征文赢大奖，是真的吗？ </t>
  </si>
  <si>
    <t xml:space="preserve">是啊，我看到了，奖品真是丰富，瑞士军刀狗还有商务伞以及CD盒，还有积分奖励，我也投稿了，向着我最喜爱的狗狗进发！！！   ！                         链接是： </t>
  </si>
  <si>
    <t xml:space="preserve">手镯手链为何不宜戴在右手? </t>
  </si>
  <si>
    <t>手腕部位有很多肌腱和神经，它们都在一个叫做腕管的地方，手部运动的肌腱都从这个管子里通过，右手比左手多活动，再细的手镯或手链也会让手腕受累，最受伤的是手腕管里的肌腱和韧带，严重的还会造成肌肉萎缩、肌腱劳损，甚至发展成“腕管综合征”。据健康时报</t>
  </si>
  <si>
    <t xml:space="preserve">幽客们进来在一次1000米赛跑中，我奋力快跑超过了第二名，请问我 </t>
  </si>
  <si>
    <t>如果是直线，你是第二，如果是圈道，鬼才知道你第几！</t>
  </si>
  <si>
    <t xml:space="preserve">牙齿正畸医生说牙齿矫正步骤走近你，整齐漂亮牙齿还给你对吗牙齿正畸 </t>
  </si>
  <si>
    <t>一般而言，牙齿矫正都会有以下几个步骤：       （1）咨询医生。咨询医生牙齿矫正的价格、牙齿矫正的时间、牙齿矫正的注意事项、适合你的牙齿矫正方案以及这套方案所需牙齿矫正的费用等等。       （2）拍片、制模。正畸方案确定后，进行拍片，制造模型。       （3）拔牙、分牙、上牙套。这是牙齿矫正过程中必不可少的环节，也是十分重要的环节，需要配合好正畸医生，给自己漂亮的牙齿带来一个美好的开始。       （4）复诊、上橡皮筋、调型定型。之后最好每月复诊一次。       （5）医嘱(注意事项)。记住医生吩咐的牙齿矫正注意事项。       （6）完成矫正后摘牙套 。       （7）带保持器,尽量带着，否则牙齿容易变形。饭后也可以洗一下保持清洁。      专业口腔正畸专家提醒一点：牙齿矫正需要坚持，有坚持，美丽就属于你！如果正畸医生这样说了，就是没有错的。     长沙芙蓉口腔是湖南省第一家股份制、高规格、高水准的口腔专科医院。首创长沙连续十年“无医疗广告、无医疗事故、无病人投诉、无不良记录”的和谐医院！先后获得了“湖南信用单位先进集体”、“中国五十强专科医院”“中华口腔医学会会员单位”的荣誉，值得百姓信赖的口腔医院。</t>
  </si>
  <si>
    <t xml:space="preserve">我想问下，没驾驶证可以买车吗？我想买新凯越1`6手动，贷款提车需 </t>
  </si>
  <si>
    <t>可以的，但是你怎么搞回去呢？开回去就犯法了呀！</t>
  </si>
  <si>
    <t xml:space="preserve">有谁知道这个是啥植物，帮忙指点.....! </t>
  </si>
  <si>
    <t>番红花（Saffron (/ˈsæfrɒn/),学名：Crocus sativus）或称藏红花、西红花，是一种鸢尾科番红花属的多年生花卉，也是一种常见的香料如有帮到你 请给好评哦</t>
  </si>
  <si>
    <t xml:space="preserve">什么东西不易放在冰箱里面 </t>
  </si>
  <si>
    <t>西瓜 冬瓜 南瓜</t>
  </si>
  <si>
    <t xml:space="preserve">幻魔之眼是什么类型的游戏啊？ </t>
  </si>
  <si>
    <t>游戏类型：运动/休闲</t>
  </si>
  <si>
    <t xml:space="preserve">&lt;天气预报&gt;为何报两次北京天气?中央电视台&amp;lt;新闻联播&amp;gt </t>
  </si>
  <si>
    <t>第二次主要是确认没有报错。要不然我们成都的怎么老是报不准呢？</t>
  </si>
  <si>
    <t xml:space="preserve">关于推荐文章到所参加的圈子我想把文章推荐到有关的圈子，而不是所有 </t>
  </si>
  <si>
    <t>你好：无法设置文章只进入到特定圈子里，你可以将文章日记选择设定为“不进入圈子”，再到你的其中一个圈子在论坛里发表你的文章。</t>
  </si>
  <si>
    <t xml:space="preserve">兰州哪里治疗脑血栓后遗症的医院比较好啊 </t>
  </si>
  <si>
    <t>建议：兰州治疗脑血栓后遗症，甘肃圣德瑞康医院比较好，脑血栓食物选择(1)要增加膳食纤维和维生素C的食物,其中包括粗粮,蔬菜和水果.有些食物如洋葱,大蒜,香菇,木耳,海带,山楂,紫菜,淡茶,魔芋等食品有降脂作用.(2)平时宜吃清淡,细软,含丰富膳食纤维的食物,宜采用蒸,煮,炖,熬,清炒,氽,熘,温拌等烹调方法,不适宜煎,炸,爆炒,油淋,烤等方法</t>
  </si>
  <si>
    <t xml:space="preserve">中国是联合国常任理事国吗 </t>
  </si>
  <si>
    <t>中国早在抗日战争时就是联合国常任理事国了</t>
  </si>
  <si>
    <t xml:space="preserve">"莘莘学子"中，"莘莘“的意思是指？ </t>
  </si>
  <si>
    <t>“莘莘”：是个形容词，形容众多。“莘莘学子”前是不能加数量词的，不能说“一百多莘莘学子”；也不能说“许多莘莘学子”，因为它本身就带有“众多”的意思。</t>
  </si>
  <si>
    <t xml:space="preserve">那里有瑞星2007的下载,谢谢啦! </t>
  </si>
  <si>
    <t xml:space="preserve">你好,推荐瑞星杀毒软件推荐你到：丁香鱼工作室——瑞星升级 瑞星杀毒软件2007官方安装包和最新升级包下载地址: 序列号：T1BULQ-70AWDE-9P90SF-7TD200ID: RB2NA22T瑞星个人防火墙2007版官方安装包序列号：T1BULQ-70AWDE-9P90SF-7TD200ID: RB2NA22T下载地址:  </t>
  </si>
  <si>
    <t xml:space="preserve">如何理财才能赚到钱我个人手头有3万块钱,想存入银行吗,觉得利息太 </t>
  </si>
  <si>
    <t xml:space="preserve">    一般来说，投资理财是风险越大收益越大，风险小则收益小。如果你能承受大的风险可以投资股票，股票的风险相对大但，但收益大的同时也可能亏损也大。基金的风险适中，介于股票和债券之间，收益或亏损也是适中。货币基金是基金中风险最小的品种，但流动性好。风险小的有国债，但收益也小只是比银行存款多一点点。    综合你的情况，可以做一些投资组合，取得比银行收益的高的同时还可降低投资风险一部分买基金，一部分买国债，部分存款。    可以到各类财经网站上学习理财知识，然后根据自己的喜好安排合理的资金额。   祝你理财成功！</t>
  </si>
  <si>
    <t xml:space="preserve">这活动要怎么做啊？丰厚点卡送完为止，“微博”分享即参与活动时间： </t>
  </si>
  <si>
    <t>收了玩家的钱还要玩家帮忙做广告  我靠TZ 越来越鄙视你</t>
  </si>
  <si>
    <t xml:space="preserve">扁桃体肥大的孩子是不是影响吞咽食品？ </t>
  </si>
  <si>
    <t>不能随便开掉  否则细菌会通过别的路径侵害人体的</t>
  </si>
  <si>
    <t>脑筋急转弯</t>
  </si>
  <si>
    <t>当你踩到钉子的时候，是先穿（过）鞋子，再穿（过）袜子。</t>
  </si>
  <si>
    <t xml:space="preserve">地精空巷任务在那儿做？帮我是个循环任务做到最后一个了。在石爪山接 </t>
  </si>
  <si>
    <t>狂风峭壁~~就在石爪地图的上中，快到瀑布的地方，可以看到有几个挺高的平台，上面还有直升飞机，都是普通的地精，杀两个守卫上去放毒药就行了</t>
  </si>
  <si>
    <t xml:space="preserve">男人跟不喜欢的人在一起，是不是有其它的目的？我喜欢的人不喜欢我， </t>
  </si>
  <si>
    <t>性 就是为了性</t>
  </si>
  <si>
    <t xml:space="preserve">英语翻译翻译:祝您天天快乐! </t>
  </si>
  <si>
    <t>祝您天天快乐!I wish you every day happy!</t>
  </si>
  <si>
    <t xml:space="preserve">固定资产折旧折完以后怎么处理固定资产折旧完以后，还剩一个残值挂在 </t>
  </si>
  <si>
    <t>一、固定资产折旧完以后，还剩一个残值挂在帐面上，如果该固定资产还在使用，是不是就一直这样挂着？（1）是的。（2）固定资产提完折旧，继续使用的话，就不再提折旧了。二、到该固定资产需要进行清理时才做账务处理？对不对啊？1、是的。2、清理帐务处理（1）清理时  借：固定资产清理借：累计折旧贷：固定资产（2）发生清理费用等支出借：固定资产清理贷：银行存款（或现金）（3）发生清理变价收入等借：银行存款（或原材料等）贷：固定资产清理（4）结转清理净损益A.属于清理后净收益   借：固定资产清理   贷：营业外收入B.属于清理后净损失  借：营业外支出  贷：固定资产清理</t>
  </si>
  <si>
    <t xml:space="preserve">洋葱怎么样才能在切的时候不辣眼睛？ </t>
  </si>
  <si>
    <t>切洋葱时，由于洋葱有一种挥发物质，常使切菜的人流泪。防止的方法是： 1.在切洋葱前，把切菜刀在冷水中浸一会儿，再切时就不会因受挥发物质刺激而流泪了。 2.将洋葱对半切开后,先泡一下凉水再切,就不会流泪了. 3.放微波炉稍微叮一下,皮好去,切起来也不流泪. 4.将洋葱浸入热水中3分钟后，再切。 5.戴着泳镜切洋葱 6.屏住呼吸切.因为洋葱的味道是通过鼻子传到脑神经,才让眼睛流泪的. 7.切洋葱时可以在砧板旁点支蜡烛可以减少洋葱的刺激气味。效果不错！(呵呵,很好玩.够另类!!!) 切葱的道理应该是一样的试试吧!!</t>
  </si>
  <si>
    <t xml:space="preserve">这款手机怎么样，谁有？好用吗？ </t>
  </si>
  <si>
    <t>步步高vivo挺好的，4.7大屏幕4核cpu，配置很高。</t>
  </si>
  <si>
    <t xml:space="preserve">想在青岛给孩子找一家英语学习比较好的培训机构 </t>
  </si>
  <si>
    <t>国际私塾就很不错，他们的老师都是欧美国家的一线外教，教学经验丰富，而且特别的负责任，课后都会自己从语言、行为、参与度方面描述学生上课情况，跟我们沟通，让我们随时了解孩子的学习情况，现在孩子特别的喜欢去国际私塾上课</t>
  </si>
  <si>
    <t xml:space="preserve">如何CPU利用率很快就达到100%我只开了暴风影音马上就到100 </t>
  </si>
  <si>
    <t xml:space="preserve">这个问题我也碰到过,是病毒引起的,杀毒之后就好啦.若是杀毒不能解决你的问题,请参考下面的试试:占用100%怎么办?1、防杀毒软件造成 故障 由于新版的 KV 、金山、 瑞星 都加入了对网页、 插件 、邮件的随机监控，无疑增大了系统负担。处理方式:基本上没有合理的处理方式，尽量使用最少的监控服务吧，或者，升级你的硬件配备。 2、驱动没有经过认证，造成CPU资源占用100% 大量的测试版的驱动在网上泛滥，造成了难以发现的故障原因。 处理方式:尤其是 显卡驱动 特别要注意，建议使用 微软认证 的或由官方发布的驱动，并且严格核对型号、版本。 3、 病毒、木马 造成 大量的蠕虫病毒在系统内部迅速复制，造成CPU占用资源率据高不下。解决办法:用可靠的杀毒软件彻底清理系统内存和本地硬盘，并且打开系统设置软件，察看有无异常启动的程序。经常性更新升级杀毒软件和防火墙，加强防毒意识，掌握正确的防杀毒知识。 4、控制面板— 管理工具 —服务—RISING REALTIME MONITOR SERVICE 点鼠标右键，改为手动。 5、开始-&gt;运行-&gt;msconfig-&gt;启动，关闭不必要的启动项，重启。 6、查看“ svchost ”进程。 svchost . exe 是Windows XP系统 的一个核心进程。 svchost.exe 不单单只出现 在Window s XP中，在使用 NT 内核的 Windows系统 中都会有svchost.exe的存在。一般在Windows 2000 中 svchost.exe进程 的数目为2个，而 在Windows XP中svchost.exe进程的数目就上升到了4个及4个以上。 7、查看 网络连接 。主要是网卡。 8、查看网络连接 当安装了Windows XP的计算机做服务器的时候，收到端口 445 上的连接请求时，它将分配内存和少量地调配 CPU资源来为这些连接提供服务。当负荷过重的时候，CPU占用率可能过高，这是因为在工作项的数目和响应能力之间存在固有的权衡关系。你要确定合适的 MaxWorkItems 设置以提高系统响应能力。如果设置的值不正确，服务器的响应能力可能会受到影响，或者某个用户独占太 多系统 资源。 要解决此问题，我们可以通过修改注册表来解决:在 注册表编辑器 中依次展开[HKEY_LOCAL_MACHINE\SYSTEM\CurrentControlSet\Services\lanmanserver ]分支，在右侧窗口中 新建 一个名为“maxworkitems”的 DWORD值 。然后双击该值，在打开的窗口中键入下列数值并保存退出: 如果计算机有512MB以上的内存，键入“1024”；如果计算机内存小于 512 MB，键入“256”。 9、看看是不是Windows XP使用鼠标右键引起CPU占用100% 前不久的报到说在资源管理器里面使用鼠标右键会导致CPU资源100%占用，我们来看看是怎么回事？ 征兆: 在资源管理器里面，当你右键点击一个目录或一个文件，你将有可能出现下面所列问题: 任何文件的拷贝操作在那个时间将有可能停止相应 网络连接速度将显著性的降低所有的流输入/输出操作例如使用Windows Media Player 听音乐将有可能是音乐失真成因: 当你在资源管理器里面右键点击一个文件或目录的时候，当快捷 菜单显示 的时候，CPU占用率将增加到100%，当你关闭快捷菜单的时候才返回正常水平。 解决方法: 方法一:关闭“为菜单和工具提示使用过渡效果” 1、点击“开始”--“控制面板” 2、在“控制面板”里面双击“显示” 3、在“显示”属性里面点击“外观”标签页 4、在“外观”标签页里面点击“效果” 5、在“效果”对话框里面，清除“为菜单和工具提示使用过渡效果”前面的复选框接着点击两次“确定”按钮。 方法二:在使用鼠标右键点击文件或目录的时候先使用鼠标左键选择你的目标文件或目录。然后再使用鼠标右键弹出快捷菜单。 CPU占用100%解决办法 一般情况下CPU占了100%的话我们的电脑总会慢下来，而很多时候我们是可以通过做 一点点 的改动就可以解决，而不必问那些大虾了。 当机器慢下来的时候，首先我们想到的当然是任务管理器了，看看到底是哪个程序占了较搞的比例，如果是某个大程序那还可以原谅，在关闭该程序后只要CPU正常了那就没问题；如果不是，那你就要看看是什幺程序了，当你查不出这个进程是什幺的时候就去google或者baidu 搜。有时只结束是没用的，在 xp下 我们可以结合msconfig里的启动项，把一些不用的项给关掉。在2000下可以去下个winpatrol来用。 一些常用的软件，比如浏览器占用了很搞的CPU，那幺就要升级该软件或者干脆用别的同类软件代替，有时软件和系统会有点不兼容，当然我们可以试下xp系统下给我们的那个兼容项，右键点该. exe文件 选兼容性。 svchost.exe有时是比较头痛的，当你看到你的某个svchost.exe占用很大CPU时你可以去下个aports或者fport来检查其对应的程序路径，也就是什幺东西在掉用这个svchost.exe，如果不是c:\Windows\ system32 (xp)或c:\winnt\system32(2000)下的，那就可疑。升级杀毒软件杀毒吧。 右击 文件导致100%的CPU占用我们也会遇到，有时点右键停顿可能就是这个问题了。官方的解释:先点左键选中，再右键(不是很理解)。非官方:通过在桌面点右键-属性-外观-效果，取消”为菜单和工具提示使用下列过度效果(U)“来解决。还有某些杀毒软件对文件的监控也会有所影响，可以 关闭杀毒软件 的文件监控；还有就是对网页，插件，邮件的监控也是同样的道理。 一些驱动程序有时也可能出现这样的现象，最好是选择微软认证的或者是官方发布的驱动来装，有时可以适当的升级驱动，不过记得最新的不是最好的。 CPU降温软件 ，由于软件在运行时会利用所以的CPU空闲时间来进行降温，但Windows不能分辨普通的CPU占用和 降温软件 的降温指令 之间的区别 ，因此CPU始终显示100%，这个就不必担心了，不影响正常的系统运行。 在处理较大的 word文件 时由于word的拼写和语法检查会使得CPU累，只要打开word的工具-选项-拼写和语法把”检查拼写和检查语法“勾去掉。 单击 avi视频 文件后CPU占用率高是因为系统要先扫描该文件，并检查文件所有部分，并建立索引；解决办法:右击保存视频文件的文件夹-属性-常规-高级，去掉为了快速搜索，允许索引服务编制该文件夹的索引的勾。 CPU占用100%案例分析 1、 dllhost进程造成CPU使用率占用100% 特征:服务器正常CPU消耗应该在75%以下，而且CPU消耗应该是上下起伏的，出现这种问题的服务器，CPU会突然一直处100%的水平，而且不会下降。查看任务管理器，可以发现是DLLHOST.EXE消耗了所有的CPU空闲时间，管理员在这种情况下，只好重新启动IIS服务，奇怪的是，重新启动IIS服务后一切正常，但可能过了一段时间后，问题又再次出现了。 直接原因: 有一个或多个ACCESS数据库在多次读写过程中损坏，微软的 MDAC 系统在写入这个损坏的ACCESS文件时，ASP线程处于BLOCK状态，结果其它线程只能等待，IIS被死锁了，全部的CPU时间都消耗在DLLHOST中。 解决办法: 安装“一流信息监控拦截系统”，使用其中的“首席文件检查官IIS健康检查官”软件， 启用”查找死锁模块”，设置: --wblock=yes 监控的目录，请指定您的主机的文件所在目录: --wblockdir=d:\test 监控生成的日志的文件保存位置在安装目录的log目录中，文件名为: m 停止IIS，再启动“首席文件检查官IIS健康检查官”，再启动IIS，“首席文件检查官IIS健康检查官”会在 m中记录下最后写入的ACCESS文件的。 过了一段时间后，当问题出来时，例如CPU会再次一直处100%的水平，可以停止IIS，检查 m所记录的最后的十个文件，注意，最有问题的往往是计数器类的ACCESS文件，例如:”**COUNT. MDB ”，”**COUNT.ASP”，可以先把最后十个文件或有所怀疑的文件删除到回收站中，再启动IIS，看看问题是否再次出现。我们相信，经过仔细的查找后，您肯定可以找到这个让您操心了一段时间的文件的。找到这个文件后，可以删除它，或下载下来，用ACCESS2000修复它，问题就解决了。 2、 svchost.exe造成CPU使用率占用100% 在 i文件中，在[Windows]下面，“run=”和“load=”是可能加载“木马”程序的途径，必须仔细留心它们。一般情况下，它们的等号后面什幺都没有，如果发现后面跟有路径与文件名不是你熟悉的启动文件，你的计算机就可能中上“木马”了。当然你也得看清楚，因为好多“木马”，如“AOL Trojan木马”，它把自身伪装成command.exe文件，如果不注意可能不会发现它不是真正的系统启动文件。 在 i文件中，在[BOOT]下面有个“shell=文件名”。正确的文件名应该是“explorer.exe”，如果不是“explorer.exe”，而是“shell= explorer.exe 程序名”，那么后面跟着的那个程序就是“木马”程序，就是说你已经中“木马”了。 </t>
  </si>
  <si>
    <t xml:space="preserve">成都有领养猫咪的地方么？� </t>
  </si>
  <si>
    <t>1.“猫咪有约”论坛，有一个板块就是领养专区，全国各地都有，有地方分类，比较好找，2.校内网，“猫咪”公共主页，第一个相册，全是待领养猫咪，全国各地都有，没有分类。3.“58同城”上也有，，</t>
  </si>
  <si>
    <t xml:space="preserve">请问这样违反劳动法吗?我们是在医院上班的护士。上班性质属于三班制 </t>
  </si>
  <si>
    <t>《劳动法》就此问题有以下规定——第三十六条：“ 国家实行劳动者每日工作时间不超过八小时、平均每周工作时间不超过四十四小时的工时制度。” 第四十一条：“ 用人单位由于生产经营需要，经与工会和劳动者协商后可以延长工作时间，一般每日不得超过一小时；因特殊原因需要延长工作时间的，在保障劳动者身体健康的条件下延长工作时间每日不得超过三小时，但是每月不得超过三十六小时。”就是说，一个工作日内不超过十一小时，就是合法的，但超过八小时的部分应该给加班费。那么，连续上九个小时不并违反劳动法，但应该给一小时的加班费。</t>
  </si>
  <si>
    <t xml:space="preserve">汽车前雾灯灯光这些天跟朋友聊天时，讲到以前汽车前雾灯，都发出黄色 </t>
  </si>
  <si>
    <t>以前雾灯光的黄色是通过黄色反光碗或者黄色面罩玻璃来实现的，因此一目了然，感觉雾灯是黄色的；而现在是通过灯泡内部充填气体成分不同来实现的，所以你看到雾灯反光碗和面罩都是无色或者白色的，但是它发出的光还是黄色的。</t>
  </si>
  <si>
    <t xml:space="preserve">请问谁知道这个东西是什么我开箱子开到一个叫“水果？”的东西npc </t>
  </si>
  <si>
    <t>长的有点象香蕉皮~~~~~鉴定完了名字叫迷之皮图就不发了,鉴定完跟没鉴定的样子是一样的另外这个不是用狩猎打的而是用10级伐木挖出来的</t>
  </si>
  <si>
    <t xml:space="preserve">请有经验的男女士帮帮我？我和我的老公结婚4年了`有了一个快三岁的 </t>
  </si>
  <si>
    <t>正常，主要是因为你老公对你太在意了，另外，你是不是应该检讨一下自己的行为和举止过于开放和随便了，会成为你老公不放心的理由，另外，要积极和老公沟通，既然没有什么，出去前和老公说明一下去向，另外不要太晚回来，千万不要在外面过夜，如果过夜第三人都会觉得不妥，何况你老公呢？孩子都三岁了，应该不会去冒险吧？你能做的就是真诚的与爱人沟通，顾及一下他的感受，同时也说明一下你对家、孩子、老公的爱。例外情况：如果你老公是《不要和陌生人说话》的安佳和类型的人，以上方法不管用</t>
  </si>
  <si>
    <t xml:space="preserve">卵巢囊肿怎么治疗？去医院检查，发现我有卵巢囊肿，大概1.8*1. </t>
  </si>
  <si>
    <t>这个大小的囊肿，考虑是生理性的，不需治疗可以在下次月经干净后的3－7天在复查一下。如果还存在，需治疗。</t>
  </si>
  <si>
    <t xml:space="preserve">有没有人知道win7电脑账户不小心删除了该怎么打开电脑[泪][泪? </t>
  </si>
  <si>
    <t>win7至少有个administrator 用户你是删不了的，用这个用户进。</t>
  </si>
  <si>
    <t xml:space="preserve">山西大学新生开学了没有 </t>
  </si>
  <si>
    <t>7号已经开学了，现在在军训。。山西大学新生报到时间是9月7日。军训到9月28日新生7号已经开学了啊。已经开始军训了</t>
  </si>
  <si>
    <t xml:space="preserve">牦牛干巴、琵琶肉的做法和特色？ </t>
  </si>
  <si>
    <t>云南汉族善制火腿、腊肉，回族则腌得好干巴。干巴是云南独特的食品，以寻甸、会泽等回族聚居区产的为最好。干巴便于携带、保存，吃时油炸、水煮、火烧无不可，调味甜咸酸辣皆宜，在云南处处可见，四季供应。 腌制作干巴要在寒露前后选壮牛宰杀，割下２４块规整牛肉，如“饭盒”等各有各名目。肉在通风处晾透后，用炒过的食盐揉几遍，也可加些五香粉、花椒粉之类。装缸腌时要放平压紧，再撒一层盐，用几层纸扎紧缸口。２０天左右出缸，穿绳吊挂晾晒，两天后平放加压挤水再晒，直至肉已干硬即成。制成的牛巴排排列于木架上，块型齐整，色如粟壳，闻之有香。牛干巴最常见的吃法是油煎，可以调以干椒、薄荷等，煎嫩一点则柔韧有嚼劲，煎透些则脆香，煎后施糖醋又是另一味。火烧干巴是把干巴用火烧熟，去除焦黑部分，大力捶松其组织，干巴呈肉松状而食用，风味十足。傣族多这样吃，不过他们的干巴在腌制时就割为小条，干巴丝是将干巴撕成极细而长的肉纤维，经油炸后入口就酥，这似乎是缅甸传来的做法了。分类：云南牛干巴分回族牛干巴、藏族牛干巴和傣族牛干巴。它们各具特色，各有吃法。   云南的回族自古以来就有喂菜牛腌制牛干巴的饮食传统。用于腌制干巴的牛，要事先专门饲养半年左右，使其膘足体壮。一般在农历使、十月、腊月宰腊牛腌干巴，备一年之需。在回族村庄，宰牛一般在清晨，宰腊牛季节整个村庄就像过节一样。牛必须经过阿訇宰，称牛肉为“牛菜”。剥牛者，训练有素，如庖丁解牛把一头牛按肌群下为24“个”（12对）菜，滇南的回族称之为大团肉、小团肉、弯肉、背脊、内脊、肋条、胸子、外板、肩肉等。把“牛菜”一个个挂在壁墙、屋檐上吹去水气，当天晚上就腌制。腌时把一个个“牛菜”放在竹簸箕里加盐揉搓、揉透，先揉肉厚的，后揉薄的。每100公斤牛菜用食盐3—5公斤。用瓦缸腌制。按肉厚薄先后放进瓦缸里，然后用木盖和麻布袋把缸口密封。腌制15—20天后，取出晾晒。晴天早上晒出，下午收回，并按肉的薄厚，展平堆放。在簸箕或大木桌上，薄肉在下厚肉在上，层层压平。30天左右，晾晒过程就完成了，便可挂入屋内备食。晾晒期间要随时检查是否有苍蝇产卵，一旦发现要及时用竹片清除，以保证干巴的质量。藏族用牦牛肉或犏牛肉割成块状加盐，花椒等配料，腌制成牦牛干巴。滇西北藏区气候寒冷，一年四季都可以腌制牦牛干巴。傣族地区终年炎热，他们把牛肉割成长条而腌制成干巴，这样容易风干。傣族还有腌制酸牛肉的习俗。各族牛干巴的吃法也有不同。回族牛干巴主要有切薄炸香脆和切厚煎软两种吃法，后这更具有回族口味。切干巴讲究刀法，须横丝而切，这样切能薄能厚，边于咀嚼。傣族干巴一般是先用碳火烘烤，用木棍敲碎，用手按直丝扯为细条，再用油煎炸而吃，或直接加佐料制成凉拌干巴丝。藏族牦牛干巴，切成片炸吃，其味香脆麻辣，别有风味。 牛干巴的做法 (同发六月世界)一、选料 新鲜牛肉（多少视情况而定，想多吃就多买）最好用牛健子肉，就是小脚鼓出来的那块了，洗净后 割成每块三、四两左右厚约三厘米的片。形状嘛，我建议由你随心所欲，你想割成一个圆圈也是可以的，最大限度的发挥你的创造性及想像力。本来做菜就是享受做的过程，想想一下，你把一块血淋淋的牛肉做成一碟美味，这过程是多么的美妙啊，所以有时我做完菜后，只是瞅了几眼，听了几句赞美词就走人，根本不吃。 二、配料清单（干杂店有卖） 八角一只，（肉多可视情况增加）我的比例参考是三斤肉一只。 桂皮一块，大小跟你的大拇指差不多就行了，如果你买的时候刚好没有这么大的而你非要人家剪成拇指大小的话，肯定会得到额外赠送的几只烂鸡蛋。（我不扔肯定有人扔） 沙葁几片。 干辣椒几只。 行了，这就么多，也许有人会问：怎么这么少配料啊？我问你：你是吃中药还是吃牛肉啊？想吃药的不是有病嘛！！ 三、做法 加热锅，注少量食油，放入上述配料煸出香味后倒入水及酱油，（比例为一比一）此时不要急盖上盖子，为什么？哈哈，牛肉还没有放进去咧。放牛肉后再放点白酒。有兴趣的话再扔进几根葱。盖上盖子吧。注意先用大火。水开后改成慢火。（此时要打开盖子了）因为盖上盖子的话水倒流入锅，影响味道。一小时后就OK。如果你的牙齿咬得动轮胎的话就煮两个小时吧。因为牛肉是越煮越韧滴 牛肉出锅后就拿手去晒，就跟晒腊肉一样的方法。最重要的一点大家要注意的，就是晚上记得收回来喔，晒几天后干了就是牛干巴，呵。想吃时用高压锅压上个五分钟就可以切片来佐酒了，当然，你想整块的咬也是可以的。 呀。差点忘了，煮完牛肉后锅内的剩下的汁不要倒掉啊，用来捞面条和捞粉是很好吃的。琵琶肉选１５０斤左右重的猪（这里的猪都是野外放养，故肥少瘦多，肌肉纤维较粗但味道极佳），宰杀后去尽内脏，再用糯米酒和粗盐将猪肉抹匀，腌制一个月左右，然后压扁捆扎成琵琶形，挂在屋梁上自然风干（约一个月）即成琵琶肉是纳西人家的又一道特色菜肴。这是取自一头完整的猪，去其内脏和骨头，加入佐料，用线缝合。然后用石块压平风干，再挂在火塘上方经烟熏三四个月，因为形状颇似琵琶，而得名琵琶肉，又称猪膘肉，存放的时间越长，肉味越加清香，吃起来肥而不腻，十分可口。　　 琵瑟肉是一种采用藏族传统的腌肉方法制作的肉食。具体做法是，将猪的内脏和骨取出，保留完整躯体。待稍凉后，放入花椒、草果、食盐等佐料（也有的加白酒），轻轻搓揉后，将其缝合，压上石板腌制，还要用木塞或玉米芯把猪鼻塞严，以防虫蛀。因其形状像琵琶。故称“琵琶肉”。《滇南新语》里说琵琶肉“薄腻若明珀，形类琵琶。”琵琶肉可以保存很长的时间，若不切开，呆数年不变。其肉味道鲜美，肉色彩透明，见之令人垂涎欲滴，可煮可炖，是藏人待客的佳肴。琵琶肉：琵琶肉是怒族独有的佳肴，因形似琵琶而得名。每年11—12月份，各家各户将杀好的猪取出内脏，整只地剔尽所有的骨头，然后撒上配好的腌料后，用针线缝合刀口，在猪耳朵内各塞一个核桃，猪鼻孔内各插一根与鼻孔相当的木棍，腌放数日后，取出木棍，琵琶肉便做好了，将其置于火塘上端，到了大年三十晚上才开刀食用。琵琶肉香醇可口，可与宣威火腿相媲美。如有远方的客人到来，主人切下第一刀琵琶肉接客，被称作全猪招待，是最大的礼节了。</t>
  </si>
  <si>
    <t xml:space="preserve">关于机械设备的设计!机械设计是先确定标准件再设计结构呢?还是先设 </t>
  </si>
  <si>
    <t>理念上是先大致设计结构,实际上在大多数情况下是交叉进行设计的.做机械设计时,结构件本身有很多数字都来源于标准件,比如轴的外径或需安装轴承的空径,必须把这些标准件尺寸应用到结构上去以后再整体计算结构受力情况,如果超出了设计要求范围当然还有可能重新修改轴径或空径.</t>
  </si>
  <si>
    <t xml:space="preserve">McAfee是免费升级的吗？听说麦咖啡是永久免费升级的，所以我下 </t>
  </si>
  <si>
    <t>不是永久的，MCAFEE杀毒软件是下载好了，注册后，免费升级一年的。防火墙试用版的是免费试用一个月的，我以前都试过的。</t>
  </si>
  <si>
    <t xml:space="preserve">s'ilvousplait　关于这个牌子的资料？亲爱的们,我想知 </t>
  </si>
  <si>
    <t>成都伊藤洋华堂.成都太平洋百货.成都王府井百货.成都摩尔百盛都有s'il vous plait卖!</t>
  </si>
  <si>
    <t xml:space="preserve">羊水偏少怎么办我怀孕34周做的B超，显示羊水指数为：5.0cm是 </t>
  </si>
  <si>
    <t xml:space="preserve">1、羊水过少的病因：(1)胎盘功能不全：羊水交换量下降胎儿尿量减少，导致羊水过少(2)羊膜发育不全或功能减退(3)胎儿发育异常：如肾发育不全，泌尿道梗阻等使尿量减少，无尿排入羊膜腔。(4)脐带病变或异常：脐带也参与羊水的交换。2、对胎儿的影响(1)胎儿畸形发育发生率高(2)胎儿宫内发育迟缓经正常高4倍(3)胎儿窘迫和新生儿胎粪吸入综合征明显增多(4)产程延长，固产死亡率高3、处理：属高危妊娠，应住院治疗。 </t>
  </si>
  <si>
    <t xml:space="preserve">今年巴萨会重蹈覆辙吗？失望的冠军杯！！ </t>
  </si>
  <si>
    <t xml:space="preserve">欧足联要“做掉”切尔西，理由是穆里尼奥的狂妄、自大，上赛季对欧足联做出的“不敬”举动让这个欧洲足坛最高统治者脸上无光。“埃辛事件”曾被认为是个引子，冠军联赛小组赛中，埃辛放铲哈曼造成后者受伤，加纳人的犯规确实恶劣，然而在裁判当时连黄牌都未出示的情况下，欧足联“仗着”媒体谴责就开出停赛两场的罚单，表明了他们对切尔西的态度。当时穆里尼奥忍了，在去年炮轰之后狂人一直有意收敛自己的脾气，而且还向欧足联示好，向巴萨、阿森纳这些仇家示好，但“债”已经欠下了，按时下常说的一句话：“出来混总是要还的”。 </t>
  </si>
  <si>
    <t xml:space="preserve">我和男友的关系被妈妈知道了,怎么办?我和男友的同居关系被妈妈发现 </t>
  </si>
  <si>
    <t>其实没什么,这关键是你自己怎么样想这件事(我是指你未婚先与男友发生关系这事),虽然你妈妈是很保守的人, 但你还是应该与妈妈好好的沟通一下这方面,父母之所以很看重女儿的贞操是因为他们担心女儿被男人欺负,身体、心理受到伤害（其实这方面你自己也应该细细考虑，再则流产容易影响生育，千万小心别未婚先孕），影响女儿的美好生活。你现在刚大学毕业或许你体会不了这些，现实生活太现实了，生活会受诸多因素影响。即然已经发生了，你也不必想太多，好好地与妈妈谈谈你的感情、看法，让妈妈为你放心，让她了解你，知道你怎样想问题和看问题。这样她反而会放心一些，不要一味的躲闪，你遇到问题妈妈还会为你提些建议呢，同时也会增加你们母女的感情，使你们更贴心。既然都知道了，就老实交代吧，反正你妈妈也是过来人。大不了保证一定和男朋友结婚就是啦！</t>
  </si>
  <si>
    <t xml:space="preserve">飞剑抽得跟买99YB的飞剑一样吗知道的请说下，无意灌水的免了 </t>
  </si>
  <si>
    <t>除了样子不同之外，其他都是一样的。个人觉的抽的比买的难看多了，像是屠夫用的杀猪刀</t>
  </si>
  <si>
    <t xml:space="preserve">怎么办呢？急！！！！我今天摔了一下，脸都肿了，而且擦破了皮，火辣 </t>
  </si>
  <si>
    <t>受伤的地方24小时内冷敷，这样可以使局部血管收缩，减轻肿胀，过了24小时热敷，这样可以加快局部血液循环，有利于消肿，破了的地方可以用“碘伏”或“酒精”擦擦，避免发炎，用不着吃药，祝你早日康复！</t>
  </si>
  <si>
    <t xml:space="preserve">出句：难解人生爱恨愁[离水声悄] </t>
  </si>
  <si>
    <t xml:space="preserve">对句：不经岁月悲欢梦 [浆果处处]出句：难解人生爱恨愁 [离水声悄] </t>
  </si>
  <si>
    <t xml:space="preserve">男友有桃花运怎么半？男朋友是天蝎座，我是处女座。听说天蝎明年会走 </t>
  </si>
  <si>
    <t>也有个朋友曾经跟我说，我男友很受女孩子喜欢我当然担心但是担心又有什么用呢关键是两个人的关系，而且是你的终归是你的，不是你的始终也会走的所以你还是不必忧虑这么多好好的疼他。</t>
  </si>
  <si>
    <t xml:space="preserve">夜啼，大声哭闹是什么原因？该如何处理？您好。我家宝宝快满7个月了 </t>
  </si>
  <si>
    <t xml:space="preserve">你的孩子还吃夜奶吗？ </t>
  </si>
  <si>
    <t xml:space="preserve">中国美食共有多少个菜系？分别是什么？中国的美食到底有多少个菜系呢 </t>
  </si>
  <si>
    <t xml:space="preserve">中国菜肴素有四大风味和八大菜系之说。四大风味是：鲁、川、粤、淮扬。八大菜系一般是指：山东菜、四川菜、湖南菜、江苏菜、浙江菜、安徽菜、广东菜和福建菜。　　八大菜系之首当推鲁菜。鲁菜的形成和发展与由山东地区的历史、地理环境、经济条件和习俗尚好有关。山东是我国古文化发祥地之一。地处黄河下游，气候温和，胶东半岛突出于渤海和黄海之间。境内山川纵横，河湖交错，沃野千里，物产丰富，交通便利，文化发达。其粮食产量居全国第三位；蔬菜种类繁多，品质优良，是号称“世界三大菜园”之一。如胶州大白菜、章邱大葱、苍山大蒜、莱芜生姜都蜚声海内外。 　　粤菜系由广州菜、潮州菜、东江菜三种地方风味组成。 广州菜包括珠江三角洲和肇庆、韶关、湛江等地的名食在内。地域最广，用料庞杂，选料精细，技艺精良， 善于变化，风味讲究，清而不淡， 鲜而不俗，嫩而不生， 油而不腻。夏秋力求清淡， 冬春偏重浓郁，擅长小炒， 要求掌握火候和油温恰到好处。潮汕菜故属闽地，其语言和习俗与闽南相近。 　　川菜系也是一个历史悠久的菜系，其发源地是古代的巴国和蜀国。据《华阳国志》记载，巴国“土植五谷，牲具六畜”，并出产鱼盐和茶蜜；蜀国则“山林泽鱼，园囿瓜果，四代节熟，靡不有焉”。当时巴国和蜀国的调味品已有卤水、岩盐、川椒、“阳朴之姜”。在战国时期墓地出土文物中，已有各种青铜器和陶器食具，川菜的萌芽可见一斑。川菜的形成大致在秦始皇统一到三国鼎立之间。 　　湘菜系即湖南菜，是以湘江流域、洞庭湖地区和湘西山区等地方菜发展而成。湘江流域的菜以长沙、衡阳、湘潭为中心，是湖南菜的主要代表。其制作精细，用料广泛，品种繁多，其特色是油多、色浓，讲究实惠。在品味上注重香酥、酸辣、软嫩。湘西菜擅长香酸辣，具有浓郁的山乡风味。湘菜历史悠久，早在汉朝就已经形成菜系，烹调技艺已有相当高的水平。 　　闽菜系历来以选料精细，刀工严谨，讲究火候、调汤、佐料，和以味取胜而著称。其烹饪技艺，有四个鲜明的特征，一是采用细致入微的片、切、剞等刀法，使不同质地的原料，达到入味透彻的效果。故闽菜的刀工有“剞花如荔，切丝如发，片薄如纸”的美誉。如凉拌菜肴“萝卜蜇”，将薄薄的海蜇皮，每张分别切成2～3片，复切成极细的丝，再与同样粗细的萝卜丝合并烹制，凉后拌上调料上桌。 　　南菜系以杭州、宁波、绍兴三种地方风味菜为代表，成名较早。浙菜系的历史也相当悠久。京师人南下开饭店，用北方的烹调方法将南方丰富的原料做得美味可口，“南料北烹”成为浙菜系一大特色。如过去南方人口味并不偏甜，北方人南下后，影响南方人口味，菜中也放糖了。汴京名菜“糖醋黄河鲤鱼”到临安后，以鱼为原料，烹成浙江名菜“西湖醋鱼”。 　　苏菜系即江苏地方风味菜。江苏是名厨荟萃的地方。我国第一位典籍留名的职业厨师和第一座以厨师姓氏命名的城市均在这里。制作野鸡羹供帝尧食用，被封为大彭国，亦即今天的徐州，故名彭铿，又名彭祖。夏禹时代，“淮夷贡鱼”，淮白鱼直至明清均系贡品。“菜美之者，具区之菁”，商汤时期的太湖佳蔬韭菜花已登大雅之堂。春秋时齐国的易牙曾在徐州传艺，由他创制的“鱼腹藏羊肉”千古流传，是为“鲜”字之本...... 　　皖南的徽州菜是徽菜系的主要代表，起源于黄山麓下的歙县，即古代的徽州。后因新安江畔的屯溪小镇成为“祁红”、“屯绿”等名茶和徽墨、歙砚等土特产品的集散中心，饮食业发达，徽菜的重点逐渐转移到屯溪，在这里得到进一步发展。宋高宗曾问歙味于学士汪藻，汪藻举梅圣俞诗对答“雪天牛尾狸，沙地马蹄鳖”。牛尾狸即果子狸，又名白额。徽菜系在烹调技艺上擅长烧、炖、蒸，而爆、炒菜较少，重油、重色、重火工。 </t>
  </si>
  <si>
    <t xml:space="preserve">暨南大学金融研究生，没有金融业工作经验，就业前景如何？我现在在深 </t>
  </si>
  <si>
    <t>我觉得，你不要把自己的学历包袱看的太重了...我本人是这个分类的管理员，也是分类的管理员，我是职业做外汇的，应该算纯金融了吧？但我觉得金融太笼统了，一般都会具体的分成一个局部来讨论...你说你是学金融的研究生，你对金融懂的多的是哪方面，自己心里有数吗？我建议，自己彻底剖析一下自己，包括性格，潜力，等等....你说你喜欢金融？但你知道自己喜欢金融的哪方面吗？你对这个方面了解多少呢？不了解的，打算用何途径去学呢？？？？是不是感觉有点思路了？？？？我以前没有毕业时，就知道自己喜欢看K线图，不知道为了什么，但就是喜欢就整天捧着K线图的书啃，呵呵.....闲着就去学校门口的证券所里瞎看.....我自己是没有啥毕业的感觉，反正一直做自己感兴趣的事，作息可以自己支配，适合自己喜欢自由的性格，所以.....不知道，我的经历是否对你有点用处，呵呵....有机会，可以到  外汇分类找我，或者直接找我，呵呵，</t>
  </si>
  <si>
    <t xml:space="preserve">问花花不语，为谁落，为谁开，算春色三分，半随流水，半入尘埃这是哪 </t>
  </si>
  <si>
    <t>应该是金大侠根据老苏和老欧阳的&lt;水龙吟&gt;&lt;蝶恋&gt;词仿的,出自&lt;神雕侠侣&gt;&lt;木兰花慢&gt;　　问花花不语，为谁落？为谁开？算春色三分，半随流水，半入尘埃。人生能几欢笑，但相逢、尊酒莫相催。千古幕天席地，一春翠绕珠围。 　　 　　彩云回首暗高台，烟树渺吟怀。拚一醉留春，留春不住，醉里春归。西楼半廉斜日，怪衔春、燕子却飞来。一枕青楼好梦，又教风雨惊回。 　　"这一日子艳阳和暖，南风薰人，树头早花新著，春意渐浓。程英指著一株桃花，对黄蓉道：「师姊，北国春迟，这里桃花甫开，桃花岛上的那些桃树却已结实了罢！」她一面说，一面折了一枝桃花，拿著把玩，低吟道：『问花花不语，为谁落？为谁开？算春色三分，半随流水，半入尘埃。』」黄蓉见她娇脸凝脂，眉黛鬓青，宛然是十多年前的好女儿颜色，想像她这些年来香闺寂寞，自是相思难遣，不禁暗暗为她难过。 "苏轼 ： 水龙吟 次韵章质夫 杨花词 似花还似非花， 也无人惜从教坠。 抛家傍路， 思量却是， 无情有思。 萦损柔肠， 困酣娇眼， 欲开还闭。 梦随风万里， 寻郎去处， 又还被、莺呼起。 不恨此花飞尽， 恨西园、落红难缀。 晓来雨过， 遗踪何在， 一池萍碎。 春色三分， 二分尘土， 一分流水。 细看来，不是杨花， 点点是离人泪。欧阳修： 蝶恋花 庭院深深深几许， 杨柳堆烟， 帘幕无重数。玉勒雕鞍游冶处， 楼高不见章台路。 雨横风狂三月暮，门掩黄昏，无计留春住。泪眼问花花不语,乱红飞过秋千去。</t>
  </si>
  <si>
    <t xml:space="preserve">电脑严重问题!本人在今天瑞星个人防火墙升级的过程中被提示受到20 </t>
  </si>
  <si>
    <t>应该是中毒了，你可以下一个杀马工具进行一下查杀，国内可以首选ewido这个还是我试了好多之后最好用的，一般杀毒都杀不了木马，要有专用的杀马工具</t>
  </si>
  <si>
    <t xml:space="preserve">38周了.胎宝宝在肚肚里是趴着的怎么办? </t>
  </si>
  <si>
    <t>还是去医院问大夫吧.他们会教你该怎么做.实在不行只能剖了.</t>
  </si>
  <si>
    <t xml:space="preserve">幽幽六根火柴棍猜一国家国旗 </t>
  </si>
  <si>
    <t>希腊…………………………</t>
  </si>
  <si>
    <t xml:space="preserve">酒店员工在酒店与同事打架，不顾管理人员及客人多次劝阻。严重影响公? </t>
  </si>
  <si>
    <t>辞退合法，本月工资及押金不予发放的做法不合法,压金的处理根据协议进行,但是必须发放本月工资</t>
  </si>
  <si>
    <t xml:space="preserve">38错误登录后到角色出现这断开,,但我试过如果是进其它没角色的服 </t>
  </si>
  <si>
    <t>额``一样的  我新的帐号都进不去 你说这是怎么回事？</t>
  </si>
  <si>
    <t xml:space="preserve">求70内剑附加80的配方你们知不知道70内剑附加80的配方呀，要 </t>
  </si>
  <si>
    <t xml:space="preserve">70级：  10个百灵羽＋1个翡翠打造       2个5翡+1个6翡＋2个8级珍珠,再加200W淬取   内 840+ 9个百灵羽+1个天蚕丝+7级珍珠 打造       1个5级翡翠＋3个8级珍珠+1个7级珍珠淬炼   内 847  9个百灵羽+1个天蚕丝＋1个5级翡翠 打造     2个7级珍珠＋3个8级珍珠 淬取  （新手入门）  内849  </t>
  </si>
  <si>
    <t xml:space="preserve">为什么我在游戏中不能用五笔打字啊？我进了游戏后为什么打不出字来啊 </t>
  </si>
  <si>
    <t>换一种输入法试试，如果是五笔字型输入可以试试用极品五笔。我前些年刚换XP操作系统的时候也遇到过一次这样的问题，正常用文本文档或WORD打字的时候都正常，运行游戏的时候就只能输入英文。全拼智能ABC和五笔字型86都不好使，我习惯于用五笔的，下载了万能五笔也不好用。后来装了极品五笔就正常了。你要是用拼音试试从网上下载点几个不一样的输入法，像什么紫光拼音等等拉。说的不一定对，你可以试试看。</t>
  </si>
  <si>
    <t xml:space="preserve">夏天防晒有什么比较简易的方法妙招？ </t>
  </si>
  <si>
    <t>大气中的紫外线会伤害皮肤，容易产生色斑，因此，日常防晒是很重要的</t>
  </si>
  <si>
    <t xml:space="preserve">求救!!!我想请大家帮忙总结一下七年级语文的语法知识,并举例.谢? </t>
  </si>
  <si>
    <t>本学期第一学段已经结束，语文的教学的阶段性任务也随之完成。现在回顾整个教学过程，有一些做法值得总结。 　　一、用全新的教学理念，改革课堂教学。　　从参加新教材培训到实施课程改革以来，我反复学习有关的教育教学理论，深刻领会新课标精神，认真反思自身教学实际，研究学生，探究教法，逐步树立起以学生的终身发展为目的的教学思想，树立起以教师为主导学生为主体的新的教学理念，在教学实践中积极探索焕发语文课堂活力，有助于学生能力提高与发展的语文课堂教学的新思路、新模式启发思维，训练方法为主的自读课文阅读方法、以感知――探究――反思――延伸为主线的重点篇目学习法、以合作――探究――创造――创新为核心的语文活动课等，激发了学生学习语文的积极性，收到了较好的教学效果。 　　二、用生动灵活的教学方式，焕发课堂活力。 　　应试教学课堂围绕知识目标而展开，储存继承前人积累下来的经验和体验，但忽视了学生创新的动机、兴趣、情感、意志，如何激活所需的先前经验，新课标要求我们建立以自主、合作、探究为主的教学模式，激活学生好奇心，探究欲，培养学生主动思考、质疑、求索以及善于捕捉新信息的能力，并把这种能力的培养定为课堂教学的终极目的。例如在处理每单元的重点篇目时，我们始终采用整体感知――合作探究――反思质疑――拓展延伸的教学模式，根据不同内容精心设计问题，组织课堂教学。课堂上体现的是一种亲切、和谐、活跃的气氛。教师已成为学生的亲密朋友，教室也转变成为学生的学堂，学生再也不是僵化呆板、默默无闻的模范听众。他们的个性得到充分的展现与培养，师生互动，生生互动，组际互动，环境互动，在有限的时间内，每一位学生都得到了较为充分的锻炼和表现的机会。让学生成为课堂上真正的主人。师生的情感与个性融在其中，现实的生活进入课堂，学生在互动中求知，在活动中探索，既轻松地掌握了知识，又潜移默化地培养了能力。学生的整体素质有了质的提高，语文课堂真正焕发出它应有的活力。 范文中国 欢迎你 　　三、用先进的教学手段，提高学习效率 。　　新课程要求课堂要以更新教学手段为重点，借助各种媒体和教学资源让学生自主体验、感受，使得师生在探索中经验共享。信息时代多样的媒体和无所不在的网络正好为我们扩展课堂教学的领域，拓宽摄取知识的渠道，实现提高学生信息素养，开发学生的探究能力、学习能力、合作能力、创造能力提供了一个的可操作的平台。 教学中，一改过去课堂上过于注重知识传授，内容上过于注重书本知识，结构上过于强调学科本位，实施中过于强调接受学习，死记硬背，机械训练等状况，仔细研究教材内容，精心设计教学环节，将学生从原有的课堂圈子中“解放”出来，调动学生充分利用网络资源，使他们能够在自主探究与交流的过程中，不断挑战自我，扩展创造性思维。 范文中国,原创范文乐园　　四、用扎实多样的训练，培养学生的语文实践能力。 　　新课程改革正是对今天教师教学观念的挑战。教师应由知识的占有者转化为知识的组织者，由知识的传递者转化为学习的促进者。用扎实多样的训练，多方面提高学生的语文素养，努力培养学生的语文实践能力，使学生获得一定的终身学习的本领。那么，学生对于传授的方法是否能够灵活运用，对七年级的学生而言，则需要一个较长时间的反复的训练过程。 为此，我针对不同的知识版块，采取不同的训练方法：夯实基础――硬笔书法每日一页，字词听写“循环放映”；扩大积累――课外阅读每日一段，读书笔记（摘记）天天都写；训练能力――阅读理解，从总体方法到解题技巧，系统指导，反复锤炼；作文训练――循序渐进，小作文依课文内容随堂布置，借“题”发挥，大作文紧扣课标和中考方向力求既有章法，又有创新，鼓励学生放飞思想，大胆发挥…… 教学有法，教无定法，从基础入手到提高能力直至学以致用，生动、活泼，扎实、系统，有序、有恒的训练，使学生在不同内容和方法的相互交叉、渗透和整合中开阔了视野，提高了学习效率，初步获得了一些现代社会所需要的语文实践能力。</t>
  </si>
  <si>
    <t xml:space="preserve">宠物蛋有了之后，宠物是喜欢那个就要那么？还是随即的？ </t>
  </si>
  <si>
    <t>暂时了解到只能领树妖跟另一只什么宠物来的</t>
  </si>
  <si>
    <t xml:space="preserve">急性黄疸肝炎的症状是什么？ </t>
  </si>
  <si>
    <t>你好！黄疸型就是由于肝炎病毒使肝细胞破坏、肝组织破坏重构、胆小管阻塞，导致血中结合胆红素与非结合胆红素均增高，所引起的皮肤、黏膜和眼球巩膜等部份发黄的症状。黄疸型肝炎可以分为急性黄疸型肝炎和慢性黄疸型肝炎，其中急性黄疸型肝炎是由肝炎病毒引起的一种传染病，急性黄疸型肝炎属于乙肝，它是乙肝的一个类型，急性黄疸型肝炎是临床上常见的急性消化道传染病之一，具有流行广、发病率高之特点，对人们健康危害甚大。急性黄疸型肝炎的整个病程一般分为3个阶段，即黄疸前期、黄疸期和恢复期。每个阶段都有不同的持续周期。急性黄疸型肝炎临床表现为起病急，食欲减退，厌油，乏力，上腹部不适，肝区隐痛，恶心，呕吐，部分病人畏寒发热，继而尿色加深，巩膜、皮肤等出现黄疸。病程约2～3个月。1、黄疸前期多数起病缓慢，可有畏寒发热，主要症状为乏力、食欲减退、恶心呕吐、肝区胀痛、腹胀、便秘或腹泻等。某些病例有明显的上呼吸道症状，类似感冒。本期体征不显著，部分病例有浅表淋巴结肿大。于本期末小便颜色加深，继而巩膜及皮肤先后出现黄染。2、黄疸期巩膜、皮肤出现黄染，约1周左右达高峰，部分病人短期内可出现肝内梗阻性黄疸的临床表现，黄疸日益加深，皮肤搔痒，大便呈淡灰白色，肝多肿大，质地充实有压痛、叩击痛。约10%的病人脾肿大。肝功能检查有明显异常，本期病程2～6周左右。3、恢复期此时黄疸和其他症状逐渐消退，精神食欲明显好转，肝脾逐渐回缩，肝功能渐趋正常。有些病人口苦、肝区痛、腰背酸困、腹胀等症状迁延较久。本期病程2～16周，平均一个月左右。有人观察有部分甲型肝炎患者在急性期病情恢复后，可再次出现病情复发(黄疸和转氨酶升高)，少数患者呈慢性经过。有报道病程迁延达1年之久，黄疸持续时间最长达33个月。</t>
  </si>
  <si>
    <t xml:space="preserve">如何才能养成好习惯?生活不是很规律,请问如何才能养成良好的习惯? </t>
  </si>
  <si>
    <t>不是很规律,请问如何才能养成良好的习惯?培养一种良好的习惯，需要多次反复练习，循序渐进引导，才能逐渐养成。从你的情况看，建议你这样做：首先，养成严格起居作息的习惯，培养自制力。——根据自己的工作、学习、生活特点，制订卓有成效的生活、学习制度，并严格按照制度，养成很有规律的生活、学习习惯。自己管理自己。第二，必须按“规矩”严格约束自己的行动，养成自控力。——不以规矩，不成方圆。提高自制力，也必须用“规矩”严格约束——用一定规章制度、工作学习计划……规范个人的言行,才能养成。——在培养自制力的过程中,无论别人,还是自己,必须严格按规章制度、工作学习计划……行事。什么时候该做什么事情就一定做什么，决不能随意打乱自己的计划。第三，对好习惯自我嘉奖，形成自信力。——无论对别人,还是对自己。“严格约束+奖励”是最人性化的方式。 奖励是对好习惯的一种嘉奖形式：无论别人还是自己,如果能严格按照章法约束自己的行为习惯，就应该给与一定物质或精神奖励。比如：奖励自己看一场喜欢的电影，甚至一块小小的巧克力……——奖励，无论大小，都能够使受奖者处在兴奋愉悦状态中, 才能激发受奖者产生心灵振动和愉悦,兴奋和愉悦,能成为演化为巨大动力的爆发源,将自制力转化为自觉自愿的行动,形成好习惯。激发出产生形成自制力的原动力,把原来的不自觉变为自觉。 希望以上个人心得对你有益。</t>
  </si>
  <si>
    <t xml:space="preserve">晕,不几的给分了.18的敏妖哪混好啊求个位大大,没古皮,安定,学 </t>
  </si>
  <si>
    <t xml:space="preserve">     有弓就行。 混象牙5.。只射活铠甲 一个960经验 还有混体 圣洁界打。。。  我都往这混 还有欧瑞。但不出宝</t>
  </si>
  <si>
    <t xml:space="preserve">侏儒的鸟在哪买?在哪学骑术? </t>
  </si>
  <si>
    <t>就在钢铁补给架那里买啊</t>
  </si>
  <si>
    <t xml:space="preserve">小学三年级语文题1、阳光下的湖面闪闪发光，像__________ </t>
  </si>
  <si>
    <t>第一题，一楼的答案很好！1、阳光下的湖面闪闪发光，像___鱼儿的粼粼波纹__. 2、写出加点词的反义词。 白天阳光强，气温高……要是在白天开花，就又被灼伤的危险。灼伤--_冻伤_.第二题严格意义上，灼伤的反义词应该是褒义词。但是灼伤并不是正真意义上的形容词，所以用冻伤也马马虎虎。</t>
  </si>
  <si>
    <t xml:space="preserve">最近下载了财智家庭理财5.2版，可是没有找到注册码和注册机，有谁? </t>
  </si>
  <si>
    <t>先下载一个较低版本的，如财智家庭理财4.81或4.9（  这个网站可以下到4.81） 然后在  下载注册机（破解器）按照说明破解注册，注册成功后自动或手动升级到最新版本都可以用的～～ 注：注册机很多地方都有下的，我下过很多试过很多，但是只有这个可用，且说明最精确</t>
  </si>
  <si>
    <t xml:space="preserve">有两个同样的邮箱怎么办我不小新弄了两个同样的邮箱，一摸一样，怎么 </t>
  </si>
  <si>
    <t>您好：这是两个登录名下的，您只要选择一个登录名登陆即可。</t>
  </si>
  <si>
    <t xml:space="preserve">用skype打电话需要配置什么硬件？ </t>
  </si>
  <si>
    <t>这里有介绍他的注册到使用的步骤方法. 配置和条件:上网和摄像头麦克风.</t>
  </si>
  <si>
    <t xml:space="preserve">单机游戏魔兽争霸怎么下载地址 </t>
  </si>
  <si>
    <t>我提供的地址经过我测试，我自己能下，且无病毒能运行游戏，但是不清楚你的网络情况，所以不能保证你一定能下，如果不能下，请在以下地址上面的“搜索”里面输入魔兽进行查找，相信能找到你能用的。1.电驴下载，先在该页面下载“eMule（电驴）”，然后点“下载选中的文件”即可： 推荐你使用这个地址下，因为此游戏完整，动画不缺，只是速度一般而已。2.迅雷下载，安装“迅雷5”或“Web迅雷”之一： 不建议使用这个地址下，虽然速度快，但是游戏不完整，缺少很多东西，只能基本正常游戏。</t>
  </si>
  <si>
    <t xml:space="preserve">清泉老师晚上好清泉老师请问600421/600030/60035 </t>
  </si>
  <si>
    <t xml:space="preserve">都可以继续持有待高 </t>
  </si>
  <si>
    <t xml:space="preserve">求嗓音非常好的女歌手的歌曲如m2m，馮曦妤，当然曲调也要比较好的 </t>
  </si>
  <si>
    <t>我听了一下你推荐的歌，它们的共同特点大都是，安静、柔和，就那样淡淡地吟唱，很少有撕心裂肺的激昂，恐怕不是嗓子好不好的问题罢。爱戴《唱的是寂寞》陈倩倩《蝶》黄灿《黄玫瑰》汪蕊《七月》谭维维《如果有来生》阿朵《叹金莲》殷馨梓《月中天》风中采莲《琵琶语》段玫梅《梅雨帘》董贞《相思引》阿桑《寂寞在唱歌》温岚《祝我生日快乐》</t>
  </si>
  <si>
    <t xml:space="preserve">唐山专门治不孕不育的医院是哪里啊？哪个比较好啊？ </t>
  </si>
  <si>
    <t>去唐山不孕不育医院--原京唐宾馆旁</t>
  </si>
  <si>
    <t xml:space="preserve">道士可以娶妻吗？什么样的道士可以娶妻？ </t>
  </si>
  <si>
    <t>除了全真教的道士不可以以外，其他全都可以</t>
  </si>
  <si>
    <t xml:space="preserve">免费发短信是不不要钱,注册要不要钱.我的移动动感地带的用户.想申 </t>
  </si>
  <si>
    <t>免费发短信,也只是针对移动与移动的,联通也是要收钱的,基本套餐就是20元钱300条短信,但一个号码只能对应一个基本套餐</t>
  </si>
  <si>
    <t xml:space="preserve">自考？在网上查了很多关于自考的资料，不知自考究竟有多么难，让大家 </t>
  </si>
  <si>
    <t>自考看学科,有的难些,有的易些,譬如英语、计算机一些的就比较难，中文就稍稍容易些。也看个人怎么学了，只要认真考自考还是不难的，你可以先报两门或三门试试，不过切记，决不可一次报一门，那样没有压力，没有压力就没有动力。另外，我觉得去全日制的学校没什么必要，如果选得是你比较强的专业，那一些书你完全可以自己看，如果觉得吃力，可以报个辅导班，社会上这样的辅导班还是蛮多的，挑个口碑不错的就行了。还有什么疑问？</t>
  </si>
  <si>
    <t xml:space="preserve">篮球技术统计3情景海德后场传球给中圈的威斯利，威斯利上篮球进请问 </t>
  </si>
  <si>
    <t>中圈？是说的三秒区吗？只要是没有再运球，直接上篮，那么就算是助攻。</t>
  </si>
  <si>
    <t xml:space="preserve">易建联被雄鹿选中大家怎么看？他会被交换吗？ </t>
  </si>
  <si>
    <t xml:space="preserve">     说两句:我觉得易应该尊重选秀规则,安心在雄鹿打球,不要成为经纪人追求更多利润的牺牲品!因为雄鹿上上下下,从老板到总经理到主教练都表示对易的欢迎和喜爱,同时表态要重点培养易,如果易能安心在雄鹿打球,在他的新秀赛季他将成为球队的重要成员而获得大量的上场时间,这对易的将非常重要!!           而如果易将自己的前途交给经纪人去操纵,那将很令人担忧,一方面如果易最终被成功交易,那么他的新东家会不会也向雄鹿那样欢迎他,他能不能在新东家获得足够的上场时间,这都是疑问!另一方面如果交易不成，那么易建联此前冰冷的态度显然会令他去雄鹿报道时很尴尬,老板怎么看你?主教练怎么看你?这些都是问题!     想想看,此前詹姆斯的经纪人曾表示克里夫兰的市场有限，詹姆斯不应该续约,而应该去一座更大的城市。结果呢？詹姆斯炒掉了自己的经纪人，和骑士完成了续约，并且在刚刚结束的这个赛季杀进了总决赛。        未来就在自己手中，专心打NBA还是成为经纪人追求利益的牺牲品？易建联必须自己做出选择。</t>
  </si>
  <si>
    <t xml:space="preserve">怎么样才能在最短时间了解一个人呀？ </t>
  </si>
  <si>
    <t xml:space="preserve">走捷径的方式？为什么需要那么短的时间决定呢？你愿意冒多大的风险呢？  </t>
  </si>
  <si>
    <t xml:space="preserve">我的电脑文件夹一关闭，IE就出错我的所有文件夹打开时都好好的，但 </t>
  </si>
  <si>
    <t>资源管理器（就是你说的文件夹窗口）和IE都是基于IE浏览器内核，出现这种情况可能是IE插件引起的问题，你可以使用金山毒霸反间谍扫描一下系统并且清理IE插件，如果是毒霸6没有代反间谍可以使用超级兔子来清理。具体方法到 下载超级兔子魔法设置，使用该程序中的“IE修复专家”提供的“快速检测系统”然后点击“一键清除”根据提示操作然后重启计算机。</t>
  </si>
  <si>
    <t xml:space="preserve">电脑被功击我的电脑安的是卡巴斯基6。0，有一次弹出一个窗口，说是 </t>
  </si>
  <si>
    <t>没事,已经被卡吧拦截下来了的!</t>
  </si>
  <si>
    <t xml:space="preserve">帮帮忙我女朋友这是怎么了今天ml过发现她的阴唇里有花瓣一样的东东 </t>
  </si>
  <si>
    <t xml:space="preserve">   没有问题!那是正常的阴道括约肌.</t>
  </si>
  <si>
    <t xml:space="preserve">归中反应的条件？二氧化氮与氨水发生此种反应吗？条件？方程式？ </t>
  </si>
  <si>
    <t>反应,分两步,一,NO2与水反应成硝酸二,硝酸与NH3反应生成盐不过楼主想问的恐怕NO2+NH3吧,那应该说液氨或氨气而不是氨水.因为氨水是氨的水溶液.只要有适当的条件,肯定可以反应.归中反应,必须是同一元素两种不同状态,而这两种价态间还有价.举例子,SO2和H2SO4不反映.因为硫的4,6两价态间没有中间价态,所以不反映8NH3+6NO2=7N2+12H20</t>
  </si>
  <si>
    <t xml:space="preserve">承接产业转移　求下联 </t>
  </si>
  <si>
    <t xml:space="preserve">  上联        承接产业转移 下联         引进资金技术上联  ：  承接产业转移下联：    开创经济新局或承接产业转移迎来春风希冀</t>
  </si>
  <si>
    <t xml:space="preserve">有谁用过高丽.谷精华那个牌子的护肤品?我现在在用.但不知道是不是? </t>
  </si>
  <si>
    <t>那款是抗皱修护型的,不适合你.你年龄不到20岁,还是花骨朵呐,用抗皱的干嘛啊:)眼部应该没有太多问题,一般这个年龄眼部产品以保湿为主,25岁以后用修护型的.黑眼圈的形成成因大致分为2大类:一是血液循环滞缓,造成黑色眼圈;二是紫外线影响,造成茶色眼圈.相应措施:1)使用相应的化妆品(活性),促进血液,减缓用眼频度,舒缓眼部疲劳,积极修缮.2)保持眼部润泽(保湿水+眼霜),同时做好眼部紫外线防护(日间防护美容液),必要时外出佩带太阳镜.3)生活中注意细节,避免成因的持续影响推荐产品:KOSE若缇娜 净白美容液,这是专门针对黑眼圈的眼部专用美容液 祝MM及早注意呵护好眼不皮肤,做个亮眼MM:)</t>
  </si>
  <si>
    <t xml:space="preserve">为何我还没有收到武钢派发的红利?我5月30日买了1000股武钢股 </t>
  </si>
  <si>
    <t xml:space="preserve">武钢股份现金红利发放日：2007年7月5日 </t>
  </si>
  <si>
    <t xml:space="preserve">如何与男生进行正常交往我没有一个异性朋友，不知道怎么与男生交往做 </t>
  </si>
  <si>
    <t>和男生做朋友不存在什么天资，现在的男生和女生一样，也是要看对方的人品和性格，喜欢的就在一起，不喜欢的就很少说话，只要你不要斤斤计较，凡事都很大方的对待，他们和你开玩笑说你不好的地方你不要在意，绝对不可以生气，当一阵风吹过就好，等回家后仔细想想，其实他们也不会有恶意，也许他们只是怕你生气就用玩笑的方式告诉你你的缺点。其实男生和女生一样都是人啊，只是有生理上的区别，人的心都差不多，喜欢什么，欣赏什么，男生和女生都有共点，不用怕，大胆的和你身边那些男生玩玩吧，说不定你还会有什么收获呢！先试着和玩的好的女生一起和男生玩，这样心里的恐惧会少一点，毕竟还有你的好朋友啊！</t>
  </si>
  <si>
    <t xml:space="preserve">当归的功效与用量? </t>
  </si>
  <si>
    <t xml:space="preserve">当归 为伞形科植物当归Angelica sinensis (Oliv.) Diels的干燥根。 原植物形态：      多年生草本，全株有特异香气。主根粗短，肥大肉质，下面分为多数粗长支根。茎直立，带紫色。复伞形花序顶生，双悬果。（双悬果：为干果的一种，成熟时不开裂，是伞形科特有的果实）性味归经：     当归味甘、辛，性温。归肝、心、脾经。功能主治：     ☆甘温质润，为补血要药。用于心肝血虚，面色萎黄，眩晕心悸等。如四物汤。若气血两虚者，如当归补血汤、人参养营汤等。      ☆既能补血、活血，又能调经，为要药。用于血虚或血虚而兼有瘀滞的月经不调，痛经，经闭等症。      ☆补血活血，又兼能散寒止痛，用于血虚，血滞而兼有寒凝，以及跌打损伤，风湿痹阻的疼痛证。现代用于冠心病心绞痛、血栓闭塞性脉管炎等，亦取得一定疗效。      ☆既能活血消肿止痛，又能补血生肌，故亦为外科痈疽疮疡所常用。     ☆养血润肠通便功效用于血虚肠燥便秘。　用法用量：     煎服，５～１５ｇ。一般生用，为加强活血则酒炒用。又通常补血用当归身，活血用当归尾，和血（补血活血）用全当归。}当归是一种多年生草本植物，药用其根，主产于我国四川、甘肃、陕西、云南、湖北等省。根据产地和药用部位与加工炮制的不同，有当归、西当归、归头、归身、归尾、全当归、油当归、酒当归、炒当归、当归炭等多种名称。由于它对妇女的经、带、胎、产各种疾病都有治疗效果，所以中医称当归为“女科之圣药”。 祖国医学认为，当归味甘而重，故专能补血，其气轻而辛，故又能行血，补中有动，行中有补，为血中之要药。因而，它既能补血，又能活血，既可通经，又能活络。凡妇女月经不调，痛经，血虚闭经，面色萎黄，衰弱贫血，子宫出血，产后瘀血，例经(月经来潮时，出现口鼻流血)等妇女的常见病，都可以用当归治疗。 黄  芪（Astragalus membranaceus （Fisch.） Bunge）黄芪是名贵中药材，根据药典记载有补气固表、利尿之功效，民间还有冬令取黄芪配成滋补强身之食品的习惯。因此黄芪年消耗量十分庞大。而药用部分是根，一旦根部被刨取，整个植株不再存活。黄芪的野生资源在大量采挖的情况下日渐稀少。为此确定该植物为国家三级保护植物黄芪是豆科植物，它是一味常用的中药。它的主要药理作用是“益气固表”，可以“利水”，也可以“托毒生肌”。什么是“益气”呢？凡是中医认为是“气虚”、“气血不足”、“中气下陷”的情况，都可以用黄芪。平时体质虚弱，容易疲劳，常感乏力，往往是“气虚”的一种表现。贫血，则常属“气血不足”。而脱肛、子宫下坠这些病状也常被认为是“中气下陷”。有上述症状的人，冬令吃些黄芪有益处。当然最好是在医生的指导下服用。有些人一遇天气变化就容易感冒，中医称为“表不固”，可用黄芪来固表。常服黄芪可以避免经常性的感冒。中医有一个有名的方子，叫“玉屏风散”，有三味药，主药就是黄芪，是可以用来治疗经常性感冒的。 因为身体虚弱，或者年纪大了的人，往往下肢有些水肿。如果属于“气虚”，也可以常服黄芪。有慢性肾病的人，也可能常有浮肿，中医治疗时，黄芪有时也是常用的中药。 所谓“托毒生肌”，意为手术后伤口容易恢复，或使久不愈合的脓肿化脓生肌。服用黄芪，应在医生的指导下，针对个人体质不同适量服用，黄芪的吃法很多，现介绍几种: 1、每天用黄芪30克左右，水煎后服用。或水煎好后代茶饮用。用黄芪30克，加枸杞子15克，水煎后服用，对气血虚弱的人效果更佳。 2、取黄芪50克左右，煎汤以后，用煎过的汤液烧饭或烧粥，就变成黄芪饭、黄芪粥，也很有益。 3、还有些人喜欢在烧肉、烧鸡、烧鸭时，放一些黄芪，增加滋补作用，效果也不错。 </t>
  </si>
  <si>
    <t xml:space="preserve">与公公不合、老分又不支持我怎么办？每次与老公吵架、他爸爸都喜欢参 </t>
  </si>
  <si>
    <t>和他心平气和的谈谈，不要和老人家吵，你是他儿媳妇就该向者他，该像他的角度想想，把大事化小，小事化无，</t>
  </si>
  <si>
    <t xml:space="preserve">新浪UCUC是一种聊天工具，可以唱歌跳舞，但首先要申请一个号码， </t>
  </si>
  <si>
    <t>这是大量注册得到的，没有什么技巧。如果想要，省事的直接上淘宝买吧。</t>
  </si>
  <si>
    <t xml:space="preserve">我男朋友的姐姐是兔唇.我可以和他结婚吗?我男朋友亲姐姐是兔唇.. </t>
  </si>
  <si>
    <t>目前医学上还不能确切知晓唇腭裂的发生根源，通常有以下两大原因：　　 (一)环境因素：母亲怀孕早期(怀孕3个月以前)出现下述某种状况可能会导致宝宝唇腭裂：　　 1.病毒感染：如孕妇上呼吸道感染、风疹等。　　 2.药物作用：如服用抗癫痫药、类胆固醇、抗过敏、抗癌药物等。　　 3.内分泌：精神性或损伤性因素，如遭到强烈的精神刺激、身体外部遭损伤等。　　 4.营养因素：早孕期呕吐，厌食，偏食等导致维生素D、叶酸、铁、钙等缺乏。　　 5.其他因素：如照射X线，吸烟，酗酒，缺氧。　　(二)遗传因素：唇腭裂有相当部分是遗传的，直系亲属有唇裂者，其后代发生该病的比率为４％左右。一般唇腭裂发生在第一胎的概率为1/600，如果第一胎是唇腭裂的在第二胎发生唇腭裂的几率为3/100。 怎样才能预防兔唇？　　1.营养平衡：妈妈是胎儿唯一的营养来源。在怀孕期，均衡而多元化的饮食是非常重要的。怀孕时吃和喝的一切都会对婴儿造成影响，要多吃蔬菜和新鲜的水果，少吃含糖份、盐份和经过加工的食物。　　2.情绪稳定：当孕妇出现忧虑、焦急、暴躁、恐惧等不良情绪时，肾上腺皮质激素可能阻碍胚胎某些组织的融汇作用，造成胎儿唇裂或腭裂。　　3.疾病早治：有糖尿病、贫血、病及甲状腺功能减退疾病的孕妇，要尽早治疗。　　4.慎重用药：怀孕期间应用激素或抗肿瘤药物、抗组胺药物，均可能导致胎儿畸形。　　5.避免感冒：调查发现，很多兔唇儿母体在孕前期都感冒过，这也是导致兔唇的重要因素之一。　　6.防范病毒：孕期妇女应特别注意预防风疹等病毒感染。　　7.远离放射：青年夫妇在决定怀孕前3个月，要尽量避免接触放射用品，现在许多孕妇一直到生产都正常上班，许多办公室都是开放性场所，堆满电脑，几十台手机同时使用，对胎儿健康十分不利。　　8.戒除烟酒：墨西哥一项研究表明，“兔唇”是因为婴儿在胚胎时期上唇和上腭的发育受阻，孕妇长期吸烟和酗酒导致胚胎发育异常是其中一个原因。　　9.掌握生育时机： 医生表示，20岁以下和35岁以上的父母产生畸形儿的可能性最大，因为20岁以下还没完全成熟，而35岁以上已经开始老化，因此，女性最好在25岁至30岁之间生小孩。　　10.重视婚检产检：结婚前最好通过婚检进行第一次筛查，发现兔唇等遗传疾病。此外，胎儿20到24周时有经验的医生就可以从超声波检查中看出胎儿是否存在肢体残缺等较明显的畸形。</t>
  </si>
  <si>
    <t xml:space="preserve">短线.中线.长线是什么意思? </t>
  </si>
  <si>
    <t>一般来说，大家对短线、中线、长线的定义是以时间长短来进行划分，三五天走的是短线，抱牢放几年的为长线。这种分类没错，但却没有意义，对操作没有帮助。 　　下面我要用的分类方法不是以表观时间进行划分，而是以其操作内涵来表现，也就是说，我所定义的短线可以做几个月也叫短线，中线可以只做几天也叫中线，为什么要这样呢？这是为了帮助大家对各种操作进行理解，从而选择适合自己能力的策略以及纠正那些与策略不相符的错误。 　　什么是短线？短线就是尊重市场、依势而为，它没有多少标的物的选择限制，只讲究高买然后更高地卖，对利润不设要求，但对亏损严格禁止，有3点以上赢利把握就可入场。它不要求对企业基本面的熟悉掌握，但需要良好的市场嗅觉和严格的纪律。其关键的一点是顺势，也就是说，如果势道不改，就可以一直持股，像过去的科技股牛市时，往往一涨就是几个月，这种时候你虽然报着短线的想法入场，但万不可因利润超过了想象或时间超过了预期而过早退场。所以说，敢于胜利、怯于失败是短线操作的精髓！ 　　而中线就不一样了，它需要对基本面有充分掌握，对价格估值系统有良好的认识，它的标的物应该是那些经营相对稳定、没有有大起大落的企业，当市场低估时买进，高估时卖出，讲究的是低买高卖，预期利润目标在20%以上方可入场，同时设8%的止损位。它要求你是价格的发现者，勇于做大多数人所不敢做的事，要求你理解市场但不完全跟从市场。 　　那长线呢？很多人认为这是最容易做的，只要买进不动就可以了，其实这完全是误解。在所有的操作策略中，长线的要求最高。他需要对企业有着极为深刻的认识，对自己有着更为坚强的控制，他了解积累和成长的非凡威力，清楚把握企业未来数年的发展趋势，以投资的心态分享企业的成长。他的标的物是千里挑一，他对利润的要求是数以10倍计，在这样的机会面前它不会惧怕任何亏损，不会设置除基本面外的任何止损指标，因为在十倍速股票的面前，哪怕50%以上的亏损都是微不足道的，对它来说，买进不卖是最好的策略，自信、尊重客观价值、不理会乃至勇于对抗市场是必备的投资品质，日常20%30%的波动在这样的前景面前是不应去考虑的，不要放弃在大牛股上的部位，不在大牛股上做空是永远需牢记的训条。只有这样，股票才能够真正成为改变一生的东西。 　　最后，我们可以看到，仅以时间作为策略区分标准的，一定会容易走入误区。决定策略的只应该是股票本身的不同和投资者自身的素质，在该做长线的股票上做了中短线和该做短线的股票上做了中长线，都会是令人悔恨一生的</t>
  </si>
  <si>
    <t xml:space="preserve">求问听力笔记有什么技巧吗？ </t>
  </si>
  <si>
    <t>多听 ，每天都应坚持听。1、 从最初级的听力入手，听懂每个单词、每句话、每段话及每篇文章。逐步增加难度。2、 跟读英语，一方面加强听力，一方面训练口语，同时还能培养语感。注意发音的准确性。第一遍听的时候理解全文大意。第二遍抓住主要重点，单词可以根据自己习惯简写。这样比较有效果。我的答案对你有用的话请点好评哦~</t>
  </si>
  <si>
    <t xml:space="preserve">你不敢承认用英文怎么写 </t>
  </si>
  <si>
    <t>do you dare to admit ?</t>
  </si>
  <si>
    <t xml:space="preserve">起点写书的要求是不是先写上10万字，然后再谈其他的，封推是什么？? </t>
  </si>
  <si>
    <t>起点没有要求先上10万字，满足“10万字”，是指可以申请签约，在作者专栏内申请。一般来说，当字数上传达到3万字时，编辑会主动去你的作品，这叫初审，这是编辑必须的工作，编辑会将所有审阅作品大致分为三类，第一不看好的，直接毙掉，第二，编辑非常看好某作品时，即会主动联系该作者，商讨签约事宜。第三，认为作品有一定潜力，需后续观察，这个叫待定，编辑会不定时的留意该作品，以确定是否与之签约。上面说的是编辑的事，作者自己也可以申请签约，也就是10 万字后去申请，也有自己申请成功的。不过，编辑主动联系作者签约的更多一些。封推：就是以作品封面的形式做推荐。首推：是在起点首页做推荐，强推：也是在起点首页做推荐，新书推荐榜：是新书上传在一个月内，字数达到三万字以上的，根据你的点击，推荐票，以及数换算为分数，分算高的就列在新书推荐榜里。新书推荐榜，不必太关注，因为数据可以做假，想做到前十名也不是多难的事。上榜的作品也不见得就被签约，也不作为签约的标准。据我观察，起点最重要的签约标准就是书的质量。认真地、刻苦地埋头写书就可以了。</t>
  </si>
  <si>
    <t xml:space="preserve">刀现在怎么加点???????是350力好还是350根好?我看一般 </t>
  </si>
  <si>
    <t>加力量 攻击高  加根古血多外防高  要是操作好的加力量PK很有用希望能给你一点帮助</t>
  </si>
  <si>
    <t xml:space="preserve">99级以上的混蛋总喜欢杀我，为什么？有利可图？ </t>
  </si>
  <si>
    <t>99级的?高级的玩家杀敌国就是为了邪恶水晶,可是没有99级以上的哦..</t>
  </si>
  <si>
    <t xml:space="preserve">淘宝上0.9元的衣服能买吗？有销量没评价 </t>
  </si>
  <si>
    <t>不要买，首先这个还不够他们的成本费，有可能是新店拿来刷信誉的套头店。我就遇到那种水宝宝卖1快钱的，结果三千多个人买，卖家说15天才能发货，其实15天那款会自动打给卖家。这就是骗子。你想一下0.9现在能买什么，一根油条都不够，其次如果再能包邮就是更不可能的，我也是一个淘宝卖家，这规则我还是懂的。诚心为你解答，给个好评吧亲，谢谢啦</t>
  </si>
  <si>
    <t xml:space="preserve">帆布质地的衣服该怎么选？喜欢穿帆布质地的外套，就是一但脏了就拿它 </t>
  </si>
  <si>
    <t>说到帆布，我绝对有发言权，这里不的不提天伯伦家新产品，在帆布外套中运用了ion-mask?技术，这个新技术对帆布来说是比肉毒素还有效的美容术，创新性纳米防水涂层好比为你的衣物穿上了一层隐形保护衣，就像敷了面膜，能有效阻隔了水和污渍的外部侵害。在能防泼水的同时，却能让人体的汗气排出，这要归功于其不足于发丝千分之一的厚度，保留了布料天然的透气性，也保证了舒适的穿着感。所以说，神马污渍根本不是个问题！介意楼主可以去尝试天伯伦家的帆布新产品！！</t>
  </si>
  <si>
    <t xml:space="preserve">11个半月16斤宝宝出生体重是6.2斤，第一个月纯母乳喂养，满月 </t>
  </si>
  <si>
    <t>您好！喂养问题在一个月以后就出现了，本来母乳喂养体重增加没有问题，混合喂养的出现或许是不明智的，导致一系列的问题，孩子出现持续问题，发育落后了。目前，可能活动量大了，虽然吃的不少，但体重却降低了！只能根据孩子食量喂养，每天奶600-800毫升，辅食可以吃3顿了，注意加餐！</t>
  </si>
  <si>
    <t xml:space="preserve">请教天龙大师玄关的走廊过长处理1、进门左面是次卫和厨房，右面直墙 </t>
  </si>
  <si>
    <t>谢谢你的信任。　　对你的问题我提点建议供你参考：一、不知这右面的墙面你是想做电视墙呢还是做沙发背景墙？而且墙面的是指进门后就拐向右侧的吗？最好有图才好想像结构而提出适合你的建议。　　而且你对墙面的功能确定后，最好能提出更具体的要求，如电视墙希望是什么风格？是简洁还是浓墨重彩？二、天棚设计多有吊顶的设计，是希望吊顶还是不吊顶？是部分吊顶还是全吊？吊顶与室内设计的风格都是什么（或者你喜欢什么）？这些问题都要与设计师进行沟通，而且反复几次才能让设计师根据你的情况拿出富有个性化的室内设计图来。　　不然，只是照搬照抄倒也简单。但会出现张家与李家仿佛都是一个家！　三、衣帽间的问题是指这个衣柜完全放在卫生间里与卫生间分隔吗？请你再提问单独介绍一下情况，才好帮你想个办法。有图更好。　　虽然回答你的问题并不直接，但这是为了能够解决你的问题而说的。请不要介意。　　希望我的回答能够对你有所帮助。</t>
  </si>
  <si>
    <t xml:space="preserve">如何将总表的数据放到分类表中例如附件中,表一为总表,如何快速将总 </t>
  </si>
  <si>
    <t>用透视表就可以轻松解决问题。</t>
  </si>
  <si>
    <t xml:space="preserve">花卉种子在秋天可播的有哪些？好的种子在哪可买到？ </t>
  </si>
  <si>
    <t>黑种草 耧斗菜 飞燕草 花菱草 虞美人 冰岛罂粟 紫罗兰 花毛莨 香雪球 福禄考 美女樱 康乃馨 剪秋罗 羽叶甘蓝 花亚麻 三色堇 古代稀 月见草 补血草 风铃草 金鱼草 旱金莲 西洋报春 勿忘我 香豌豆 羽扇豆 四季秋海棠 翠菊 雏菊 矢车菊 金光菊 洋桔梗 四季报春 多花报春 蛇鞭菊 轮锋菊 金盏菊 松果菊 蒲包花 黑心菊 五色菊 瓜叶菊 金毛菊 大滨菊 仙客来 好的种子可在缤纷公司和云南绿信花卉种苗基地的最好！</t>
  </si>
  <si>
    <t xml:space="preserve">谁能用分子，原子的观点解释质量守恒定律的原因？ </t>
  </si>
  <si>
    <t>化学变化中，分子分成原子，原子的重新组合构成新的分子，组成新的物质，其中原子的种类，质量和个数都没有改变，我们就说化学变化中质量守恒．</t>
  </si>
  <si>
    <t xml:space="preserve">如何下载在哪里下载快一些?? </t>
  </si>
  <si>
    <t>建议你用迅雷的，先下载迅雷（不会让人代下PS最好是迅雷5，web迅雷没意思），然后，打开以后看到有上角，有一输入匡。通常都鞋子，在上边输入快乐西游，然后。。。。自己会了吧</t>
  </si>
  <si>
    <t xml:space="preserve">我打了数遍密码就说我的密码错误，是什么回事 </t>
  </si>
  <si>
    <t>1.请您检查大小写2.请您检查是否输错3.有可能您的号被人家盗了,要找客服:可上会员中心(unipro.sina.com.cn)点击找回密码,里面提供多种方法供你选择. 1.请您检查大小写2.请您检查是否输错3.有可能您的号被人家盗了,要找客服:可上会员中心(unipro.sina.com.cn)点击找回密码,里面提供多种方法供你选择.</t>
  </si>
  <si>
    <t xml:space="preserve">请问硝酸亚汞,孔雀石绿和福尔马林的成分是什么?一般在家庭生活中怎? </t>
  </si>
  <si>
    <t>硝酸亚汞  Hg2(NO3)2  可以杀霉菌孔雀石绿 英文名：Malachite green 分子式： [(CH3)2NC6H4(C6H5)C:C6H4:N(CH3)2]2·C2O4·2H2C2O4是一种带有金属光泽的绿色结晶体，又名碱性绿、严基块绿、孔雀绿，其既是杀真菌剂，又是染料，易溶于水，溶液呈蓝绿色；溶于甲醇、乙醇和戊醇，它往往被用来预防鱼的水霉病等。福尔马林是甲醛的水溶液，你可以试试孔雀石绿  一般的花鸟市场的有买的福尔马林就千万不能用   用一点鱼就全死了硝酸亚汞的毒性也大，还贵</t>
  </si>
  <si>
    <t xml:space="preserve">为什么男生对他说了我们之间已经不可能了！他还是纠缠你？ </t>
  </si>
  <si>
    <t>不到黄河心不死呗。</t>
  </si>
  <si>
    <t xml:space="preserve">击败强者，。挑战。求高手指点地图平地。在哪儿块区域刷兵最好?哪儿 </t>
  </si>
  <si>
    <t>左下角那个据点门口，前前后后来回跑，R1碎直枪轻松S</t>
  </si>
  <si>
    <t xml:space="preserve">“刑迅逼供行为”是如何认定的？ </t>
  </si>
  <si>
    <t>刑讯逼供是指司法工作人员采用肉刑或变相肉刑折磨被讯问人的肉体或精神，以获取其供述的一种极恶劣的审讯方法。中国刑事诉讼法第43条、最高人民法院关于执行《中华人民共和国刑事诉讼法》若干问题的解释中第61条、人民检察院刑事诉讼规则第140条等条文均有明确规定禁止刑讯逼供，但在司法实践中，刑讯逼供仍普遍存在。这是与建设社会主义法治社会的目标背道而驰的。认定本罪与故意伤害罪的界限　　刑讯逼供行为往往给被害人的身体造成某种损害，严重的还可能致人伤残甚法律至死亡。这就与故意伤害的危害后果有相似之处，依本条规定，刑讯逼供，致人伤残、死亡的，依本法第234条关于故意伤害罪、第232条关于故意杀人罪的规定，从重处罚。区别本罪与伤害罪的界限时应注意： 　　（1）犯罪目的不同。本罪的行为人是以逼取犯罪嫌疑人、被告人口供为目的，故意伤害罪的行为人是以损害他人身体健康为目的，这是两者最本质的区别。 　　（2）犯罪条件不同。本罪是行为人在行使职权过程中实施的，而伤害罪一般不是在特定条件下实施的。 　　（3）侵害的对象不同。本罪侵害的对象是犯罪嫌疑人、被告人，而故意伤害罪侵害的对象可以是任何公民，不仅限于犯罪犯罪嫌疑人和被告人。 　　（4）主体要件不同。本罪的主体是特定的司法工作人员，即依法负有对犯罪嫌疑人、被告人进行审讯职责或协助进行审讯的司法工作人员；而伤害罪的主体没有任何限制。本罪与虐待被监管人罪的界限　　两者在主体、主观方面故意、客观方面以及侵害的对象上都相近或相同，因此极易混淆，实践中必须严加区别。 　　（1）两者本质区别在于行为人的犯罪目的不同。本罪是以逼取口供为目的，体罚虐待被监管人罪是以压服被监管人或泄愤报复等为目的。 　　（2）两者侵犯的客体都是复杂客体，即公民的人身权利和司机机关的正常活动。但主要客体不同，本罪的主要客体是犯罪嫌疑人、被告人的人身权利，虐待被监管人罪的主要客体是司法机关的正常活动。 　　（3）两者的主体虽然是司法工作人员，但又有所不同。本罪的主体主要是有审讯犯罪嫌疑人、被告人职权的司法工作人员，即侦查人员、检察人员；而虐待被监管人罪的主体主要是有监管职权的劳动改造机关的工作人员。 　　（4）构成虐待被监管人罪的必须具备“情节严重”，本罪则无此要求。本罪与非法拘禁罪的界限　　刑讯逼供罪与非法拘禁罪的区别有：（1）犯罪的对象不同。前者的对象为犯《中国刑事诉讼法》罪嫌疑人、被告人，后者的对象不受特别限制。（2）客观行为表现不同。前者表现为使用肉刑或者变相肉刑逼取他人口供的行为，后者则表现为非法剥夺他人人身自由的行为。（3）犯罪目的不同。前者以逼取口供为目的，后者则不要求以逼取口供为目的。（4）犯罪主体不同。前者的主体为司法工作人员，后者主体则为一般主体。司法实践中应当注意，司法工作人员为刑讯逼供而非法剥夺犯罪嫌疑人、被告人人身自由的，应以刑讯逼供罪一罪对行为人定罪从重处罚，而不能对之实行数罪并罚。对于非司法工作人员将他人人身自由剥夺并采用肉刑或者变相肉刑逼取口供的，应视具体情况而认定行为人的犯罪性质。如果行为人在非法拘禁中未使用暴力致人伤残、死亡，以非法拘禁罪对其定罪处罚；如果使用暴力致人伤残、死亡的，应以故意伤害罪、故意杀人罪对行为人定罪处罚。处罚　　犯本条所定之罪的，处三年以下有期徒刑或者拘役。致人伤残、死亡的，依照本法第二百三十四条、第二百三十二条的规定定罪从重处罚。</t>
  </si>
  <si>
    <t>高一数学设1+tanθ/1</t>
  </si>
  <si>
    <t xml:space="preserve">tanθ /1-tanθ=2+2ˆ1/2tanθ =(2+2倍的根号2)/(3-2倍的根号2)因为sin²θ+cos²θ=1sinθ/cosθ=tanθ </t>
  </si>
  <si>
    <t xml:space="preserve">到底是机选号码好还是自己选好呢？？我觉得自己选是增加了一些游戏乐 </t>
  </si>
  <si>
    <t>我一般自选2注,机选2注,再结合以上4注组合一注.总之每期控制在10元以内.</t>
  </si>
  <si>
    <t xml:space="preserve">我的乙肝三对检查结果,我不知道自己是否有乙肝?我在一家医院检查出 </t>
  </si>
  <si>
    <t>我是患乙肝近30年的老患者了，从没见过e抗原单独呈阳性的化验单，所以建议你到权威的传染病医院咨询一下。在这里给你提供一个北京佑安医院的肝病咨询电话010- （北京佑安医院是全国著名的传染病医院）。</t>
  </si>
  <si>
    <t xml:space="preserve">病句下列各句中，没有语病的一句是A．随着改革开放的日益深入，每年 </t>
  </si>
  <si>
    <t>选“A”B：校长非常理解他这次因县里召开第三届数学能手大赛而耽误正常上课【的行为】。【理解行为，理解做法。】C．对于网上发布的应取消房屋预售制度的【删除各种】意见，专家持否定态度。【否定的是一种意见。】D．是否具有坚忍不拔的毅力和卓而不凡的智慧，是【能否】成为杰出人才的重要条件。【是否对应能否。】</t>
  </si>
  <si>
    <t xml:space="preserve">铁树太大搬不到房间怎么过冬？别人送的，巨大的铁树，在外面搬不进来 </t>
  </si>
  <si>
    <t>在根部弄点塑料纸或者其他的材料裹一下,或者市场上有卖的一种黑色的布---园林部门也经常在用的,把整棵树包进来省得受寒枯死</t>
  </si>
  <si>
    <t xml:space="preserve">led节能日光灯安全可靠吗？ </t>
  </si>
  <si>
    <t>Philips出产的都很可靠</t>
  </si>
  <si>
    <t xml:space="preserve">贫铀弹是脏弹,为什么?如果是,为什么人们还要使用它? </t>
  </si>
  <si>
    <t xml:space="preserve">贫铀弹与海湾综合症         　　天然铀被提取出供核武器装料或核反应堆核燃料用的铀－２３５之后剩余的核废料，被称为贫化铀，简称贫铀。贫铀弹是指以贫铀为主要原料制成的各种导弹、炸弹、炮弹或子弹。以高密度、高强度、高韧性的贫铀合金做弹芯的贫铀弹，在袭击目标时，产生高温反应，其爆炸力、穿透力大大超过一般弹药，可摧毁坚固建筑物和攻击坦克和装甲车。贫铀在击中目标后容易氧化燃烧，在高速穿破装甲时，可使敌方武器或燃料着火焚烧，破坏力很强。 　　对于贫铀弹对人体和环境的危害程度，至今仍缺乏系统研究。但贫铀弹在爆炸过程中，其高度浓集的铀会形成非常分散的放射性微粒和气溶胶，其中５０％以上是可吸入粒子，大部分在肺液中难溶。在战争中，贫铀弹对人员的杀伤，主要有体内污染和通过弹片嵌入伤口的污染。贫铀弹爆炸后会造成局部地区铀浓度的骤然升高，放射性微粒和气溶胶随空气流动四处飘散，散布在空中，或落在地面和河流，并逐渐沉降至地表，进入水和土壤，难以进行清除。贫铀中的铀－２３８半衰期长，可以长期污染环境和人类的食物链，给该地区人们的生活和生产带来长期的、严重的影响。 　　１９９１年海湾战争后，美国、加拿大、英国等国的士兵相继出现长期疲劳、肌肉疼痛、记忆退化和失眠等症状，被称为“海湾综合症”。以当时参加“沙漠风暴”行动的大约７０万名士兵为例，１２年内已有２０万人患病，其中有数千人死亡。此外，据报道，海湾战争后，伊拉克南部的癌症患者增加了２０％，伊拉克新生儿中的畸形儿比例也大幅增加。许多人怀疑，在战争中使用贫铀弹是产生这些这些现象的主要原因。但美国政府对此一直没有明确承认。美国国防部在过去１０年间总共斥资２亿美元，先后进行了２００多项研究，试图找出“海湾综合症”的病因，甚至还在２００２年１０月公布了两份研究报告，但始终无法得出具体的结论，更不能找到有效的防治方法。所以这种“怪病”至今仍让美国士兵心有余悸。 　　美国在科索沃战争中也使用过贫铀弹。 </t>
  </si>
  <si>
    <t xml:space="preserve">用座机打外地的手机需要座机负担费用么是否有此规定我用北京网通的家? </t>
  </si>
  <si>
    <t>你的座机打外地的电话是按长途来算的。不要负担手机的 话费。</t>
  </si>
  <si>
    <t xml:space="preserve">第52期14场胜负彩斯特拉4日23:10马　赛10摩纳哥5日02 </t>
  </si>
  <si>
    <t>大师,你的单太大了一般朋友承受不了,能否缩小点?1024的就可以..现付在下的52Q的14场(1024)PP:斯特拉 4日23:10 马　赛 10 摩纳哥 5日02:00 埃蒂安 3 波尔多 5日02:00 朗　斯 30 里　尔 5日02:00 洛里昂 30 日尔曼 5日02:00 索　肖 1 卡　昂 5日02:00 尼　斯 30 瓦朗谢 5日02:00 图卢兹 10 雷　恩 5日02:00 南　锡 1 勒　芒 6日00:00 梅　斯 3 费德列 6日00:00 阿勒桑 3 桑德菲 6日00:00 维　京 03 奥德格 6日00:00 利　恩 31 罗森博 5日01:00 斯塔贝 30 斯　达 6日00:00 特罗姆 31</t>
  </si>
  <si>
    <t xml:space="preserve">我的E本总是提示服务空间不足，请续费这是怎么回事？ </t>
  </si>
  <si>
    <t>估计是你的云空间容量用完了吧，在个人中心的空间使用情况去看看呢。</t>
  </si>
  <si>
    <t xml:space="preserve">给郑姓男龙宝宝起名郑姓男龙宝宝取名，五行缺火，含有火属性的字，公 </t>
  </si>
  <si>
    <t>郑培蝗郑子琪郑子浩郑浩轩郑宇航郑轩轩郑煜</t>
  </si>
  <si>
    <t xml:space="preserve">我做人流后正常的多少天干净?我9月19号做的无痛人流,第四天时很 </t>
  </si>
  <si>
    <t>人流不全，子宫内还有残余组织。</t>
  </si>
  <si>
    <t xml:space="preserve">关于电影第五元素的几个疑问1开始三个航空母舰模样的太空船包围的火 </t>
  </si>
  <si>
    <t>1.火球是叫恶魔的东西，是想毁灭生命的星球类物体2.他和他的飞船舰队全都被火球毁灭了3.影子先生就是那个叫做恶魔的火球，那是在警告zorg4.注入爱的力量后，集中能量发射了光束（大概是这意思）5.相当于停止生命活动，也就是死了。6.那两位在做那事不方便公开（是你也不能打开吧）回答完毕希望你满意！</t>
  </si>
  <si>
    <t xml:space="preserve">神经性头痛怎么治疗或者控制多年神经性头痛，每次疼的都很严重难忍 </t>
  </si>
  <si>
    <t>神经性头疼有很多的原因，如失眠，压力过大，血压高等，根据你的年龄这么年轻，不考虑器质性病变，考虑一个功能病变导致的。建议你查下头颅的CT了解下情况，如果CT没事那问题就不大，可以吃点改善脑血管痉挛药物，如  盐酸氟桂嗪胶囊。</t>
  </si>
  <si>
    <t xml:space="preserve">请哥哥姐姐高手们　帮帮忙，起个名字！在线等前些天　叔叔家添了一位 </t>
  </si>
  <si>
    <t>吴胜男（取谐音：吾胜男，不比男孩子差）</t>
  </si>
  <si>
    <t xml:space="preserve">为什么我高配置的电脑玩魔兽效果全开还卡为什么我高配置的电脑玩魔兽 </t>
  </si>
  <si>
    <t>异常垃圾..07年的主流芯片，3+1相悲剧供电，HT总线1.0的...配的还是AMD高端系的6核CPU...??显卡只是性能级别，距离真正高端有点距离对于你说的全开，额外想确认一下：采样几  其他我想你能打勾的也都打了，不然也不会说全开了。WOW真正的全效果，包括抗锯齿、阴影等全最大/开，曾有测试GTX480 SLI（那是GTX5XX木有）才能保证全程任何地方35FPS+,记得CHH、ZOL、硬派等网站有过转帖，是个老外玩家试的，类似的也有不少，包括我们中国的。而若只选择1倍抗锯齿，显卡降2个级别就能保证35+（其他硬件等同GTX480 SLI）。其实在这里，我想说的是，WOW是网游，为了照顾各个层次配置的玩家，暴雪做了很多工作..如果上面楼主看完了，也确实采样这些是X1的，那么还是有可能是软件系统的问题。像楼上说的XP系统的多核补丁，硬盘是否是高级格式化的（这个XP系统原生不支持的哈），显卡驱动，显卡外接电源接否/主板供电问题（配6核CPU的，这个主板不晓得喂的饱CPU不），电源12V可能不够大（电源配的小了/差了/或者干脆就是一山寨的等），系统盘空间小，系统垃圾多，后台陈旭多，游戏安装有问题等...</t>
  </si>
  <si>
    <t xml:space="preserve">我都安装DIRECTX9.0了，可还是玩不了高手请进~~~~ </t>
  </si>
  <si>
    <t>1 你的硬件不支持DX9(比如显示卡）。2 你没开硬件加速。3 游戏配置要求比你的硬件配置高很多。4 游戏软件问题。逐个排除。</t>
  </si>
  <si>
    <t xml:space="preserve">80的乾坤神君拿什么双剑好还是双手斧头好？？高手进。。。。。。。? </t>
  </si>
  <si>
    <t>您好！    乾坤神君建议您装备双手剑，乾坤神君装备双手剑会增加攻击力（双手剑的被动技能），但没有提高双手斧被动攻击力的被动技能。感谢您的支持！</t>
  </si>
  <si>
    <t xml:space="preserve">《新流星搜剑录》什么时候开服呀，是什么玩法的游戏？激活码怎么找？ </t>
  </si>
  <si>
    <t>3月21号开测呀，搓招玩法的,可带劲了，那几天我们抢激活码真的很辛苦呢，现在听说还是好抢的，有些网站验证码一输入就有了。</t>
  </si>
  <si>
    <t xml:space="preserve">刘亦菲漂亮吗？刘亦菲是一个漂亮的女孩吗？谁有她的照片？谁知道她唱 </t>
  </si>
  <si>
    <t>她很漂亮~有个性~我喜欢</t>
  </si>
  <si>
    <t xml:space="preserve">凉白开的来由是什么？为什么叫凉白开？而不叫别的？ </t>
  </si>
  <si>
    <t>凉（热）白（茶）开（生）水．分别区别于括号内的字而成．</t>
  </si>
  <si>
    <t xml:space="preserve">“平?⒚蚣湮イà胜い瑜Δ摔胜辘蓼筏俊闭饩浠笆嵌缘拇淼模?新标日 </t>
  </si>
  <si>
    <t>...什么什么，被你老师搞得那么复杂，什么“绝对不能写成什么”都是狗屁，让他见鬼去吧。那句句子为啥里面有简体字，这个先不说，这句话是正确的，但是就严格点来说，用なる可能会给听人造成误会，多数时候还是用する比较好，即「間違えないようにしました」，する不管怎么理解都不会被理解错。至于你说的什么 动词なく什么的，我就只能巴瞪巴瞪地看着你了。</t>
  </si>
  <si>
    <t xml:space="preserve">黑E老3的头任务??黑E老3的头的任务最后究竟奖励什么?知道的告 </t>
  </si>
  <si>
    <t>老3头任务后来的奖励不少，比如刷XLSS的虫子得青铜龙声望可以免费拿好戒指，可以做+25耐的食谱，其他还有忘了，楼下的补充吧</t>
  </si>
  <si>
    <t xml:space="preserve">放高利贷给私人需要注意什么？才能让自己的钱能够得到法律的保护？ </t>
  </si>
  <si>
    <t>放高利贷给私人需要注意什么？才能让自己的钱能够得到法律的保护？ 0分 ··高利贷违法，扰乱金融秩序。 你不需要“注意”什么，只是别去干违法之事就可以了，否则，会追究其法律责任的。</t>
  </si>
  <si>
    <t xml:space="preserve">临产前晚上睡觉会不会有少量乳汁流出来？ </t>
  </si>
  <si>
    <t>会有分泌的,我那时也是有这种情况.提前就带哺乳文胸吧,可以垫上或一次性的或可多次洗的吸收流出乳汁的棉垫.还要经常洗一下乳头,但要轻柔.</t>
  </si>
  <si>
    <t xml:space="preserve">DNF中秋叶刀问题。。。。高手们，DNF中有把红色的秋叶刀[太刀 </t>
  </si>
  <si>
    <t>不是很难。。只是。。。首先~这把刀是5级的。没有买的价值。。。。其次，这种紫武都是打出来的，不是找NPC买的。。</t>
  </si>
  <si>
    <t xml:space="preserve">什么“光”会使人痛苦?脑筋急转弯 </t>
  </si>
  <si>
    <t>输光</t>
  </si>
  <si>
    <t xml:space="preserve">清泉老师你好：请问600747 </t>
  </si>
  <si>
    <t>冲高了结.</t>
  </si>
  <si>
    <t xml:space="preserve">刚刚摔倒了，碰到肚皮一点怀孕三十七周，刚刚摔了一下，肚皮碰了地面 </t>
  </si>
  <si>
    <t>您好，为了保障胎儿和孕妇的安全，建议您到医院做下产假，看看胎儿的情况。</t>
  </si>
  <si>
    <t xml:space="preserve">我军坦克能否在快速行进中火炮始终指向目标？我在电视中看到外军坦克 </t>
  </si>
  <si>
    <t>你说的是坦克火控系统，行进间射击。据我了解，我们最新的坦克是有这功能的。这功能虽好，但有其缺点，太损耗机件，因为路面始终有不平的地方，因此炮管就始终需要调整。磨损会非常严重，非必要一般不这么做。国外坦克你一般也只在表演时能看到。实战中行进间射击，意义不大，示威成份居多，因为坦克颠簸，炮口不可能这么及时调节，最大意义在于，一旦坦克找到位置隐停车隐蔽后，可以减少再瞄准的时间。争取在第一时间击毁敌方坦克。打个最简单的比方，你拿把弹弓，边跑边瞄准一个目标，能击中的机会有多大，要知道电脑远不如人脑反应来得快。</t>
  </si>
  <si>
    <t xml:space="preserve">目前索尼PSV游戏机在中国大陆有卖的吗？我想买个索尼PSV玩玩， </t>
  </si>
  <si>
    <t>还没上市呢，12月17日日本首发，估计到大陆价格在2000到2500之间</t>
  </si>
  <si>
    <t xml:space="preserve">在电子商务中，如何保护自我，有哪些安全措施？ </t>
  </si>
  <si>
    <t>电子商务中的安全措施包括如下几点：1、保证交易双方身份的真实性。2、保证信息的机密性。3、保证信息的完整性。4、保证信息真实性、不可否认性。5、保证信息存储、传输的安全性</t>
  </si>
  <si>
    <t xml:space="preserve">不下载能玩吗 </t>
  </si>
  <si>
    <t>好象不行的，而且不方便的，我试过了，你还是下载新浪大厅或新浪点点通吧，很方便的。下载新浪点点通，免费索取30通行币，一个帐号只能一次的：）有办法多注册的当然多获得：）</t>
  </si>
  <si>
    <t xml:space="preserve">发帖子比较好的论坛有哪些哪些论坛人气比较旺，可以作为威客发帖的好 </t>
  </si>
  <si>
    <t>我觉得  还是 新浪 好一些希望你玩的开心</t>
  </si>
  <si>
    <t xml:space="preserve">问转速与时速转速与时速今年4月刚买的高尔夫1.6自动档,总感到转 </t>
  </si>
  <si>
    <t>不同车型的变速箱与减速器的速比是不同的，即使车型相同，但变速箱的档位数不同，其速比也有大有小，通常情况下，档位数越多，各档之间的速比就越小，反之则大，所以，不能与其他车型（不同型号的变速箱、减速器）相比，即使与完全相同的车型相比也有误差，因为车况不同也会引起偏差，比方说吧，一辆轮胎气压正常的与一辆轮胎气压不正常的车相比，在发动机输出功率相同（转速）、档位数相同的情况下行驶，显然，轮胎气压不正常的汽车，每小时的行驶速度要低于前者，因为行驶阻力大，假定要保持相同的行驶速度，就必须加大发动机的输出功率来克服行驶阻力大的问题，发动机输出功率大，意味着发动机的转速也大，油耗也就高，还有刹车拖也会产生上述问题。所以，发动机的转速与各档位的行驶速度有差异不要紧，关键是要看百公里的油耗指标是否比以前升高了，假如油耗比过去高，说明该车的技术状况不太好，比如自动波的操从系统调整不当，特别是节气门软轴等调整，以及液压油面（自动波的动力传递主要是通过变扭器内的液压油来传递的）、油温是否正常，液压油不足，就会引起动力传递效能；油温过高，说明自动波箱的档位离合器有打滑现象，同样会造成动力传递效率降低，从而导致发动机转速高、车辆速度低的现象。万一汽车真的出现了上述所讲的故障也不要紧张，对于修理厂来讲是小菜一碟，完全可以把故障排除。只不过付费高一点。我们可以利用简单公式计算来判定：100*1000/（3100*60）=0.5376 米/转；120*1000/（3750*60）=0.5333 米/转；130*1000/（4100*60）=0.5284 米/转；可见，上述的三种情况是正常的，因为您的汽车变速箱没有超速档。</t>
  </si>
  <si>
    <t xml:space="preserve">大家认为现在的媒体怎么样？尤其是足球？我觉得有些忽悠了 </t>
  </si>
  <si>
    <t>我认为媒体对中国的足球起的是反作用，中国足球要前进，媒体需要检讨自己</t>
  </si>
  <si>
    <t xml:space="preserve">四川省农村老年人年满60周岁可以领养老金吗？我是四川省内江市威远 </t>
  </si>
  <si>
    <t>符合国家规定。四川省新型农村社会养老保险试点实施办法六、待遇领取条件　　参保人员年满60周岁、未享受城镇职工基本养老保险待遇的农村有户籍的老年人，可以按月领取养老金。新农保制度实施时，已年满60周岁、未享受城镇职工基本养老保险待遇的，不用缴费，可以按月领取基础养老金，但其符合参保条件的子女应当参保缴费；距领取年龄不足15年的，应按年缴费，允许补缴，累计缴费不超过15年。距领取年龄超过15年的，应按年缴费，累计缴费不少于15年。</t>
  </si>
  <si>
    <t xml:space="preserve">动漫迪迦奥特曼有谁知道共几集啊 </t>
  </si>
  <si>
    <t>剧集目录　　# 每集名称 日文名称 登场怪兽/宇宙人　播放时间 　　1 发光的迪迦 光を継ぐもの 哥尔赞 ,美尔巴 1996年9月7日 　　2 石头的神话 石の神话 加库玛 1996年9月14日 　　3 恶魔的预言 ??魔の预言 基里艾洛德人 1996年9月21日 　　4 再见了，地球 サ・ヨ・ナ・ラ地球 立加德隆 1996年9月28日 　　5 怪兽出没的日子 怪?が出てきた日 西利赞 1996年10月5日 　　6 第二次接触 セカンド・コンタクト 加佐特,克利特斯 1996年10月12日 　　7 降临到地球的外星人 地球に降りてきた男　雷丘兰星人 1996年10月19日 　　8 万圣节的夜晚　ハロウィンの夜に　基兰勃 1996年10月26日 　　9 等待怪兽的少女　怪?を待つ少女　萨奇 ,玛奇那　1996年11月2日 　　10 封闭的游乐园　闭ざされた游园地 加吉 1996年11月9日 　　11 安魂曲　?へのレクイエム　艾勃隆 1996年11月16日 　　12 从深海来的SOS 深海からのＳＯＳ 雷伊洛斯 1996年11月23日 　　13 不做奴隶 人间采集 雷比克星人 1996年11月30日 　　14 被流放的目标 放たれた标的 木珍星人 ,路西亚 ,扎拉 1996年12月7日 　　15 梦幻疾走 幻の疾走 加佐特二代 ,克利特斯 1996年12月14日 　　16 鬼神醒来 よみがえる鬼神 宿那鬼 1996年12月21日 　　17 红与蓝的决战 赤と青の?椁?斯坦德尔星人雷伯尔,阿伯巴斯 1996年12月28日 　　18 哥尔赞的反击 ゴルザの逆袭 哥尔赞（强化型） 1996年1月4日 　　19 奔向宇宙（上集） ＧＵＴＳよ宙へ（前编） 哥布纽（基加,奥古玛） 1996年1月11日 　　20 奔向宇宙（下集） ＧＵＴＳよ宙へ（後编） 哥布纽（基加,奥古玛） 1996年1月18日 　　21 出场了，德班 出番だデバン 德班 ,艾能美那 1996年1月25日 　　22 大雾来了 雾が来る 玛格尼亚 1996年2月1日 　　23 恐龙们的星球 恐竜达の星 丸迫奈扎1号,2号 ,恐龙人,那加 1996年2月8日 　　24 前进！怪兽探险队 行け！怪?探?识?立特玛鲁斯 1996年2月15日 　　25 恶魔的审判 ??魔の审判 基里艾洛德人二代 1996年2月22日 　　26 彩虹般的怪兽魔境 虹の怪?魔境 希尔巴贡 ,嘎地 1996年3月1日 　　27 看见了奥比克 オビコを见た！ 奥比克 1996年3月8日 　　28 呼唤…… うたかたの．．． 乔贝利艾 1996年3月15日 　　29 蓝色夜晚的记忆 青い夜の记忆 那坦星人 1996年3月22日 　　30 怪兽动物园 怪?动物园 莫拉特 ,莫拉特王 1996年3月29日 　　31 GUTS基地被袭击 袭われたＧＵＴＳ基地 比扎摩 1996年4月5日 　　32 滋尔达中心的攻防 ゼルダポイントの攻防 西拉 1996年4月12日 　　33 吸血鬼城市 吸血都市 吸血人 ,休拉诺斯 1996年4月19日 　　34 南方海峡 南の涯てまで 戴西玛尼尔 1996年4月26日 　　35 沉睡的少女 眠りの乙女 谷瓦日 ,戴西玛星系人 1996年5月3日 　　36 超越时空的微笑 时空を超えた微笑 戈尔德拉斯 1996年5月10日 　　37 花 花　马农星人 1996年5月17日 　　38 蜃楼的怪兽 蜃?萋イ喂知? 戴斯蒙 1996年5月24日 　　39 你好 奥特曼 ??启ウルトラマン?? 加鲁拉 1996年5月31日 　　40 梦 梦 巴克贡 1996年6月7日 　　41 从宇宙来的朋友 宇宙からの友 伊路德人 1996年6月14日 　　42 少女消失的街道 少女が消えた街 法伊巴斯,卡琳 1996年6月21日 　　43 地中的鲨鱼 地の鲛 盖欧扎克 1996年6月28日 　　44 连影　影を継ぐもの 邪恶迪迦 ,盖迪 1996年7月5日 　　45 生命永存 永远の命 奇杰拉 ,路克 ,迪娜 1996年7月12日 　　46 至急！镰仓！ いざ鎌仓！ 塔拉班 1996年7月19日 　　47 告别黑暗 ?にさようなら 梅塔莫尔加 1996年7月26日 　　48 月球来的逃亡者 月からの逃亡者 梅珠拉 1996年8月2日 　　49 奥特之星 ウルトラの星 查利加 ,亚那加基,奥特曼 1996年8月9日 　　50 飞得更高！ ~Take Me Higher~ もっと高く!～Take Me Higher！～ 佐加 1996年8月16日 　　51 黑暗的支配者 暗黒の支配者 佐加,加坦杰厄 1996年8月23日 　　52 致以辉煌的人 辉けるものたちへ 佐加,加坦杰厄 1996年8月30日　　２００８《迪迦·奥特曼》新剧场版公开　　我们大家都知道，今年，圆谷株式会社拍摄了一部最新的《大决战！超奥特8兄弟》，2008年9月13日在日本全国公映。主角正是我们熟悉的迪迦·奥特曼，此外我们已经知道，曾经出演过大古（迪迦·奥特曼人间体）的长野博（V6）与出演过飞鸟信（戴拿·奥特曼人间体）的鹤野刚士，出演过高山我梦（盖亚·奥特曼人间体）的吉冈毅志，出演过藤宫博也（阿古茹·奥特曼）人间体的高野八城将在本片出演。初代·奥特曼，还有赛文·奥特曼、杰克·奥特曼、艾斯·奥特曼、梦比优斯·奥特曼也会出现的噢。但剧情概要里,出现的只有我梦,未来,大古,飞鸟,和四位平成奥特曼的人间体.而出现的盖亚,是V2型,是盖亚吸收阿古茹力量后的型态.所以,阿古茹不会出现.这也是个遗憾.　</t>
  </si>
  <si>
    <t xml:space="preserve">请宜人大师帮忙解释公式上次由于你的帮助，解决了查找问题，我想知道 </t>
  </si>
  <si>
    <t>替宜人先生解释如下：1、IF函数语法：“=IF(第一参数为条件，第二参数为符合条件返回值，第三参数为不符合条件返回值)”。2、返回区域中指定位置数值的INDEX函数语法：“=INDEX(第一参数被查找区域，第二参数查找数据在区域中第几行，第三参数查找数据在区域中第几列)”，行序或列序，有一则可。3、返回数据在区域中位置的MATCH函数语法：“=MATCH(第一参数被查数据，第二参数被查区域，第三参数常用的0，是指查找等于第一参数的第一个数值)”。4、函数整体意思是：如果D2为空，则返回空值，否则返回C列中D2所在行的数据。供参考了。</t>
  </si>
  <si>
    <t xml:space="preserve">悲剧。。。。有位朋友把玩足彩的分三类、平均每期：最穷的赤手空拳（ </t>
  </si>
  <si>
    <t>朋友，好久不见，最近如何！！！！！！！！！！！！！</t>
  </si>
  <si>
    <t xml:space="preserve">我的机选九场单子,请指点.按常人思维,买了这么多彩票,都不中,今 </t>
  </si>
  <si>
    <t>好</t>
  </si>
  <si>
    <t xml:space="preserve">产后减肥我生完小孩7个月，体重增长20斤，怎样才能既不影响健康又 </t>
  </si>
  <si>
    <t>新妈咪瘦身5大 、不喝果汁和碳酸饮料;2、不要把甜食放在眼前;3、晚饭要早吃,吃后不要立即睡觉;4、要善于解压,不要让各种压力埋住自己;5、把孕前展现苗条身材的照片和以前的漂亮衣服挂在显眼的地方。</t>
  </si>
  <si>
    <t xml:space="preserve">宝宝14个月了，但是不爱吃饭怎么办啊。有什么好的办法么？先谢谢了? </t>
  </si>
  <si>
    <t>最近是因为天热，所以宝宝不爱吃饭呀，我家宝宝也是这样的，我给宝宝喝了光明的健能儿童酸奶，宝宝就喜欢吃饭了，有的时候太热了，还是不爱吃，我把宝宝泡在浴盆里面，他就又肯吃了，我家宝宝也是15个月哦~~~如果您觉得我的答案可以帮助您，请点击左下角“对我有用”，谢谢！不爱吃饭就让宝宝多吃菜，馒头，面包，面，换着给宝宝吃！米饭可以做成小小的饭团，里面放宝宝喜欢的菜！让宝宝自己吃饭，不会用勺子就让宝宝手抓，把菜和饭装到宝宝盘子里，和大人一起吃，不要喂宝宝了！我宝宝现在十二个月，三餐都是自己吃，无论米饭，面包馒头，还是面，或者水果，都是自己吃，我已经不喂了！装差不多的量，吃完也不加，吃不完也不压！补锌！【缺锌的宝宝头发黄】还有看看是不是夏天天热导致的厌食！买点樱桃给他吃【不宜过量】</t>
  </si>
  <si>
    <t xml:space="preserve">住房公积金问题————很急!!!我已买房2年，是按揭的，当时没有 </t>
  </si>
  <si>
    <t>你的问题提的就很模糊，我给你讲解一下吧  ，住房公积金是国家给予职工的一种福利待遇，三险一金，那一金就是住房公积金了，必须都给职工缴的，每次开工资扣的越多越好，因为国家给你的住房公积金帐户里多补一部分！！例如你扣100元，单位给你补100元，那么你住房公积金帐户里就有200元钱，这个钱呢，在买房时方可提出来用于应急，但是不提公积金也可以申请住房贷款，公积金贷款的利率非常低比银行低很多，这样利息就不是很高，所以在住房公积金申请贷款是非常合适的，但是住房公积金也有规定，必须连续缴存1年或1年以上的职工才给申请住房贷款。如果你单位没给你缴住房公积金，或者缴存的年限不够，那么也是申请不到住房公积金贷款的。</t>
  </si>
  <si>
    <t xml:space="preserve">AUTOCAD的学习资料哪里下载？我想学习AUTOCAD，想从网 </t>
  </si>
  <si>
    <t xml:space="preserve">请问北京地铁1号线的发车时间？ </t>
  </si>
  <si>
    <t>1号线地铁列车首末车：苹果园：首车：5:10末车：22:55四惠东：首车：5:05末车：23:15</t>
  </si>
  <si>
    <t xml:space="preserve">化学问题将12克C与２４克的Ｏ2混合充分反应后，问产物是什么？质 </t>
  </si>
  <si>
    <t xml:space="preserve">2CO+C =2CO2　　???    2CO+O2 =2CO2  !!!方法1.   2C+O2=2CO  题中O2过量，当反应消耗12gC时，消耗O2：16g，生成CO：28g  此时成分为O2：8g以及CO：28g 再2CO+O2 =2CO2     此时CO过量，当反应消耗8gO2时，消耗14gCO，生成22gCO2  所以最终成分为14gCO和22gCO2方法2。   C+O2=CO2  此时C过量，当反应消耗24gO2时，消耗9gC，生成33gCO2                      这时的成分为3gC和33gCO2再发生反应：CO２＋Ｃ＝２CO  此时CO2过量，当反应消耗3gC时，消耗11gCO２，生成14gCO  所以最终成分为14gCO和22gCO2方法3，方法： 设有XgC发生反应 2C+O2=2CO  此时每XgC反应，消耗4X/3gO2，生成7X/3gCO   有YgC发生反应  C+O2=CO2    此时每YgC反应，消耗8Y/3gO2，生成11Y/3gCO2  由C，O2的初始条件：X+Y=12；4X/3+8Y/3=24解得 X=Y=6，所以生成7*6/3g=14gCO   生成11*6/3g=22gCO2                      </t>
  </si>
  <si>
    <t xml:space="preserve">在济南可以找到放心的月嫂吗？还有一个月就要坐月子了，请问济南哪里 </t>
  </si>
  <si>
    <t>可以，我有个亲戚当初生完孩子就请的月嫂，挺不错的，而且还教给她一些科学的方法。比如说婴儿不能经常抱着，对孩子的脊椎不好等等。这些都是我们平时不知道的，所以请个专业的月嫂还是挺好的。</t>
  </si>
  <si>
    <t xml:space="preserve">离子键强弱BeCL2和CaCL2晶格能谁大，怎么判断（熔沸点Be </t>
  </si>
  <si>
    <t>BeCl2共价键成分很大，而CaCl2主要是离子键。一般来说，共价键的键能大于离子键，所以粗略判断，BeCl2的晶格能大于CaCl2。最好还是直接用绝热近似下通过热力学计算来准确判断。</t>
  </si>
  <si>
    <t xml:space="preserve">鲫鱼的内耳除了听觉以外，还有什么作用？ </t>
  </si>
  <si>
    <t>鱼没有耳朵，不过它们仍保有内耳。鲫鱼的内耳除了听觉以外，还可以用来平衡身体。</t>
  </si>
  <si>
    <t xml:space="preserve">律诗和绝句怎么区分？越具体越好，谢谢！ </t>
  </si>
  <si>
    <t>　绝句是从律诗中截取而来，－－截（绝）句．　律诗分首联、颔联、颈联、尾联，每联十四言（上下联各七字）或十言（上下联各五字），分半断句成联，颔联与颈联必成对偶（对仗），而首联与尾联可以对偶（对仗）也可不对偶（不对仗），大多情况下是不对偶（不对仗），因此，一般的如果把首联或尾联截取而成的绝句是不对偶（不对仗）的，相反如果从颔联和颈联截取而成的绝句就是对偶（对仗）的；如果是把首联或颔联截取的绝句，或者是把颈联和尾联截取的绝句，则是有不对偶（对仗）和有对偶（对仗）这种情况．　就是这样，绝句就看你怎么截？但一定把要律诗搞清楚的．  唐朝孟郊的&lt;&lt;游子吟&gt;&gt;,既非律诗,又非绝句.尽管有对仗,但它只有六句.并不符合以上所说的要求.  还要说明一点就是:尽管绝句出自律诗,但写绝句并非是写好律诗再截取成绝句的,因为绝句已经从律诗中完全独立出来了,已成为一个新的诗歌的样式(这里的新是从唐朝来说的).所以要写绝句,直接按要求写就可以了.要写好一首好的绝句并不比律诗容易.</t>
  </si>
  <si>
    <t xml:space="preserve">羽泉专辑 </t>
  </si>
  <si>
    <t xml:space="preserve"> :// </t>
  </si>
  <si>
    <t xml:space="preserve">我充值了完美一通卡怎么没有积分啊不是说现在充卡有积分的吗，怎么我 </t>
  </si>
  <si>
    <t>您好！新浪游戏诛仙爱问专家为您解答： 2007年11月21日12:00-2007年11月30日24:00期间开卡充值用户才能获得积分挖宝！  不懂可以看看诛仙资料组：新月花</t>
  </si>
  <si>
    <t xml:space="preserve">妖精魔法问题，请指教魔法消除的成功率和智力有关还是和等级有关？？ </t>
  </si>
  <si>
    <t>魔法消除的成功率和智力有关还是和等级有关？？和智力有关，和等级有关。就像大地屏障，等级比对方越高，智力越高，施法成功率高相对来说，等级比对方底，成功率会降低。</t>
  </si>
  <si>
    <t xml:space="preserve">游戏BUG我是2003系统,安装好20客户端后,升级到最新,运行 </t>
  </si>
  <si>
    <t>liyi ：  你大概没注意到吧？官方说最好是用XP系统。我建议你安装XP，然后试试，应该就没问题的。  祝你游戏愉快！</t>
  </si>
  <si>
    <t xml:space="preserve">好用的CAD工具箱有哪些？需要对CAD图层进行操作的小工具箱，特 </t>
  </si>
  <si>
    <t>燕秀工具箱</t>
  </si>
  <si>
    <t xml:space="preserve">我这胃痛是什么原因，怎么会引起的？前天下午1点我刚起来吃了梅菜扣 </t>
  </si>
  <si>
    <t>要是经常这样，可能是有胃炎，最好先去检查下，自己也比较放心些。如果只是偶尔胃痛，可能就是单次的饮食不洁等因素。胃不好可以多补充一些高单位的益生菌制剂来调理一段时间，改善肠胃环境，修复受损粘膜，使肠胃功能恢复正常</t>
  </si>
  <si>
    <t xml:space="preserve">杭州嘉洋汽车销售服务有限公司到杭州火车站要多久 </t>
  </si>
  <si>
    <t>杭州嘉洋汽车销售服务有限公司到杭州火车东站里程在18公里左右，时间在40分钟左右。到火车城站里程20公里，不堵车的情况下时间差不多在50分钟左右</t>
  </si>
  <si>
    <t xml:space="preserve">昆山那里有卖机顶盒支架的 </t>
  </si>
  <si>
    <t>QD-DVB01适用于昆山机顶盒遥控器,这款遥控器是群达公司最新推出的，此遥控器无需设置代码,装上电池可直接使用.和原来的机顶盒遥控器一样使用。手感好,外观新颖...</t>
  </si>
  <si>
    <t xml:space="preserve">暗殿在什么地方啊！我找遍蜈蚣洞都没有，请大家告诉我？什么洞进去，? </t>
  </si>
  <si>
    <t>蜈蚣洞一层往左走，看到有弓箭的口下去，再一直往下进就可以到了，蜈蚣洞和毒蛇矿区的连接通道三层向屏幕下方走，走到底，有岔路，向屏幕左面的叉路走，有一种切换场景的感觉就对了，向上就到了（30，192）有个老头子，点他和他说话就进去了。</t>
  </si>
  <si>
    <t xml:space="preserve">在职业篮球运动员中谁是世界上最矮的人？ </t>
  </si>
  <si>
    <t>姆格斯·博格斯 纵观NBA历史，身材最矮的非1965年出生于多伦多的博格斯莫属了，赤脚海拔1.60米，够惨了吧。可这位老兄自从1987年第一轮第12顺位被猛龙选中后在NBA球场上闯荡多年，始终能有容身之地。凭的是什么？是超绝的速度和神鬼莫测的变幻舞步。在身体条件极差的情况下，伯格斯自有对策。长得矮，重心也低，练好控球技术后几乎无人能断，让那些大个子们弯着腰满场子跑；个子矮，容易被人忽视，加上下三路的功夫，他的抢断也很出色，这点从他的绰号"矮子强盗"上面就可以看出来；善于选择时机投篮和上篮，小个子照样得分。当然，博格斯算不上是一流球员，但能在NBA中生存就足以让大家看出点门道来了。 斯伯特·韦伯 有"土豆"之称的韦伯，曾经在1986年获得过全赛扣篮大赛的冠军，其身高只有1.70米，这也是有记载的NBA历史上能扣篮的最矮的球员。而凭借1.70米的身高在NBA立足，韦伯最大资本就是其超人的弹跳力。16岁时，身高只有1.60米的"土豆"便有过扣篮记录。他的原地纵跳高度为1.33米，助跑摸高达到3.60米，这一弹跳高度到目前为止还无人能够打破。韦伯曾经是博格斯年轻时的偶像，但与博格斯相比他的NBA之旅则要困难的多，他是在1985年第4轮第87位被亚特兰大鹰队选中的，在此之前，NBA中绝无矮得"如此过分"的球员。对此，博格斯也说过："韦伯是一个心胸开阔，容易冲动的家伙。我们的身高确实会影响到我们在场上的行为，因此我们在球队中更多饰演的是一个输送者的角色。我和韦伯都从ACC联盟中出来，但他在联盟的起步比我要困难些。我是在1987年第一轮第12顺位被选中的，所以我不需要经历那些低顺位球员所经历的麻烦。" 艾尔拉·博伊金斯 今年27岁的博伊金斯是博格斯退役后NBA现役球员中身高最矮的，只有1.65米，但其在勇士队中的地位如今却是无人可以替代。一月份，在奇才主场MCI，"矮脚虎"博伊金斯就上演了一出好戏，他全场比赛攻下16分，在最关键的第四节砍下9分，并在最后时刻投中了致命一球，使勇士在客场以104：99打败奇才，终止了对手的五连胜势头。那个晚上的英雄是结结实实站在硬木地板上的"矮脚虎"博伊金斯，而不是"飞人"乔丹。赛后，防守他的休斯无可奈何地说："他虽然矮，但他在这个联盟打了很长时间的球，于是他知道如何生存下来，如何能够打好球。"至于他的队友，更是不吝赞扬，贾米森不停地夸奖博伊金斯，"他虽然很矮，但是他有一颗火热的心。我对他今天晚上的表现并不奇怪，他这个赛季的表现一直很好。" 其实，本赛季博伊金斯已经屡屡上演过单骑闯关的好戏，打湖人时，终场前10秒，湖人100比102落后勇士，费舍尔从理查德森手上断球，杀到底线附近，正当他洋洋得意之时，突然一个矮小的身形横亘在他面前，费舍尔赶紧跳起分球，晚了！对方在他冲撞之下猝然倒地，进攻犯规！湖人扳平的机会就这样被粉碎了。而博伊金斯那场比赛攻下14分和全队最高的8次助攻。客场对丹佛时，他又帮助勇士在落后21分时逆转，自己射下了20 分。博伊金斯没参加过选秀，1999-2000赛季网队签下他，一个月却后把他踹了，随后他先后效力骑士、魔术、快艇。但这个赛季他在勇士找到了自己的位置，在平均每场出场时间不到22分钟的情况下，平均每场得10分（在全队排名第5）和4.5次助攻。最近的3战，他更是在平均25分钟的时间里，拿下12分、5.3次助攻，命中率高达61.9％，比现在排名第一的姚明还要高一些。 现在，虽然不少球队经理与主教练还对他的能力表示置疑，但他一点不介意，"那不会困扰我，你没法使每个人都满意。"勇士主教练穆塞尔曼说："他已经成为我们队的一种力量和象征，当然，这里并不是说他太矮，而是说他极具领秀气质。说实话，当我让他上场时，就很难再让他下场了。"现在，没有人因为博伊金斯身高而低看他，相反，每当面对这个小东西时，大家都格外小心起来。小牛后卫范埃克塞尔说："他是一个有经验的球员，能与他交手确实能学到不少东西。博伊金斯并没有沾沾自喜："是的，比别人矮一截，在这项运动中的确不是个优势，但当你每天晚上都要面对比你高一大截的球员时，你害怕又有什么用呢？所以，没用多长时间我就习惯了这些，并能够正确和辩证地对待这一切了。这是我能够做到今天这一步的最大原因。"让对手感到了一种力量和威慑力，正是博格斯，"土豆"韦伯等"矮人"前辈让博伊金斯充满了敬意，"每个在联盟打球的小个子都让后来者受益，"他也正在这么做。 达蒙·斯塔德迈尔 相对于博格斯，韦伯，博伊金斯等"小矮人"来说，身高1·78米的斯塔德迈尔不但在身高上要比他们强一些，在名气上，也是最大的。1995-1996赛季，猛龙队第一次出现在NBA，当时他们在首轮选秀中选中了斯塔德迈尔，而在第一个赛季斯塔德迈尔也不负重望，让那些瞧不起他身高的人都闭上了嘴，赛季结束后，他平均每场拿下19分和9.3次助攻，最后成为了当年NBA的"最佳新秀"。在当年的全明星赛中成为MVP。同年成为猛龙队首位获得"三双"的球员。第二个赛季他在与公牛队的两次对决中都战胜了对手，成为当时如日中天的乔丹一大克星，"小飞鼠"的称号令他成为联盟一颗正在升起的明星。在1997-1998赛季，他转入波特兰。当年，他在全联盟助攻榜上排名第九，1998-1999赛季，10次成为开拓者队单场得分王，4次得分超过20分。平均每场助攻6.2次，并连续两个赛季成为开拓者队助攻王。 虽然去年斯塔德迈尔由于涉嫌贩毒被补入狱，但被保释出狱之后经过一段时间的调整，本赛季的斯塔德迈尔已经恢复了当年之勇，率领球队又一次向总冠军发起了强有力的冲击。 查基·阿特金斯 阿特金斯身高不多不少正好1.80米，这的身高在本篇文章中是一道分水岭，毕业于南佛罗里达大学信息管理专业的阿特金斯出生于篮球世家，他的父亲曾是一名优秀的大学篮球球员，1岁的时候，他就收到过爸爸的生日礼物——篮球；而在他3岁的时候父亲已经开始学教他打篮球了，良好的环境养成了阿特金斯今天扎实的球风。1999年，阿特金斯被魔术队选中，在新秀赛季，他参加了全部的82场常规赛。入选该赛季全明星赛"第二新秀阵容"，在新秀中，三分球命中率排名第5位，助攻第7位，得分第8位，投篮命中率第10位。第二年，他来到了底特律活塞，并马上成为了活塞的首发后卫，该赛季平均得分12分，助攻4·1次。随着阿特金斯的逐渐成熟，活塞的战绩也直线上升，本赛季一度坐上了东部的头把交易。 特拉维斯·贝斯特 身高同样1·80米的贝斯特是家中5个孩子最小的一个，他的名字来源于他母亲对电影《He Got Game》的灵感，在高中时，他就已经是全美小有名气的球员了，他是首位3次获得"约翰-拉霍维奇奖"的高中球员（此奖授予西马萨诸塞州的最佳高中运动员），在乔治亚理工大学管理学专业毕业后于1995年被步行者队选中。为步行者队效力了6个半赛季后，2001赛季由于腿和背伤，加上当时步行者新秀组织后卫贾马尔·廷斯利的出色表现，贝斯特的上场时间逐渐减少，终于在2002赛季步行者队于奇才队的一场比赛中被主教练托马斯换下场后拒绝再次上场，去年12月贝斯特要求转会，在今年2月19日被交易到公牛队。 随后又在公牛与热火的一桩交易中来到了迈阿密， 在热队他逐渐成为原热队首发组织后卫、36岁的自由球员罗德·斯特里克兰的合适继任者。队友对他的评价就是："上场时间越多贡献就越多，投篮命中率高，抢断和助攻也很出色。"而他立足NBA的另一法宝就是速度，在2000年步行者对湖人的总冠军争夺战中，其飞快的速度就曾令哈珀或费舍尔防不胜防。 卡尔文·墨菲 提到NBA"矮人"，有一位就不能不提，他就是至今为止仍保持着NBA连续罚球纪录（78个，1980年12月27日-1981年2月28日）的卡尔文·墨菲，他还是唯一的两位能够连续五个赛季保持罚球命中率在百分之九十以上的球员之一（另一位是里克·巴里，他保持了连续7个赛季）。说到现在，可能读者对他还是不很了解，可如果看过奥拉朱旺球衣退役仪式的球迷一定还会记的在康柏体育中心悬挂的另一件退役的23号球衣，它的主人就是墨菲。墨菲1970-83年始终效力于休斯顿火箭队，并于1971年入选NBA最佳新秀阵容，1979年入选全明星，1993年入住名人堂，在名人堂里他的平均得分列NBA第十五位。 虽然墨菲只有1·79米的身高，但他确实一个有极大进攻力的球员，他的急停跳投往往使对手防不胜防，而作为防守球员他的防守能力并没有因为他的身材矮小而失去威力，他的紧贴防守往往使对手无所适从，这种几乎可以说是贴身粘牢式类型的防守使他成为一个非常棒的防守球员，尽管他所要防守的球员都比他高。从这一点上来说，其实，墨菲才是NBA真正的"矮人"鼻祖。 最后，我又通过对"小个子"的观察总结出了9点小个子在篮球场上的生存绝活拿出来于读者们共享，对于埋怨爹妈给自己少生了几公分、十几公分的球迷们,也是不小的启发。 一、速度。有了这一点，至少在快攻战术中是稳稳的主力了，以速度突破对手也是很好的选择。艾弗逊现在速度之快，脚步之敏捷，足可笑傲江湖，睥睨群雄。当年博格斯带球奔袭，兰比尔气喘吁吁在后追赶的场面已成经典画面。 二、低位运球。大个子可不愿总是弯着腰和你玩捉迷藏，一不小心还可能把腰折了，代价太大。此中好手最有名者当为伊塞亚·托马斯，可以离地几厘米甚至几毫米运球，决不脱手，凭此招，在人群中穿梭自如。 三、地板反弹传球。妙处同上。这一招是篮球的基本动作，但能用得炉火纯青者，少之又少。就像武林中的五行拳，常人用来强身健体，高手可以伤人夺命。高手当数斯托克顿，无论单手还是双手，他的反弹传球都象长了眼睛一样，攻击力极强，一招足以穿透所有屏障。 四、抛投。不以正规动作完成攻击，在大个子们醒悟之前，就在跑动中使球划出一道高高的弧线，避开巨人空中拦截的铁掌，举重若轻的完成使命，运气好还有机会再走上罚球线呢。艾弗逊如今更是以这招威风八面。 五、远投。几乎每个小个子都能远投，而且通常很准，在大个子漫不经心的时候，他们一剑即见血。 六、多用左手投篮。联盟里的左手总给人措不及防的感觉，可能是因为有错位的感觉，所以大个子们总会在狙击时感到便扭。艾弗森能屡屡突破得手，就是左手的躲避效率特别高；斯塔德迈尔的左手也是一门重炮。 七、和裁判搞好关系。长相狰狞的大个子总给裁判带来一点阴影的味道，小个子却能靠和善的表情找机会和裁判套近乎，心里可有点"黑哨"的优势了。 八、断球迅猛。凭着眼疾手快，重心低应该较大个子更易断球，断球以后的快攻能够大涨本方士气。重心往下一沉，小手一掏，球没准就到手了。 九、多扮演领袖的角色。历史已经证明，矮个子的领导成就很高，如拿破仑，如******。NBA的小个子可能体形上不行，但脑子绝对好使，是天生的领袖——当然，要有很强的自信扮好领袖的角色。这一点，斯托克顿有，基德有，艾弗逊也正在努力。 以上是小个子赖以生存的金饭碗，可得用心用力的捧着喽！</t>
  </si>
  <si>
    <t xml:space="preserve">由圣元优聪换到贝因美也不知好不好？我家宝宝现在快五个月了，前两个 </t>
  </si>
  <si>
    <t>不会吧，我也是给我家宝宝用贝因美的磨牙饼。不过贝因美的奶粉好像不是太多人吃。来说说我对贝因美的印像呀，我家宝宝一出生就是吃贝因美的奶伴葡萄糖。（贝因美的葡萄糖不错）在离我家不远的有一个专门买奶粉的店，里面也有买贝因美的奶粉，他那里做了一个活动。从08年4月15日到08年6月15日，拿任意品牌的6个空瓶就可以去换一瓶1000克的贝因美奶粉。我就拿了去换，在08上个月3号就拿去了，本来店方说上个月底就可以拿到了，可是如今也没有看到奶粉的影子，店方还说要在等一个月。厂家也打来电话证实有没有拿6个空瓶子去。这样一瓶900克的奶粉1段在超市的价位就是300多。2段的就要200多。如果你拿不出来这些送的奶粉，为什么还要答应消费者呢？所以我对贝因美这个牌子的奶粉马上就差掉了。信誉这么差，为什么你还要去吃呢？</t>
  </si>
  <si>
    <t xml:space="preserve">我的用户名字也忘记了谁能告诉我我的用户名是多少 </t>
  </si>
  <si>
    <t xml:space="preserve">你好！ “加冰的奶嘴的BLOG”的新浪通行证号是：1253750237 可以直接用通行证号登录你的博客！ 用你的新浪通行证号找回登录名的方法： 首先登入新浪通行证网页（  博客密码忘了该怎么找回，请参阅：   试试吧！祝你好运！ </t>
  </si>
  <si>
    <t xml:space="preserve">快开学了，想买给孩子学习用品，有什么好的推荐？ </t>
  </si>
  <si>
    <t>那就要看你家小孩的年龄有多大了，根据年龄选择合适的学习用品才是最重要的。天天好东西网个性化垂直导航查询系统专门有学习的分类，并且是根据儿童和学生分的，可以根据小孩的实际需求快速的找到适合的学习用品</t>
  </si>
  <si>
    <t xml:space="preserve">卫生间有味，怎样除掉我家的卫生间每天打扫的很干净，但还是有臭味， </t>
  </si>
  <si>
    <t>可以去药店买一盒清凉油放在里面，把盖打开然后放在角落里即可，时间久了上面一层会变硬的，这时用小刀把上面一层刮掉就可以了，一盒清凉油能管很久的。我家卫生间就是用这个来除异味的，而且蚊子对这种气味也是避而远之的！</t>
  </si>
  <si>
    <t xml:space="preserve">在大盘不稳定中如何炒作个股？现在大盘不稳，个股炒作风险加大，如何 </t>
  </si>
  <si>
    <t>休息</t>
  </si>
  <si>
    <t xml:space="preserve">棉衣该怎么洗,针织的又该怎么洗?我去年买了件棉衣,还没有破,就是 </t>
  </si>
  <si>
    <t>棉衣用湿毛巾，沾着洗涤剂，擦擦就行了。实在太脏就拆了，再重做，也不是很麻烦。白色针织的，用漂白的洗衣粉，洗洗就可以了。祝：天天开心！</t>
  </si>
  <si>
    <t xml:space="preserve">请问手机NOKIA6300从网上下载的图片格式手机不支持谢谢 </t>
  </si>
  <si>
    <t>你好,6300是S40系统除了CPG,JPEG,JPG,GIF,BMP这些格式,其它不支持.或者你的图片太大,超过所规定的尺寸也不支持.    还有什么问题可以继续提啊！！</t>
  </si>
  <si>
    <t xml:space="preserve">谁有西游记的歌曲“猴哥”的简谱啊？ </t>
  </si>
  <si>
    <t xml:space="preserve"> 很专业的网站</t>
  </si>
  <si>
    <t xml:space="preserve">宝宝脸蛋发红我家宝宝最近脸蛋老是红红的，特别是刚起床后，脸蛋更是 </t>
  </si>
  <si>
    <t>小宝宝都这样的没有事 衣服不要穿的太紧和多也有可能是憋的</t>
  </si>
  <si>
    <t xml:space="preserve">西安无痛人流需花多少钱？？？ </t>
  </si>
  <si>
    <t>您好，对于人流要多少钱这个问题要引起重视，关于人流要多少钱这个问题为您解答如下：别担心,这种情况各地区收费不一样的啊，请去正规三甲医院，正常的人流手术在400-1500元之间，具体费用与手术方式的选择以及个人的怀孕周期相关，可至医院咨询手术医生，医生会根据您的具体情况给出确切的答复。一般人流的费用在500元以内的，但地域不同费用也是有所不同的，建议人流的回数不要过多，对身体有影响的，严重的会造成不孕。一般人流后30天内不可以碰冷水。人流后要注意调理身体,也有很多需要注意的东西,人流术后切勿用凉水冲洗,即使身体素质比较好,最好在人流30天以后才可以碰冷水,另外,人流后需要休息2周、少看報紙及电视、术后适当卧床休息、不做重体力劳动、多吃些富有营养的食物无痛人流最佳时间怀孕6-8周时间进行，选择正规医院进行的，手术费就要1000元以上;建议不要人流的回数太多，会有习惯性流产的危害的，影响生育，人流后建议注意休息，不要吃过冷的食物和饮料，身体不要着凉，性生活要间隔一段。注意休息加强营养 保持心情舒畅 。</t>
  </si>
  <si>
    <t xml:space="preserve">我有选拔卡和选秀卡但我想选拔街球员却只有选秀和下放怎么搞才能选拔 </t>
  </si>
  <si>
    <t>您好，首先将确定球员的数量，保证选拔球员后，街球队剩余4名正常状态的球员，职业队少于或等于12人，将球员从阵容中替换下来后，每张选拔卡只能选拔1个球员至职业队，在 “选拔球员”页面中，点击“选拔球员”即可，祝您游戏愉快~！</t>
  </si>
  <si>
    <t xml:space="preserve">英语专业考研，二外收德语的学校最好是东北地区的。 </t>
  </si>
  <si>
    <t xml:space="preserve">北外，对外经贸，北二外，北大！北航，外交（进去要改学法语和日语）南开，天外，上外，南京大学，复旦，川外，，川大，中山，武大，东北师范，吉林大学，广外，浙大，山大，大外也考 </t>
  </si>
  <si>
    <t xml:space="preserve">变频器 </t>
  </si>
  <si>
    <t>变频器Frequency Converter</t>
  </si>
  <si>
    <t xml:space="preserve">知道在哪里打改图的高手进!!小弟不知道在哪里才能得到改图的呀?高 </t>
  </si>
  <si>
    <t>狗洞里的改造僵尸黑色祈祷的露比罗连斯研究塔里的法王捉迷藏铁人任务里的改造牛鬼诅咒的迷宫里面的双王阿鲁巴斯洞窟的暗医阿鲁巴斯、斋戒的犹大打倒BOSS，就可以找到一个香蒂的房间的告示牌从那里可以进入香蒂的房间，和房间里的香蒂说话，花1000G买到设计图？．设计图为5级物品，需要鉴定。当身上有未鉴定的改造图时，裘瑟贝会告诉你身上位置最靠前的那一张图是改造什么，所以也能使用未鉴定过的改造图进行改造。</t>
  </si>
  <si>
    <t xml:space="preserve">忠心感谢各位高手~!关于显卡的问题~!请问各位高手,怎样才能让8 </t>
  </si>
  <si>
    <t>可以在BIOS中调节主频，再加大风扇的电压，也可以买个内存条试下，最好在把BIOS映射下</t>
  </si>
  <si>
    <t xml:space="preserve">人事档案托管与养老保险的关系我的人事档案一直在人才交流中心存放一 </t>
  </si>
  <si>
    <t>1.档案在人才交流中心它是不敢随便处理得，补交托管费应该就可以了2.养老保险需要核你得缴费年限或者工龄折算缴费年限，所以需要档案。还是去补交费用吧</t>
  </si>
  <si>
    <t xml:space="preserve">我想送点金币给朋友，哪有赠送功能？ </t>
  </si>
  <si>
    <t>你好，金币是不可以赠送的，其他的都可以赠送，比如游戏道具，U秀，家园等等，这些东西，在购买的同时，选上赠送，在填上对方的帐号就可以赠送了！</t>
  </si>
  <si>
    <t xml:space="preserve">关于工资问题如何计算工资，扣除比率是多少？怎么算？举例说明谢谢！ </t>
  </si>
  <si>
    <t xml:space="preserve">是否指的是工资计税问题?如果是回答如下:工资薪金所得按月剔除按照国家同意规定发给的补贴、津贴以及“三费一金”后的余额为每个月的应纳税所得额，如果超过1600元，按照“九级超额累进税率”缴纳。例如：王先生为中国公民2007年1月份工资收入5000元，计算个税应纳税额=(5000-1600)*15%-125=385元 </t>
  </si>
  <si>
    <t xml:space="preserve">韩国的视频网站大家有没有有人知道韩国的那些视频网站？就是像国内的 </t>
  </si>
  <si>
    <t xml:space="preserve">韩国  日本  </t>
  </si>
  <si>
    <t xml:space="preserve">请教介词短语和动词不定式的区别谢谢大家~! </t>
  </si>
  <si>
    <t>动词不定式是由符号to+动词原型构成的，通常表示为“to do”。而介词短语就不同了，介词有很多，可以组成各种不同的短语。如果要说的介词to的话，与不定式的区别就在于，介词后要加名词或代词。如：to the school, to the cinema, to him/her/it ect.至于它们在句子中的作用，内容就太多了。简单说，不定式可以作主语、表语、宾语、定语、状语等；介词短语多作定语、表语、状语。</t>
  </si>
  <si>
    <t xml:space="preserve">我要不要继续这信息是不是发错了?他看了会有什么感觉(男士回答)我 </t>
  </si>
  <si>
    <t>你真的喜欢，何不更努力去追求呢？</t>
  </si>
  <si>
    <t xml:space="preserve">守望首发好么？ </t>
  </si>
  <si>
    <t>相当不错。</t>
  </si>
  <si>
    <t xml:space="preserve">我电脑上有一键还原，怎么才能设置还原的点呢 </t>
  </si>
  <si>
    <t>开机F11,直接备份就行了</t>
  </si>
  <si>
    <t xml:space="preserve">这个房子如何处理律师:你好,我现在24岁,我的父母现在要离婚了, </t>
  </si>
  <si>
    <t>您好，关于您的问题，答复如下，以供参考：1，您提的是有关婚姻房产分割的问题。2，从您的描述来看，虽然该房房主是您的父亲，但是该房子的取得时间是在您父母婚姻关系存续期间，因此该房屋应属于他们夫妻共同财产；3，如果离婚确实是由您父亲过错造成的，法院会依据有关司法解释，结合婚姻过错方的过错责任大小来判定分割夫妻共同财产时的比例，给您母亲多分一些是有可能的。</t>
  </si>
  <si>
    <t xml:space="preserve">前几天看见电视上说西红柿不可以生吃,说什么等于吸烟?谁知道真的假 </t>
  </si>
  <si>
    <t>只有说西红柿不能空腹吃，没有听说不能生吃的，现在乱其八糟的说法越来越多，这样不行那样不行，不吃最好。况且你一辈子能生吃多少个西红柿？人家一天抽两包烟的人也能活到80、90岁。</t>
  </si>
  <si>
    <t xml:space="preserve">新买的铁锅放置了一段时间后生锈，请问怎么出去这些铁锈？我已经用醋 </t>
  </si>
  <si>
    <t>我用的也是铁锅，刚开始的时候也碰到你这样的问题。后来我采取的办法是：每次做完菜，洗完锅后稍微用一点点油擦一下锅内表面，这样就解决了。所以不要让锅内存有水迹，锅内表面稍微有层油保护就行了，很管用的。</t>
  </si>
  <si>
    <t xml:space="preserve">初四化学题!!!!!要配制50克溶质质量分数为百分之20的食盐溶 </t>
  </si>
  <si>
    <t xml:space="preserve">   1.mNaCl=50*20%=10g,mH2O=50-10=40g(用水和NaCl)2.mNaCl=25*40%=10g,mH2O=50-25=25g(用40%的NaCl和H2O)3.mNaCl=20*15%=3g,故固体mNaCl=10-3=7g,mH2O=50-(20+7)=23g用15%的NaCl和固体NaCl和H2O)4.mNaCl=20*15%=3g,7/40%=17.5g,mH2O=50-(20+17.5)=12.5g(用15%的NaCl和40%的NaCl和H2O)以上4种是较常用的方法,再复杂的就没劲了.</t>
  </si>
  <si>
    <t xml:space="preserve">中国传统文化有哪些？ </t>
  </si>
  <si>
    <t>农历节日 记录了很多传统 比如九月九日登高 牛郎织女的七夕节 纪念屈原的端午节 拜访亲戚塞红包 祭祀祖宗建筑方面 飞檐走壁 坐北朝南 顺龙脉 对天象的讲究 北方红黄相映 南方淡漠水色玩物方面 也记录了传统 比如斗蟋蟀 打麻将 茶馆 武馆 舞龙舞狮 扭秧歌 陶器服饰方面 如意 玉器 金银 肚兜 开锁 刺绣 道德方面 女子忠贞 三从四德 男子君臣父子文化方面 考试制度哎呀 太多了 要好好珍惜.....</t>
  </si>
  <si>
    <t xml:space="preserve">大家来看看这是什么???????我打开好友的QQ空间关闭时有时会 </t>
  </si>
  <si>
    <t>你把两个杀毒软件卸载就可以了，这样一般是由于软件冲突导致的，如QQ，最好把QQ重装。微软就喜欢把这些问题报错说是内存出错。</t>
  </si>
  <si>
    <t xml:space="preserve">如何关闭端口我的操作系统是windowsxpsp2.现在我想关闭 </t>
  </si>
  <si>
    <t>安装一个网络防火墙即可.因为现在的防火墙基本都是自己关闭所有的端口,只有在使用事才打开特定端口.</t>
  </si>
  <si>
    <t xml:space="preserve">广东工业大学会全部搬到大学城吗？工大现在这么多的校区，而且有些都? </t>
  </si>
  <si>
    <t>不可能全部搬过去，因为太远了，对于某些人来说是太不方便的！所以暂时是没有这个可能性！以后就不能保证！</t>
  </si>
  <si>
    <t xml:space="preserve">燕子帮帮忙，000063中兴通讯明天怎么办啊今天39.30没出， </t>
  </si>
  <si>
    <t>000063暂时持有。</t>
  </si>
  <si>
    <t xml:space="preserve">关于英雄魔法和护甲的关系！比如说守望者的刀阵三级单体伤害为190 </t>
  </si>
  <si>
    <t>在游戏中,魔法技能的伤害是忽略护甲的!但是有两个例外!英雄只受到百分之七十的魔法伤害!而弓箭手只受百分之八十的伤害!也就是说,除了英雄、弓箭手和魔法免疫得兵种外,不管护甲是多少,受到守望者的三级刀阵,单体伤害都是190!祝你玩的愉快!</t>
  </si>
  <si>
    <t xml:space="preserve">USB高速数据采集卡，PCIE高速数据采集卡，PXIE高速数据采? </t>
  </si>
  <si>
    <t>推荐西安真荣科技！西安真荣电子科技有限公司是国内顶尖的高速数据采集、处理、存储及回放产生设备系统集成商，公司具有强大的研发集成能力，是多家国际高速数据采集卡厂商的系统集成商，包括Alazartech 、SP Devices、GAGE等。我们提供国际一流的高速数据采集卡、高速任意波形发生卡，高速信号处理卡及相关高性能存储处理系统。产品主要应用于雷达，通信，生物医学，超声无损检测，分布式光纤测试，质谱，高能物理，高压局放监控等领域。      我们提供全球采样最快的高速数据采集卡，高达7GS/S采样率，带宽高达2GHZ！8bit    7GS/S     单通道  带宽2GHz    高速数据采集卡12bit   3.6GS/S   双通道  带宽1.3GHz(2GHz)  高速数据采集卡12bit   1.8GS/S   四通道  带宽2GHz    高速数据采集卡12bit   2GS/S     双通道  带宽1.3GHz  高速数据采集卡12bit   1GS/S     四通道  带宽2GHz    高速数据采集卡12bit   1.1GS/S   单通道  带宽780MHz  高速数据采集卡12bit   550MS/S   双通道  带宽1.2GHz  高速数据采集卡14bit   1.6GS/S   单通道  带宽800MHz  高速数据采集卡 14bit   800MS/S   单通道  带宽720MHz  高速数据采集卡14bit   400MS/S   双通道  带宽1.2GHz  高速数据采集卡</t>
  </si>
  <si>
    <t xml:space="preserve">六爻排盘（帮忙解挂）在网上六爻排盘，得出此挂希望有心人给予分析谢 </t>
  </si>
  <si>
    <t>世应相克相冲，用神克日辰，官鬼帝旺临玄武，妻财位于死，又生官鬼，是被贼偷走了。官鬼帝旺，这贼是个壮年人，来自西南方向。子孙爻不旺，估计抓不到了。</t>
  </si>
  <si>
    <t xml:space="preserve">有什么好看的完本玄幻小说？ </t>
  </si>
  <si>
    <t>很多啊  诛仙,虽然很老,但绝对是经典!仙逆也很好玩........</t>
  </si>
  <si>
    <t xml:space="preserve">关于汽车的强制报废期的疑问国家不是已经取消私车的强制报废期了?可 </t>
  </si>
  <si>
    <t>我统计过你说的那个表，私人名字小汽车（即2类车）8年期的33辆，15年期的34辆，20年期的3辆。8年期的肯定由于曾经是营运牌无法延期。其它的估计无法通过年审（最近排放标准要求很高，有些老型号发动机估计要改造通过年审成本太高）。</t>
  </si>
  <si>
    <t xml:space="preserve">完场：马赛2:0斯巴达参考就好 </t>
  </si>
  <si>
    <t>朋友 马赛我单0 你可别打击我...</t>
  </si>
  <si>
    <t xml:space="preserve">若abc是三角形ABC的三边,且aa+bb+cc=ab+ac+b? </t>
  </si>
  <si>
    <t>等边三角形啊！！！a^2 + b^2 + c^2 = ab + bc + ca, 两边平方，然后移项，得到(a - b)^2 + (b - c)^2 + (c - a)^2 = 0, a = b = c，等边三角形。</t>
  </si>
  <si>
    <t xml:space="preserve">拍片对孕妇影响大吗？我现在怀孕两个月了，由于大女儿生病，需要进放 </t>
  </si>
  <si>
    <t xml:space="preserve">X射线它具有波长短、穿透力强、莹光、作用及生物效用等特征。通过透视、摄片、照射等手段方法，对人体内部器客进行诊断及治疗。X射线射入人体后被吸收产生的生物效应对人体有损害，损害的程度随吸收剂量而定。一般来说，过小剂量对人体无大损害，大剂量可导致组织细胞破坏及血液系统方面的病变。 X射线对胎儿的影响，较易造成胚胎残废、胎儿畸形、脑部发育不良，以及儿童期的癌症几率增加。不过通常在怀孕初期，暴露于X射线之中，比较容易造成重大的伤害，愈接近预产期，影响越小。一般孕妇如果接受了5雷得的X射线暴射量，相当于照20张腹部X光片或2次的骨盆计算机断层，此种剂量下将来胎儿导演的机会将增加40％。 专家建议一般孕妇除非紧急状况，否则应选择在月经开始日算起的10天之内照X射线，这样就可以不用担心在受孕以后照X射线了。 孕妇如在不知情的状态下受了X射线，也应尽量保留拍片记录，这样以便医生协助你判断胎儿的安全性。一般在怀孕期，如果只是照一张腹部X光片，大约是只有0.5雷得的暴射量，对胎儿影响并不足以要求孕妇做人工流产；而只是胸部X射线或牙科X射线等微量的辐射，对胎儿的影响就更微不足道了。 但孕妇一定要注意，当胚胎发育到第8周以前，全身各个器官正在发育形成的过程，如孕妇长期少量或一次大量接触X射线，会造成胎儿畸形。因此妊娠早期应严禁做X射线检查，即便是常规的胸部透视，也要推迟到妊娠7个月以后，腹部的透视或拍片尽可能不要进行。 祝你早生贵子。 </t>
  </si>
  <si>
    <t xml:space="preserve">癌症病人的血液注射到正常人的肌肉理会得癌症吗有一次我到朋友开的诊 </t>
  </si>
  <si>
    <t>一般说来按你所说的状况是不会被感染癌症，当然如果是大量癌症病人的血液注射到正常人体里，是有可能被感染癌症。</t>
  </si>
  <si>
    <t xml:space="preserve">⺋??ヤ这三个字怎么打 </t>
  </si>
  <si>
    <t>你问的问题很简单啊! 选择输入法智能ABC1. 打V1出现特殊的符号（多翻几页）：　、。·ˉˇ¨〃々—～‖·‘’“”〔〕〈〉《》「」『』〖〗【】±×÷∶∧∨∑∏∪∩∈∷√⊥‖∠⌒⊙∫∮≡≌≈∽∝≠≮≯≤≥∞∵∴♂♀°′〃℃＄¤￠￡‰§№☆★○●◎◇◆□■△▲※→←↑↓〓2. 打V2是数字带点数字如⒈⒉⒊⒋......至⒛（不多举例下同，请自己查看）带括号数字⑴⑵⑶⑷......至⒇带圈数字①②③④①......至⑩带括号汉字一二三四......至十古罗马数字ⅠⅡⅡⅣ......至Ⅻ3. 打V3是常用的文学符号及拉丁英文！”＃￥％＆’（）＊＋，－．／０１２５４５６７８９９：；＜＝＞？＠ＡＢＣＤＥＦＧＨＩＪＫＬＭＮ至Ｚ 〔＼〕＾＿‘ａｂｃｄ至ｚ｛｜｝￣4. 打V4V5是日文平假名及片假名ぁ あ ぃ い ぅ う ぇ え ぉ お か が き ぎ くぐ け げ こ ご さ ざ し じ す ず せ ぜ そ ぞた だ ち ぢ っ つ づ て で と ど な に ぬ ねの は ば ぱ ひ び ぴ ふ ぶ ぷ へ べ ぺ ほ ぼぽ ま み む め も ゃ や ゅ ゆ ょ よ ら り るれ ろ ゎ わ ゐ ゑ を ん ゜ ゛ ゝ ゞァ ア ィ イ ゥ ウ ェ エ ォ オ カ ガ キ ギ クグ ケ ゲ コ ゴ サ ザ シ ジ ス ズ セ ゼ ソ ゾタ ダ チ ヂ ッ ツ ヅ テ デ ト ドナ ニ ヌ ネノ ハ バ パ ヒ ビ ピ フ ブ プ ヘ ベ ペ ホ ボポ マ ミ ム メ モ ャ ヤ ュ ユ ョ ヨ ラ リ ルレ ロ ヮ ワ ヰ ヱ ヲ ン ヴ ヵ ヶ ? ー ヽ ヾ5. 打V6是希腊字母及上下括号大写ΑΒΓΔ.....至Ω小写αβγδ......至ω上下括号（）〔〕＾〉《》「」『』【】｛｝｜｜6. 打V7是俄文大写和小写大写АБВГ.....至Я小写абвг......至я7. 打V8是汉语现代和古代拼音现代拼音āáǎà........至ɡ古代拼音ㄅㄆㄇㄈ.....至ㄩ8. 打V9是线框如—━│┃┄┅┆┇┈等等.</t>
  </si>
  <si>
    <t xml:space="preserve">六个半月的宝宝咳嗽（好象有痰但咳不出），不发热。怎么办啊昨天开始 </t>
  </si>
  <si>
    <t>用药用护理　　小儿咳嗽如何用药： 　　咳嗽是小儿时期最常见症状，咳嗽可将呼吸道内的异物或分泌物清除体外。 　　儿咳嗽用药应注意： 　　1、在疾病的初期，特别是痰不易咳出时，勿滥用止咳药，否则合痰阻塞在呼吸道内，痰内的细菌得到繁殖机会，反而会使病情加重； 　　2、不适当的使用止咳药也会掩盖病情； 　　3、在医生的指导下服用，如当过频的咳嗽影响孩子的睡眠，甚至引起支气管毛细血管破裂出血时，可以适当应用止咳药，若痰量多不易咳出，同时要用抗菌及化痰的药； 　　止咳药有三大类： 　　1、中枢性止咳药，药物通过抑制咳嗽中枢，使其不能下达咳嗽的指令，这类药物应在医生指导下应用； 　　2、外围性止咳药，对支气管有局部麻醉作用，其止咳作用较中枢性止咳药弱； 　　3、中药类的止咳药多数同时有化痰作用，如杏仁、桃仁等；也有偏于止咳作用的，如百部，宜在痰少咳嗽时应用。 　　当小儿咳嗽时妈妈应注意： 　　1、如果孩子的咳嗽是突然发作，要检查一下她可能吸入了一件小东西，如果吸入了，要设法把它取出来，但不要用你的手指试图去钩异物，以防止将异推进孩子的咽喉深处； 　　2、当他正在咳嗽时，设法帮他把痰从胸腔咳出来。可以让他横向俯卧在你的膝上，然后有节奏地轻拍他的背部，不要太用力。鼓励孩子把咳出的痰都吐到盆中； 　　3、当他正在咳嗽时，要确保他不着凉，否则可能引起支气管炎； 　　4、如果孩子干咳，睡觉前给他喝温热的饮料可以使孩子的喉咙舒适； 　　5、孩子睡觉时可用几个枕头把孩子撑起，以防止分泌出的粘液滴落到他的喉咙。婴儿可在头部的褥垫下放一个枕头； 　　6、让孩子有一个无烟的环境； 　　7、遵照医生的建议给孩子用药，千万别给孩子吃别的咳嗽药，特别是新药。</t>
  </si>
  <si>
    <t xml:space="preserve">我为什么发不了帖 </t>
  </si>
  <si>
    <t>你在发贴时你只需要登录然后进你感兴趣的版面再点发贴就可以了希望你玩的开心</t>
  </si>
  <si>
    <t xml:space="preserve">英语语法中for的问题很多句子里都看到for这个词，但是感觉用法 </t>
  </si>
  <si>
    <t xml:space="preserve">for有很多种用法： 1. 表示“当作、作为”。如: I like some bread and milk for breakfast. 我喜欢把面包和牛奶作为早餐。 What will we have for supper? 我们晚餐吃什么? 2. 表示理由或原因,意为“因为、由于”。如: Thank you for helping me with my English. 谢谢你帮我学习英语。 Thank you for your last letter. 谢谢你上次的来信。 Thank you for teaching us so well. 感谢你如此尽心地教我们。 3. 表示动作的对象或接受者,意为“给……”、“对…… (而言)”。如: Let me pick it up for you. 让我为你捡起来。 Watching TV too much is bad for your health. 看太多有害于你的健康。 4. 表示时间、距离,意为“计、达”。如: I usually do the running for an hour in the morning. 我早晨通常跑步一小时。 We will stay there for two days. 我们将在那里逗留两天。 5. 表示去向、目的,意为“向、往、取、买”等。如: Let’s go for a walk. 我们出去散步吧。 I came here for my schoolbag.我来这儿取书包。 I paid twenty yuan for the dictionary. 我花了20元买这本词典。 6. 表示所属关系或用途,意为“为、适于……的”。如: It’s time for school. 到上学的时间了。 Here is a letter for you. 这儿有你的一封信。 7. 表示“支持、赞成”。如: Are you for this plan or against it? 你是支持还是反对这个计划? 8. 用于一些固定搭配中。如: Who are you waiting for? 你在等谁? For example, Mr Green is a kind teacher. 比如,格林先生是一位心地善良的老师。尽管for 的用法较多，但记住常用的几个就可以了。 </t>
  </si>
  <si>
    <t xml:space="preserve">总是爱说话?控制不了自己?让别人感觉我是一个话痨子?连个女友都没? </t>
  </si>
  <si>
    <t>首先爱说话并非坏事，而且这属于个人气质，带有一定的天生性，估计你是个粘血型的小伙子。强行扭转先不说它的难度，只说有没有必要。花费巨力扭曲天性，不如顺势而为。爱说话也可以代表开朗风趣，有些姑娘更不喜欢三棍打不出个P的木讷人。因此建议楼主改善话题内容，让说的话有趣有意义有文化有知识有素养......多记忆些幽默故事少谈八卦新闻多谈工作内容少谈人事纠纷，诸如此类，以后同事只会觉得你是开心果，上司觉得你热爱工作，谁会说你话痨？说到底，根本在于提高自己各方面的素质才是硬道理。</t>
  </si>
  <si>
    <t xml:space="preserve">通用电气、通用汽车、通用磨房之间的关系是什么？ </t>
  </si>
  <si>
    <t xml:space="preserve">没有关系， 都是自己独立的公司。 因为英文都是用 General 开启， 中文就翻译为“通用“。 </t>
  </si>
  <si>
    <t xml:space="preserve">一区小女PF找俱乐部啦~一区小女PF，33级，技术中等偏上，和同 </t>
  </si>
  <si>
    <t>如果是经常玩3V3的话 一般来说很多俱乐部会收的，除非数据实在太看不下去</t>
  </si>
  <si>
    <t xml:space="preserve">蜗牛有怎样的生活习性？ </t>
  </si>
  <si>
    <t xml:space="preserve">    蜗牛喜欢生活在阴暗潮湿、腐殖质多而且疏松的泥土中。它很怕阳光直射，白天栖息在阴暗的隐蔽处，晚上才出来活动，觅食。    它生活的最适温度为18~30度，在这样的温度下它食欲旺盛，生长发育也最快，60%~90%的空气湿度对它的生长有利。它所处的饲养土ph值以5~7和土内湿度以40%最合适。    蜗牛为素食性动物，喜食白菜、莴苣、青菜、包菜、胡萝卜、甘蔗和瓜果的皮，但不吃草类植物以及葱、蒜、姜、辣椒、韭菜、荠菜等带刺激性的蔬菜和有异味的植物。 </t>
  </si>
  <si>
    <t xml:space="preserve">黄褐斑可以激光治疗吗？会不会反弹？谢谢！ </t>
  </si>
  <si>
    <t>激光可以治疗的,但很快就会反弹.因为只是去了表皮的斑.最好是食疗,身体内部调理好了之后就没问题了.黄褐斑主要因女性内分泌失调，精神压力大，各种疾病（肝肾功能不全，病、糖尿病）等以及体内缺少维生素及外用化学药物刺激引起。对于皮肤的黄褐斑，主要本着预防与治疗结合的方法。调理好女性内分泌环境，保持心情舒畅，积极预防妇科疾病等是预防黄褐斑的有效手段。【注意事项】　　1.防晒！此条非常重要！因为色斑最怕日晒。日光的暴晒或X线、紫外线的照射过多皆可促发色斑，并使其加剧。甚至室内照明用的荧光灯也因激发紫外线而加重色斑，所以可以认为色斑是一种物理性损伤性皮肤病。日晒可使黑色素活性增加致使表皮基底层黑素含量增多，色斑形成。夏季日晒充足，色斑活动频繁，斑点数目增多，色加深，损害变大；冬季日晒较少，斑点数目减少，色变淡，损害缩小。由此可知日晒是色斑发生的一必需因素，所以患者应尽量避免长时间日晒，尤其在夏季。 　　2. 防止各种电离辐射！包括各种玻壳显示屏、各种荧光灯、X光机、紫外线照射仪等等。这些不良刺激均可产生类似强日光照射的后果，甚至比日光照射的损伤还要大，其结果是导致色斑加重。 　　3.慎用各种有创伤性的治疗！包括冷冻、激光、电离子、强酸强碱等腐蚀性物质，否则容易造成毁容！　　4.禁忌使用含有激素、铅、汞等有害物质的“速效祛斑霜”，因为副作用太多！可以造成上百种的副作用！导致严重毁容！　　5、戒掉不良习惯，如抽烟、喝酒、熬夜等。 　　6、多喝水、多吃蔬菜和水果，如西红柿、黄瓜、草莓、桃等。　　7、注意休息和保证充足的睡眠。睡眠不足易致黑眼圈，皮肤变灰黑。　　8、保持良好的情绪。精神焕发则皮肤好，情绪不好则会有相反的作用。　　9、避免刺激性的食物：刺激性食物易使皮肤老化。尤其咖啡、可乐、浓茶、香烟、酒等。吃得越多，老化会越快，引致黑色素分子浮在皮肤表面，使黑斑扩大及变黑。要想从根本上去除黄褐斑，必须从调整内分泌入手。　　导致内分泌失调的原因有很多种，比如情绪、情怀不畅，肝气不得正常疏泄，气滞血淤等，加上每月例假，造成气血流失，也容易引起内分泌失调；失眠；饮食不规律；劳累等生活中的很多因素也都会引起内分泌失调。</t>
  </si>
  <si>
    <t xml:space="preserve">小学6年级数学小明和小亮分别从甲乙两地同时出发相向而行，小明的速 </t>
  </si>
  <si>
    <t>解：小明和小亮速度的比，          原来是  5a：6a=5:6          加速后是           (5a×6/5)：（6a×5/4）=6a：7.5a=4：5           列式   5/11×5/6=25/66                    1-5/11-25/66=1/6                   1/6×7.5a/5a=1/4            35÷（6/11-3/4×4/9）=165（千米）                     答：甲乙两地相距165千米。</t>
  </si>
  <si>
    <t xml:space="preserve">严厉打击外挂严厉打击外挂严厉打击外挂刻不容缓 </t>
  </si>
  <si>
    <t>您好：    对于外挂我们一定会严厉打击的，请您放心。</t>
  </si>
  <si>
    <t xml:space="preserve">如图，一块质量均匀的矩形薄板，正面与反面的颜色不一致，在左上角处? </t>
  </si>
  <si>
    <t>大矩形ABCD中，缺失小矩形EFGH，分别连接两矩形对角线，分别得到交点01、02，过O1、O2作MN，沿MN将大矩形分割成两份，此两份面积相等，所以质量相等。简单说明：因此线分别将两矩形分为相等两份，所以原相等的两份分别减去相等的两份，结果仍相等。</t>
  </si>
  <si>
    <t xml:space="preserve">零食与身体健康为什么有些人吃零食是越来越胖，而有些人是越来越瘦？ </t>
  </si>
  <si>
    <t>零食的质量很差的,如果能不吃就不吃,一天三餐的营养足够了.一定要吃可以吃点糖量低的水果.</t>
  </si>
  <si>
    <t xml:space="preserve">中国的元旦有多少年的历史？元旦有多少年的历史？ </t>
  </si>
  <si>
    <t xml:space="preserve">中国的元旦，据传说起于三皇五帝之一的颛顼，距今已有5000多年的历史。“元旦”一词最早出现于《晋书》：“颛帝以孟夏正月为元，其实正朔元旦之春”的诗中。南北朝时，南朝文史学家萧子云的《介雅》诗中也有“四季新元旦，万寿初春朝”的记载。宋代吴自牧《梦粱录》卷一“正月”条目：“正月朔日，谓之元旦，俗呼为新年。一岁节序，此为之首。”；汉代崔瑗《三子钗铭》中叫“元正”；晋代庾阐《扬都赋》中称作“元辰”；北齐时的一篇《元会大享歌皇夏辞》中呼为“元春”；唐德宗李适《元日退朝观军仗归营》诗中谓之“元朔” 在历法上，人们习惯称地球绕太阳转1周为1年。但是由于地球绕太阳运转没有固定的起点和终点，所以一年的起点和终点都是人为规定的，这就造成了各种历法的不一致。相传“元旦”一词来自我国最早的皇帝之一——颛顼，他规定以农历正月为“元”，初一为“旦”。后来有的朝代对元旦的日期有所变更，但原则上还是以每年的第一天为元旦，如夏代以正月初一为元旦，但商代以12月初一为元旦，而周代又以11月初一为元旦，秦代以10月初一为元旦。直到西汉武帝时，大家司马迁等人重新制定历法，并规定每年正月初一为元旦，从此历代不改。 1911年辛亥革命成功后，决定采用国际通行的公历，于是将农历元旦改为“春节”，而把公历的1月1日称为元旦。新中国成立之时，开始正式使用“公元纪年法”，把每年公历的1月1日定为元旦。 现在，世界上大多数国家把每年1月1日作为元旦，因为他们多采用了国际通行的公历。但也有一些国家和民族由于本地的历法传统及宗教信仰、风俗习惯、季节气候的不同，因而他们的元旦日期也不一样，这也使得这个世界多姿多彩，更显民族的特色了。 公元纪年，也称公历纪年，或和基督纪年。它以相传的耶稣基督诞生年即公元元年作为历史算起，在中国这一年正好是西汉平帝元始元年。以这一年为界，在此以前的时间称公元前多少年，在此以后的时间和公元多少年，或直接称XX年（注意，不能写成公元后XX年）。这就是纪年法 </t>
  </si>
  <si>
    <t xml:space="preserve">请问来利奥利司他减肥片一天吃几次、那如果天天早上空腹吃一粒可以吗 </t>
  </si>
  <si>
    <t>成人推荐剂量为餐时或餐后一小时内服一片。如果有一餐未进或食物中不含脂肪，则可省略一次服药。长期服用奥利司他片的治疗效果（包括控制体重和改善危险因素）可持续。</t>
  </si>
  <si>
    <t xml:space="preserve">我儿四岁,晚上睡觉经常哭叫,一夜要好几次不知为什么我儿四岁了,晚 </t>
  </si>
  <si>
    <t>你的孩子是属于儿童睡眠障碍．足够的睡眠和良好的睡眠习惯对儿童身心健康有重要影响。生理需要睡眠时间与年龄因素密切相关，但睡眠时间长短和深浅，可有个体差异。婴儿及儿童可有多种形式的睡眠障碍，如入睡困难、睡眠不安、梦魇、夜惊、梦行症等。 病因 主要是由于：躯体疾病、饥饿、口渴或过饱、养育方式不当、睡眠习惯不良、精神因素和环境因素等影响。 睡眠障碍的形式：（1）睡眠不安和入睡困难：多见于婴幼儿，睡眠时经常翻动、肢体跳动、反复摇头、无故哭闹、磨牙、讲梦话等。有的不愿上床睡，要抱着走动，或是迟迟不能入睡、浅睡或早醒。 （2）夜惊：常见于2～5岁儿童，一般在入睡后半小时左右发作，表现为突然惊叫、哭闹、惊恐表情、手足乱动、呼吸急促、心跳增快、出汗、瞳孔散大。发作时脑电图出现觉醒的a节律。每次夜惊发作可持续l～10分钟，发作后再入睡，醒后完全遗忘。一般随着年龄增长，夜惊可自行消失。 （3）梦行症：较为常见，往往伴有夜间遗尿。部分患儿有家族遗传史。主要表现为反复出现在入睡后1/2～2小时熟睡中突然坐起或下床活动，意识朦胧不清、东抚西摸、徘徊走路或做些的动作，此时不易唤醒，大约数分钟或半小时后又可安静入睡，事后完全遗忘。 您的孩子是属于第二种形式． 治疗 须了解发生睡眠障碍的原因，采取相应的治疗方法和对策。养成良好的睡眠习惯，规定时间睡觉。避免睡前任意兴奋活动或看惊恐的电视节目，减少学习负担过重。对于梦行症儿童须防止越窗跌伤等意外。对于反复出现睡眠障碍的儿童，睡前可服适量安定或硝基安定，见效可连续治疗1～2周，如睡眠正常后可逐渐停药。学龄儿童可用服小量阿米替林治疗，睡前服12．5～25mg，每晚1次。 药物治疗一定在医生指导下服用，不要自行服用．</t>
  </si>
  <si>
    <t xml:space="preserve">有谁看过《蝴蝶飞飞》电视剧 </t>
  </si>
  <si>
    <t>我看过，我特别喜欢里面的男主角，他好英气鄙人啊很有男人魅力；开头我很喜欢。可结局让我太不满意咯。，</t>
  </si>
  <si>
    <t xml:space="preserve">BB罩子是什么啊？怎样才能有罩子呢？ </t>
  </si>
  <si>
    <t>罩子是天生技能,有2种,神龙罩和乾坤罩．天生技能的ＢＢ多是由抓野生的怪带有,再用归元洗出的.天生技能有很多种 其中罩子和如意比较实用,故较受欢迎,价格也贵.在抓怪的时候随机出现带天生技能的,抓天生技能需要运气,有时候抓很久都抓不到.神龙罩是吸收１次物理伤害，技能升级后可以吸收多次乾坤罩是吸收１次物理伤害并反弹一定的伤害．５０带的乌龙，炎龙，青龙，冰龙，黄龙，６０带的粉衣仙子，７５带的雷怪的天生技能有神龙罩４０带的花妖，６０带的怨鬼，７０带的雨兽，云兽，虹妖带有乾坤罩抓来的天生技能都是１级，在中级以上帮会中可以研发升级</t>
  </si>
  <si>
    <t xml:space="preserve">到底还要不要考研我不知道我该不该考研，现在的我已是大三的计算机系 </t>
  </si>
  <si>
    <t>建议你暂时不要读研了。读研不难，难的是做一个在任何时候都能立足于社会的人。对于计算机系的学生来说，知识更新的太快了，工作中的学习更重要。三年的工作经验足可以和研究生三年的学习相抵了。而工作还可以赚钱，可以补贴家用，积累资历。“万般皆下品，唯有读书高”的旧观念真是愚昧！看到一个下岗夫妇家庭，家里穷成那样了，好不容易供女儿到大专毕业，又考了个专升本，还说要读研。父母负债累累，养着一个小寄生虫。这个是上进吗？是梦想吗？不，是假读书之名逃避责任、逃避社会，只想着自己过安逸的日子，彻头彻尾的自私自利。你的专业找工作不难，公司也很多，中兴、华为、威盛……哪家不可以投，哪家没有几k的工资？如果考公务员，计算机也是要的。关键是要及早准备，不要到毕业的时候再对着白纸样的简历发愁。你现在就应该关注那些就业信息了，看看你差不多可以投哪些公司，他们需要什么样的人才，上各个高校的bbs看就业版，找师兄师姐问他们的笔试面试题来研究，赶快找到自己的欠缺，从现在起努力补上，而不是坐在宿舍空想自己如何找不到工作。有时候出身农村，身在烂校（假设一下），最大的欠缺不是智力和金钱方面的，而是见识不够，资源不足，没有规划，没有牛人给你做榜样，没有人教你该怎么做。跟着一窝蜂的去，考上了还是个书呆子。如果实在有这个梦想，可以如楼上所言，以后报那些会给工资的研究所。研究所和高校研究生院是两回事，大多数高校的理工科研究生都是在给老板打工，学不到什么东西，也赚不到钱，浪费时间和青春，所以千万不要考高校的研究生。</t>
  </si>
  <si>
    <t xml:space="preserve">一开始，道士在哪杀鸡 </t>
  </si>
  <si>
    <t>你是做初级任务吧？一般来说，你接任务的NPC在哪个城市，你就在哪完成任务。如果有不同，系统会特别提示你的。道士出生在失乐园，我想你在失乐园杀鸡就可以了。</t>
  </si>
  <si>
    <t xml:space="preserve">妇科病是怎么得的？我性生活很节制，又不乱搞男女关系，可为什么会得 </t>
  </si>
  <si>
    <t>这些炎症不完全与性生活有关系,比如人工流产留下的创伤及个人卫生等.</t>
  </si>
  <si>
    <t xml:space="preserve">求救！有谁可以帮帮我我要写一篇论文，是关于宪法的热点问题的，谁可 </t>
  </si>
  <si>
    <t>去图书馆啊!</t>
  </si>
  <si>
    <t xml:space="preserve">前国手今何在？请问：前国家女篮主力队员宋晓波现在何方？她和原中国 </t>
  </si>
  <si>
    <t>宋晓波和原中国女篮主教练张大维已经结婚了.小孩已经有了,还是男孩呢!现在已经在中国广州定居了.</t>
  </si>
  <si>
    <t xml:space="preserve">兔年说兔：兔子粘人吗是不是和狗狗一样喜欢和人玩？ </t>
  </si>
  <si>
    <t xml:space="preserve">    最近，我家养了一只小兔子。我给小兔子起了个名字叫：白白，白白最喜欢吃青菜和料，因为养料太贵，所以就买青菜给白白吃，就这样，每天用5角钱买青菜。      白白饿了的时候就张大嘴巴，高兴的时候就跳起来。晚上，白白非要我带它出去玩，要不然，白白就东跑西跑。它全身的毛都是雪白的，长着一双又长又薄的耳朵，连血丝都看得一清二楚；两只红色的眼睛，像两颗红珍珠；嘴巴向上翘，十分可爱；那毛绒绒，圆圆的尾巴像一个小圆球；它的前腿短后腿长，走路蹦蹦跳跳的，速度很快。     白白最让人讨厌的陋习就是——随地大小便。当你欺负它时，它就会毫不客气地把大小便拉在人们刚刚擦完的地板，弄得又脏又臭。小兔有时还很淘气呢！一天，我怀着快乐的心情带着小兔出去玩。忽然，小兔吱吱叫，还到处乱窜，好像对四周的景物不满意。没办法，我就带它去游乐园玩。一到游乐园，小兔东蹿西跳，不一会就跑得没影没踪了。当我急得像热火锅上的蚂蚁——团团转的时候，我发现了一个小绒球背着我，我就跑过去，蹲下去一看：小兔正在扑打着一个像蝴蝶一样的东西，仔细一瞧，原来是小兔和花蝴蝶在玩“相扑”的呢！它一个劲儿往蝴蝶那扑，弄得满身都是泥，但还是没有抓到花蝴蝶。记得有一次，我的周记不知道要写什么，我无意中发现了小兔，所以就观察起它。我才发现它睡觉的姿势与我们人一样，它睡觉的样子好可爱，鼻子总是不停的动着，嘴巴总是发出声音，好象是在打呼噜。我看着看着，不禁笑了起来，自语道：“哦，原来小兔睡觉的样子就是这样啊！”       小兔的吃食习惯更为独特，它偏不爱吃胡萝卜，而是喜欢吃青菜。有一次，我拿了胡萝卜，苹果和青菜这三种东西放在它面前，没想到它居然津津有味地吃起青菜。它非常喜欢吃水果，见它那饥饿的样子，所以我就拿了很多青菜给它吃。没想到，它撑得太饱，竟然呼呼大睡起来。        我家的小兔子真可爱，我喜欢它。</t>
  </si>
  <si>
    <t xml:space="preserve">将在大连呆10天哦，有人帮我推荐一下哪里有好吃的好玩的吗？各种推? </t>
  </si>
  <si>
    <t>其实我也不是很会吃很会玩，就把这两年积攒的一点点经验和你分享一下。吃，其实大连没有什么特色的吃食，如果非得说有，能算吗？但是我个人不是很喜欢吃海鲜。说说我和女友去过的地方吧。在西安路罗斯福有一家开口笑饺子馆，在罗斯福地下一层。而罗斯福外面的街上有一家炭火烤鱼，叫鸣记，打听一下就知道啦。大连最多的火锅店好像是叫翠峰苑，但是相比而言更推荐盖州街附近的蜀九香火锅，隔壁的宽窄巷子也不错，挺正宗的川菜，罗斯福四楼还有个铜锅的东来顺，也挺好。人多的话可以去吃自助餐，罗斯福北走还有个福佳新天地广场，巴味德烤肉自助是你优秀的选择。还有遍布大连的大梁骨头，虽然我没吃过，但是在我的好多吃货朋友的圈子里呼声很高。其实我觉得吃这类事情，具体还是要看各人口味。玩的话，如果你来自内陆城市，海边是不得不去的，推荐星海广场和傅家庄公园，前者是亚洲最大的什么什么广场，后者毗邻大连市森林动物园，老虎滩的海洋馆也不错，虽然我也没去过……如果你是文青，不当一把冤大头去码头十五库喝一杯成本五块售价四十五的奶茶简直就太不像话了！还有就是远近闻名的发现王国。嗯……旅顺那边有个“神龙仙岛”……要是实在闲就去吧，其实大连能玩的东西不是很多，不过推荐你去大学城那里的大学校园走走，理工的梧桐叶又到了满地堆积的时候了。</t>
  </si>
  <si>
    <t xml:space="preserve">哪个给我个激活码啊 </t>
  </si>
  <si>
    <t>激活码 先在都炒的买RMB了~真不知道 官方网站怎么想的还叫我们怎么申请啊~！</t>
  </si>
  <si>
    <t xml:space="preserve">为什么我一进入游戏就显示GKK2.EXE遇到问题需要关闭,谁可以? </t>
  </si>
  <si>
    <t>我也遇到了相同的问题，折腾了一下午终于解决了，问题的关键就是系统必须安装了Direct9.0c（Direct9.0b是不行的），而直接在Direct9.0b上安装Direct9.0c是行不通的。步骤如下：1.在“运行”中键入“dxdiag”查看当前系统所安装的Direct版本，如果不是Direct9.0c（一般安装了WINX2的话都是Direct9.0b），进入步骤2。2.需要从网上下载如下工具：Direct9随意卸，Direct9.0c安装包（要解压到硬盘中），WINXP光盘。3.先运行Direct9随意卸，将系统的Direct卸载，并回滚到Direct8.1版本（需要注册版才能回滚，网上能下到），回滚时需要WINXP安装光盘。回滚完自动重启。4.再次运行Direct9随意卸，选择“备份/回滚”中的“为你的系统安装Direct9.0c”，选择Direct9.0c安装包解压后的目录，这时Direct9.0c将自动进行安装，安装完成后自动重启。5.重启后再看看你的Direct版本，是不是已经变成Direct9.0c了？呵呵，现在运行游戏就不会出现这样的问题了！（其实说白了就是要将你的系统先安装Direct8.1，然后再升级到Direct9.0c，手段随意。）PS：跑跑卡丁车也有类似的问题，必须安装Direct9.0c，否则运行出错。</t>
  </si>
  <si>
    <t xml:space="preserve">已知数列{an},a1=1,an＞0,(n+1)×[a(n+1)? </t>
  </si>
  <si>
    <t>(n+1)×[a(n+1)]^2-n×(an)^2+a(n+1)×an=0分解因式得：[(n+1)a(n+1)-nan][a(n+1)+an]=0又an＞0，所以有：(n+1)a(n+1)-nan=0即{nan}为常数列，nan=a1=1所以得：an=1/n</t>
  </si>
  <si>
    <t xml:space="preserve">开机显示器不显示今天打开机箱清理了一下灰尘CPU显卡电源我都拆下 </t>
  </si>
  <si>
    <t>要换一下思维模式。没显示不一定是的问题，而且多数不是。此类严重故障，范围一般在 电源，主板，CPU散热，内存，显卡。例如：电源供电不足，电压不稳定。CPU过热，主板自我保护。主板供电模块问题，PCI插槽故障。内存故障、插接不良、显卡故障、接插。。。。。既然懂得用替换法更换显示器，那么这五个核心部件应该是先检验的对象。检查时恢复CMOS默认值；不要超频；尽量不要接光驱，硬盘，网卡，声卡等，使用最小硬件法测试：CPU、主板、内存、显卡、显示器和电源。可能性1:估计是你机箱后面的显示器连接机箱的线松了,把它重新拔下来,再接上去,把两边的螺丝扭紧.期间顺便检查一下插槽里面的插针是否有弯掉或者断掉的情况.可能性2:估计是灰尘引起的短路,用小的毛刷子彻底清扫一下你的主板.包括显卡表面,网卡表面,总之不要放过每个角落.顺便把主板上的每个连接主板的连接线都插插紧.可能性3:那就是的显卡爆掉了,别和我说奇怪,无声无息中爆掉很正常的.其实,我的电脑也和你一样,显示器保证没坏,但开机就是没反映,而且我还比你严重,连时间都是乱的,每次都要调好,有人和我说是主板坏了,要换,但是我发现虽说这样,但是按一下总开关之后,等主板和硬盘启动后,再按下面小的开关(俗话说热启动),显示器还是会启动的.就是麻烦点,但是当我有次把没满是灰尘的网卡弄下来之后,竟然全好了,虽说一个月之后又老样子了.....所以我怀疑自己的主板是灰尘太多引起的,但是懒的清洁,所以到现在还是这样</t>
  </si>
  <si>
    <t xml:space="preserve">钻孔灌注桩桩间距过小有什么危害？ </t>
  </si>
  <si>
    <t>规范的要求是小于2倍的桩径的桩间距，施工是必须跳桩施工这是因为在施工时，会改变地下土的侧向压应力，从而对在一定的范围内的桩产生挤压应力，容易造成断桩的可能</t>
  </si>
  <si>
    <t xml:space="preserve">进网络银行一输入密码就死机进农业银行一到用软键盘输入密码的时候前 </t>
  </si>
  <si>
    <t>先检查电脑是否运转正常，如果没有问题1、注意一下是不是输入状态不对，大小写是否不对2、输入时要等到界面完全正常了再输入3、输入时不要太快</t>
  </si>
  <si>
    <t xml:space="preserve">...溶液（1+4）是什么意思？ </t>
  </si>
  <si>
    <t>一体积的浓溶液加4体积的蒸馏水，比如1＋4的盐酸就是指以1体积浓盐酸与4体积蒸馏水混匀所得的盐酸溶液。</t>
  </si>
  <si>
    <t xml:space="preserve">怎么删除密码？我在BIOS里面设置了密码，但是现在一进入COMS </t>
  </si>
  <si>
    <t>需要专业人士帮你改，自己最好别弄。</t>
  </si>
  <si>
    <t xml:space="preserve">不能进入斗地主频道 </t>
  </si>
  <si>
    <t>有什么提示信息吗？首先要下载才能进入哟如果某个厅馆不能进，换一个试试</t>
  </si>
  <si>
    <t xml:space="preserve">南浔有早教中心吗？谁可以告诉我！ </t>
  </si>
  <si>
    <t>南浔乐贝儿早教信息咨询中心,电话:0572-3013226湖州南浔乐贝儿早教信息咨询中心湖州市南浔镇象门街14号南浔有倍乐园早教中心的，在适园路倍乐园早教中心的,在适园路南浔镇象门街14号</t>
  </si>
  <si>
    <t xml:space="preserve">人没有人知道会不会`合区啊?听说年低~wx要放弃魔力的代理那会不 </t>
  </si>
  <si>
    <t>是网星和大宇分了好不好还是网星代理！！！！！要是来个像华义那样的代理我就不完了！！！！！！！！！！！！！！！！！！！！还是网星网星第一阿！！！！！！！！！！！！！！！！！！！！！！！！！！！！！！！！！！！！！！！！！！！！！！！！！！！！！！！！！！！！！！！！！！！！！！！！！！！！！！！！！！！！！！！！！！！！！！！！！！！！！！！！！！！！！！！！！！！！！！！！！！！！！！！！！！！！！！！！！！！！！！！！！</t>
  </si>
  <si>
    <t xml:space="preserve">魔甲得材料松材在哪弄新手不知道咯·呵呵 </t>
  </si>
  <si>
    <t>松树枝材料 你可以按L键有个矿物分布，在里面找到松树枝的坐标，然后把坐标输入到小地图左下有个“←”里面，把坐标保存为松树枝，右键点击可以自动跑过去，一直留着，下次你再开的时候就方便多了</t>
  </si>
  <si>
    <t xml:space="preserve">什么是倒角机??有什么用的 </t>
  </si>
  <si>
    <t>你好！非常高兴回答你的问题。简单地说，倒角机就是用于机械工件及金属板的倒角。倒角厚度大小可调，比起传统的手砂轮机倒角更加方便，角度精细准确，操作简单，能提高工作效率，降低成本。适用于模具、模架倒角加工，机床床身加工，钢铁加工，金属板材倒角，机器设备倒角等，广泛应用在钢铁、钢结构、模具、金属加工、五金零件制造等行业。</t>
  </si>
  <si>
    <t xml:space="preserve">乙肝病毒表面抗体呈阳性可以喂养母乳吗 </t>
  </si>
  <si>
    <t>可以喂养，表面抗体阳性证明你有抗体，不会感染乙肝的。但如果你不放心，你可以到医院抽血做一个“乙肝五项”检查，你就放心了。</t>
  </si>
  <si>
    <t xml:space="preserve">DNS服务器是什么？有什么用途？ </t>
  </si>
  <si>
    <t>域名解析服务器.平常我们上网访问网站是通过 域名来实现的. 而其实在网络中.IP地址才是门牌号码. 我们通常问 科技大厦怎么走.  然后警察叔叔告诉你XX路.警察叔叔就可以看做是DNS服务器。 他存储着各个域名解析到的地址. 我们就可以通过域名来访问了..而不是烦琐而没有规律的IP地址了</t>
  </si>
  <si>
    <t xml:space="preserve">冰封王座1.20的在哪下```我下的不能玩```谁能给个完全版的 </t>
  </si>
  <si>
    <t xml:space="preserve"> 这个网址下载的是最完整的Warcraft3.需要使用eMule下载.</t>
  </si>
  <si>
    <t xml:space="preserve">华农的动物医学如何？还有报提前批好还是普通好！？提前一批还是就一 </t>
  </si>
  <si>
    <t xml:space="preserve">    华农的动物科学属于华农的强势学科，一般在提前批的专业都是实力比较强的专业。590第一志愿填报的话应该没问题。论好坏的话，提前批和一批一样好。无论是提前批还是第一批，开学以后都是需要体检的...动物科学要看报考指南，如果第一批有的，就也可以在第一批报，提前批的录取不影响第一批....     希望可以帮到你...</t>
  </si>
  <si>
    <t xml:space="preserve">请问：怎么样才能激起一个人的上进心。我是一名大2的学生，经过了2 </t>
  </si>
  <si>
    <t>未来！将来！这些想过么？如果不愿意想这些，或者是走到哪算哪，那就这么轻松下去好了！你父母现在为你所做的一切，并不是为了他们自己，而都是为了你！你自己现在所有的所作所为也都是为了你自己，明白么？如果对自己都不打算负责任，那将来就很难说了！还是多看一下周围的世界，多去认识一下这个世界，看看人们都是怎么工作、生活的，多对比一下，相信你能从中悟出一点东西来的！</t>
  </si>
  <si>
    <t xml:space="preserve">SS怎么打DZ?我是天赋27/34的恶魔SS,但不知道怎么打DZ </t>
  </si>
  <si>
    <t xml:space="preserve">1对1如果你是LM 你就更别想了,除非你的操作非常BT或是那个贼操作太太太垃圾...现在BL  亡灵贼最多 你恐他 他肯定就意志了,之后6秒你躺下了还有你被晕了,用徽章解除，之后你就该被致盲了我觉得SS 能赢贼的希望也只有恶魔守卫了...本人玩过SS+DZ 很权威 </t>
  </si>
  <si>
    <t xml:space="preserve">传统文化需不需要保护保护传统文化 </t>
  </si>
  <si>
    <t>不用保护。需要保护的传统是失去了生命力的传统文化，已经没有必要为它们的消亡而感到惋惜，更没有必要花纳税人的钱去保护这些被现今多元化竞争中所淘汰出局了的东西。那些不适应时代发展要求的传统自动的退出舞台是其自身的发展规律，不会因为受到保护而得到苟延残喘的。另外，那些适应时代发展并能自我传承和创新，依旧表现出强大生命力的传统更不需要一厢情愿的保护，也不需要杞人忧天，因为它们不需要任何保护就能够与时代相结合，不断地发展与创新去适应时代的要求，满足人们不断增长的物质精神文化需求，成功地立于世界多元文化上。因此，传统文化不需要保护，而继续违背客观事物发展规律的，试图去改变现实的人只能说是在玷污传统文化，没有理解和领悟到传统文化的真正意义。   传统文化具有自身的发展规律，不能背离了规律，去按照人的意志随意改变传统文化的变化。所谓的传统文化可以说是包罗万象，迂阔乾坤，因此我们应该分清传统文化的精华和糟粕，做好对传统文化的扬弃，而不是以偏概全地认为所有的传统文化都该继承和发扬。值得一提的是，很多人都只注重那些传统文化的表现形式，而忽略了其内在本质，从而导致了一些可笑的“保护行为”，并还有一大批追随者跟着犯傻，热衷于高谈保护传统文化的行为中。例如，现在看京剧和地方戏剧的人是越来越少，为此很多人高调地打着保护传统文化的旗帜，脑残般地妄图号召所有的中国人都关了电视和电脑，扔下手中的MP3，走出影院，统统地坐在国家大剧院里一起看武生翻筋斗，听花旦细声细语，这难道不是历史的倒退吗？众所周知，中华上下五千年的文明在每段时期都有自己的文化代表，如唐诗宋词元曲等等。而戏剧是经过地方话剧戏曲和民歌演变过来的，到京剧的出现时，发展到了顶峰，并影响至今（确切的说是残留至今），因此，面对今天戏剧的冷门，很多人都难免有点“想不开”了。但是，了解戏剧诞生的缘由后，就没有必要感到奇怪了。在自给自足的封建社会里，农闲的时候不管是劳动人民还是统治阶级都有大量空余时间，为了打发生活的寂寞空虚，于是逐渐兴起了话剧戏曲等来满足人们的需要。而如今，物质精神文化都得到了高速发展，谁还愿意把大量宝贵的时间浪费在听老旦说一句话就要半天工夫的戏剧上呢。很显然，戏剧已经不能满足人们的需要了，已经不适应时代的要求。正所谓“物竞天择”，跟不上时代步伐的它们只能是灭亡，被新事物所取代，说到底没有理由去保护它们。    每当与人谈及中华传统文化时，每个炎黄子孙都会为悠久的历史而洋洋得意、自豪不已，然而，可悲的是有一部分在对待传统文化上陷入了误区，没能辩证地看问题，而是一度成为“形而上学”的实践者，还固步自封天真地认为自己是“爱国主义者”，理由是他们“热爱”传统文化，抵制“低俗”的外国文化入侵。与其说他们是“爱国主义者”，还不如说他们是“狂热”的极端主义者。近日，关于他们所谓的爱国行动早已让各大论坛“爆吧”了，比如刚过去的“69”圣战。对此我只能说，中国的传统文化不需要保护，不需要排斥外来文化，更没必要担惊受怕。在对传统文化强度“发烧”时，我们更应该冷静下来，好好认识其本质，而不是抢着赶时髦的顺风车一路高歌着保护传统文化的“伟大”口号。   现在有很多人都提出要抵制外来文化的侵略，如抵制日本动漫、韩国热歌劲舞和美国大片之类的。对此，我实在是忍不住发笑，遥想当年我大唐盛世时，全国上下穿胡服、唱胡歌、弹胡琴、骑胡马、吃胡食的胸襟都到哪里去了？大唐之所以能在当时领先于世界，我想不会是单靠自身建设就能实现繁华的吧，能放眼五湖四海，取各国之长为我所用才是发展之道。引进一点外国的娱乐文化就上升到文化侵略，这只能说明两点：一是这些娱乐文化充斥了中国的民族娱乐产业，竞争不赢别人就只好拉着一帮“愤青”们，打着“爱国主义”的旗帜，浩浩荡荡地煽动起一场场抵制外来文化入侵的运动；二是被煽动的无知“愤青”们对中国传统文化的强大生命力也太没有信心了吧，难道凭几部日本动漫和美国大片加上几首韩国热歌就能撼动中国文化的根基，那用了五千多年建设的文明岂不成豆腐渣工程了？   放眼全球，如今我们需要向国外学习的东西很多，洋务运动的失败早就告诉我们不能单单学别人的科技，国外优秀的文化也是值得我们去学习的。学习外国，不代表就是崇洋媚外，吸取别人优秀的一面并与国内实际相结合才是对中国文化做贡献。那些成天呐喊着保护传统文化的人，只能是不承认矛盾，掩盖矛盾，根本就没有认识到事物的本质规律。传统文化的真正意义是适应时代要求，满足人们的需要，正如儒家文化在今天依旧具有强大的生命力一样。只有人们需要的传统文化才有存在的价值，传统文化的产生、发展和消亡都有自身的规律，它们不需要保护。</t>
  </si>
  <si>
    <t xml:space="preserve">阴影的改图好不好打啊？1套要多少钱？各张图都什么价？ </t>
  </si>
  <si>
    <t>请注意问题，是阴影的改图，正确名称是兔耳吓人箱子怪改造图差不多25W/张是很正常的</t>
  </si>
  <si>
    <t xml:space="preserve">骨质增生症状骨质增生的症状是什么?详细点?有22岁的人得过吗? </t>
  </si>
  <si>
    <t>首先我可以肯定地告诉你---22岁，不可能长骨刺！因为长骨刺是一种慢性的疾病，和岁数有很大的关系，一般常见于50岁左右及50以上岁数的老年人，这是一种人在正常生长过程中自然退变的一种表现！而且发病的部位很不相同，有在脊柱上的、在髋关节上的、在膝关节上的、手上的，等等。而且分类很多，所以所表现出来的症状也很不一样，但都有一种共同的表现：疼痛。你要是觉得自己的脊背有僵直、活动受限的感觉，那很有可能得了强直性脊柱炎！因为这种疾病好发于青年男性，一般发病在15岁以后，20~40岁多见。起病缓慢，表现为不明原因的腰疼，还有腰部僵硬感。行走和活动以后减轻。以后腰痛逐渐向上发展，胸椎和胸肋关节也出现了僵硬的症状。伴有剧烈的疼痛，有时还肋间神经痛。病程可达10余年。其间还有缓解期，但是数月或者数年以后又能复发。病变常累及脊柱、骶髂关节、髋关节，有时还能累及膝关节。但是手、足关节受累的病例很罕见。</t>
  </si>
  <si>
    <t xml:space="preserve">4岁小孩鼻子有红色肉球你好大夫，一个多月前我看到小孩子右边鼻孔有 </t>
  </si>
  <si>
    <t>你看到的应该是下鼻甲前端。建议用内舒拿鼻喷剂试试。</t>
  </si>
  <si>
    <t xml:space="preserve">孩子体重身高不达标孩子五个月，还没有十二斤，每次体检都不达标，发 </t>
  </si>
  <si>
    <t>出生体重？</t>
  </si>
  <si>
    <t xml:space="preserve">美国的第一艘航空母舰名称?原来是做什么的?它的名字是什么意思?( </t>
  </si>
  <si>
    <t>你好！1。名称是兰利号（CV-1）2。原来是美国的“木星”号船。是运输煤炭的。3。是美国物理与天文学家、航空先驱——塞缪尔·皮尔庞特·兰利博士</t>
  </si>
  <si>
    <t xml:space="preserve">新视野大学英语光盘在Mac上打不开怎么办呀求解呀！苹果的系统太坑? </t>
  </si>
  <si>
    <t>有些光盘不支持MAC OS就只有使用windows的，不想安装windows，可以使用虚拟机临时调用一下吧</t>
  </si>
  <si>
    <t xml:space="preserve">友情提醒：11120期足彩明天截止销售。 </t>
  </si>
  <si>
    <t>对啊，这期就是明天止售</t>
  </si>
  <si>
    <t xml:space="preserve">小学数学作业帮助（五年级）女生人数是男生人数的5/7,女生人数是 </t>
  </si>
  <si>
    <t>女生人数是男生人数的5/7,女生人数是全班人数的(5/7)/(1+5/7)=(5/7)/(12/7)=5/12</t>
  </si>
  <si>
    <t xml:space="preserve">用123456这六个数字组成没有重复数字的四位数，是9的倍数的共? </t>
  </si>
  <si>
    <t>一个数如果是9的倍数，需要且只需要其各位数字之和为9的倍数。现在1+2+3+4+5+6=21,所以3+4+5+6=18,所以任何其他的四个数字小于18，但1+2+3+4=10&gt;9,所以唯一的四个数字之和为9的倍数的只有3+4+5+6一种可能。因此总共有4！=24个数字为9的倍数。</t>
  </si>
  <si>
    <t xml:space="preserve">刚学会开车,想买个10万以内的车10万元以内的车,比较适合新手开 </t>
  </si>
  <si>
    <t>从安全说建议POLO车,有小钢炮之称.如果是学生,207,佳年华等也不错</t>
  </si>
  <si>
    <t xml:space="preserve">金山毒霸6,挂不上了!正版金山毒霸5,升级到金山毒霸6.使用一直 </t>
  </si>
  <si>
    <t>重装吧，有时就版本用长了也这样</t>
  </si>
  <si>
    <t xml:space="preserve">现代的一颗核弹头的杀伤半径是多大？谢谢 </t>
  </si>
  <si>
    <t>直接杀伤半径不会超过5公里，但附带损伤和后期的放射性沾染就大了去了，从十几到几十甚至上百公里不等。与当地地形地貌和当时的气候条件有关。</t>
  </si>
  <si>
    <t xml:space="preserve">新年新气象！！从07012期开始，上传本人实买单。与爱问的朋友一 </t>
  </si>
  <si>
    <t>好,新年新气象,一起上传实买单.</t>
  </si>
  <si>
    <t xml:space="preserve">曲克城科克城VS沙洛克流浪严重提示这场有冷。。冷意十足！买外围或 </t>
  </si>
  <si>
    <t>如果比分当然要包一下，但如果是外围平手盘，难道你会买沙洛克流浪么？两边都包就没意思了。个人觉得这场球曲克城不败的机会大很多。</t>
  </si>
  <si>
    <t xml:space="preserve">辚辚声急。（打一国产故事片名） </t>
  </si>
  <si>
    <t>车轮滚滚</t>
  </si>
  <si>
    <t xml:space="preserve">校园网络安全令人担忧，怎么加强监管 </t>
  </si>
  <si>
    <t>我是企业的网管，我用过网猫，真的还算不错，技术支持也很周到。你给个电话你详细联系下吧，他们会告诉你你想知道的。0592 5602020</t>
  </si>
  <si>
    <t xml:space="preserve">我在5173挂物品时候为什么一直提示我尊敬的客户：请务必写明交易? </t>
  </si>
  <si>
    <t xml:space="preserve">尊敬的客户:    您好！5173客户服务002很高兴为您服务！    根据您提供的信息分析，由于您出售的信息描述上不够清楚，导致无法发布成功。    如需帮助或投诉，请与我们客服中心联系，客服中心服务热线：0579-83225173 。真诚感谢您一如既往地对我们工作的大力支持与帮助!                                                 </t>
  </si>
  <si>
    <t xml:space="preserve">请问法师：戒律中规定的两种病一是固病，另一种是什么名称？顶礼济群 </t>
  </si>
  <si>
    <t>一是故病，一是新病。</t>
  </si>
  <si>
    <t xml:space="preserve">没有牙根，可以不动旁边的好牙就镶上牙吗？我的门牙坏了一颗，必须要 </t>
  </si>
  <si>
    <t>可以的，你可以镶活动带挂钩的，挂到两边的牙上，对牙没有损伤，价格也便宜，建议到技术、信誉好的口腔医院或牙科诊所。</t>
  </si>
  <si>
    <t xml:space="preserve">怎样点西餐菜点西餐的详细的顺序是什么啊？汤、冷菜、热菜还有饭点的 </t>
  </si>
  <si>
    <t xml:space="preserve">　 正式的全套西餐上菜顺序是：①前菜和汤②鱼③水果④肉类⑤乳酪⑥甜点和咖啡⑦水果，还有餐前酒和餐酒。没有必要全部都点，点太多却吃不完反而失礼。稍有水准的都欢迎只点前菜的客人。前菜、主菜（鱼或肉择其一）加甜点是最恰当的组合。点菜并不是由前菜开始点，而是先选一样最想吃的主菜，再配上适合主菜的汤。   1、头盘 　　 西餐的第一道菜是头盘，也称为开胃品。开胃品的内容一般有冷头盘或热头 盘之分，常见的品种有鱼子酱、鹅肝酱、熏鲑鱼、鸡尾杯、奶油鸡酥盒、局蜗牛等。因为是要开胃，所以开胃菜一般都具有特色风味，味道以咸和酸为主，而且数量较少，质量较高。 2、汤 　　 与中餐有极大不同的是，西餐的第二道菜就是汤。西餐的汤大致可分为清汤 奶油汤、蔬菜汤和冷汤等4类。品种有牛尾清汤、各式奶油汤、海鲜汤、美式蛤蜊周打汤、意式蔬菜汤、俄式罗宋汤、法式局葱头汤。冷汤的品种较少，有德式 冷汤、俄式冷汤等。 3、副菜 　　 鱼类菜肴一般作为西餐的第三道菜，也称为副菜。品种包括各种淡、海水鱼类、贝类及软体动物类。通常水产类菜肴与蛋类、面包类、酥盒菜肴品均称为副菜。因为鱼类等菜肴的肉质鲜嫩，比较容易消化，所以放在肉类菜肴的前面，叫法上也和肉类菜肴主菜有区别。西餐吃鱼菜肴讲究使用专用的调味汁，品种有鞑 靼汁、荷兰汁、酒店汁、白奶油汁、大主教汁、美国汁和水手鱼汁等。 4、主菜 　　 肉、禽类菜肴是西餐的第四道菜，也称为主菜。肉类菜肴的原料取自牛、羊 猪、小牛仔等各个部位的肉，其中最有代表性的是牛肉或牛排。牛排按其部位又可分为沙朗牛排（也称西冷牛排）、菲利牛排、 "T"骨型牛排、薄牛排等。其烹 调方法常用烤、煎、铁扒等。肉类菜肴配用的调味汁主要有西班牙汁、浓烧汁精 、靡菇汁、白尼斯汁等。 　　 禽类菜肴的原料取自鸡、鸭、鹅，通常将兔肉和鹿肉等野味也归入禽类菜肴。禽类菜肴品种最多的是鸡，有山鸡、火鸡、竹鸡、可煮、可炸、可烤、可焖，主要的调味汁有黄肉汁、咖喱汁、奶油汁等。 5、蔬菜类菜肴 　　 蔬菜类菜肴可以安排在肉类菜肴之后，也可以与肉类菜肴同时上桌，所以可 以算为一道菜，或称之为一种配菜。蔬菜类菜肴在西餐中称为沙拉。与主菜同时 服务的沙拉，称为生蔬菜沙拉，一般用生菜、西红柿、黄瓜、芦笋等制作。沙拉 的主要调味汁有醋油汁、法国汁、干岛汁、奶酪沙拉汁等。 　　 沙拉除了蔬菜之外，还有一类是用鱼、肉、蛋类制作的，这类沙拉一般不加味汁，在进餐顺序上可以做为头盘食用。 　　 还有一些蔬菜是熟食的，如花椰菜、煮菠菜、炸土豆条。熟食的蔬菜通常是与主菜的肉食类菜肴一同摆放在餐盘中上桌，称之为配菜。 6、甜品 　　 西餐的甜品是主菜后食用的，可以算做是第六道菜。从真正意义上讲，它包 括所有主菜后的食物，如布丁、煎饼、冰淇淋、奶酪、水果等等。 7、咖啡、茶 　　 西餐的最后一道是上饮料，咖啡或茶。饮咖啡一般要加糖和淡奶油。茶一般 要加香桃片和糖。 </t>
  </si>
  <si>
    <t xml:space="preserve">注册会计师与会计的博士哪个水平高考过6+1拿到cpa全科证书的水 </t>
  </si>
  <si>
    <t>严格来说，不可比，一个是执业资格，一个是学位；就专业知识水平来说，CPA相当于硕士水平，达不到博士水平；就工资待遇来说，不能确定；就含金量来说，博士的含金量＞CPA＞硕士</t>
  </si>
  <si>
    <t xml:space="preserve">关于黑暗精灵战士的练法！我是黑暗精灵的法师，现在17级，24w天 </t>
  </si>
  <si>
    <t>你是法师还是战士？为什么是青铜套还有合金弓？要是法师的话，按照你现在是17级，要是只是想升级的话，你的装备现在应该换上奉献套装，还有武器应该是祝福的十字架或者巫毒人偶，头盔是皮头盔。至于剩下的装备最好的普顶装备全上。你现在可以去打风精灵，地点在中立地带北面的一块区域，可以在黑精村直接传送到那附近，记的就在中立地带的最北面的那一块区域。一直练到20转职没问题。不过我不知道你是否是法师。假如是战士的话，现在你可以在沼泽地带打蜘蛛，至于黑魔法学院暂时还是不要去了，因为没有法师你一个人去还是有点不安全，假如不想在新手村继续玩的话，你也可以去悲哀废墟玩，但是还是小心为好，假如有条件的话最好是吃着蛋打，那样危险性会小一点。但是我还不清楚你到底是战士还是法师，要是是法师的话，转职后可以继续问我。另外在就是你的技能学习，建议你学完狂风之后优先学习精通武器和护甲。好了，就这些了，以后问问题请说清楚。希望你玩的开心！</t>
  </si>
  <si>
    <t xml:space="preserve">腹部（胃部）锻炼问题本人较瘦但腹部较大（胖）（主要是胃部有一定的 </t>
  </si>
  <si>
    <t>肾太弱了，用无限极中草药产品来调理。需咨询电0757-26244653何医生。</t>
  </si>
  <si>
    <t xml:space="preserve">球面上有五个同种等值电荷，问势能最底时怎样排列球面绝对绝缘，光滑 </t>
  </si>
  <si>
    <t>设球面为：x^2+y^2+z^2=1,五个同种等值电荷球面上的A=(1,0,0),B=(-1,0,0),C=(0,1,0,),D=(0,-1/2,√3/2),E=(0,-1/2,-√3/2).1。显然B对A的力垂直球面，C，D，E对A的合力垂直球面。所以A受的力垂直球面。同理B受的力垂直球面。2。显然A，B对C的合力垂直球面，D，E对C的合力垂直球面。所以C受的力垂直球面。同理D，E受的力垂直球面。</t>
  </si>
  <si>
    <t xml:space="preserve">我想自杀我用手一呼噜脑袋就能掉下5.6根(只要一呼噜就掉)``我 </t>
  </si>
  <si>
    <t>你越烦掉的越多,最好到医院.</t>
  </si>
  <si>
    <t xml:space="preserve">手机数据线连接电脑没反应我手机是联想s680,连电脑手机没反应只 </t>
  </si>
  <si>
    <t>可能是USB驱动程序损坏，你可以尝试卸载驱动，然后再安装一次。或者换个USB接口尝试一下。</t>
  </si>
  <si>
    <t xml:space="preserve">请问看到法师去自杀N次我问他做什么他说刷及后就没说谁能告诉我他做? </t>
  </si>
  <si>
    <t>沙发呀!我来说吧,法师自杀是为了降到125左右,因为想练到高级别的号,就必需用小号来带,125-127的法师带练是最好不过的,不然你上到150级,你自己打累死你.小法打一个怪你可以吃经验0.01,你要是自己打,30个可能吃0.01,自己算算吧,为什么法师要自杀了.</t>
  </si>
  <si>
    <t xml:space="preserve">闪露－润体护肤乳求真货。不知道哪个商城网站买比较放心！ </t>
  </si>
  <si>
    <t>我现在都不怎么敢到淘宝网购物了，现在吃的用的都不敢上淘宝！淘宝网上实在是太多骗子了，都是个体营业的，我现在网上购物的话一般都在象象网，货的确很好！价格也很合理，最主要的是有保障，你说的这个象象网应该是有的。希望可以帮上您。</t>
  </si>
  <si>
    <t xml:space="preserve">专利号查询1441.1真实性是否可靠 </t>
  </si>
  <si>
    <t>这个是一个外观专利所谓的外观设计 ，一般即是指工业产品的外观（广义的工业）本身不是技术设计（不涉及技术特征）外观设计其实是一种美术、或者说是一种美感的设计。外观设计的保护期限为10年。200730101441.1 这个号码的2007年标示是2007年申请的（在中国）3表示类型即 外观设计我到专利局查了一下，该申请还没有（公布），网站查不到，这就是说目前还没有授权，属于申请（审批）中。当然，也可能是授权了（但这个网站会有一点点的时间差）因为中国的申请号（申请审批阶段使用）和专利号(授权、合格后）使用）是同一个号码。所以，200730101441.1目前只能认为是申请号，还没有批准授权。如果，你要买卖这个专利（目前转让的是专利申请权，还不是专利权）1、 核实其 “受理通知书”2、还要向专利局办理，变更登记当然，外观专利的审批较快，我做的发明01年的申请还没有批下来。所以，也可以等到授权后，购买。当然，这个时候（授权后）你得到的专利证书上的名字，就不是你了。价钱可能也贵。（就讲这么多吧，这是个营销战略，需要具体分析）</t>
  </si>
  <si>
    <t xml:space="preserve">你认为在"爱问"里付出的智慧和时间值得吗?几个问题是不是太严肃了 </t>
  </si>
  <si>
    <t>无所谓什么值得、不值得的。不过，在心里常常会有一种想法，如果能把花在爱问上的时间花在正儿八经的事情上，那该有多好啊。在这里，能找到快乐，拓宽视野，学点知识，已经不错了。个人感觉在这种论坛、问答平台中，爱问是最具魅力的一处，所以她才这样让我恋恋不舍。</t>
  </si>
  <si>
    <t xml:space="preserve">地图上发光区域是做什么的?地图上经常能见到几个石雕围起来的区域, </t>
  </si>
  <si>
    <t>飞天降落点</t>
  </si>
  <si>
    <t xml:space="preserve">草莓天使!你给我进来!!!草莓天使～～～你给大家解释下你经常到J </t>
  </si>
  <si>
    <t>等你60了装备也好了，偶然间看到她，杀完再守她尸体..那感觉....简直爽死了..哈哈~我5区一小贼,曾守过一战士3小时(我小号时杀过我)~哇咔咔~</t>
  </si>
  <si>
    <t xml:space="preserve">大概预算18万全办下来，选择什么车好？家用，上下班代步，第二辆车? </t>
  </si>
  <si>
    <t>我只推荐两个：1、蓝瑟翼神，上下班都很拉风！2、速腾1.6 性能和空间都不错。</t>
  </si>
  <si>
    <t xml:space="preserve">我想出家，不知哪里可以接收我呢我今年33岁了，男，本科。单身。很 </t>
  </si>
  <si>
    <t>0311-114查询石家庄柏林寺！位居高品！意接虚空！</t>
  </si>
  <si>
    <t xml:space="preserve">格斗士怎么加点？本人菜鸟~请问各位~格斗士最好的加点方式是什么？ </t>
  </si>
  <si>
    <t>一般  而且普遍  还很适用的是  满攻   100敏 其他血还有几种   100攻 满血  100敏  这种没什么用  就是打不死  可是给队伍没太大的 利处   （要这么练 还不如练忍呢  起码还有个暗杀）  也有满敏的   这也没什么太大用处   现在格斗能穿闪装   和弓差不多  即使100敏 闪的效果也是不错的还有其他几种   我就不介绍了 格斗的+点和他的技能是分不开的    总共有6个得意技 和2个必练的阳炎是必练的  练了也没用  除非你有很大的耐性 可是你不是忍 忍烧到10都很费劲 何况是你  忍使用1次相当你4次  所以没必要练 而且你有闪装 用不到这个 弹 这个是你必练的  也是格斗为什么选这个职业的原因    以后这个技能是满攻的原因   现在出来攻240理论  但现在有了变身 还有   你们攻240理论打出来的和满攻用回力镖的差不多  而且他们不费魔 还有崩击  也体现你攻的表现 虽然没武器  但给防御敌人3。99倍 相当于4倍打出 这比重装还要强的多     所以我 推荐满攻       明净是你得意技  也就是说 你的血也不能少  但不用满血用不到那么多   其他也没必要介绍了     最后我推荐为  满攻  100敏   剩下血 如果 你喜欢练反击的话 适当+点防  也免的 你防具耗的太快</t>
  </si>
  <si>
    <t xml:space="preserve">还有2005年就在爱问的朋友吗？进来报个到 </t>
  </si>
  <si>
    <t>事态变迁 人走茶凉啊    我是2008的 呵呵</t>
  </si>
  <si>
    <t xml:space="preserve">求介绍好听的歌。。��� </t>
  </si>
  <si>
    <t>愿得一人心     微笑     续集    history     十年    千分之一     档不住太阳    入阵曲‘’‘’‘</t>
  </si>
  <si>
    <t xml:space="preserve">有没有一款软件是专门学习英语的,比如打一个单词上去就会发音那种,? </t>
  </si>
  <si>
    <t>金山词霸，大名鼎鼎</t>
  </si>
  <si>
    <t xml:space="preserve">妖精的技能怎么学？哪些技能是一定要满级的？第一次玩妖精不知道哪些 </t>
  </si>
  <si>
    <t>法术　变身　　任一学全　　荆棘必学　　学的都加满</t>
  </si>
  <si>
    <t xml:space="preserve">大家来帮帮忙哦我要买一个家用的直发夹板，我是上海的，大家知道哪里 </t>
  </si>
  <si>
    <t>一般商场都有的卖,不过要买里面是瓷的,不伤害头发</t>
  </si>
  <si>
    <t xml:space="preserve">最美的时光里少帅和苏曼唱的英文歌叫什么 </t>
  </si>
  <si>
    <t>就是那首sunshine了帮到你就给个好评吧</t>
  </si>
  <si>
    <t xml:space="preserve">人能骑飞鹰吗，几级能骑啊 </t>
  </si>
  <si>
    <t>不能，设定的人族飞行器是飞剑</t>
  </si>
  <si>
    <t xml:space="preserve">玻尿酸隆鼻能保持多久，假体好还是玻尿酸好'假体是用几年必须换的吗 </t>
  </si>
  <si>
    <t>玻尿酸隆鼻能保持6一12月，而且容易扩散，使鼻背变宽。假体如果没什么异常，一般都不用取出来，塑形效果较好。</t>
  </si>
  <si>
    <t xml:space="preserve">仙2中的食妖虫和碧血蚕食妖虫：寄生宿主吸取灵气，九回合后，可炼成 </t>
  </si>
  <si>
    <t>把它们扔到敌人身上，并且保证敌人在相应回合内不死就ok拉~！</t>
  </si>
  <si>
    <t xml:space="preserve">2010款新君越豪雅板轮胎老师。原装的是什么牌子轮胎什么规格，能 </t>
  </si>
  <si>
    <t>原配规格是：245/45R18品牌不是东洋的就是固特异的。这个型号已经够大了，没必要再改装。一般君越的轮胎是225/55R17和225/60R16</t>
  </si>
  <si>
    <t xml:space="preserve">关于永久日头的永久的日头是在游戏中商城抽到的还是在游乐场的小猪机 </t>
  </si>
  <si>
    <t>是在游乐场的小猪机抽到的</t>
  </si>
  <si>
    <t xml:space="preserve">付了对方货款但没有发票,会计凭证应该怎么做 </t>
  </si>
  <si>
    <t>付了对方货款但没有发票,会计凭证应该怎么做有两种情况：一。付了款也收了货，但没有收到发票。付款时：借：预付帐款--XX单位  贷：银行存款收货时暂不做帐务处理，只需让仓管填单入库，到月末如果还没有收到发票，则要暂估入库，下月初再冲回直到收到发票。二。如果只是付了款，货也没有收到，那就只做第一个分录就可以了。</t>
  </si>
  <si>
    <t xml:space="preserve">夜深了请问国王杯是单循环赛制吗？好久没来爱问了也好久没有买彩票真 </t>
  </si>
  <si>
    <t>因为足球的存在 这个地方永远都那么热闹一起加油从别的地方COPY来的，凑合看吧：首轮比赛是丙级球队和有资格参赛的丁级球队先进行一轮淘汰赛，决出18支参赛队伍；第二轮比赛则在西乙内进行，上赛季西乙前20名的球队决出10支参赛队；第三轮，第二轮胜出的10支球队与第一轮的18支球队以及4支西乙降级球队、2支指定西丙球队共34支球队混合抽签，决出17支球队；第四和五轮，17支球队加上11支不用参加欧洲赛事的西甲球队经过两轮淘汰赛决出7支球队。第六轮，上述7支球队加上西甲9支参加了欧洲赛事的球队组成16支队伍，从这里开始进行主客场两回合比赛，直至决出冠军。</t>
  </si>
  <si>
    <t xml:space="preserve">A为什么有超强的DD挂？每招每式都可以秒人或击晕 </t>
  </si>
  <si>
    <t>你们的回答真晕  让我告诉你们：A的DDP其实就是守护外挂的加速攻击 因为炮的攻击是所有武器里最高的 所以才有DDP其实还有战士的DDM 就是加速矛的攻击 简单点说DD就是加速的意思其他族的加速度没用 因为他们的技能需要冷却 而炮手的不用冷却</t>
  </si>
  <si>
    <t xml:space="preserve">关于人造合成的大理石？我把阳台和客厅之间的门窗拆了，想用窗下的跺 </t>
  </si>
  <si>
    <t>天然大理石好、牢固光滑、代价实惠、自然大方、人造大理石易划伤、变形、价格太底的也不环保、必经是人工合成</t>
  </si>
  <si>
    <t xml:space="preserve">又来请教钱老师请问老师登海种业下周可以买入吗？这个股可以做中线股 </t>
  </si>
  <si>
    <t>登海种业周五有资金离场，建议等待企稳。如果周一午盘是红色，可适量参与。医药板块可关注：大华农、中汇医药。</t>
  </si>
  <si>
    <t xml:space="preserve">冬天冷风一吹,鼻子就会红,大概是敏感吧,有什么方法治一治呢,知道? </t>
  </si>
  <si>
    <t>1、冬季面部发红发紫的人；   2、角质层受损引起红血丝毛细血管扩张的人；   3、寒冷气候冻伤的面部红血丝激光手术后引起的面部潮红的人；   4、持续泛红引起的红血丝空气不流通引起的闷热型红血丝的人；   5、过敏性肤质的人；   6、美容手术后引起的敏感性红血丝的人；   7、使用激素性药膏引起的皮炎性红血丝的人；   8、季节性过敏引起的过敏性红血丝的人；   9、化妆品过敏的人；   10、防御能力比较差的脆弱性、白皙透明度高的皮肤的人群。   以上十种人请注意了，你需要认真治疗。别光以为是面子问题，专家主张，无论男女，无论是不是爱美，都要重视红血丝。千里之堤，毁于蚁穴，千万不要忽视红血丝。那么目前治疗红血丝最好的产品就要属祛红搭档了。祛红搭档是祛除红血丝的专药，更是还你嫩白肌肤的好药。它由尼美祛红血丝精油和富硒胶原蛋白胶囊组成的搭档产品。   外用尼美祛红血丝精油，促进微循环功能，消除充血，祛丝不留痕。修护被损伤的细胞组织， 延缓角质老化速度，增强细胞活力，修复破损血管，消除红血丝保持肌肤水嫩柔滑。内服富硒胶原蛋白胶囊补充皮肤所缺胶原蛋白，补充由于紫外线的照射和年龄的增加导致的皮肤胶原蛋白减少，从而能有效保持皮肤水分，恢复皮肤弹性，淡化及消除皮肤皱纹，长期使用，使皮肤如婴儿般光滑柔润。   以上资料均为本网站独家整理提供，祛红搭档专家郑重提示：治疗红血丝一定要在专业的医师指导下，采用科学的方法和专业的产品来治疗。如果您有红血丝疾病方面的疑惑和治疗用药方面的问题，可以直接咨询在线专家或在留言板留言，专家将给您满意的答复，能够确保您的红血丝问题得到快速、安全、彻底的解决。</t>
  </si>
  <si>
    <t xml:space="preserve">我家孩子最近总是鼻子不通气，还流浓鼻涕。我家孩子快有一个月总是鼻 </t>
  </si>
  <si>
    <t xml:space="preserve"> 你好， 近日由于气温明显下降，感冒患儿增多。孩子如果感冒长时间不好，应及时就医，否则一旦延误可能会引起扁桃体炎和肺炎。  气温变化幅度较大，儿童由于本身防御功能较差，很容易着凉，一着凉身体的抵抗力就会大大下降，感冒也就不可避免了。家长应注意及时给孩子增添衣服，不可疏忽大意。当然，要避免感冒侵袭，增强体质、提高身体抵抗能力才是关键。家长要多带孩子到户外活动，晒晒太阳，适当地指导孩子做一些锻炼，提高身体抵抗力。</t>
  </si>
  <si>
    <t xml:space="preserve">我的电脑也坏了怎么办啊～！我的电脑也坏了怎么办　　？？ </t>
  </si>
  <si>
    <t>到电脑时常去修～！</t>
  </si>
  <si>
    <t xml:space="preserve">臭氧消毒后是否会有残留？ </t>
  </si>
  <si>
    <t>臭氧会自行分解为氧气，不产生残余污染，消毒后不需通风换气。摘自：MDSIN麦森中国区产品服务中心（mdsin#com）。常规消毒均需通风换气或化学中和，麻烦而又降低消毒效果。</t>
  </si>
  <si>
    <t xml:space="preserve">怎么打不开会员注册呢？ </t>
  </si>
  <si>
    <t xml:space="preserve">您好，会员名、爱问中的用户名（登陆时的），免费邮箱的用户名。这三个是同样的，您只要申请了其中的一个，就同时获得了另外的2个。免费邮箱： 爱问： </t>
  </si>
  <si>
    <t xml:space="preserve">谁知道MacBookair怎么充电，用几根线，求权威解答[可怜] </t>
  </si>
  <si>
    <t>充电就一根线，磁头吸到电脑上，插头插到插座上即可。充电器插起就充了，有充电器和电源适配器</t>
  </si>
  <si>
    <t xml:space="preserve">买的游戏帐号怎么交易不了都2个月了我在5173上买的游戏号都2月 </t>
  </si>
  <si>
    <t xml:space="preserve">尊敬的客户:    您好！5173客户服务002很高兴为您服务！    购买的帐号如需再次出售，必须使用原购买时用户名发布出售信息，否则将无法出售。    由于您未提供相关信息，无法为您查询。为了您的信息安全，请您将信息提交给客服中心的工作人员，客服中心服务热线：0579-83225173，我们会尽快帮您查询。     真诚感谢您一如既往地对我们工作的大力支持与帮助!                                                   </t>
  </si>
  <si>
    <t xml:space="preserve">怎么照顾癫痫病人的日常生活？ </t>
  </si>
  <si>
    <t>饮食方面我们要注意癫痫病人的营养平衡，尽量多吃一些粗粮和素食，另外要注意蔬菜和水果的摄入量，平时要多做一些粥类食品，帮助癫痫病人保证身体营养均衡，这点十分关键。大家在家里照顾癫痫病人的时候要注意他们的情绪，尽量保证自己的亲人情绪稳定在一个状态之下，乐观积极地思想可以帮助癫痫病患者有一个很好的缓解，这点大家一定要注意。如果我癫痫病人出现了突发性的情况，这时候我们要解开的癫痫病人的衣领，另外要尽快解开他们的裤带，这样可以保证他们的呼吸比较通畅，避免癫痫病人出现窒息的危险。</t>
  </si>
  <si>
    <t xml:space="preserve">QQ的太阳用户有什么权利？ </t>
  </si>
  <si>
    <t>自定义头像，固定QQ群  就这点了</t>
  </si>
  <si>
    <t xml:space="preserve">关于排卵试纸我排卵后用试纸测只剩一条线,可昨天测隐约有一条很浅的 </t>
  </si>
  <si>
    <t>学会使用早孕试纸！ 东方网 　　新颖、方便的早早孕试纸问世后，妇女在家中自测尿液，即可获知自己是否怀孕，确实广受欢迎。那么，该怎样识别早孕试纸呢？　　　　从妊娠的第7天开始，肝妇的尿液中就能测出一种特异性的激素---人绒毛膜促性腺激素（简称HCG），通常在进行的尿妊娠试验检查的就是它。目前市售的早早孕试纸，也是通过尿液迅速检测其中的HCG，灵敏度很高。　　　　在一般情况下，早早孕试纸检测结果有两种：将尿液滴在试纸上的检测孔中，如在试纸的对照区出现一条有色带（有的试纸显红色，有的试纸显蓝色），表示未受孕，反之，如在检测区出现明显的色带，则表示阳性，说明发生妊娠。这种检测具有快速、方便、灵敏、特异性高的优点，可避免与HCG有类似结构的其他糖蛋白激素引起交叉反应。但是，自测早早孕的妇女必须记住：早早孕试纸只能作为一种初筛检查。你在试用时要注意以下几个方面：　　　　1、您购买的试纸如果存放时间过长（1年以上），或试纸受潮，且未注意保存在正常室温条件下（不应冷臧），就可能失效，出现检测结果假阴性。　　　　2、如果妊娠刚刚开始，或者有异位妊娠（宫外孕）的可能，体内HCG水平一般偏低检测的样品需静置3分钟以上（一般仅需1分钟），并必须仔细辨认是否有弱阳性--检测区色带仅隐隐出现。　　　　3、在极端的情况下，如葡萄胎、绒癌、体内HCG水平会过高，尿液检测反而不显示阳性。　　　　4、妊娠3个月后，HCG水平下降，尿液检测有时会出现阴性，或弱阳性。　　　　5、阳性结果也并非意味着百分之百妊娠。因为有些肿瘤细胞如葡萄胎、绒癌、支气管癌和肾癌等，也可分泌HCG。我们还遇到过子宫内膜增生患者出现HCG检测阳性。　　　　因此，育龄妇女出现停经，不要仅仅依靠一次早早孕纸自测来判断自己是否妊娠。为保险起见，可以在3天后再测一次。当然，最可靠的还是及时到医院进行全面检查，尤其是弱阳性者，以便采取措施。　　　　这里尤其要指出，近年来宫外孕屡见不鲜，如果由于自测早早孕假阴性，而忽略了及时的诊治，一量宫外孕着床部分破裂出血，抢救不及时会危及生命。</t>
  </si>
  <si>
    <t xml:space="preserve">贾静雯与李若彤到底谁更美 </t>
  </si>
  <si>
    <t>那当然是静雯好看了，李若彤的眼睛是刻过的，而静雯是天生丽质</t>
  </si>
  <si>
    <t xml:space="preserve">早晨空腹跑步对身体好不好跑完步好长时间可以吃早饭还有，晚上八点钟? </t>
  </si>
  <si>
    <t>最好是在跑步前喝一杯凉开水，如果不习惯，可以喝温开水，有利于补充体内水份，跑完后一般半小时可以就餐，晚上的跑步则没有什么了，只要你喜欢就行，唯一注意的是，应当在吃完后半小时后去跑步。跑步最主要的是养成习惯，早上更适合，晚上其实适合运动量较大的活动</t>
  </si>
  <si>
    <t xml:space="preserve">!电影票降价问题!电影票15元,降价后观众增加一倍,收入增加五分 </t>
  </si>
  <si>
    <t>设观众人数为X，降价后门票为Y元则：15X+15X*1/3=2XY    Y=915-9=6元</t>
  </si>
  <si>
    <t xml:space="preserve">请问如何绑定手机，成为会员？ </t>
  </si>
  <si>
    <t xml:space="preserve">尊敬的客户:    您好！5173客户服务027很高兴为您服务！请您进入您的5173，点“修改个人信息”填写您的手机号码，我们会在20分钟内为您激活，请您保持您的电话畅通。感谢您对5173的支持!!!                                                                    </t>
  </si>
  <si>
    <t>切沃1</t>
  </si>
  <si>
    <t>屁股没热被扳平了</t>
  </si>
  <si>
    <t xml:space="preserve">最近香港天气如何？着装上要注意什么？一般来说五月下旬的天气状况怎 </t>
  </si>
  <si>
    <t>五月下旬,?囟燃s25-30度,?穸劝俜葜攀陨?多雨,日間或夜間,如?]有下雨,十分????而?夭詈苄?........穿T-恤,短?及?鲂容p鬆.往後七至九就?岬靡?因?橄惘?穸却蟾吡?!!!</t>
  </si>
  <si>
    <t xml:space="preserve">WOW账号绑定网易战网通行证问题WOW多个账号可以绑在同一个网易 </t>
  </si>
  <si>
    <t>创建战网通行证的时候，有协议如下。能否帐号分离，看网易之后的政策了。不过由于战网通行证注册的时候，是进行身份证认证的，如果通过了身份证认证，也就不存在有充值身份证的必要，如果帐号分离仍需要两边身份证相同切身份证不能充值的话，帐号买卖也就没有意义了。＝＝＝＝＝＝＝＝＝＝＝＝＝＝附协议战网通行证。 无论本条款内是否有任何相反规定，您知道并同意，您对战网通行证不享有所有权、财产权益或者其他相关权益。您进一步确认并同意，战网通行证所包含及与通行证相关的一切权利均归于、并将永远归于暴雪所有，网易被授权使用上述内容。我们不认可战网通行证转让行为。您不得购买、出售、赠送或交易任何战网通行证，或试图购买、出售、赠送或交易任何战网通行证，上述行为均被视作无效。 用户和数据。您的个人数据、账号数据和所有其它相关信息，包括您的账号中的游戏角色和货物都归暴雪和/或网易所有。您在此同意并确认：该些数据的提供、透露或转移将在《隐私政策》中做进一步约定。 虚拟物品。 暴雪或网易对战网服务和游戏中出现的全部内容享有所有权、许可权或者其他权利。您同意对该前述内容（包括但不限于在游戏中出现或生成的虚拟物品和货币，与该通行证相关联或存储于战网服务的其它属性信息）不享有所有权或者其他任何权利。我们不承认任何于游戏外进行的所谓虚拟财产转让行为，也不承认任何于“现实世界”中进行的、对游戏中出现或生成内容的所谓销售、赠送或交易行为，除非上述行为已得到网易和/或暴雪明确的书面授权。因此，您不得出售游戏内物品或货币来换取“现实”货币，或将此类物品和货币与游戏外的现实物品进行等价交换，除非已得到网易和/或暴雪的书面许可。</t>
  </si>
  <si>
    <t xml:space="preserve">请问我的华普车冷天启动时行走经常脱2挡，开了几公里后正常，这是什? </t>
  </si>
  <si>
    <t>是大问题，应该是变速器的齿轮同步器和锁止机构的质量问题，找厂家换。</t>
  </si>
  <si>
    <t xml:space="preserve">关于洁净传教有必要学洁净吗，用处大吗，最好多少级去学 </t>
  </si>
  <si>
    <t>为部分任务与PK着想可以学一个，因为除了巫就只有传的洁净可以练到比较理想的级别，多一个技能等于多一个战术，只会补血的传不是好传（只想当兵的兵不是好兵），即使不能作为主战技能，其辅助作用也是不容忽视的。要学的话一般都是在做传之前就学好，也就是去就职巫师，学好洁净后转传，不过现在有转职保证书，建议你以巫师身份把洁净烧到6级后，用保证书转传，这样可以节约一笔烧技能的钱和时间。（烧到4也可以，不过那样的话就不用保证书转了）</t>
  </si>
  <si>
    <t xml:space="preserve">怎么准备公务员遴选考试？ </t>
  </si>
  <si>
    <t>注重平时积累。现在好多学员都是到了考试前来临时抱佛脚，找个所谓的速成班，搞短期突击。专家不主张这样操作，提醒大家要有一种常态化的备战方兴未艾，完全可以在提前一年或者半年左右的时间就开始准备遴选考试。这种常态化备战方法的实战效果非常好，可以说达到了双丰收的目标，就是有遴选考试的机会来临时，机会非我莫属，不说“招之即来”，但能做到“来之即将，战之能胜”；退一步讲，即使没有考试，学员在机关的协调能力和政策理论素质有极大的提升，这不也是一箭双雕甚至是一箭三雕的事吗？。之所以必须常态化备战，根本原因是遴选考试是工作技能型考试。大家一定要认识到，遴选考试与几年前你经历的那场公务员入职招录考试截然不同，公务员入门招考考试是应试型、记忆型考试，行政能力测试等题目，就是高二学生答起来，甚至有可能比你反应还快；遴选考试是实务型、技能型考试，直接考你公文怎么写、事情怎么办、话要怎么说、会议要怎么组织、对政策要怎么理解、对社会现象要怎么分析认识、对突发事件应该怎么处置，等等，就是要考察你从办文、办会、办事的工作技能到国家大政方针、区域发展对策等国家干部所应具备的机关协调、理论思维和领导水平。</t>
  </si>
  <si>
    <t xml:space="preserve">内分沁失调该如何调理？应该注意些吃什么？ </t>
  </si>
  <si>
    <t>这段时间，我也是内分泌失调。脸上长豆子，以前青春期时倒没有这样，反而30岁以后长。这段时间我很注意饮食，吃得比较清淡。多喝豆浆，多喝水，多吃水果。注意排毒！好像有点用。具体地也有待了解！我准备看一下中医。</t>
  </si>
  <si>
    <t xml:space="preserve">为什么我进不了我的个人中心？我登陆不了啦，但是问题可以提交，评论 </t>
  </si>
  <si>
    <t>可能是今天新浪网有问题,我今天也是N次努力才进爱问!而且今天进新浪网的博客都非常困难,我进了一个晚上才成功一次!</t>
  </si>
  <si>
    <t xml:space="preserve">游戏海，你们在做什么？很想知道，游戏海都在做什么？明天就内测了， </t>
  </si>
  <si>
    <t>对啊官网公告都不发点消息出来的干什么呢？人手不足？</t>
  </si>
  <si>
    <t xml:space="preserve">寒冷的冬天来了，如何预防哮喘，气管等疾病，有什么良药吗？寒冷的冬 </t>
  </si>
  <si>
    <t>支气管哮喘是一种很常见的发作性过敏性疾病，一般分为发作期和缓解期。本病典型发作前，常常有先兆症状，如咳嗽，胸闷或连续喷嚏等，如不及时治疗，就可能很快出现气急，哮鸣，咳嗽，呼吸困难，多痰，患者常被迫坐起，两手前撑，两肩耸起，额部出冷汗，痛苦异常，严重者可见口唇和指甲发紫。发作持续数小时甚至数日才逐渐缓解。病情缓解后，症状可以完全消失，与常人一样。支气管哮喘病人检查可以发现f胸廓膨胀，隆起如桶状，胸锁乳突肌紧张，腹壁肌肉强直，肺部叩击呈过清音，听诊呼吸音减弱，呼气延长，有干性罗音和哮鸣音；如果同时并发支气管炎或继发感染，可听到湿性罗音。支气管哮喘的诱发因素有：1.接触过敏原。过敏原种类很多，一般来自体外，如植物的花粉、房屋的尘土、螨虫、工业粉尘、动物毛屑、鱼、虾、油漆、染料等，都可以发病。2.呼吸道感染。肺、支气管、气管、鼻旁窦炎症感染可诱发哮喘。3.气候改变。寒冷季节发病率增加，因为秋冬气候转变较频而且又多骤变，病毒性呼吸道感染较多；有些可以致敏的植物花粉，在春秋二季分布浓度增高；温度、湿度高的时候容易使细菌繁殖；气压低的时候可以使花粉、有害粉尘、刺激性气体等聚集在地面，浓度增加，容易吸入。4.精神因素。情绪激动、条件反射可以诱发哮喘。5其他因素。冷空气、煤气的物理、性刺激，剧烈运动或咳嗽后，某些药物如阿斯匹林1JL、得安、消炎痛等，都可能诱发哮喘。本病发作常有季节性，春秋季发病较多。根据反复发作的哮喘史，发作时带有哮鸣音的呼吸困难，服用支气管解痉药可以缓解等，不难做出诊断。预防支气管哮喘的预防重点在于缓解期的调摄养护。1．体育锻炼。许多支气管哮喘的病人，由于担心受凉、感寒后哮喘发作，心理上处于紧张状态，而对体育锻炼有所顾虑，结果体质下降，反而发病增多。其实，体育锻炼对本病患者大有好处，病人可以根据自己的体质情况适当选择运动方式。例如：(1)从夏天起坚持冷水洗脸、洗脚甚至洗擦全身。(2)每天坚持慢跑，或打太极拳。(3)练气功：练气功可以调整神经紧张度，提高支气管功能和呼吸道清除废物的能力，是较好的预防手段。2呼吸调整。（1)经常唱歌：人在唱歌时，只能采用腹式呼吸。腹式呼吸能增大肺活量，减轻肺部压力。并且，唱歌还能振奋精神，激发体内潜力，使人从静止状态转入活动状态，同时心跳加快，肌肉紧张，有利于控制咳嗽。(2)做呼吸操：做呼吸操可以加强支气管功能，保持呼吸道通畅，增强抗病力，防止感染。方法是：采用平卧或站立位，两手放在上腹部，然后有意识地做腹式深呼吸；吸气时腹部隆起，呼气时腹部下陷；呼气时间比吸气时间长l一2倍，吸气用鼻，呼气用口；呼气时口唇紧缩作吹口哨的样子。同时可用两手按压上腹部，加强呼气力量，gF除肺中残留的废气。每次20一30分钟，每天l一2次。3．避免诱发因素。支气管哮喘的发作，与致敏原有密切关系，发作过后，应细心寻找和分析诱发困素，尽可能加以避免。诱发因素主要是两个方面，一是过敏物质，如花粉、粉尘、皮毛、牛奶、鸡蛋、鱼、虾、螃蟹、油漆、药物等，每个病人有不同的致敏原，有的是一两种，有的多达几十种；另一个是身体和精神状态，如情绪不好、过度劳累、怀孕、月经前期等，甚至看到曾经引起哮喘的物质，就能引起精神刺激，反射性地发生哮喘。4．饮食调养。(1)忌酒、忌过咸食物。酒和过咸食物的刺激，可以加强支气管的反应，加重咳嗽、气喘、心悸等症状，诱发哮喘。(2)多吃高蛋白食物如瘦肉、肝、蛋、家禽、大豆及豆制品等，增加热量，提高抗病力。消化功能不好的人要少吃多餐。(3)多吃含有维生素A、C及钙质的食物：含维生素A的食物有润肺、保护气管之功，如猪肝、蛋黄、鱼肝油、胡萝L、韭菜、南瓜、杏等；含维生素C的食物有抗炎、抗癌、防感冒的功能，如大枣、捅、柚、番茄、青椒等；含钙食物能增强气管抗过敏能力，如猪骨、青菜、豆腐、芝麻酱等。(4)根据自己平日身体状况，针对性地选择食品。如痰多、食少、舌苔白，宜选食南瓜、莲子、山药、糯米、芡实等来补脾；如四肢发冷、小便清长、腰酸，宜选食狗肉、麻雀肉、胡桃、牛睾丸、羊肉来补肾；如有多汗、易感冒，宜选食动物肺、蜂蜜、银耳、百合来补肺。(5)用明矾60克，食醋50毫升，研明矾成末，加醋调匀，睡前洗脚后，用纱布贴在脚心(双脚涌泉穴)，晨起后取下。每日或隔日1次，坚持1月以上，有很好的预防效果。(6)常喝咖啡：咖啡因能扩大支气管通道，减少或防止支气管哮喘症状，喝咖啡多的人，哮喘发作的可能性小。l天喝3杯咖啡，产生的扩张支气管的作用，相当于使用氨茶碱的标准用量，因而咖啡对支气管哮喘患者有益。5．食药预防。(1)绿茶15克，鸡蛋2只，加水l碗同煮，蛋熟后去壳再煮，至水煮干时食蛋。(2)蛤蚧10只，焙干研细末，每次取5克，加冰糖15克，炖服，每日1次，连服20天。(3)山药60克，薏苡仁60克，柿饼30克，先煮意苡仁烂熟，山药捣碎，柿饼切小块，同煮成粥，随意服用。(4)北瓜2个，切碎，加等量饴糖，放入砂锅中，加水适量，煮至极烂，去渣，将滤液煮成浓汁。按北瓜汁与生姜汁8：1的比例将生姜汁加入，稍煮。每服1匙，每日3次，开水冲服。(5)蛋黄10只，冰糖100克，搅匀，冲入米酒500毫升，放置10日后取出。每晚服1次，每次饮服量据个人酒量酌定，长期服用。</t>
  </si>
  <si>
    <t xml:space="preserve">问世间情为何物，如题。 </t>
  </si>
  <si>
    <t>为他笑，为他哭。无欲，无求不管身在何处，心里思念永远不变</t>
  </si>
  <si>
    <t xml:space="preserve">睡醒了口渴无比是怎么回事？每天早上起来喉咙总是像火烧一样，马上喝 </t>
  </si>
  <si>
    <t>糖尿病的口渴是经常性的，不单只是睡醒后。睡醒了口渴的主要原因——平时不爱喝水。空气太干燥了。少吃一些比较容易上火或者发干的食物。在睡觉喝一杯水。张嘴睡觉。感冒、慢性鼻炎引起鼻塞用嘴呼吸打鼾。导致张口呼吸及喉部粘膜长时间振动，出现脱水。饮用一些西洋参、陈皮之类的止渴生津的温和中药，对缓解口渴也会有一定的好处。</t>
  </si>
  <si>
    <t xml:space="preserve">做什么运动减肥效果最好？给个具体方案吧！ </t>
  </si>
  <si>
    <t>去健身房：跑步+慢走30分钟  跳健美操  做瑜伽   坚持就能瘦下来   我就是这样减下来的   没反弹哦  已经坚持3个月了</t>
  </si>
  <si>
    <t xml:space="preserve">大家好,龙哈哈又要问问题了,请大家赏脸,谢谢1~~~我在商店买幸 </t>
  </si>
  <si>
    <t>极品幸运符和幸运符没什么区别，只是幸运符是买的，而极品幸运符是怪物暴的，我曾经打到过。如果物品有固化时间，等固化时间过了之后就可用了。</t>
  </si>
  <si>
    <t>荷甲3]阿贾克斯0</t>
  </si>
  <si>
    <t>没什么意外的，</t>
  </si>
  <si>
    <t xml:space="preserve">出入境护照办理。我是湖南桂阳人农村户口，请问有那位人告诉我要怎么 </t>
  </si>
  <si>
    <t xml:space="preserve">可以到港澳住大陆使馆办理出国护照啊居民身份证号码： </t>
  </si>
  <si>
    <t xml:space="preserve">笔记本电脑开机后出现蓝屏怎么办？出现英文字母 </t>
  </si>
  <si>
    <t>笔记本大多是品牌机，你要养成问品牌的客服售后或技术支持的习惯。如果不知道品牌的联系方式可以给我发消息的，点我的用户名就可以进入我的首页，就能看到发消息的选项了。</t>
  </si>
  <si>
    <t xml:space="preserve">(*^__^*)嘻嘻……小问题为什么我的这个头像换了还是没变化 </t>
  </si>
  <si>
    <t>你好像是没有上传成功吧 1. 首先在百度里找到喜欢的图片保存在电脑里2.然后进自己的空间里,选择头像上传 点浏览 3.记住自己刚刚保存的文件夹选上之后点下面的确定就OK拉       祝你幸福愉快 呵呵</t>
  </si>
  <si>
    <t xml:space="preserve">怎样才能把自己写的文章，发到微博时里？求指教，谢谢！ </t>
  </si>
  <si>
    <t>你可以用长微博工具发送到微博的哈</t>
  </si>
  <si>
    <t xml:space="preserve">现在哪个品牌的洗衣机质量好？ </t>
  </si>
  <si>
    <t>小天鹅，小天鹅洗衣机质量就很好，推荐小天鹅比佛利系列TG100-1100ESD(S)滚筒洗衣机，拥有10公斤的超大洗涤能力，具有高温自洁和随时加衣功能，算是小天鹅中偏上的型号了。国家一级能耗产品，洗净比为1.03，洁净效果很不错。</t>
  </si>
  <si>
    <t xml:space="preserve">做爱中忍住不射精对身体有害还是有益?有的老中医说,要采阴补阳,不 </t>
  </si>
  <si>
    <t>男子性高潮的表现为射精，射精是个很自然的生理现象。当男子受到性的刺激，例如视觉、听觉、嗅觉、触觉、思维以至生殖器的直接刺激后，就会导致阴茎的勃起，阴茎受到反复的摩擦刺激，兴奋积累，最终达到高潮。此时，输精管、精囊、前列腺和尿道的肌肉发生节律性收缩，储存在精囊中的精液便喷射而出，此谓射精。射精时，男性可以得到酣畅淋漓的快感，所以一般男子都把射精时的美感作为性的目的。但有些男子出于害怕伤身的顾虑，常常强忍控制而不让精液射出。长此以往忍精不射将会对机体造成严重的损害，诱发许多疾病。将其危害概括如下：一、可诱发阳痿。正处兴奋状态的大脑皮层性中枢和其他各级性中枢以及性器官，不能很快松弛下来，从而加重负担，造成‘过度疲劳”现象，久而久之就会“消极怠工”，诱发以阳痿为主的性能力下降。二、可诱发射精异常。经常忍精不射，轻者可造成延迟、妨碍、减速或制动等射精抑制，重者可造成不射精。三、可诱发无菌性前列腺炎。阴茎、前列腺等性器官充血不能马上消退，长时间的性器官充血，会发生无菌性前列腺炎，表现为排尿滴流不净、尿道口有白色混浊液体滴出，尿道、会阴等处不适及腰酸背痛等症状。四、可诱发频繁遗精。俗话说“满则溢”，久久忍精不泄，精液没有去处，就会通过遗精的方式排出体外；性欲长久未得到充分满足，也会出现频繁遗精。五、可导致不育。忍精的结果可引起逆行射精，即精液倒流，从而引起不育。顺其自然为好，如果出于身体健康的考虑，可适当降低手淫或做爱次数，而不是忍精不射。</t>
  </si>
  <si>
    <t xml:space="preserve">前列腺炎问题2014年3月，发生一次无保护性交，8月底出现尿频， </t>
  </si>
  <si>
    <t>把检验报告及泌尿系彩超一起发给我，谢谢。</t>
  </si>
  <si>
    <t>杭州哪里可以买数码相机的充电器和数据线我的奥林巴斯FE</t>
  </si>
  <si>
    <t>文三路上有六家电脑城，应该都可以买到，两家红图三胞，新开的，六家老的，从西到东依次是：颐高电脑城，高新数码层，高新电脑城，颐高旗舰广场，杭州百脑汇、西溪数码港。 可以坐15，290，159，179，24，42等巨多路公交车到东方通信、九莲新村，上宁桥之类的站点下车，都可以到这些店面，基本上都是成一条直线排列，所以可以慢慢地逛过去，如果真有心要买性价比高的电脑周边产品。价格的话，可以去店里问问。</t>
  </si>
  <si>
    <t xml:space="preserve">怎么选择质量最好的实木复合地板? </t>
  </si>
  <si>
    <t xml:space="preserve">   气候来说：北方比较适合铺多层实木。南方潮湿较适合实木地板。多层实木多数是可以做地暖用。实木的要注意是否标有。   选多层实木地板，当然比嘉地板了，比嘉地板少说也是一线品牌，其产品质量绝对是A货，只是牌子不是很出名而已，比嘉是多层实木地板的鼻祖，10多年的品质一直都很好。不像很多牌子，在发展的过程中死了生，生了死的，选择比嘉绝对没有错。 </t>
  </si>
  <si>
    <t xml:space="preserve">我的号被盗了我的号昨天下午3点多被盗了,晚上6点多又找回来了,可 </t>
  </si>
  <si>
    <t>如果没有任何保护，是不能找回的。问盛大也没任何结果的。只有绑定密宝的用户，在验证期后才能找回。还是买个密宝吧，安全点。而且被盗过一次，危险系数感觉比没被盗过的更高。而且可以用商城积分兑换密宝。</t>
  </si>
  <si>
    <t>当M为何值时?当M为何值时,复数Z=(M</t>
  </si>
  <si>
    <t>解：本题实际上是确定点[(M-2)(M+5)，M(M+8)]的位置。（１）Z第一象限(M-2)(M+5)&gt;0,且-M(M+8)&gt;0   解得-8&lt;M&lt;-5(2)直线Ｙ＝７的下方   -M(M+8)&lt;7解得M&gt;-1或M&lt;-7（３）直线Ｘ＝８的左侧且直线Ｙ＝７的上方   即(M-2)(M+5)&lt;8且-M(M+8)&gt;7解得-6&lt;M&lt;-1</t>
  </si>
  <si>
    <t xml:space="preserve">胆结石坎顿必须手术吗？我不是很想做怎么办 </t>
  </si>
  <si>
    <t>胆囊结石嵌顿若不能缓解，一定需要手术。不过，很多嵌顿的结石经过治疗是可以缓解的。从外科角度来说，有症状的胆囊结石需要手术治疗，只要手术才能彻底解决问题。胆囊结石本身一般不会引起腹痛等不适，但如果出现结石嵌顿等情况，可引起剧烈腹痛等表现，严重者胆囊穿孔，有生命危险。轻者治疗后可好转，但会反复发作。大部分胆囊结石不是一定要手术，但只要手术效果最好。若不想手术，平时饮食规律，清淡为主，避免油腻。</t>
  </si>
  <si>
    <t xml:space="preserve">宝宝小时接受方言教育到幼儿园好改吗？从小就是爷爷奶奶帮着带，所以 </t>
  </si>
  <si>
    <t>当然能改过来，只要他能听得懂普通话，在幼儿园就不会有问题。最好和老师沟通一下，让老师平时多注意让他正确发音，同时也防止小朋友笑他的口音。</t>
  </si>
  <si>
    <t xml:space="preserve">中考作文题目——《你在我心里》的范文。xiexei </t>
  </si>
  <si>
    <t>范文一： 你在我心里　  红了希望，绿了梦想，只因你在我心里——我的语文。　　那是你吗？语文。美丽、华贵、优柔……我无法用任何词藻来修饰你。李白的云帆点缀了沧海，辛弃疾的双眼迷离了剑光，文天祥的激情回荡了整个零丁……因为你在我心里，语文，我读懂了抱负、执著、爱国！邀明月之满怀，举酒觥之高远，我徜徉在你的诗词之中，看落红化为春泥，叹国破山河，赞东篱之采菊，唱绝顶之豪情。在初中的怀抱里，我感悟你、体验你。只因你在我心里，你把心灵之音化为翩翩翅膀，带我飞翔。那是你吗？语文。大观园的人情分离，桃园中的三结之义，西经路中的纷纷纠葛，义聚于一堂的豪情壮志。因为你在我心里，我读懂了无奈、团结、勇敢、义气！零落般的花就随它去吧，葬！给它一个完整的家；天下就随它分吧，战！给它一个美好的涅??；妖怪就随他来吧，拼！给它一个痛苦的诠释；安就随他招吧，死！给它一个充实的辉煌。只因你在我心里，你把篇篇名著化为铺路之石，垫着我通往成功。那是你吗？语文。汨罗江水流更加凶猛，易水河畔夕阳更加红烈，浣溪之水更加澈亮。因为你在我的心中，我领悟了屈原的不束，叹服于刘邦的宏志，感慨于西施的别离。我怀揣着你，测量着心灵的密度，却觉格外沉重。只因你在我心里，你把个个名人化为动力之源，推动我前进。语文，只因你在我心里，我的希望让你染红，我的梦想让你沾绿。只因你在我的心里，我的语文，让我赢在2008！唱响在2008的天空。【点评】首先，审题精确，选材典型。文章把“你”定为“语文”，跳出了一般的认识（你就是人）。文章所选的材料具有语文性，从诗词到名著，再到名人，都是在语文中体现出来的丰厚知识，展现了语文的广博。　　其次，构思缜密，结构完美。开头用简洁的语言点明了“语文”的在作者心中的地位；然后分别用以“那是你吗?语文。”开头引出语文在诗词、名著、名人三方面带来的心灵震撼；结尾照应开头，做到了首尾圆合，切实做到了“条例清晰，结构严谨”。再次，语言富有诗意，令人回味无穷。文章的语言极其简洁而富有表现力。在句与句、段与段之间，作者有意识地营造了一种齐美的氛围，给人感觉如同桂花，不惊艳，但暗香萦绕，弥久不散！ 范文二：你在我心里在初中紧张的学习之中，你——青春，在悄无声息中走进了我的心里，让我真正感觉到你随风飘动的身影，让我体会到了你如朝阳般的活力，让我在初中中学会了珍惜你。　　你在我心里，时刻帮我记忆那些美好的憧憬，在朗朗书声中，你帮我记忆那无穷无尽的知识，让我在知识的海洋中遨游；在与同学嬉戏时，你帮我描绘了清晰的画面，让我永远记住这美好的时光。你在我心里，我用那颗平静的心，感受到你如花的生命，美丽却易凋零，假如不去细心呵护，便可能在来不及美丽之前，烟消云散。感受到了你那如风的脚步，来也匆匆，去也匆匆。如今坐在考场的我，感触最深，因为我发现我已错过了太多。我感受到了你那如雨的身影，朦胧却又多情，假如不去把握你，便会化作清泪，在心中破碎。你在我心里，我用心赞叹你即使遇到挫折，也依然会有坚定执著的梦；你就仿佛那一本厚厚的书，可以填满欢乐，也可以写下孤独，你仿佛一座险峻的大山。让我懂得只有攀登才会揽胜，奋斗才会成功；可你的脚步从来不会因我而停止。你就是我初中生活中最靓丽的风景线，美丽而又壮观，记载着我的欢乐与悲伤。抓住你，珍惜你，让你走进我的心里；拥有你，赞美你，我仿佛拥有了朝阳的活力。你在我心里，让我欣赏你不因风雨阻扰而停止的旋律，让我珍惜你不因等待而停止的脚步。我体会到奋斗是你的本质，你的价值因奋斗而辉煌；汗水是你的营养，你的生命因汗水浸泡而丰盈饱满；泪水是你的溶剂，你因泪水的洗礼而造就一副刚强的身躯。你在我心里，给予了我抓住你的勇气，给予了我珍惜你的心，你在我心里，让我的初中生活变得如此充实，让我的知识变得如此丰富，谢谢你——青春，我回一直把你留在我心里。【点评】考场作文，首先要做到扣题，本文紧扣中心，选材新颖，抒写了自己对青春的感悟。格调昂扬，读后有清新之感，颇有阳光之美，这在初中学生习作中应属难能可贵。 范文三：                            你在我心里奶奶，再亲切不过的称呼了，每次提到奶奶，心情会很复杂，说不清楚。其实我好想对奶奶说“不管怎样，我永远永远最最爱您！”　　奶奶总是一个人，我喜欢陪在奶奶身边，陪她说说话，上小学的时候，每到周末或假期，我就会陪奶奶住，帮奶奶做家务（奶奶的腿不好），虽然我那时很小。这时候想起和奶奶在一起的日子，好亲切。　　　每天早晨我睁开眼，看不到奶奶我就喊：“奶奶，奶奶。”奶奶就会说：“宁，我在门口。”然后我就下去找，现在想想那时的我好幼稚，可能是怕失去奶奶吧。那时奶奶对我来说比谁都亲，奶奶像是我的依靠，所以不管奶奶去哪，我都守着她，在胡同里凉快的时候，奶奶让我去找那些小孩玩，我从来不去，我总是趴在奶奶腿上，奶奶给我扇扇子。奶奶有什么事都会跟我说，不管是哪方面的，即使我有些听不懂，但我知道奶奶说出来心里就不会闷，可有些时候我也会嫌奶奶唠叨，也会顶撞奶奶，可事后又很想给自己两个耳光。（我知道奶奶一生很累，爷爷很早就不在了，以前我们家是和奶奶一起住的，可后来搬了出去，让奶奶一起过去可奶奶坚持要守着自己的老屋，而我决定不会让奶奶一个人）白天我会和奶奶一起在炕上玩，有时候和奶奶打牌，奶奶不会打，我们俩就都会乱弄，奶奶就说我耍赖，然后就挠我痒痒，那时好开心，真想重新来过一次，可奶奶现在真的老了，没力气了。有时奶奶会躺着看我拾石子、缝毽子或者写字画画。晚上睡不着，就喜欢听奶奶讲故事，猜谜语，那些故事讲多少遍我都不会厌。就这样，放假的每一天我都和奶奶在一起，从来不自己出门，也不找同学玩，那个时候沙子口对我来说都是一个陌生的地方，最熟悉的就是和奶奶在一起的那个小小的空间，但我却很满足，很快乐。　　　　　　　但也难免有伤感的时候，等到假期结束，我就要离开奶奶去姥姥家，那个时候奶奶会拄着拐棍送我到门口，我会看到奶奶脸上闪着的泪光，奶奶的依恋，不舍我都读得懂，我会告诉奶奶周末我会回来。晚上我闭上眼就会看到奶奶在门口朝我摆手，我就会想到今晚奶奶又是一个人，眼泪就会忍不住流下来。　 　　和奶奶在一起我也学到了很多东西，尤其有一句话印象很深，“求人难，上天难！”我会永远记住的，奶奶不喜欢求人，能自己做得就自己做，所以我现在也是，不喜欢麻烦别人，而且到目前为止，我还没对别人说过一个“求”字，我也不喜欢别人总是说“求求你”，那样我会很反感很反感。　 　　现在，奶奶真的老了，而我也长大了，却不能经常陪奶奶了，奶奶依然是一个人，不过她现在在姑姑家住，我感到很开心，奶奶不会寂寞了，可是我也因为她在姑姑家而不愿经常去，不知道为什么，可能我喜欢只和奶奶在一起的感觉吧。　 我喜欢奶奶家里的味道，喜欢和奶奶在一起的感觉，我爱奶奶，说多少遍都不能表达出我对奶奶的感情！　 范文四：                              你在我心里 毕业在即，骊歌响起，离别的感伤渐渐在我们心中蔓延，有时甚至淡化了考试前的紧张。说也奇怪，想到即将到来的分别，我最先念及的不是朝夕相伴的同学，恩重如山的老师，而是你。你长得很秀颀，你总是默默无语，你时形单影只，但我或许是你最好的朋友。你静静伫立在角落，貌不惊人。一个偶然的机会我遇见了你，也从此喜欢上了你。课后、午间、傍晚，我总爱到你身边坐坐，说说班里的趣闻轶事，谈谈最近的心情际遇。我是个内向的孩子，情感却很细腻，许多感情无从诉说，我便找到你。你从不嫌我烦，也不笑我傻，你总是耐心听着。微风拂过，你便用“沙沙”的响声告诉我；有时我心情低落，压抑的我在你的面前禁不住落泪，你依旧无语，似与我同悲。你会递给我一张叶子做成的手帕给我抚去晶莹的泪，你也会无私地让我偎在你厚实的怀抱里，让我贴着你的心，感受你传递的信息——别难过，一切都会好。那是一个暴雨如注的黄昏，我内心被阴霾充塞。必须承认，我被挫折打倒了，我并不坚强。情绪跌到谷底的我情不自禁又找到你。乍一望去，我惊呆了，你平日里那些花朵做的发夹抖落一地。你还年轻，身子还不健硕，你在呼啸的风中左右摇摆着，倔强的头却依旧高昂。你被豆大的雨珠砸疼，但你没有落泪，更未退缩，坚强地站在原地，像个所向披靡的勇士。你舞着手臂，你在告诉我，要坚强，坚强！就这样，你陪伴着我度过三年的初中时光。你早已深深铭刻在我心中，你的身姿，你的微笑，你无声的爱。是你，在我无助时给了莫大的鼓舞，在我伤心时为我点亮了希望。你矗立在校园里，给了我老师般的柔情百转，关怀备至。你与我也有同学般的亲密无间，心灵相通。你知道吗？快毕业了，我有多么舍不得你——我的朋友、知己，我的心爱的槐树。你会永远在我心里，会让我在今后岁月里每当想起你就倍增力量！</t>
  </si>
  <si>
    <t xml:space="preserve">IPO是何意思？ </t>
  </si>
  <si>
    <t xml:space="preserve">名词解释：IPO是什么   2009年04月23日 17:50 　　IPO概述 　　IPO全称Initial public offering( 首次公开募股) 指某公司(股份有限公司或有限责任公司)首次向社会公众公开招股的发行方式。有限责任公司IPO后会成为股份有限公司。 　　对应于一级市场，大部分公开发行由投资银行集团承销或者包销而进入市场，银行按照一定的折扣价从发行方购买到自己的账户，然后以约定的价格出售，公开发行的准备费用较高，私募可以在某种程度上部分规避此类费用。 　　这个现象在九十年代末的美国发起，当时美国正经历科网股泡沫。创办人会以独立资本成立公司，并希望在牛市期间透过首次公开募股集资(IPO)。由于投资者认为这些公司有机会成为微软第二，股价在它们上市的初期通常都会上扬。 　　不少创办人都在一夜之间成了百万富翁。而受惠于认股权，雇员也赚取了可观的收入。在美国，大部分透过首次公开募股集资的股票都会在纳斯达克市场内交易。很多亚洲国家的公司都会透过类似的方法来筹措资金，以发展公司业务。 　　IPO特点 　　优点：募集资金 　　流通性好 　　树立名声 　　回报个人和风投的投入 　　缺点：费用(可能高达20%) 　　公司必须符合SEC规定 　　管理层压力 　　华尔街的短视 　　失去对公司的控制 　　IPO程序 　　首先，要公开募股的公司必须向监管部门提交一份招股说明书，只有招股说明书通过了审核该公司才能继续被允许公开募股。(在中国，审核的工作是由中国证券监督管理委员会负责。)接着，该公司需要四处路演(Road Show)以向公众宣传自己。经过这一步骤，一些公司或金融机构投资者会对IPO的公司产生兴趣。他们作为风险资本投资者(Venture Capitalist)来投资IPO的公司。(风险资本投资者并非想入股IPO的公司，他们只是想在上市之后在抛出股票来赚取差价。)其中一个金融机构也许会被聘请为IPO公司的承销商(Underwriter)。由承销商负责IPO新发行股票的所有上市过程中的工作，以及负责将所有的股票发售到市场。如果部分股票未能全部发售出，则承销商可能要买下所有未发售出的股票或对此不负责任(具体情况应该在IPO公司与承销商之间的合同中注明)。IPO新股定价属于承销商的工作，承销商通过估值模型来进行合理的估值，并有责任尽力保障新股发行后股价的稳定性及不发生较大的波动。IPO新股定价过程分为两部分，首先是通过合理的估值模型估计上市公司的理论价值，其次是通过选择合适的发行方式来体现市场的供求，并最终确定价格。 　　美国IPO的准备过程： 　　建立IPO团队 CEO、CFO、CPA (SEC counsel) 、律师 、资产评估机构 　　挑选承销商 　　尽职调查 　　初步申请 　　路演和定价 　　IPO招募 　　通常，上市公司的股份是根据向相应证券会出具的招股书或登记声明中约定的条款通过经纪商或做市商进行销售。一般来说，一旦IPO完成后，这家公司就可以申请到证券交易所或报价系统挂牌交易。 　　另外一种获得在证券交易所或报价系统挂牌交易的可行方法是在招股书或登记声明中约定允许私人公司将它们的股份向公众销售。这些股份被认为是“自由交易”的，从而使得这家企业达到在证券交易所或报价系统挂牌交易的要求条件。 大多数证券交易所或报价系统对上市公司在拥有最少自由交易股票数量的股东人数方面有着硬性规定。 　　就估值模型而言，不同的行业属性、成长性、财务特性决定了上市公司适用不同的估值模型。目前较为常用的估值方式可以分为两大类：收益折现法与类比法。所谓收益折现法，就是通过合理的方式估计出上市公司未来的经营状况，并选择恰当的贴现率与贴现模型，计算出上市公司价值。如最常用的股利折现模型(DDM)、现金流贴现(DCF)模型等。贴现模型并不复杂，关键在于如何确定公司未来的现金流和折现率，而这正是体现承销商的专业价值所在。所谓类比法，就是通过选择同类上市公司的一些比率，如最常用的市盈率(P／E即股价／每股收益)、市净率(P／B即股价／每股净资产)，再结合新上市公司的财务指标如每股收益、每股净资产来确定上市公司价值，一般都采用预测的指标。市盈率法的适用具有许多局限性，例如要求上市公司经营业绩要稳定，不能出现亏损等，而市净率法则没有这些问题，但同样也有缺陷，主要是过分依赖公司账面价值而不是最新的市场价值。因此对于那些流动资产比例高的公司如银行、保险公司比较适用此方法。在此次建行IPO过程中，按招股说明书中确定的定价区间1.9～2.4港元计算，发行后的每股净资产约为1.09～1.15港元，则市净率(P／B)为1.74～2.09倍。除上述指标，还可以通过市值／销售收入(P／S)、市值／现金流(P／C)等指标来进行估值。 　　通过估值模型，我们可以合理地估计公司的理论价值，但是要最终确定发行价格，我们还需要选择合理的发行方式，以充分发现市场需求。目前常用的发行方式包括：累计投标方式、固定价格方式、竞价方式。一般竞价方式更常见于债券发行，这里不做赘述。累计投标是目前国际上最常用的新股发行方式之一，是指发行人通过询价机制确定发行价格，并自主分配股份。所谓“询价机制”，是指主承销商先确定新股发行价格区间，召开路演推介会，根据需求量和需求价格信息对发行价格反复修正，并最终确定发行价格的过程。一般时间为1～2周。例如此次建行最初的询价区间为1.42～2.27港元，此后收窄至1.65～2.10港元，最终发行价将在10月25日前确定。询价过程只是投资者的意向表示，一般不代表最终的购买承诺。 　　在询价机制下，新股发行价格并不事先确定，而在固定价格方式下，主承销商根据估值结果及对投资者需求的预计，直接确定一个发行价格。固定价格方式相对较为简单，但效率较低。过去我国一直采用固定价格发行方式，2004年12月7日证监会推出了新股询价机制，迈出了市场化的关键一步。 　　香港证监会和香港联交所于1994年11月发表了《关于招股机制的联合政策声明》，自此，香港的大型新股发行基本上采用累计投标和固定价格公开认购混合招股机制。 　　发行方式确定以后，进入了正式发行阶段，此时如果有效认购数量超过了拟发行数量，即为超额认购，超额认购倍数越高，说明投资者的需求越为强烈。在超额认购的情况下，主承销商可能会拥有分配股份的权利，即配售权，也可能没有，依照交易所规则而定。通过行使配售权，发行人可以达到理想的股东结构。在我国，目前主承销商不具备配售股份的权利，必须按照认购比例配售。据报道，此次建行在香港交易所(120.9,-1.10,-0.90%)发行H股，截至公开招股截止日(10月19日)，共吸引了760亿美元的认购资金，超过拟发售数量近9倍，而向香港公众公开发行部分更是获得了近40倍的超额认购倍率，其中国际发售部分将由联席账簿管理人根据多种因素决定分配，香港公开发售部分原则上严格按比例分配，但分配基准可能会因为申请人的股份数目不同而分组决定，但也不排除可能会进行抽签。 　　当出现超额认购时，主承销商还可以使用“超额配售选择权”(又称“绿鞋”)增加发行数量。“超额配售选择权”是指发行人赋予主承销商的一项选择权，获此授权的主承销商可以在股票上市后的一定期限内按同一发行价格超额发售一定比例的股份，在此期间内，如果市价低于发行价，主承销商直接从市场购入这部分股票分配给提出申购的投资者，如果市价高于发行价，则直接由发行人增发。这样可以在股票上市后一定期间内保持股价的相对稳定，同时有利于承销商抵御发行风险。如此次建行招股说明书就规定了可由中金公司及摩根士丹利添惠代表国际发售承销商于股票在香港联交所开始交易起30日内行使超额配售选择权，以要求建行分配及发行最多合计3,972,890,000股额外股份，占全球初步发售股份的15%。 　　IPO过程职责分配 　　公司及其董事：准备及修订盈利和现金流量预测、批准招股书、签署承销协议、路演 　　保荐人：安排时间表、协调顾问工作、准备招股书草稿和上市申请、建议股票定价 　　申报会计师：完成审计业务、准备会计师报告、资产评估报告(资产评估师)、复核盈利及营运资金预测 　　公司律师：安排公司重组、复核相关法律确认书、确定承销协议 　　保荐人律师：考虑公司组织结构、审核招股书、编制承销协议 　　证券交易所：审核上市申请和招股说明书、举行听证会 　　股票过户登记处：拟制股票和还款支票、大量印制股票 　　印刷者和翻译者：起草和翻译上市材料、大量印刷上市文件 　　IPO的一般流程 　　(一)网上竞价发行的申购程序 　　新股网上竞价发行的具体程序如下： 　　1、新股竞价发行，须由主乘销商持中国证监会的批复文件向证券交易所提出申请，经审核后组织实施。发行人至少应在竞价实施前2—5个工作日在中国证监会指定的报刊及 　　当地报刊上按规定要求公布招股说明书及发行公告。 　　2、除法律、法规明确禁止买卖股票者外，凡持有证券交易所股票账户的个人或者机构投资者，均可参与新股竞买。尚未办理股票账户的投资者可通过交易所证券登记结算机构 　　及各地登记代理机构预先办理登记，开立股票账户，并在委托竞价申购前在经批准开办股票交易业务的证券营业部存入足够的申购资金。 　　3、投资者在规定的竞价发行日的营业时间办理新股竞价申购的委托买入，其办法类似普通的股票委托买入办法。申购价格不得低于公司确定的发行底价，申购量不得超过发行公告中规定的限额，且每一股票账户只能申报一次。 　　4、新股竞价发行申报时，主承销商为唯一的卖方，其申报数为新股实际发行数，卖出价格为发行底价。 　　5、新股竞价发行的成交(即认购确定)原则为集合竞价方式。即对买入申报按价格优先、同价位时间优先原则排列，当某申报买入价位以上的累计有效申购量达到申报卖出数量(即新股实际发行数)时，此价位即为发行价。当该申报价位的买入申报不能全部满足时，按时间优先原则成交。累计有效申报数量未达到新股实际发行数量时，则所有有效申报均按发行底价成交。申报认购的余数，按主承销商与发行人订立的承销协议中的规定处理。 　　6、电脑主机撮合成交产生实际发行价格后，即刻通过行情传输系统向社会公布，并即时向各证券营业部发送成交(认购)回报数据。 　　7、新股竞价发行结束后的资金交收，纳入日常清算交割系统，由交易所证券登记结算机构将认购款项从各证券公司的清算账户中划入主承销商的清算账户；同时，各证券营业部 　　根据成交回报打印“成交过户交割凭单”同投资者(认购者)办理交割手续。 　　8、竞价发行完成后的新股股权登记由电脑主机在竞价结束后自动完成，并由交易所证券登记结算机构以软盘形式交与主承销商和发行人。投资者如有疑义，可持有效证件及有关单据向证券登记结算机构及其代理机构查询。 　　9、采用新股竞价发行，投资人仅按规定交付委托手续费，不必支付佣金、过户费、印花税等其他任何费用。 　　10、参与新股竞价发行的证券营业部，可按实际成交(认购额)的3.5‰的比例向主承销商收取承销手续费，由交易所证券登记结算机构每日负责拨付。 　　(二)网上定价发行的申购程序 　　一、目前网上定价发行的具体处理原则为： 　　1、有效申购总量等于该次股票发行量时，投资者按其有效申购量认购股票。 　　2、当有效申购总量小于该次股票发行量时，投资者按其有效申购量认购股票后，余额部分按承销协议办理。 　　3、当有效申购总量大于该次股票发行量时，由证券交易所主机自动按每1000股确定一个申报号，连序排号，然后通过摇号抽签，每一中签号认购1000股。 　　二、新股网上定价发行具体程序如下： 　　1、投资者应在申购委托前把申购款全额存入与办理该次发行的证券交易所联网的证券营业部指定的帐户。 　　2、申购当日(T+0日)，投资者申购，并由证券交易所反馈受理。上网申购期内，投资者按委托买入股票的方式，以发行价格填写委托单，一经申报，不得撤单。投资者多次申购的，除第一次申购外均视作无效申购。 　　每一帐户申购委托不少于1000股，超过1000股的必须是1000股的整数倍。 　　每一股票帐户申购股票数量上限为当次社会公众股发行数量的千分之一。 　　3、申购资金应在(T+1日)入帐，由证券交易所的登记计算机构将申购资金冻结在申购专户中，确因银行结算制度而造成申购资金不能及时入帐的，须在T+1日提供通过中国人民银行电子联行系统汇划的划款凭证，并确保T+2日上午申购资金入帐。所有申购的资金一律集中冻结在指定清算银行的申购专户中。 　　4、申购日后的第二天(T+2日)，证券交易所的登记计算机构应配合主承销商和会计师事务所对申购资金进行验资，并由会计师事务所楚剧验资报告，以实际到位资金(包括按规定提供中国人民银行已划款凭证部分)作为有效申购进行连续配号。证券交易所将配号传送至各证券交易所，并通过交易网络公布中签号。 　　5、申购日后的第三天(T+3日)，由主承销商负责组织摇号抽签，并于当日公布中签结果。证券交易所根据抽签结果进行清算交割和股东登记。 　　6、申购日后的第四天(T+4日)，对未中签部分的申购款予以解冻。 　　投资者的申购数量如何确定？若市值为19900元，申购数量是1000股还是2000股？ 　　办法规定，每持有上市流通证券市值1万元可申购1000股，投资者持有上市流通证券市值不足1万元的部分，不按四舍五入原则予以进位处理，即市值不足1万元没有申购权。如果一投资者持有上市流通证券市值19900元，其只能申购新股1000股而不是2000股。每一股票账户只能申购一次，重复的申购视为无效申购。投资者申购新股时，无需预先缴纳申购款，但申购一经确认不得撤销。 　　如何查询市值及申购数量？深市账户在多家营业部开户的投资者如何办理申购手续？ 　　投资者在申购新股前，可以到证券营业部像查询其股票账户里的股票余额一样查到其可申购新股的数量。如果深市投资者在多个证券营业部开户，可以任意选择在其中一个证券营业部申购，今后查询配号和缴款都在选定的营业部进行，市值是所有开户营业部的总和，不用担心漏配。 </t>
  </si>
  <si>
    <t xml:space="preserve">何为权证？股份公司如何发行权证？上市公司发行权证，是面向所有大小 </t>
  </si>
  <si>
    <t xml:space="preserve">给你提供以下地址 权证网 2.权证Q_中国经济网_国家经济门户 都可查到你所想要的信息. </t>
  </si>
  <si>
    <t xml:space="preserve">请问今晚能收看新浪直播欧洲杯嘛请问收看新浪网上直播欧洲杯需要注册 </t>
  </si>
  <si>
    <t>不需要注册</t>
  </si>
  <si>
    <t xml:space="preserve">合区了吗？怎么合的？好久没来了 </t>
  </si>
  <si>
    <t>合完了，17GM合的呗，如果合区后你第一次进游戏，登陆选择人物那个地方会出现选择人物和选择综合仓库，如果显示没人物，那就退出重新进，不要自己建，那会很麻烦的</t>
  </si>
  <si>
    <t xml:space="preserve">关于挖宝图？普通宝图能挖到连击吸血或者高级兽诀么？ </t>
  </si>
  <si>
    <t>普通的宝图可以挖到低级兽决，连击比杀什么的也能挖到，看你运气了，不过高级的兽决是挖不到的！</t>
  </si>
  <si>
    <t xml:space="preserve">100分!6岁幼儿右眼张开状态时不能闭左眼，有问题吗？怎么解决？ </t>
  </si>
  <si>
    <t>你的宝宝两眼视力差三甲医院不一定能看好.最好到视光专业门诊或到专业儿童视光治疗中心就可以解决宝宝的视力不好的问题.要到眼科专业部门.你所描述的宝宝睁开眼睛的问题是正常现象.小孩大脑的指令方面不可能和大人一样的.孩子的茁壮成长,要有大人正确的引导.多练练就好.</t>
  </si>
  <si>
    <t xml:space="preserve">贴不贴是我的事，笑不笑是你的事之3象个娘们哭诉了半天，干点正事， </t>
  </si>
  <si>
    <t>大猫咪：象个娘们哭诉了半天，干点正事！小猫咪：俺又来骚扰您了，答不答是我的事，采不采是您的事：俗话说得好吖：旧的不去,新的不来. 旧的一去,新的马上就来 ！这女人如衣服,（哎，怎么说着觉得很别扭。且冒着挨千刀的危险）如果您没衣服，大不了就裸奔! 回头率保证100%！再次恭喜您进入钻石贵族的行列，看您现在多省事啊，一人吃饱全家不饿，钻石闪闪惹人爱啊！</t>
  </si>
  <si>
    <t xml:space="preserve">考试紧张心害怕。手哆嗦，脑袋痛。 </t>
  </si>
  <si>
    <t>这种过度紧张的心理问题很难解决，尤其是，越想考好，就越增加紧张的程度，就会影响正常的思维，也就越考不好，如此形成恶性循环，会加剧你的紧张程度。因此，一方面，注意做好心理调节，如考前缓解一下压力，听听，和好朋友聊聊天，目的就是调整好自己的心态。必要的自信心是一定要有的，不但要考好，还要逐步走出心理误区。当然，自信来源于实力，这就要求你在考前付出比别人更多的努力，认真准备好，准备得充分些，再充分些，一次好的成绩，对于你恢复自信是十分重要的，所以说，考试前一定要克服各种不良情绪，认真准备。在考场上，考试技巧也很重要，相信大家都身经百考，本来技巧不算什么，有的技巧告诉你，先看一遍全部考题，然后再选自己熟悉的来做，但是这样浏览一遍，很可能会发现一些自己不会的问题，这样对于稳定情绪十分不利。经验告诉我们，往往考卷的开始都是比较容易的，所以我个人认为，按部就班地从开始做起，决不轻易放弃，不管后面是什么情况，一个好的开始，是克服你紧张情绪的重要保障，后面的问题虽然有些难度，如果情绪稳定，也许能够正常运用知识来解题。相反，如果你真的把试卷全都看完了，如果后面的难题恰好是你没有充分准备的，恐怕会引起你的紧张情绪，这样可能会进入一种无所适从的状态，那就会加剧你的紧张情绪的。以上为个人观点，尤其是关于考试技巧的评论，仅供参考。祝你早日克服紧张情绪。</t>
  </si>
  <si>
    <t xml:space="preserve">护照与户口的出生地不同，填写签证的个人资料表时，出生地应该天哪一? </t>
  </si>
  <si>
    <t>你好，没有问题。因为办理签证只需要护照和足够的资金。</t>
  </si>
  <si>
    <t xml:space="preserve">汽车的减震器的硬度和行程对性能有什么影响啊 </t>
  </si>
  <si>
    <t>减震器的硬度和行程对汽车的避震较果有很大影响。减震器的内部有硅油的和弹簧的，其主要作用是吸收外部来的震动波，就是我们平时所说的缓冲。冲击力越大，减震器的行程也越大。减震器的硬度和行程成正比，硬度大，行程短，减震较果差。</t>
  </si>
  <si>
    <t xml:space="preserve">焦作有到云台山的直达车吗？ </t>
  </si>
  <si>
    <t>没有直达车的，可以坐3路到云台山附近下车，坐个的士或者三轮很快就到的很近的有呢，3路车。【如果我的答案可以帮到你，请将我的答案设置成有用，谢谢！】</t>
  </si>
  <si>
    <t xml:space="preserve">我说话的时候总是不经过大脑,随口而出,有时候说出来后后悔莫及,怎? </t>
  </si>
  <si>
    <t>这是你的性格所决定的，你快言快语，一看到、一听到某件事情就忍不住冲口而出。这是一大忌，容易伤人、坏了事情。你自己已意识到了，就要懂得控制自己，碰到问题别焦急，下意识让自己想一下，自己碰到的是深么问题？现在所处的环境？对象是什么？会产生什么后果？然后再说出自己的想法，效果就会好很多。只要注意了，慢慢地就会克服口没遮拦的毛病。</t>
  </si>
  <si>
    <t xml:space="preserve">青春偶像剧有什么特点？ </t>
  </si>
  <si>
    <t>有纯洁与勾心斗角两种人物，往往有剪不断理还乱的爱情，有最日常出炉的搞笑阵势，最惹人怜爱的悲剧情节，明星演绎，透出青年心中的稚嫩、冲动与理想，讲述身边发生的故事。</t>
  </si>
  <si>
    <t xml:space="preserve">酪氨酸酶为什么不能对白化病进行基因诊断？那要怎样？ </t>
  </si>
  <si>
    <t xml:space="preserve">酪氨酸酶是基因的产物，而不是基因本身。基因诊断技术它的基本原理是：互补的DNA单链能够在一定条件下结合成双链，即能够进行杂交。这种结合是特异的，即严格按照碱基互补的原则进行，它不仅能在DNA和DNA之间进行，也能在DNA和RNA之间进行。因此，当用一段已知基因的核酸序列作出探针，与变性后的单链基因组DNA接触时，如果两者的碱基完全配对，它们即互补地结合成双链，从而表明被测基因组DNA中含有已知的基因序列。由此可见，进行基因检测有两个必要条件，一是必需的特异的DNA探针；二是必需的基因组DNA。当两者都变性呈单链状态时，就能进行分子杂交。 </t>
  </si>
  <si>
    <t xml:space="preserve">小狗狗晚上饿该怎么办!我家小狗一个多月了!!感觉不恋家了!!!可 </t>
  </si>
  <si>
    <t>这是因为狗狗太小,它还没有适应单独生活,你可在它的睡觉的垫子下放一个滴答响的闹钟让它感觉到妈妈就在身边,这样它就能安心睡觉了,另外一定要注意保暖.这样小的狗狗每天要喂四至五顿,才不会感到饿.</t>
  </si>
  <si>
    <t xml:space="preserve">求DZ宏偷袭不破闷求一个宏啊~~偷袭可以获得2到3个连击点并且不 </t>
  </si>
  <si>
    <t>/施放 偷袭/script ClearTarget()偷袭后取消目标...没有目标你攻击个P...不攻击闷棍打断个P...不打断...潜行后继续偷袭...还有一种方法是释放偷袭后用远程武器攻击...因为距离近所以不能攻击从而不打断闷棍...</t>
  </si>
  <si>
    <t xml:space="preserve">女人到底在憧憬着怎样的爱情？都知道爱情是女人的生命，可她们心中的 </t>
  </si>
  <si>
    <t>你现在的情况，就像是一个刚买手机的人，因为不懂什么是蓝牙，而非要发誓搞清楚所有问题，什么是安卓，什么是苹果，什么是M9...其实很多事情，很多不懂的。你说开车的人几个懂发动机原理？道理都是人总结的，就像我曾经伤心的时候，总是在海边走走，听歌，在夜晚。多年后看杂志，所谓的专家讲人若是伤心应该怎么做，我这3条全占上了。没必要追究，太累。一人一个样，搞清楚了还是没用。有一句话对，老师说的：哲学的观点说，具体情况具体分析。爱自己，爱生活吧，你把精力放在别的问题上，到头来自己一场空，那才是难过的时候。</t>
  </si>
  <si>
    <t xml:space="preserve">关于新浪会员的加入我已注册了新浪会员，为什么在提交简历时，总说我 </t>
  </si>
  <si>
    <t xml:space="preserve">新浪会员就是新浪通行证，是用户登录新浪的统一验证身份。申请了新浪通行证后，您将成为当前最大的中文网站新浪网大陆站的一员，可以实现一证通行新浪的畅游梦想，并能充分享受为您量身制定的各种网上个性化服务。通行证和会员编码不一样。如有更多问题， 请咨询新浪客服中心。全国统一客服热线：     咨询邮箱：webcn@ </t>
  </si>
  <si>
    <t xml:space="preserve">博客有时候首页无法显示，为什么呢？很多次了~要怎么解决呢 </t>
  </si>
  <si>
    <t>您好，可能是由于服务器不稳定所导致的，遇到这种情况，稍候登陆即可</t>
  </si>
  <si>
    <t xml:space="preserve">8下物理质量为50千克的人站在水平地面上,对地面的压力为多少?一 </t>
  </si>
  <si>
    <t xml:space="preserve">站在水平地面上，对地面的压力等于他的重力 F=G=mg =50*9.8=490N 走路时一只脚着地，一脚离地。故压强： P=F/S =490/0.02 =24500pa 他站立时两只脚着地，对地面的压力不变，受力面积加倍，压强变为走路时的一半 12250pa </t>
  </si>
  <si>
    <t xml:space="preserve">本本为何重复两次开机键才能运行？我的本本最近不知为何开机非常麻烦 </t>
  </si>
  <si>
    <t>我有一个本本和你的一样的反映。不过不知道你的是什么问题。共享一下经验吧。我的是本本的主板有问题了。主板上电源和主板的那个模块了点问题。由于键盘进水导致的。</t>
  </si>
  <si>
    <t xml:space="preserve">学校不办专业课辅导班，外校的同学太吃亏了。有好办法获得专业课复习? </t>
  </si>
  <si>
    <t>你找在那所学校你认识的人，让他帮你搞资料，或者到那咨询看什么参考书，如果有可能，你通过你认识的人，到那位老师的专业课去蹭课，那么多学生，他认识谁呀？</t>
  </si>
  <si>
    <t xml:space="preserve">公测还有几天?公测需要重下游戏吗? </t>
  </si>
  <si>
    <t>8月28日公测，要重新下客户端的官网公告：8月28日《华夏2》公测的日子逐渐临近，为避免玩家在同一时间下载客户端造成网路堵塞，《华夏2》公测客户端将于8月22日15：00提前开放下载，所有玩家均可于当天登陆《华夏2》官方网站 下载《华夏2》公测客户端。</t>
  </si>
  <si>
    <t xml:space="preserve">枸杞，桂圆，荔枝可以放在一起泡酒吗 </t>
  </si>
  <si>
    <t>1.枸杞：枸杞子用于肝肾阴虚，阴虚劳嗽等。但外邪实热、脾胃虚寒、大便溏泄者忌服。元阳气衰，阴虚精滑之人慎用。2.荔枝：有补脾益肝、理气补血、温中止痛、补心安神的功效。但阴虚火旺者慎服。《食疗本草》：多食则发热。《海药本草》：食之多则发热疮。《纲目》：鲜者食多，即龈肿口痛，或衄血。病齿匿及火病人尤忌之。3.桂圆：益心脾，补气血，具有良好有滋养补益作用，可用于心脾虚损、气血不足所致的失眠、健忘、惊悸、眩晕等症。但有上火发炎症状时不宜食用，怀孕后不宜过多食用。</t>
  </si>
  <si>
    <t xml:space="preserve">韩国人为什么说针灸是他们发明的？？？？？太自不量力了啊！呵呵！螳 </t>
  </si>
  <si>
    <t>韩国人说过这个问题吗？针灸是中国发明的，这是毋庸置疑的，它对周边国家都有影响，只是今年来我国的中医水平有些下滑而以，还有就是我国对这方面的宣传和重视程度作的不够，当然也包括很多传统的文化，这是政府的工作没做好。</t>
  </si>
  <si>
    <t xml:space="preserve">文件的格式是什么意思？ </t>
  </si>
  <si>
    <t>文件有很多中的格式，一般由其后缀决定，不同格式的文件有不同的功能。比如txt格式是文本文档，exe是可执行文件，doc是word的文档，bat是批处理文件。你可以在文件夹中选择工具-文件夹选项-查看-取消“隐藏已知文件的扩展名”来看到文件的后缀，拿它上网查询即可知道文件的作用。</t>
  </si>
  <si>
    <t xml:space="preserve">连续两个早上痰中有血,是咽喉出的血,请问是怎么回事?早先有鼻炎, </t>
  </si>
  <si>
    <t>一般的程序是先做痰细菌培养，和做肺X片透视。检查的目的是看是否是病菌感染引起，是否是肺部有病变。尽管你自认为是咽喉有问题。医院的检查总是这样的。象肺结核是可以通过拍片看到的。从症状上说，我觉得主要是生理上的改变。因为你长期的频繁的咳嗽，这样使咽喉部位长时间地充血肿胀，自然会咳出血丝来。如果痰中夹带鲜红血丝，说明血丝来自喉咙，如呈暗红，则表示陈血，有可能来自肺部。我想你主要是咳嗽的太厉害，咳出来的血。所以咳要治好，血自然消失。润喉的胖大海，莲子芯，白菊等清凉润喉，枸杞子滋阴，都可以泡饮。也可以服用咳嗽糖浆之类的止咳嗽药，关键止住咳嗽。生活上注意不要受凉，受凉使抵抗力下降。诫烟酒，少辛辣。还有关键就是多做户外运动。可以说，运动是最好的药方，要持之以恒。</t>
  </si>
  <si>
    <t xml:space="preserve">吉他也分现代和古典的吗？ </t>
  </si>
  <si>
    <t>要分的。分的还比较细。无论从音乐作品还是乐器本身都要分现代和古典。音乐作品上有古典、爵士、摇滚、巴洛克、浪漫、现代等吉他音乐作品。乐器上分有古典、民谣、爵士、夏威夷等吉他，一般来说是表现什么流派作品用什么流派乐器。</t>
  </si>
  <si>
    <t xml:space="preserve">【开车】从上海到南京，多少路费？多少时间？ </t>
  </si>
  <si>
    <t>单程的费用是125元(江苏段110元;上海段15元)高速全长307公里.(主要看你在中途是否要休息了.)在120码的均速下要2个小时多一点.注意:在江苏段最高120码,上海段最高110码.</t>
  </si>
  <si>
    <t xml:space="preserve">新能源概念股的炒作第二波应该要起动了。近段时间股指连涨有些出乎我 </t>
  </si>
  <si>
    <t>600089看其日线图走势,去年11月份发动的行情应该为机构拔高建仓,可能高位没有完全出局,然后顺势下跌.据其年报,机构筹码还比较集中,如果讲目前创新低应该为机构借大势顺势回补筹码又摊底成本,假若是这样的情况,也许此票后市的走势会不错的.不过此票历史上为大牛股,近三年没有行情了,也许老庄又于去年介入了,但没赚钱,反而把自已套牢了,有可能此票这波走势会不错的.600482次新股,目前均线多头排列,短中线均不错.000939刚上市时就曾大炒过,去年走势也不错,此票我认为波段操着为好,按均线持有,如能见7.5元就出局换股操着为好(去年已炒,历史套牢盘较重).</t>
  </si>
  <si>
    <t xml:space="preserve">阳春白雪70绿金头高手估价请高手估价绿的不怎么样用不用继续绿本区 </t>
  </si>
  <si>
    <t>敏 不高  打手用的好头 3000W 可以卖出不用绿了 帽子没有什么好绿的 一般都是鞋子</t>
  </si>
  <si>
    <t xml:space="preserve">081期R9晒单~~~(图)看看哪几场可能出事？ </t>
  </si>
  <si>
    <t>巴萨不打假球的话--你中了！！好运！！</t>
  </si>
  <si>
    <t xml:space="preserve">基金在银行买.为什么也有一年期的.可不可以提前支取. </t>
  </si>
  <si>
    <t>没搞明白问的是啥意思。猜想一下：银行卖的基金是没有固定期限的，随时可以赎回，不存在提前支取。要么你说的就是和基金产品挂钩的理财产品，那种是有期限的，客户不能提前终止（也就是提前支取）。</t>
  </si>
  <si>
    <t xml:space="preserve">为什么有的狮子长翅膀，那是什么狮子 </t>
  </si>
  <si>
    <t>狮子不可能长翅膀的，以前在官网论坛的图片上见过个长翅膀的豹子，但后来证明其实是假造出来的：骑豹子开挂飞到天上，豹子下面再有个玩家带着30任务给的雄鹰之翼在下面飞，因为豹子挡住了下面的人，所以以为是一直长翅膀的豹子LZ见过的长翅膀的狮子不知道是不是这么来的，要是有截图就好了还有就可能是自己在电脑上做的假图</t>
  </si>
  <si>
    <t xml:space="preserve">天气太冷了，怎么取暖阿。 </t>
  </si>
  <si>
    <t>买个热水袋  广东好像不冷的  洗完澡都穿拖鞋</t>
  </si>
  <si>
    <t xml:space="preserve">我的博客登录名找不到了，我的地址是，帮帮忙。 </t>
  </si>
  <si>
    <t>您好：请在您的博客登陆名处输入您的会员编号1506309151及您的密码即可登陆您的博客，点击【空间】进入后，点击【帐户管理】--帐号管理即可看到您的登录名 。 相关信息： 博客登录名忘了怎么办 ? 第一步、请输入地址   第二步、在新浪通行证页面左上角的登录名输入您的会员编号1506309151 ，再输入密码。然后点击右边的登录； 第三步、左上角的新浪通行证就能看到您所有的个人信息，包括登录名、会员编码、昵称等基本信息。祝您顺利找回登陆名！</t>
  </si>
  <si>
    <t xml:space="preserve">谁能告诉我这花花的名字？ </t>
  </si>
  <si>
    <t>这是紫露草，很漂亮。</t>
  </si>
  <si>
    <t xml:space="preserve">解直角三角形如图，三角形ABC是直角三角形，角ABC=90度，以 </t>
  </si>
  <si>
    <t>(1) 如下图所示.连BE,OE, ∵ ∠AED=90°, ∴ ∠BEC=90°,在Rt△BEC中,D为斜率\边BC的中点, ∴ DB=DC=DE, ∴ ∠DEC=∠C,∠BED+∠C=90°.又∠OBE=∠OEB.  ∴ ∠BED+∠OEB=90°,,即OE⊥DE, ∴ DE与圆O相切.(2) 由勾股定理,AC²=(2√3)²+6²=48, AC=4√3,∵ BE×AC=AB×BC, ∴ BE=3.  ∵BE=BC/2, ∴ ∠C=30°,∴ ∠ABE=30°, ∴ AE=AB/2=√3.</t>
  </si>
  <si>
    <t xml:space="preserve">请问武清区的黄花店乡什么样子啊?她的人口,环境,农业发展啊^^^ </t>
  </si>
  <si>
    <t xml:space="preserve">人口20000多 环境比较差 到处是农田和野草 </t>
  </si>
  <si>
    <t>排卵期前两天同房会不会怀孕？我1月2号来的月经，月经周期30</t>
  </si>
  <si>
    <t>会的，精液在你的体内也能存活段时间，所以受孕率很高！</t>
  </si>
  <si>
    <t xml:space="preserve">一个很不明白的问题为什么奥运会上的奖牌榜上有写中国香港，中国澳门 </t>
  </si>
  <si>
    <t>参加奥运会的不是主权国家，而是国家和地区的奥委会。懂吗？香港，澳门，台湾都有自己的奥委会，所以他们可以单独组队参加奥运会。懂吗？</t>
  </si>
  <si>
    <t xml:space="preserve">爱丽丝梦游仙境症的病因、症状、防治？ </t>
  </si>
  <si>
    <t>爱丽丝梦游仙境症：时空和身体感觉错乱 　　爱丽丝梦游仙境症状（AIWS），或者叫“视微症”，是神经学上的一种高度迷惑性现象，以致影响到人类的视觉感知。患此视觉疾病的人类和动物，会把部分人以及无生命目标看得比真实的要小很多。常常这些被感知的物体，会在同一时间被看来非常得远或者非常得近。例如，一辆尺寸正常的汽车，可能被看来是一个小玩具。而一只宠物狗也可能被看作只有老鼠大小。</t>
  </si>
  <si>
    <t xml:space="preserve">关于“时代”的英文时代的英文:time和times比如加上我的名 </t>
  </si>
  <si>
    <t>第一个问题，应该用times,time更强调时间，而非时段，时代是指一段时期，所以times更合适第二个问题：这个英文名字有难度，Johnson</t>
  </si>
  <si>
    <t xml:space="preserve">luna2官网出了没有？？在哪里啊？ </t>
  </si>
  <si>
    <t>你好～《luna2》国服官网是 祝好运～猛龙祝你天天好心情！</t>
  </si>
  <si>
    <t xml:space="preserve">流泪的样子叫（）然快解决 </t>
  </si>
  <si>
    <t>潸（拼音：shan）然泪下，这个成语知道吗？？？</t>
  </si>
  <si>
    <t xml:space="preserve">异能者什么时候可以开异能者好不好用 </t>
  </si>
  <si>
    <t>估计收费前应该可以了</t>
  </si>
  <si>
    <t xml:space="preserve">HTC8S这款手机怎么样！ </t>
  </si>
  <si>
    <t>屏幕偏小  像素偏低。。。。怎么说也要有720P才对得起8S在  WP里的地位嘛。。。电池不可拆啊。。。还有就是系统的问题了   目前WP系统没有像IOS Android系统的生态环境那么好   只能保证基本软件的安装使用  不过如果等得了WP崛起的话  这手机还是十分有购买意义的  而且作为第一批WP8手机   收藏价值也是很高的。。。</t>
  </si>
  <si>
    <t xml:space="preserve">我的电脑突然没声音了5555我的电脑一直是正常的，今天在帖吧听到 </t>
  </si>
  <si>
    <t>您好：把原来的删除掉，再重新安装就可以了~~声卡损坏或掉失使用以下方法重新安装声卡驱动就有声音了~~重装声卡驱动的方法：1、EVEREST Ultimate Edition V3.50.865 绿色特别版下载网站： 打开everest----计算机------摘要-----多媒体、声卡-------纪录声卡型号或直接点出声卡下载地址（可能为英文）----------2、纪录型号到驱动之家网站下载下载网站： ，搜索并下载声卡驱动；3、右键我的电脑属性-----硬件-----设备管理器-----声音、视频和游戏控制器-----右击打？（？）号音频设备（audio）----删除4、重启电脑发现新硬件——按提示安装声卡驱动说明：或直接安装更新声卡驱动包就可以了（有些不行），你试试安装可以。不行只好先删除声卡了。如果有什么有什么问题可以用爱问发信息给我，我帮你解决。</t>
  </si>
  <si>
    <t xml:space="preserve">我的夏历要处理04年3月买的四缸两厢1.3无助力自用3.6万公里 </t>
  </si>
  <si>
    <t>此车目前市场参考价格在3.3万上下，夏利今年9月部分车型又有所调价，建议尽早出手，避免不必要的损失。</t>
  </si>
  <si>
    <t xml:space="preserve">手中有1200美元3月30号到期问该怎办？李老师您好：我现在手中 </t>
  </si>
  <si>
    <t>我的建议继续放定期吧!最后是两年以上的!</t>
  </si>
  <si>
    <t xml:space="preserve">什麽是福利分房福利分房的范围是什麽？ </t>
  </si>
  <si>
    <t>福利分房是指国家对职工收入还不具备以市场价格购买和租住住房能力的条件下，在住房上实行的低租金和优惠售房作为补贴与救济的一种福利措施。是一种带有社会保障性质（采用国家、单位、个人三方负担体制）的社会福利分房制度。</t>
  </si>
  <si>
    <t xml:space="preserve">绿豆防虫有办法吗?有没有简单可行的方法. </t>
  </si>
  <si>
    <t xml:space="preserve">防止绿豆生虫的办法     放在家里的绿豆很容易生出一些小飞虫，怎样防虫效果才好呢？方法一：将新买来的绿豆放在刚刚煮开的水中浸泡十分钟；然后将绿豆捞出，放在通风的地方自然晒干（记得到回大碗中）；接着拿来了一个空罐头瓶，把已经晒干的绿豆全部装入干燥的空罐头瓶中，然后把瓶盖拧紧。这样，保存在罐头瓶中的绿豆在一两年之内都不会生虫子啦．    方法二：把干辣椒用剪刀剪碎，把新买来的绿豆以两斤为单位分别装入塑料带中，然后把刚刚剪碎的干辣椒放入装有绿豆的塑料袋中，最后把塑料袋密封起来，再把它们放到干燥、通风的地方。这种方法可以起到防潮、防霉、防虫的作用，能够使绿豆保持１年不坏． </t>
  </si>
  <si>
    <t xml:space="preserve">“重门”这个词里“重”的读音，确定者进，要写出处重门的意思：1. </t>
  </si>
  <si>
    <t>chóng《三重门》</t>
  </si>
  <si>
    <t xml:space="preserve">属相是按阴历还是按阳历？比如：在1985年阴历十二月二十三日出生 </t>
  </si>
  <si>
    <t>属相是按照阴历来算的，85年就是牛年了。</t>
  </si>
  <si>
    <t xml:space="preserve">关于电蚊拍和灭蚊灯有谁知道电蚊拍和灭蚊灯,效果怎么样,谢谢 </t>
  </si>
  <si>
    <t xml:space="preserve">    1、灭蚊灯的工作原理是利用蚊子的趋光性，将蚊子吸引过来，使其触电身亡，采用高效诱蚊灯管，对蚊虫等有害飞虫都有高效引诱作用，通过静电电击能够瞬间杀灭飞虫；电子灭蚊灯电路设计限流，低耗电，高效能，只要接通电源即可使用，无任何物质挥发。   灭蚊灯具有结构简单、售价低廉、美观大方、体积小、耗电省等特点。由于在使用时，不需要采用任何化学灭蚊物质，是一种相对环保的灭蚊方式。   灭蚊灯虽然环保，但驱蚊较为被动，有点守株待兔的味道。需要提醒的是，灭蚊灯有一定的危险性，特别是有儿童的家庭，要放置高处，避免儿童触摸。另外，不能用导电物体伸进高压网内，以免被电击。灭蚊灯应放置在1.5米至2米的高度，才可以达到最佳的捕杀效果，电击蚊蝇时发出的“啪啪”声属正常现象。   2、灭蚊拍状似网球拍，拍面由三片方格金属网构成。与普通的蚊蝇拍不同的是，灭蚊拍可以将蚊蝇在空中直接拍死。灭蚊拍靠电流吸附蚊虫，但不带光源。由于灭蚊拍使用的是直流电源，安装两节电池即可使用，所以即便在通电情况下，人体触摸或轻贴在网面上都不会遭受电击。    灭蚊拍可以自由移动，因此灭蚊的主动性强，使用时不仅可以拍打飞行中的蚊虫，还可以拍打叮咬中的蚊虫。灭蚊拍利用电击摧毁蚊虫，比较干净卫生。灭蚊拍在室内外都可以使用，既卫生又不污染墙壁，无臭无味，无化学污染。</t>
  </si>
  <si>
    <t xml:space="preserve">玫瑰花蕾代表的意义我想知道一朵玫瑰花两朵蕾是什么含义呢？谢谢 </t>
  </si>
  <si>
    <t>花数目代表的意义 :1朵玫瑰代表 我的心中只有你 ONLY YOU 2朵玫瑰代表 这世界只有我俩 3朵玫瑰代表 我爱你 I LOVE YOU 4朵玫瑰代表 至死不渝！ 5朵玫瑰代表 由衷欣赏 6朵玫瑰代表 互敬,互爱,互谅！ 7朵玫瑰代表 我偷偷地爱著你！ 8朵玫瑰代表 感谢你的关怀扶持及鼓励 9朵玫瑰代表 长久 ALWAYS 10朵玫瑰代表 十全十美 无懈可击 11朵玫瑰代表 最爱 只在乎你一人 12朵玫瑰代表 对你的爱与日俱增！ 13朵玫瑰代表 友谊长存 14朵玫瑰代表 骄傲！ 15朵玫瑰代表 对你感到歉意I'M SORRY！ 16朵玫瑰代表 多变不安的爱情 17朵玫瑰代表 绝望无可挽回的爱！ 18朵玫瑰代表 真诚与坦白 19朵玫瑰代表 忍耐与期待 20朵玫瑰代表 我仅一颗赤诚的心 21朵玫瑰象徵 真诚的爱 22朵玫瑰象徵 祝你好运 25朵玫瑰象徵 祝你幸福！ 30朵玫瑰象徵 信是有缘 36朵玫瑰象徵 浪漫 40朵玫瑰象徵 誓死不渝的爱情 50朵玫瑰象徵 邂逅不期而遇！ 99朵玫瑰象徵 天长地久 FOREVER 100朵玫瑰象徵 百分之百的爱 100% LOVE 101朵玫瑰象徵 最……最爱！ 108朵玫瑰象徵 求婚 144朵玫瑰象徵 爱你生生世世 365朵玫瑰象徵 天天想你 999朵玫瑰象徵 天长地久 1001朵玫瑰象徵 直到永远</t>
  </si>
  <si>
    <t xml:space="preserve">为什么我每次找账号找回客服都说忙我在5173上买了个账号结果被卖 </t>
  </si>
  <si>
    <t xml:space="preserve">尊敬的客户：     您好！5173回复客服01很高兴为您服务！        非常抱歉，耽误您的时间！由于您的问题需要查询，建议您提供相关的5173用户名，我们在查询后会尽快与您联系。                            </t>
  </si>
  <si>
    <t xml:space="preserve">睡觉的时候流口水,该怎么办?有什么办法可治吗?也听说过要平躺着睡 </t>
  </si>
  <si>
    <t xml:space="preserve">首先，可能是睡觉姿势不当。像趴在桌子上睡、侧卧位睡觉，都容易引起流口水。 其次，口腔内的炎症也会促进唾液分泌。如口腔被细菌感染，疼痛明显，容易流口水，需要局部用药促进溃疡愈合，流口水的情形会自动消失。 牙齿畸形是引起睡觉时流口水的第三个原因。尤其是凸面型牙齿畸形的患者，前牙向前凸出较明显，常出现开唇露齿，睡觉时唇部很难完全覆盖前牙面，上下唇常自然分开，就容易流口水。这类患者最好尽快矫正牙齿。 除了上述口腔问题外，还有些全身性疾病也可能引起睡觉时流口水。一些神经官能症或其他可能引起植物神经紊乱的全身疾病患者，睡觉时也可能出现副交感神经异常兴奋的情况，会使大脑发出错误信号，引起唾液分泌增加。 另外，像服用某些抗癫痫类药物的副作用之一，就是流口水，选择药物时需要注意。 口水，医学上叫做唾液，为无色、透明、有咆沫、稍混浊的液体。唾液分泌量和尿量相似，平均每日约为一千五百毫升。 睡觉时流口水，一般由以下因素所致： 一、口腔卫生不良：口腔里的温度和湿度最适合细菌的繁殖，牙缝和牙面上的食物残渣或糖类物质的积存，容易发生龋齿、牙周病。这些不良因素有刺激，可造成睡觉时流口水。 二、前牙畸形：这可能由于遗传因素造成后天不良习惯，如啃指甲、吐舌、咬铅笔头等，造成前牙畸形，睡觉流口水。 三、神经调节障碍：唾液分泌的调节完全是神经反射性的，所谓"望梅止渴"，就是日常中条件反射性唾液分泌的一个例子。所以神经调节发生障碍，也可产生睡觉时流口水的情况。 睡觉时流口水，有咸味，枕巾呈淡黄色，很可能是由于口腔卫生不良，积存食物残渣，天长日久牙石较多，引起牙龈发炎，乃至牙龈少量出血。因而睡觉时流出口水有咸味，呈淡黄色。 防治的办法是：首先要注意口腔卫生，养成早晚刷牙、饭后漱口的习惯。也可请口腔科医生诊治，采用洁治疗法，去除牙石，服用维生素C及B2等药，消除牙龈炎，减少不良刺激。  口水，医学上叫做唾液，为无色、透明、有咆沫、稍混浊的液体。唾液分泌量和尿量相似，平均每日约为一千五百毫升。 睡觉时流口水，一般由以下因素所致： 一、口腔卫生不良：口腔里的温度和湿度最适合细菌的繁殖，牙缝和牙面上的食物残渣或糖类物质的积存，容易发生龋齿、牙周病。这些不良因素有刺激，可造成睡觉时流口水。 二、前牙畸形：这可能由于遗传因素造成后天不良习惯，如啃指甲、吐舌、咬铅笔头等，造成前牙畸形，睡觉流口水。 三、神经调节障碍：唾液分泌的调节完全是神经反射性的，所谓“望梅止渴”，就是日常生活中条件反射性唾液分泌的一个例子。所以神经调节发生障碍，也可产生睡觉时流口水的情况。 睡觉时流口水，有咸味，枕巾呈淡黄色，很可能是由于口腔卫生不良，积存食物残渣，天长日久牙石较多，引起牙龈发炎，乃至牙龈少量出血。因而睡觉时流出口水有咸味，呈淡黄色。 防治的办法是：首先要注意口腔卫生，养成早晚刷牙、饭后漱口的习惯。也可请口腔科医生诊治，采用洁治疗法，去除牙石，服用维生素C及B2等药，消除牙龈炎，减少不良刺激。 </t>
  </si>
  <si>
    <t xml:space="preserve">李商隐共有几首无题诗？（包括以名句首二字为题的准无题） </t>
  </si>
  <si>
    <t xml:space="preserve">以《无题》命名的共有15首：《无题》（八岁初照镜） 《无题》（照梁初有情） 《无题二首》（昨夜星辰；闻道阊门） 《无题四首》（来是空言；飒飒东南；含情春畹晚；何处哀筝） 《无题》（相见时难） 《无题》（紫府仙人） 《无题二首》（凤尾香罗；重帷深下） 《无题》（近知名阿侯） 《无题》（白道萦回） 《无题》（万里风波） 准无题诗无准确数字，研究者说法不一。 </t>
  </si>
  <si>
    <t xml:space="preserve">宝宝耳朵怎么了?拍了这张照片,突然发现孩子耳朵不一样大,,大小很 </t>
  </si>
  <si>
    <t xml:space="preserve">  你的宝宝好可爱哦！养的挺好的。耳朵大小每个孩子都会，从相片上看，宝宝的左耳似乎贴脑门更紧一些，这和宝宝的睡觉的姿势有关，做妈妈在每天喂奶时，要常常摸摸宝宝的脑门，促进天门的愈合；捏捏两眼之间的鼻梁，以后小鼻子会挺得多；搓搓宝宝的耳轮，帮助其定型，宝宝耳骨很软，母体带出时有时会黏合在一块，有时侧睡不注意或戴帽子也会压到。在一周前妈妈常常摸摸，可以恢复耳骨，不必看医生的。</t>
  </si>
  <si>
    <t xml:space="preserve">有了孩子，老公对我越来越差我和老公是经人介绍在一起的，当初因为看 </t>
  </si>
  <si>
    <t>你说的我都懂！因为我经历过这种生活，但我婆婆没有高血压，但她不愿意晚上帮，白天她也只顾着忙自己的，初为人母的我也跟你一样，老公长期在外，无论自己生病还是什么都没有人帮你，孩子病了自己一个人背着坐车上医院，看到孩子哭自己跟着掉眼泪！那一段时间简直把我累垮了，精神也快崩溃了！我也哭了无数次，但后来我坚强起来了，哭有用吗？没有，只不过换来“别人”的讨厌。我不再哭了，我要做孩子的榜样，让他从小坚强！我耐心地照顾着孩子，做起家里所有的家务，笑着帮公公婆婆的衣服也洗了，我不是希望老公或他的家人感激我，我只是想大家可以溶洽相处。婆婆看到我的改变，有时也帮我带一下孩子，我也会带着宝宝逛逛街，减少压力，有空跟宝宝唱歌，读儿诗，我要让他长大以后会为有我这样的妈妈骄傲。我的宝宝现在快一岁了，长得很可爱！我也有了自己的工作，婆婆跟来帮我带孩子了。我觉得现在每一天都很实在，生活就这样，有苦有乐，捱捱就过去了，祝你好运，坚强吧！我支持你！</t>
  </si>
  <si>
    <t xml:space="preserve">小学数学S43六年级一班有学生50人，第一次考试有38人及格，第 </t>
  </si>
  <si>
    <t>第一次考试及格,第二次不及格有38-20=18第二次考试及格,第一次不及格有24-20=4两次考试都不及格的有50-18-4-20=8</t>
  </si>
  <si>
    <t xml:space="preserve">都是中国人,为什么香港和澳门的居民可以不服兵役这段时间全国都在招 </t>
  </si>
  <si>
    <t>在建设有中特色的社会主义的前提下，中国是允许特区存在的，既然是特区，就有特殊政策，这应该不值得奇怪吧。</t>
  </si>
  <si>
    <t xml:space="preserve">我的心中充满仇恨!我是一名基督徒,可是现在我的心中充满了仇恨.. </t>
  </si>
  <si>
    <t xml:space="preserve">       如果我们没有爱，我们就一无所有、毫无力量，可是当我们去爱的时候，却发现自己成了极为软弱、也许是成为被人踩踏的人；可是，只有当我们处在这种软弱的境地时，才会发现我们比我们想像得更有力量！还有没有印象?当耶稣被钉在十字架上断气后，有人在十字架下捶着胸说“他真是神的儿子”（参见马可15:39和路加23:47-48。）为什么？相信他是神的儿子不是在他显奇迹的时候却是他看起来最无能的时候？      因着爱背负的十字架所产生的力量和十字架的重量成正比！      “我为基督的缘故，就以软弱，凌辱，急难，逼迫，困苦，为可喜乐的。因我什么时候软弱，什么时候就刚强了。”（歌林多后书12：10）祈祷吧，让主来改变我们充满恨的心！     谨致喜乐平安！</t>
  </si>
  <si>
    <t xml:space="preserve">黄河的中下游的分界线是什么？ </t>
  </si>
  <si>
    <t xml:space="preserve">   黄河中上游的分界线是河口,中下游的分界线是旧孟津</t>
  </si>
  <si>
    <t xml:space="preserve">跑步机的价格一般是多少？ </t>
  </si>
  <si>
    <t>1500-20000元的都有。具体可到商场看看。多看多比较几家再买。</t>
  </si>
  <si>
    <t xml:space="preserve">螺杆式单级压缩空压机工作原理是什么？简单介绍下 </t>
  </si>
  <si>
    <t>螺杆式单级压缩空压机是由一对相互平行齿合的阴阳转子（或称螺杆）在气缸内转动，使转子齿槽之间的空气不断地产生周期性的容积变化，空气则沿着转子轴线由吸入侧输送至输出侧，实现螺杆式空压机的吸气、压缩和排气的全过程。杭州粤新</t>
  </si>
  <si>
    <t xml:space="preserve">大话2现在练级容易么？在犹豫回不回来玩。 </t>
  </si>
  <si>
    <t>还行，20级前拉骆驼，20-70级捉鬼，然后做做天，周末做下活动，一下就转拉，新手礼包什么都有送也不用花什么钱。据说马上要开新资料片拉，貌似会有更多技能，还有主角造型更新等等，现在回来还是不错的。</t>
  </si>
  <si>
    <t xml:space="preserve">我想问问第一次作爱是不是特别的痛？男的那里进去后还要疼多长时间啊? </t>
  </si>
  <si>
    <t>女人第一次会痛,这才叫痛并快乐着,其实以后的性生活中也会痛,会好起来的,没什么可怕的,做爱之前充分预热,爱液分泌越多就越不痛</t>
  </si>
  <si>
    <t xml:space="preserve">个人自带银行汇票到外地采购货物可以在任一商业银行取现吗？ </t>
  </si>
  <si>
    <t>供你参考：              人民币结算服务-汇票       定义：    汇票是出票信用社签发的，由其在见票时按照实际结算金额无条件支付给收款人或者持票人的票据。 业务特点：    票随人到、方便灵活、兑付性强、使用广泛。 适用范围：     异地或同城结算。  适用对象： 　　单位各种款项结算。 使用提示： 　　1．汇票可以用于转账，填明“现金”字样的银行汇票也可以用于支取现金，但现金银行汇票的申请人和收款人均必须为个人。  　　2．汇票背书后可以转让。现金汇票不能背书转让。 　　3．汇票的提示付款期限自出票日起1个月。 　　4．持票人向银行提示付款时，必须同时提交汇票和解讫通知。在银行开立存款账户的持票人向开户银行提示付款时，应在汇票背面“持票人向银行提示付款签章”处签章，签章须与预留银行签章相同。未在银行开立存款账户的个人持票人，可以向选择的任何一家银行机构提示付款。提示付款时，除在汇票背面“持票人向银行提示付款签章”处签章外，还应填明本人身份证件名称、号码及发证机关。  　　5．银行汇票丧失，失票人可以凭人民法院出具的其享有票据权利的证明，向出票银行请求付款或退款。</t>
  </si>
  <si>
    <t xml:space="preserve">价格不要太高，一定要是我们普通学生能接受的，但一定要耐穿。 </t>
  </si>
  <si>
    <t>本来想说耐克的，但你又说价格不要太高。那国产的品牌里就贵 人 鸟的吧。个人觉得性价比蛮高的。大一的时候买了双，现在两年多了还蛮好，很舒服。</t>
  </si>
  <si>
    <t xml:space="preserve">顶？一个菜鸟问题：我看到很多评论是一个字：顶！请教，“顶”是什么 </t>
  </si>
  <si>
    <t xml:space="preserve"> 具体的意思如下： 在论坛中，新发出的帖子总是会出现在论坛的首页，也就是顶部，随着新帖子的发表，旧贴就会下降论坛中的位置，有时候会排到几页之后。 现在的人浏览论坛不会一次把所有的帖子都看一遍的吧，那样的话就很浪费时间了！ 同样，在浏览完帖子之后，在帖子之后跟贴的话，这个帖子同样可以升到顶部。等效于发新贴。 帖子有好有坏，好帖子大家总是希望能够让大多数的人都能看到，一起分享。所以在帖子后面发表言论，以便让帖子升到顶部。 为了方便，一般人总是喜欢写一个字：“顶”，意思就是把帖子顶到顶部去，不要再下来。也是一般的纯灌水的行为，只有容量，其实没有多大意思！</t>
  </si>
  <si>
    <t xml:space="preserve">富国天益?富国天益要拆分,是在拆分前申购还是拆分后再申购好? </t>
  </si>
  <si>
    <t>在前在后无所谓，若能选个低点进入更好！</t>
  </si>
  <si>
    <t xml:space="preserve">吃甘蔗是清火还是上火还有吃甘蔗有什么好处？容易胖吗 </t>
  </si>
  <si>
    <t xml:space="preserve">你好！甘蔗能治疗嗓子疼，是去火的。但由于甘蔗性寒，脾胃虚寒、胃腹寒疼者不宜食用。甘蔗还是防病健身的良药。祖国医学认为，甘蔗味甘性寒，甘可滋补养血，寒可清 热生津，故有滋养润燥之功，适用于低血糖症、心脏衰弱、津液不足、咽喉肿痛、大便干结、虚热咳嗽等病症。民间常用蔗汁、葡萄酒各50克，混合服，早晚各一次，对治疗慢性胃炎、反胃呕吐有很好的疗效。 甘蔗纤维多，在反复咀嚼时就像用牙刷刷牙一样，把残留在口腔及牙缝中的垢物一扫而净，从而能提高牙齿的自洁和抗龋能力。因此甘蔗还是口腔的DOUBLE_QUOTATION清洁工DOUBLE_QUOTATION。同时咀嚼甘蔗，对牙齿和口腔肌肉也是一种很好的锻炼，有美容脸部的作用。 </t>
  </si>
  <si>
    <t xml:space="preserve">合欢怎样抗晕、抗睡？ </t>
  </si>
  <si>
    <t xml:space="preserve">合欢  抗晕可以随便血下 不难  合欢 天书技能  情惑加好 止水 免疫昏睡4秒的  </t>
  </si>
  <si>
    <t xml:space="preserve">曼联不容忽视的问题1.盘口很浅。可没人说浅。一般浅盘会打出，可如 </t>
  </si>
  <si>
    <t>从欧亚盘的开盘区别可以初见端倪，我单1并且多特防了30，可能多特主负也会被忽视</t>
  </si>
  <si>
    <t xml:space="preserve">猜猜这是哪个女明星？ </t>
  </si>
  <si>
    <t>张柏芝</t>
  </si>
  <si>
    <t xml:space="preserve">下面这段话有没有哪个标点符号打错了?星期天妈妈带着我去姨妈家玩， </t>
  </si>
  <si>
    <t>星期天妈妈带着我去姨妈家玩，看到她家养了一只小鸟。我非常喜欢，临走时还爱不释手。表哥看到了，就把它送给了我，还一再嘱咐我要好好照顾它。</t>
  </si>
  <si>
    <t xml:space="preserve">期货经纪有限公司我想做期货，请问镇江有没有期货经纪公司营业部 </t>
  </si>
  <si>
    <t>有的，江苏的东华期货，苏物期货，宏业期货在镇江都有分公司或者营业部。</t>
  </si>
  <si>
    <t xml:space="preserve">我得了慢性寻麻疹有好几个月了，一直在医院看，针也打了不少，但是没? </t>
  </si>
  <si>
    <t xml:space="preserve"> 文章类型：疾病档案 文章加入时间：2006年6月5日 13:39 -------------------------------------------------------------------------------- ※※荨麻疹概述   是一种常见的过敏性皮肤病，在接触过敏原的时候，会在身体不特定的部位，冒出一块块形状、大小不一的红色斑块，这些产生斑块的部位，会发生发痒的情形，如果?]有停止接触赤敏原并加以治疗，出疹发痒的情形就会加剧。　　荨麻疹可以分为急性和慢性，急性荨麻疹为暂时性的过敏反应，只要依照医师指示治疗，大多可在数日内痊愈。而慢性荨麻疹则持续反复的发作数月至数年，体质也会因此变得极为敏感。 ※※经验良方治荨麻疹 　　方1　　组成：生芝麻１８０克。　　主治：荨麻疹。　　用法：捣烂，装于薄布袋中，频擦患处。 　　方2　　组成：鲜桃树叶适量。　　主治：荨麻疹。　　用法：反复摩擦患部，至愈为止。 　　方3　　组成：地肤子１００克。　　主治：荨麻疹。　　用法：水煎２次，混合液缩浓至４００毫升。成人每日１剂，２次分服，小儿酌减。同时，将药渣用纱布包好，趁热涂擦患部。３天为１个疗程。 　　方4　　组成：地肤子、何首乌各３０克，益母草１５克，荆芥、防风各１０克。　　主治：荨麻疹。　　用法：水煎，每日１剂，２次分服，每次加红糖１５克，热服避风，取微汗。　　方5　　组成：浮萍、防风、蝉蜕２０克，白鲜皮、胡麻仁各１５克，甘草１０克。 　　主治：用于顽固性荨麻疹。 　　用法：加水泡１５分钟，煮沸２０分钟。每日１剂，２次分服。　　方6　　组成：徐长卿６０克，白薇１５克。　　主治：荨麻疹。　　用法：水煎，洗患处。每日２－３次。 　　方7　　组成：败酱草３０克。　　主治：荨麻疹。　　用法：水煎洗患处，每日２－３次。 　　方8　　组成：白杨树皮３０克，白矾６克。　　主治：荨麻疹。　　用法：水煎，洗患处。每日２－３次。 　　方9　　组成：苍耳子、浮萍、侧柏果各３０克。　　主治：荨麻疹。　　用法：水煎服，每日１剂，２次分服。 　　方10　　组成：生石膏、地肤子各３０克，知母、白僵蚕、粳米各９克，甘草３克。　　主治：荨麻疹。　　用法：水煎，每日１剂，２次分服。　　方11　　组成：蛇床子50克，地夫子50克，苦参100克，白藓皮50克，虫蜕20克，荆芥50克，薄荷30克。　　主治：各种皮肤搔痒、湿疹、荨麻疹及过敏等。　　用法：水煎2次，合为一处，洗澡。如病变范围不大、或是小儿用量可酌减。　　注：本方为青囊主人多年的经验方。 ※※荨麻疹饮食注意事项   一、勿服食可疑食品或药品，并留心排便正常与否 　　荨麻疹的症状是皮肤发红、肿、搔痒。原因各式各样如下所示，也有许多个案原因不明。红肿呈大块而且可能出现在身体任何部位，症状很强烈而急发称为急性荨麻疹。全身出疹子，大约一段时间可能几小时，也可能需几天才会消除。而慢性的荨麻疹，症状；较轻也只出现在局部。可能持续一个月到一年之久的长时间。治疗的方法是注射或内服抗组织胺或抗过敏剂，症状可以减轻些。   二、若是鱼虾类食物所致可用紫苏 　　若是因为吃鱼、虾、蟹而出现荨麻疹，可以食用大量新鲜的紫苏叶，可者饮用紫苏叶的煎煮汁。作法是以干燥后的紫苏叶5克加上200克的水煎煮而成。   三、慢性荨麻疹可以用芝麻治疗 　　皮肤容易起荨麻疹的人，可以常食用芝麻，以改善体质，增强体力，强化肌肤，不现容易出疹子。常吃黑芝麻酱效果良好。   四、桃叶可以作入浴剂 　　桃叶的汤汁可以抑制荨麻疹的搔痒，有防治发生荨麻疹的功效。取生的桃叶阴干，捣碎放入纱布袋中，置于浴缸内。将水煮沸注入浴缸，待冷却至适当温度后，身体慢慢浸泡在浴缸，效果很好。   五、枇杷叶的煎煮法也有功效　　枇杷叶的煎煮法也有治疗痱子和荨麻疹的功效。取三枚叶片，用手掐碎，放入500克水中煮沸。待煮汁冷却，用此清洗患部。也可以将枇杷叶放入纱布袋中，放入浴池水中片刻，用作入浴剂。 六、发疹严重时应禁食的东西 汉方认为会使血液污浊的食物，皆会使荨麻疹恶化。像不新鲜虾、蟹、蟑鱼、蚵鱼贝类，或者竹笋、糯米、巧克力、咖啡、香辛料、砂糖等，在出疹时皆应禁止食用，而容易有荨麻疹的人要时常注意食用这些食品。此外造成荨麻疹的食物更应禁食。    </t>
  </si>
  <si>
    <t xml:space="preserve">急求:新鬼武者攻略把网址告诉我就可以呀 </t>
  </si>
  <si>
    <t xml:space="preserve">《新鬼武者 幻梦之晓》完全攻略 《新鬼武者 幻梦之晓》鬼武侠全金牌评价技巧与心得 《新鬼武者 幻梦之晓》全部材料合成列表 《新鬼武者 幻梦之晓》一闪系统完全解读 《新鬼武者 幻梦之晓》图文流程攻略  </t>
  </si>
  <si>
    <t xml:space="preserve">请对下联上联：谈古论今，读千秋史册，看刀光剑影琴棋诗画，多少英雄 </t>
  </si>
  <si>
    <t>上联：谈古论今，读千秋史册，看刀光剑影琴棋诗画，多少英雄与骚客下联：登高怀远，览万里河山，思旧貌新颜雪雨霜风，那些志士和伟人</t>
  </si>
  <si>
    <t xml:space="preserve">不等式问题㈥参见附图 </t>
  </si>
  <si>
    <t>证明 由柯西不等式得:∑yz√[2(y^2+z^2)]≤2∑yz*∑yz(y^2+z^2)所以只需证(∑x^3+3xyz)^2≥2∑yz*∑yz(y^2+z^2)&lt;===&gt;∑x^6+2∑(yz)^3+6xyz∑x^3+9(xyz)^2≥2∑(y^2+z^2)x^4+2xyz∑(y+z)x^2+4xyz∑x^3&lt;===&gt;∑x^6+2∑(yz)^3-2∑(y^2+z^2)x^4+2xyz∑x^3-2xyz∑(y+z)x^2++9(xyz)^2≥0设x=min(x,y,z),上式分解得:x^2*(x^2-y^2)*(x^2-z^2)+[-x^4+2x^3*(y+z)-2x^2*(y^2+z^2+2yz)+2xyz(y+z)+y^4+z^4+2yz(y^2+z^2)+(yz)^2]*(y-z)^2≥0上式为显然.</t>
  </si>
  <si>
    <t xml:space="preserve">初中英语8种时态分类练习一.一般现在时：二、一般过去时：三、现在 </t>
  </si>
  <si>
    <t>一.一般现在时表示现在经常反复发生的动作、存在的状态或习惯性的动作的时态,由主语+动词原形+宾语构成.如:I get up at seven every morning.我每天早上七点起床.二.一般过去时表示(1)过去某个特定时间发生，并且一下子就完成了的动作（即：非持续性动作），也可以表示(2)过去习惯性的动作。一般过去时不强调动作对现在的影响，只说明过去。如:I went to the supermaket yesterday.昨天我去了超市.三. A.表示现在( 指说话人说话时) 正在发生的事情,B.表示长期的或重复性的动作，说话时动作未必正在进行,C.已经确定或安排好的将来活动比如:A.I am watching TV.我正在看.     B.I am writing a novel.我在写一部小说.(说话时并未在写，只处于写作的状态。)     C.I'm leaving for a trip in Beijing next week.我下要去北京旅游（已经安排了）四.表示过去某时间正在进行的状态或动作。I was watching TV when you  called me.你打电话时我正在看电视.五.现在完成时用来表示现在之前已发生过或完成的动作或状态,但其结果却和现在有联系,也就是说,动作或状态发生在过去但它的影响现在还存在. 比如:I have lost my I have lost my wallet.(含义是:现在我没有钱花了.) 六.表示过去的过去比如:I said that I had lost my wallet.(在说话前钱包就已经丢了)七.一般将来时表示将来某一时刻的动作或状态，或将来某一段时间内经常的动作或状态。比如:I will go back tomorrow.我明天回去.八.过去将来时表示从过去的某一时间来看将来要发生的动作或存在的状态。比如: I did't know if she would come.</t>
  </si>
  <si>
    <t xml:space="preserve">EVE中如何在同一帐号下转移物品?如题,同一帐号内角色1的东西如 </t>
  </si>
  <si>
    <t>不同帐号间交易物品是这样的.交易双方必须在同一个空间站,然后在空间站的访客中找到要交易的对象,右键点击对方名字,在下拉菜单中找到交易项,后面的操作我就不说了，玩过游戏的人都知道改怎么弄!!按上面说的,首先交易双方就必须登入,所以同一个帐号上的两个角色之间的物品交易是不可能实现的,除非有第三方帮忙.但转钱还是可以的,因为货币转帐可以给下线的角色转钱!怎么转我就不多说了，新手帮助里有!</t>
  </si>
  <si>
    <t xml:space="preserve">恭请一箭大师为我减肥！！！最好是简洁,分单不要太多,谢谢大师！！ </t>
  </si>
  <si>
    <t xml:space="preserve">呵呵——没时间了，赶紧缩完，就出去办事了，若后面有找缩水的，看见就麻烦你说一下：对不起了^_^【云河】06031期缩水单——01 佛罗伦 7日21:00 雷吉纳 302 国　米 7日21:00 锡耶纳 13003 尤　文 7日21:00 巴勒莫 304 莱　切 7日21:00 切　 3005 梅西纳 7日21:00 恩波利 1006 帕尔马 7日21:00 AC米兰 3007 罗　马 7日21:00 特雷维 308 乌迪内 7日21:00 卡利亚 3009 阿森纳 7日22:00 维　冈 3110 博尔顿 7日22:00 伯明翰 3011 埃弗顿 7日22:00 西布朗 3012 曼　联 7日22:00 查尔顿 313 朴茨茅 7日22:00 利物浦 1014 西汉姆 7日22:00 热　刺 10   3－130－3－30－10－30－3－30－31－30－30－3－01－01原始单共计1536注＝3072元用中14保13公式注缩水如下——01、3－130－3－3－1－3－3－0－31－3－3－3－01－002、3－130－3－3－1－3－3－3－31－0－0－3－01－103、3－130－3－3－1－0－3－0－31－0－0－3－01－004、3－130－3－3－1－0－3－3－31－3－3－3－01－105、3－130－3－3－0－3－3－0－31－0－3－3－01－106、3－130－3－3－0－3－3－3－31－3－0－3－01－007、3－130－3－3－0－0－3－0－31－3－0－3－01－108、3－130－3－3－0－0－3－3－31－0－3－3－01－009、3－130－3－0－1－3－3－0－31－3－0－3－01－110、3－130－3－0－1－3－3－3－31－0－3－3－01－011、3－130－3－0－1－0－3－0－31－0－3－3－01－112、3－130－3－0－1－0－3－3－31－3－0－3－01－013、3－130－3－0－0－3－3－0－31－0－0－3－01－014、3－130－3－0－0－3－3－3－31－3－3－3－01－115、3－130－3－0－0－0－3－0－31－3－3－3－01－016、3－130－3－0－0－0－3－3－31－0－0－3－01－1原始单共计1536注＝3072元缩水后共计16注＝384元节约：2688元祝好运^_^ </t>
  </si>
  <si>
    <t xml:space="preserve">狗狗呕吐，肚子胀，鼻子干，有清水样的鼻涕，没精神狗狗平时情况不错 </t>
  </si>
  <si>
    <t>我也在养狗狗，有一次狗狗发烧了，不知道，因为它一直很健康。2天后还是这个样子，所以带去看兽医打针吃药才好的。 所以我建议您还是带它去看看吧。生命可贵额！</t>
  </si>
  <si>
    <t xml:space="preserve">关于android手机LED补光灯什么是LED补光灯，买了个里程 </t>
  </si>
  <si>
    <t>补光灯一般用来提高对象正面的光线不足而使用的一种光线补足的方法.这种补光灯一般都是采用高亮发光二极管（LED）来制作的，它有运行稳定，发热量低，低能耗，使用寿命长的特点！推荐去机锋网论坛看看，有高手。</t>
  </si>
  <si>
    <t xml:space="preserve">对于不同年龄段应该怎么护肤？ </t>
  </si>
  <si>
    <t xml:space="preserve">    不同年龄的重点不一样，只有根据实际年龄、肤质，找到适合自己的保养方法护肤才会获得最大效果，适合自己的才是最好的。　　20岁轻龄油肌护肤重点　　皮肤还残留有青春期油脂旺盛分泌的记忆，所以脸上偶尔还是会有不速之痘来骚扰，不过有油脂并非全然是坏处，只需要加强油脂和水分的平衡指数，还有适度且定期的去角质即可。虽然皮肤还处于相当健康的你，不必像姐姐们小心翼翼的呵护肌肤，但是为了对付旺盛油脂，你的去角质和清洁动作可能会较频繁，此时请尽量选择温和的去角质商品、降低对肌肤的刺激，以免让皮肤陷入了发炎现象，让皮脂腺更加兴奋而过度出油；若对皮肤太过粗鲁，或是在日晒後没好好安抚亢奋的肌肤，都必会是将来黑斑暗沉的伏笔呢！　　尤其是刚出社会的这段时期，我们了解你偶尔会想贪玩熬夜，或是多喝两杯，但是别忘了多多补充水分，更千万别忘记要在狂欢後好好卸妆，在20岁时就储备好肌肤的好体质和体力，将来它们一定会好好报答你，变得较安分、不易作怪。　　30岁轻熟龄护肤重点　　过了30岁，形成皮肤暗沉的原因很多，最主要的问题来自工作和家庭的压力，既要冲刺事业又要稳定生活，对于很容易被荷尔蒙掌握心情和皮肤的女人而言实在不容易，一旦打乱了正常的作息，肌肤的代谢就会跟着乱了阵脚，除了基础和轻龄的抗老计划外，你一定不能轻忽规律的代谢角质，最好的情形是，调整良好日夜作息，按时保养，让白天肌肤有能力防御，夜晚肌肤有机会充能噜！　　来不及保养挽回的暗沉，容易给人疲惫的印象，妙的是，当你在镜子里看到自己的疲态，精神也会跟着更萎靡，如此的恶性卷动，其实和心理学有关，所以感到疲累或是肤色很糟糕时，最好的方式就是上点妆吧！看见镜子自己的皮肤精神百倍，彷佛这一天又重新获得了再战八小时的力量！　　40岁熟龄护肤重点　　有研究指出，女人一过了35岁，胶原蛋白的含量和水分的流失量是20岁时的数倍，这又是一起肌肤恶性卷动的现象来着：因为胶原蛋白流失后，肌肤的结构不再紧密，皮肤天生的防水措施出现漏洞，水份自然就存不住，当皮肤留不住水分，胶原蛋白更加松动，于是生成了松弛情形，除了整体的黯沉外，斑点可不会乖乖待在浅层的表皮上了，而是很有可能卡在基底里不愿被代谢出来，此时你需要更积极的抗斑动作，并加强胶原蛋白的结构，涵养好的纤维母细胞，巩固由真皮层到表皮层的层层完美。　　许多人为了遮掩令人困窘的黑斑，常常会因为求好心切而用力过猛，遮瑕过度，这反而会让不良肤况露了馅，40世代的化妆若想要掩盖黑斑、痘痘等脸部瑕疵，关键就是聪明活用遮瑕产品。由于近来底妆的流行趋势，渐渐以乾净无瑕的皮肤为主，因此遮瑕产品的种类也愈来愈琳琅满目，包括像是液体状、膏状、条状、乳霜状等等，对于有黑眼圈的人来说，柔软液体状的遮瑕产品是比较好的选择。这类产品由于水分多较湿润，所以特徵就是不会刺激眼睛周围敏感的皮肤。     个人觉得，其实不管哪个年龄段，护肤最主要的还是身体内部的调理，我之前是在国外的杂志上看到的一种叫boclear活肤组合的养身护肤保健品，现在还在服用，效果还不错，说是能调节女性新陈代谢、内分泌及肠道功能紊乱，并清除肠道毒素，用了两个多月了，真的比较明显的解决了之前难以根治的一些问题，现在的睡眠质量好了很多，皮肤也不在像以前一样干干涩涩的，非常水润的感觉，你可以根据自己的实际情况选择看。</t>
  </si>
  <si>
    <t xml:space="preserve">最近有些什么好玩的游戏啊？炎炎夏日，最惬意的生活莫过于吹着空调玩 </t>
  </si>
  <si>
    <t>我弟推荐了一个叫啥赛趣网的给我玩，还有奖品拿，就当消磨暑假啦，去看看吧</t>
  </si>
  <si>
    <t xml:space="preserve">连续剧西游记中，谁最历害又聪明？ </t>
  </si>
  <si>
    <t>当然是编剧了</t>
  </si>
  <si>
    <t xml:space="preserve">我是内双，内双可以做双眼皮手术吗? </t>
  </si>
  <si>
    <t>双眼皮是比较符合现代审美的，有人说我也有双眼皮，一看原来是内双，众所周知，内双就是上眼皮褶皱位置相对来说较低，内双不像正常双眼皮那样很明显;虽然内双也算是双眼皮了，实际上一点也不美观。那么 内双可以做双眼皮手术吗? 接下来跟着小编一起去了解一下。双眼皮手术分为埋线双眼皮和切开法双眼皮两种。要是内双的人来说，应该依据其自身特点选择手术方法。要是皮肤弹性比较好的话、眼皮较薄的爱美者可以使用埋线双眼皮，它的原理是采用缝线或缝线导致的创伤及组织反应，把上睑皮肤和上睑提肌腱膜或睑板造成粘连以形成双眼皮。要是皮肤比较松弛和伴有眶膈脂肪突出的爱美者，那么建议使用切开双眼皮，这种手术沿着设计线切开后，能够禸眼确认皮肤、肌肉和眶膈脂肪等组成双眼皮因素。切开双眼皮手术的时候能够去除下垂多余皮肤，此外还能够有效的去除眼部的多余的脂肪。不管是单眼皮还是内双眼皮，要是不美观的话建议采用双眼皮手术的方法来进行治疗，这样才能让自己的眼睛变得更加炯炯有神。</t>
  </si>
  <si>
    <t xml:space="preserve">这是什么牌子的哪款车？ </t>
  </si>
  <si>
    <t>这款车是日本的光冈公司生产的大蛇，希望可以帮到你，帮忙设置好评谢谢了</t>
  </si>
  <si>
    <t xml:space="preserve">占星台在什么地方？激战中，占星台在那里？ </t>
  </si>
  <si>
    <t xml:space="preserve">是不是第三章的？你可以在这个地图的左下角的岛上找 </t>
  </si>
  <si>
    <t xml:space="preserve">建行的U盾应该如何安装？今天新申请了建行的网上银行，在用安装盘安 </t>
  </si>
  <si>
    <t>不知道你这个U盾是不是就是建行的客户证书USBKEY ，一个类似U盘的东西如果是这个，那么安装很简单的你办理完网上银行时，银行给你U盾时应该有随带一张光盘的，那张光盘是U盾的驱动程序你把驱动程序安装好后，插上U盾，根据提示把U盾密码改一下，即可了，U盾初始密码为12345678，然后登录网上银行设置其他密码了，建行的比较复杂，分登录密码，交易密码，口令密码（即U盾密码）为了不搞错，建议你三者设同样的密码，</t>
  </si>
  <si>
    <t xml:space="preserve">路线从铁炉宝怎么去血色修道院 </t>
  </si>
  <si>
    <t>那要看你多少及的号.你要60j.就简单了。从冰风岗跑西瘟疫.然后进入幽暗城那里.你要是小号的话就只能从南海镇顺路一直往上跑拉.呵呵其实也不是很远。我bl的小号每次都要从幽暗跑的希尔斯布莱德丘陵开鸟点。..</t>
  </si>
  <si>
    <t xml:space="preserve">Howtosay?第一遍记两页，第二遍记三页. </t>
  </si>
  <si>
    <t>Memorize two pages the first time, and memorize three pages the second time.</t>
  </si>
  <si>
    <t>潜盾估价?100/122/31/51/28</t>
  </si>
  <si>
    <t>2攻2防也可以练了，我看了下，大概精神比满当的少了0.008，差距不是很大，当然可以练的咯～</t>
  </si>
  <si>
    <t xml:space="preserve">3个月宝宝拉肚子,大便是绿色的,有奶瓣,怎么办?我的宝宝3个月了 </t>
  </si>
  <si>
    <t>我家宝宝腹泻吃思密达蒙脱石散，好的特别快，一般吃了就见效，这个药走肠道不会有耐药性，不妨试试，如果还不好给他加上哈药六厂的乳酸菌素片，一天三次一次半片</t>
  </si>
  <si>
    <t xml:space="preserve">李小龙拍过多少部电影?都有哪些? </t>
  </si>
  <si>
    <t>金门女(1940)，富贵浮云(1948)，梦里西施(1949)，细路祥(1950)，凌霄孤雁 (1950)，人之初(1951)，苦海明灯(1953)，母泪(1953)，父之过(1953)，千万人家(1953)，危楼 春晓(1953)，爱(上集)(1955)，爱(下集)(1955)，孤星血泪(1955)，守得云开见月明(1955)，孤儿 行=苦命女(1955)，儿女债(1955)，许癫纳福(1955)，早知当初我唔嫁(1956)，雷雨(1957)，甜姐儿 (1957)，人海孤鸿(1959)，青锋侠(1970),唐山大兄(1971)，精武门(1972)，猛龙过江(1972)，龙争虎斗(1973)，细凤(1971)，死亡塔(1972) ,死亡游戏(1978)，盲人追凶，打击恶魔党，可爱的女孩， 布朗蒂，</t>
  </si>
  <si>
    <t xml:space="preserve">如何做好全陪导游？ </t>
  </si>
  <si>
    <t>要做好全陪也没那么困难，懂得为顾客着想，明白全陪的职责，像是协调好与地陪和领队的关系，在照顾到顾客的利益的同时也不能忘了旅行社的利益，做好途中讲解工作，入住酒店时要帮助领队分房，协调关系，还有做好旅行社的推销大使！我像这样就应该没问题了！</t>
  </si>
  <si>
    <t xml:space="preserve">篮球火有第二部？dsfg </t>
  </si>
  <si>
    <t>据火剧组内部消息透露，篮球火会有第二部，在第一部大赢与W会有简短的感情戏，但是W会在大鹰爱上她的那一瞬间死去，翔和洁的感情才是第一部的感情重点，第一部也算是有喜有悲 在第二部裏，杜飞也有感情戏，和第一部排挤过他的哪个学生会成员成恋人，W死后，第二部霹雳的教练是校长，无极尊，残，加大鹰和翔都成为霹雳的成员，不过时常会有男人之间的对决和矛盾，四大高手连手，一起破天荒的拿下了世界篮球锦标赛的冠军，震惊世界篮球界。 为了给第二部主角留有感情余地，也给第一部可怜的大鹰在感情上的弥补，导演把元大鹰和会长的感情戏压到了第二部，大鹰会在第二部裏变成熟，面对那麽多的生离死别和W的离开，不再那麽开朗，走忧郁王子路线，好在面对会长绝不放弃的爱，大鹰最终被会长感动，最终爱上了会长，还和大鹰一起去了美国 最先喜欢上不爱自己的洁儿，后来又和W相爱却不能在一起，元大鹰在第一部裏始终是个悲情的角色，以此来衬托翔和洁的美好，元大鹰完美的爱情只有在第二部了，翔最终被确定是大鹰的亲生哥哥，但最后又被绑架，为保护洁儿而死去。 不过由於档期的问题篮球火2无极尊由郭品超演，大鹰和翔未动，洁儿的演员换成了安以轩</t>
  </si>
  <si>
    <t xml:space="preserve">小便时为何不停打颤?? </t>
  </si>
  <si>
    <t>因为排尿的时候尿液也会导致热量流失啊所以有冷的感觉 但是你要是在温暖的地方 就不会有这种感觉</t>
  </si>
  <si>
    <t xml:space="preserve">Cetaphil丝塔芙上海有专柜吗？请问这个牌子在上海有专柜吗？ </t>
  </si>
  <si>
    <t xml:space="preserve">上海百盛药房上海虹桥友谊药房古北家乐福药房华氏新特药房(四川北路1286号)第一医药商店龙之梦店百泣护肤中心(南京西路388号3楼1座) </t>
  </si>
  <si>
    <t xml:space="preserve">人体镁可以从蔬菜中的什么器官获得?为什么? </t>
  </si>
  <si>
    <t>叶子，等绿色成分中叶绿素是含有一定的镁元素的</t>
  </si>
  <si>
    <t xml:space="preserve">100的黄昏哪合成呀? </t>
  </si>
  <si>
    <t>黄昏3,在第2个传送点那</t>
  </si>
  <si>
    <t xml:space="preserve">九钻有没有实体店啊？ </t>
  </si>
  <si>
    <t>上海 西藏中路336号华旭广场16楼1602 北京市东城区东长安街1号东方广场C2座801杭州市拱墅区密度桥路白马大厦29A室 成都总府路2号时代广场A座2105 ......</t>
  </si>
  <si>
    <t xml:space="preserve">能告诉我你们做图是用什么软件么？ </t>
  </si>
  <si>
    <t>photoshop这个软件不错。现在的广告公司和影楼做照片的全是用的这个软件。另外还有一些做矢量图的。Adobe Illustrator 和CorelDRAW是目前最流行和最实用的软件了。还有就是fredhand.都不错。最简单点的还是PHOTOSHOP。上面所说的光影魔术手的功能很少啊。但是也可以用。</t>
  </si>
  <si>
    <t xml:space="preserve">Symbian手机软件开发有这么简单吗，求解！！刚刚在论坛里看到 </t>
  </si>
  <si>
    <t>应该比较复杂呀！</t>
  </si>
  <si>
    <t xml:space="preserve">谁做个[防线]这个任务没有?谁做过羽族的[防线]这个任务没有,长 </t>
  </si>
  <si>
    <t>在南柯寨药师--王一贴后面一点点</t>
  </si>
  <si>
    <t xml:space="preserve">世界何时铸剑为犁？ </t>
  </si>
  <si>
    <t>只有特别贫穷的国家和地区才会出现所谓铸剑为犁的现象，那是因为他们无力支付造犁的额外费用。严格说来，从多数国家（包括中国）的军备开支上分析，大家基本上已经是铸剑为犁了。国民总收入的15%为铸剑，明确表明已不再是以剑为主。就宇宙的深远和未知的程度，人类手里依然需要拥有一些利器，以防不测。何况，仍有些叵测之魂游荡左右，让你不得不防。铸剑的铁，做犁的钢，绣花的布，捕鱼的网，人类皆具备，游历天下无慌张。</t>
  </si>
  <si>
    <t xml:space="preserve">发工资可以直接做成费用吗我做的是：借：管理费用销售费用贷：其他应 </t>
  </si>
  <si>
    <t>可以这样做，但查数的时候只能从现金帐里看了。</t>
  </si>
  <si>
    <t xml:space="preserve">137期陆砖家火线陆慧明足彩火线：马竞客场爆大冷奥萨苏单博平局陆 </t>
  </si>
  <si>
    <t>马竞本场是稳胆。</t>
  </si>
  <si>
    <t xml:space="preserve">济宁好吃的餐厅有哪些呢？我知道有名典咖啡还有就是街边小吃了 </t>
  </si>
  <si>
    <t>吃烧烤可以去巴西烧烤或者韩国土大力;吃鱼可以去微山湖鲜鱼馆或者麻辣鱼也不错;喝粥就去香港粥鼎记或台湾小粥仙;冬天吃火锅最好,光河路上最多,比较好的有小肥羊,顺风肥牛,怪味火锅,阿香婆等东北菜数八旗菜馆最好,在建设路上.</t>
  </si>
  <si>
    <t>急用几个英语问题1.</t>
  </si>
  <si>
    <t>1. ------Has he decid to do what he was______?   ------ Yes, he seems _______.  A asked; to         B asked to; to have   C asked to do; to   D asked to; to do [答案]：B[翻译]：——他已经决定了去做要求他做的事吗？——是的，他似乎已经决定了。[解析]：该题主要考查了动词不定式的省略。要点有二：  第一，是动词不定式一般式的省略。你对问句的理解是正确的：Has he decided to do what he was asked to (do)?。不定式一般式to do的省略，一般情况下，只能省略原形动词do，而保留不定式符号to。又如：——Would you like to have dinner with us tomorrow?——I'd love to.  第二，是不定式完成式的省略。答语的完全形式应当为Yes, he seems to have (decided to do what he was asked to do).请注意：to do 的完成形式是to have done，而to have done 的省略却只能省略done,而必须保留to have。  是故，答案为B。2. Generally speaking, after I told what to do, my daughter ___go and the opposite!A may B can C must D should 应该选什么及该句如何理解。go and the opposite 是短语吗？什么意思。[答案]：A[翻译]：一般说来，当我吩咐女儿该如何如何时，她可能按照我的吩咐去做，也可能完全不照我的吩咐做。[解析]：这里的may表示“可能性”。may go 是非常口语化的表达，意思是may do what I ask her to do。and the opposite 是个短语，表示“做了相反的事，出现了相反的情况”。3. Gina _____ until nine o'clock on the third morning. Her parents were so happy.A didn't sleep B didn't wake C slept D woke [答案]：B[翻译]：第三天早上，吉娜睡到九点钟才醒，她的父母高兴极了。[解析]：首先，根据not ... until 表示“直到……才……”,排除了C和D。然后，根据Her parents were so happy.排除了A。自己想一想这是为什么吧。</t>
  </si>
  <si>
    <t xml:space="preserve">我老是说自己帅！别人说我自恋/没事的时候我老爱照镜子，我越看就越? </t>
  </si>
  <si>
    <t>说你自恋也没什么错啊?你本来就自恋嘛.自恋也没什么不好啊.自己的事自己想怎么样就怎么样.</t>
  </si>
  <si>
    <t xml:space="preserve">21.世界上最长的河流是：()A.尼罗河B.刚果河C.亚马孙河D? </t>
  </si>
  <si>
    <t>尼罗河全长6 671千米，是世界最长的河流。源于非洲东北部布隆迪高原，在埃及境内由南向北注入地中海。</t>
  </si>
  <si>
    <t xml:space="preserve">英语语法4Agoodstorytellermustbeablet </t>
  </si>
  <si>
    <t>选D。A：when   当...时 ， 什么时候 B：unless 除非，除……外C：after  以后的 ，以后,后来 ，在...以后 ，在...之后 D：until 直到...为止 从意思上来看 A B C 都不符合题意，只有D才能符合。整个句子大概意思为：一个出色的故事家必须能够一直保持听众的好奇心直到他把整个故事讲完为止。</t>
  </si>
  <si>
    <t xml:space="preserve">[英翻中]Shehadbeentryingtofigureout? </t>
  </si>
  <si>
    <t>嗯，我知道LZ想的是什么，and the answer is yes and no.如果你上下文很纯洁，底下的兄弟姐妹们已经给了你答案。如果你想的是成人内容，那就是那个意思。嗯。</t>
  </si>
  <si>
    <t xml:space="preserve">车削轴类零件时，产生锥度的原因在数控车床 </t>
  </si>
  <si>
    <t>⑴用顶尖定位的长轴类零件，常因两顶尖不在一条轴线上（轴线有微小偏移）产生加工工件的锥度。⑵刀架有微小的松动及刀尖磨损也会造成锥度。</t>
  </si>
  <si>
    <t xml:space="preserve">我现在是两个孩子的妈了，大的有29个月了，一直喝美赞臣的奶粉，长? </t>
  </si>
  <si>
    <t>我家宝宝在六到十个月期间喝过一段美赞臣，当时长的还可以，但是因为是混合喂养也不太好说，但是我觉得这种奶粉很容易上火，所以我觉得小男孩儿本来火气就壮，不见得一定要选这种奶粉。其实奶粉只要找到适合自己宝宝的就好了，你家大宝宝长的很好，如果也不上火，不一定要换呀，说明这种奶粉比较适合他/她，但可能不太适合小宝宝，可以只给小宝宝换呀。而且你家两个宝宝应该是一个吃一段，一个吃三段吧，每个奶粉不同阶段的也不尽相同。其实惠氏的一段口碑不错，就是觉得口感不太好，有股金属味儿。美素的奶粉也不错，不爱上火，我们现在一直在吃。祝宝宝健康成长！</t>
  </si>
  <si>
    <t xml:space="preserve">房屋装修流行什么颜色 </t>
  </si>
  <si>
    <t>我刚装修完房子，通过装修我有一个心得：其实在房屋装修中，没有什么流行色，因为房子是一个比较私人的东西，供众人参观的机会很少很少，大部分时间是自己和家人享受的，所以，色彩的运用还是应以个人喜好为前提，不能一味追求流行色，而且即便是时下流行的，也不能保证人人都喜欢，再说越是流行的就越是容易被淘汰，你说呢？</t>
  </si>
  <si>
    <t xml:space="preserve">急啊，删不了传奇世界文件夹我传世自带的卸载器卸掉了传奇世界以后， </t>
  </si>
  <si>
    <t>你在删除d盘，当然无法删除。 给文件夹名再删</t>
  </si>
  <si>
    <t xml:space="preserve">大学户口有用没得嘛？迁不迁？哪位有经验的家长朋友告知一下？ </t>
  </si>
  <si>
    <t>别迁户口。毕业后迁回去太麻烦了随意无影响 若家乡户口有好处就不动这个看你自己，其实可以等工作的时候再迁也不迟，因为你可能还不确定你将来到底在哪发展。我不是家长 但是我可以解答你的问题 转户口的好处是 如果毕业后你不想回到原籍 而是留在学校所在地或者是去第三个省 学校所在地派出所会将你的户口跟着你的档案一起派送到你去的那个地方或者直接留在学校所在地 但是你想到原籍 就建议你不要转 因为你到时候还要转回去 会很麻烦的 落户都没地落 还有就是农村户口想变成城镇户口 也可以转 但是现在农村户口可比城镇户口值钱多了</t>
  </si>
  <si>
    <t xml:space="preserve">“某某如烟”的牌子是不是都是在仿“如烟”啊？经常见到像一品如烟、 </t>
  </si>
  <si>
    <t>“如烟”仅此一家其他的都不是正品，类似“某某如烟”的都是劣质仿冒产品质量，假借“如烟”的品牌力量挣黑钱。</t>
  </si>
  <si>
    <t xml:space="preserve">IE搜索的问题我原来在地址栏打上东西搜索都是在雅虎上搜索，现在是 </t>
  </si>
  <si>
    <t>SOSO上搜索一定是后来装上的,或者是自动绑定了其他软件或者是你自己安装的.如果仅仅想不让它显示、不让它搜索，那就点IE上面的“查看”----“工具栏”，然后去掉SOSO前面的钩儿就可以了！！如果想把SOSO从你的电脑上删除，就到“控制面板”的“添加和删除程序”里找到SOSO，直接点“删除”就好了！！如果你的雅虎搜索已经没有了，可以重新下载安装。</t>
  </si>
  <si>
    <t xml:space="preserve">能不能申请公积金贷款去还商业贷款?因为房子要贷40万大于公积金的 </t>
  </si>
  <si>
    <t>可以办理组合贷款，即公积金中心审定的你的公积金贷款额度，不足部分申请银行商业贷款，两种方式不矛盾，办理也在一家银行，手续稍微复杂一点，就是你提供的资料要多几份，但是能够省下一大笔利息。公积金的贷款利率比商业贷款平均低一个点左右。如果银行不提供组合贷款，你只能办理商业贷款，每年七月一日去提取公积金还按揭款。</t>
  </si>
  <si>
    <t xml:space="preserve">急问此书？《人文社会科学是什么》丛书，北大出版社，北京哪里能买到 </t>
  </si>
  <si>
    <t>可通过网上购书   网址是:  北京地区8小时送货 不妨试一下!!　　书名：《人文社会科学是什么》丛书共十四本：《经济学是什么》、《历史学是什么》、《伦理学是什么》、《哲学是什么》、《美学是什么》、《文学是什么》、《宗教学是什么》、《逻辑学是什么》、《心理学是什么》、《人类学是什么》、《社会学是什么》、《法学是什么》、《教育学是什么》、《政治学是什么》 　　作者依次为：梁小民、葛剑雄、何怀宏、胡军、周宪、傅道彬、张志刚、陈波、崔丽娟、王铭铭、邱泽奇、贺卫方、励雪琴、时和兴 　　定价：18.00元/本 　　出版社：北京大学出版社 　　此套丛书的意义：对个人来说此书的意义：人格健康、心态开放、温文尔雅、博学多识。对民族来讲此书的意义：提高人文素质，倡导民主、开放、文明的精神。 特点：权威性:顾问是著名专家，作者是著名的学者。通俗性:深入浅出，例举典型，贴近生活。系统性:完整的学科体系。简明性: 15万字概述一个学科。学术性:反映作者的学术观点。</t>
  </si>
  <si>
    <t xml:space="preserve">FS下次更新是什么时候啊。 </t>
  </si>
  <si>
    <t>估计要等到圣诞节了吧。天联一贯都是这种作风，重大节日更新，推出新道具新技能。最好的办法还是留意看一下公告。回答完毕</t>
  </si>
  <si>
    <t xml:space="preserve">选择提下列哪些制度始建于隋朝？１三省六部制　　２科举制３井田制　 </t>
  </si>
  <si>
    <t>1.A,井田制是西汉开始的,均田制是从西魏开始的.2.A,东汉和唐朝末年的宦官专权都是非常典型的,还有明朝末年也是.3.D,很明显,天竺指的是今印度半岛上的国家,主要是印度,巴基斯坦和缅甸.</t>
  </si>
  <si>
    <t xml:space="preserve">宝宝（男孩）两周岁了身高才８０cm怎么办？宝宝（男孩）快两周岁了 </t>
  </si>
  <si>
    <t>如果孩子从出生开始身高一直在长，就不用太担心什么，只是平时多注意营养，多锻炼身体就行了！如果以前很正常，只是最近才发现长得很慢，建议去看看医生！祝宝宝健康快乐成长！</t>
  </si>
  <si>
    <t xml:space="preserve">北京70岁以上的老人免公园门票吗北京70岁以上老人免门票进入公园 </t>
  </si>
  <si>
    <t>有证件就可以</t>
  </si>
  <si>
    <t xml:space="preserve">在游戏里面怎么重复发一句话,我在外面文本里复制了也不好用???例 </t>
  </si>
  <si>
    <t xml:space="preserve"> 好象没这功能, 不能复制...... 郁闷</t>
  </si>
  <si>
    <t xml:space="preserve">请问死灵的死亡之刺书在哪能打到??请帮帮忙. </t>
  </si>
  <si>
    <t>精灵谷</t>
  </si>
  <si>
    <t xml:space="preserve">糖尿病不吃药,锻炼能治疗吗本人有糖尿病,空腹血糖6.1可以不吃药 </t>
  </si>
  <si>
    <t>空腹6。1不高的，还需进一步了解餐后2小时血糖。饮食治疗和运动治疗是糖尿病的治疗很好方法的。如果能控制当然就不必吃药的了。但你需要自己经常测自己的空腹和餐后血糖。科学的安排饮食和运动。</t>
  </si>
  <si>
    <t xml:space="preserve">讨论讨论37期拜仁VS凯泽斯劳滕拜仁刚在客场战胜波鸿，状态回永回 </t>
  </si>
  <si>
    <t xml:space="preserve">    我看了你的推荐，6场比赛其中有5场选择31，一场选30.平局太多，这有点跟德甲赛场少平局的特点不相吻合。    与你商榷以下推荐：    ⑨拜仁VS凯泽斯劳滕  3    ⑩多特蒙德VS弗赖堡  31    ⑾比勒菲尔德VS云达不莱梅  30    ⑿勒沃库森VS沙尔克04  30    ⒀汉堡VS沃尔夫斯堡  10    ⒁斯图加特VS门兴    3                                      </t>
  </si>
  <si>
    <t xml:space="preserve">献血对健康到底是有害还是有益？ </t>
  </si>
  <si>
    <t>献血与健康 血液一直被视为活力与健康之源， 在技术还不能制造出人造血液的今天，临床用血，只能来自健康人体。献血是以利他人为基础，由健康人献出少量血液，去挽救他人生命的一种高尚行为，也是人与人之间爱心的交流，相互扶助的文明体现。 正常成人体内的血液总量，相当于体重的8%。体重50~60公斤的人，体内的血液总量约有4000-5000毫升（即8-10斤）。人体内的血液并不都参与血液循环，平时只有80％的血液在心脏和血管里循环流动，维持正常生理功能；有20－25%的血液贮存在脾、肝、肺、皮肤等"贮血库"内，脾脏是人体中最大的"贮血库"，可以贮存人体总血量的20%，一旦失血或剧烈运动时，这些血液就会连续不断地释放进入血液循环系统。人体血液成份的吐故纳新活动十分活跃，人体内每天约有1/120的红细胞（即20亿个红细胞）衰老、死亡，白细胞的平均寿命约7－12天，血小板的寿命就更短，约8－12天。人体的血液，每时每刻都在新陈代谢，也就是说，即使是在不失血的情况下，血细胞 也在不断死亡和破坏。我们全身的血液每120天就要换一遍，每天有30-50ml血液被新陈代谢掉。从血液生理学角度看：一次献血200-400毫升仅占总血量的1/10－1/20，在临床医学实践中，血量在一定范围内的变动是经常发生的，人体具有很强的自我调节能力，一般对失血量在600毫升以下的都不主张输血，只要补充一些水分就能恢复健康，献血后失去的水分和无机物，1～2个小时就会补上；血浆蛋白质，由肝脏合成，一两天内就能得到补充；血小板、白细胞和红细胞也很快就恢复到原来水平；因为人体骨髓有强大的代偿功能，在一定的条件激发下，骨髓造血功能可增加到正常的6－8倍。所以说一个健康的人，按规定献血，对身体不会有任何影响，更不会"伤元气"，反而会有利于健康。 1、 献血对心脑管系统有良好的远期影响：可预防、缓解血液粘稠度、降低心脑血管病的发生，人们由于生活水平的提高和体力活动的减少，体内积存了越来越多的脂肪，并长期处于较高的水平，俗称"血稠"。"血稠"的结果就是脂肪一层层的附着在血管壁上，最后形成动脉硬化，血管弹性降低，导致心脑血管疾病。而经常献血，减少了体内一部分粘稠的血液，再通过正常的饮水，填充了血容量，使血液自然稀释，血脂就会随着下降。坚持适量 献血可减少血液中的所有成份，减少比例最大的是血铁和蛋白，还降低血液的粘滞度，使血液流速加快。供氧量加大，人感到身体轻松、头脑清醒。能有效降低动脉硬化、血栓和脑血管意外及心肌梗塞等病症。 2、经常献血可提高造血功能： 因为自胎儿出生后，骨髓就成为主要的造血器官。随着年龄的增长，造血功能和血细胞生成率逐渐下降。献血后，由于血细胞数量减少，对骨髓产生刺激作用，促使骨髓储备的成熟血细胞释放，并刺激骨髓造血组织，促使血细胞的生成，经常按规定期限献血，就可使骨髓保持旺盛的活力。 3、男子献血可减少癌症的发生率：体内铁元素含量过低易患缺铁性贫血及行动迟缓，过高则适得其反。《国际癌症》曾报道，体内的铁含量超过正常值的10%，罹患癌症的机率就提高（因为血液中的红细胞内含有大量的铁），适量献血可以预防癌症。 4、可促进、改善心理健康：大量研究表明，健康的情绪可通过神经、体液、内分泌系统沟通大脑及其他组织与器官，使其处于良好的状态，有益于人体免疫力的增强、抵抗力的提高。而献血是救人一命的高尚品行，在助人为乐、与人为善的同时，也使自己的精神得到净化，心灵得到慰藉，工作与生活更加充实。做好事者以德施善，实际上在帮助别人的同时也帮助了自己，这是健康长寿的重要要素。 5、可延年益寿： 坚持适量 献血可以促进人体的新陈代谢，还会刺激人体骨髓造血器官，使其始终保持青春时期一样旺盛的造血状态，不断增加血液中年轻红细胞的比例，另外体内产生的年轻细胞，具有很强的吞噬病毒素的能力，从而能起到防癌的作用。提高机体免疫和抗病能力，预防疾病，延年益寿。 献血前后应注意什么?应学习献血知识，了解献血常识，消除紧张心理。献血的前一天不要过度疲劳，最好洗个澡，献血前两餐不吃油腻食物、不饮酒，晚上不要饮食过量，但也不要空腹，可吃馒头蔬菜等清淡食物；要有充足的睡眠。献血当天 思想要放松。献血后，要注意休息，保持良好的情绪，避免剧烈的活动，并且增加营养(如 瘦肉、鸡蛋、动物肝等)和水分，有利于血液的恢复，但不应暴饮暴食。献血后，针眼周围 有青紫现象，可做一下热敷，过几天即可消退。 什么是无偿献血？就是健康适龄公民自觉自愿献出可以再生的少量血液或血液成分，去挽救危重病人的生命，而献血者不要任何报酬.。无偿献血是国际卫生组织、国际红十字会推崇的献血形式。当前世界上很多国家已经做到了临床用血来自无偿献血，无偿献血已经成为衡量一个社会文明程度的标志。各国政府都十分重视和关心无偿献血，日本1985年评出的最佳献血口号是"献血是爱，是勇气，是关怀"。这是一位家庭主妇提出的，目前，已被全世界各国血站所采用。日本每年1月15日为成人节，年满20岁的男女青年身着盛装，在举行成年仪式之后，纷纷来到献血车前参加无偿献血，这已成为日本推动献血的一个传统形式，日本政府规定，各级行政人员，适龄者每年必须献血一次。在美国，公司一个很流行的献血口号是"给您一个礼物，生命"，在美国人的心目中，献血是崇高的行动，是给同胞一个新的生命，是其它任何礼物都无法比拟的。约旦政府明文禁止血液买卖。1975年首都安曼建立了一座中央血库。任何人只要急需血液，都可以从这里得到，但在身体康复后，必须来献血，或由亲属来代之献血。这座血库被人们称为"生命血库"这座血库建成后，第一个来参加献血的是约旦国王侯赛因。印度尼西亚献血口号是"您能为您的同胞作出的最大奉献是挽救他的生命。"菲律宾前总统拉莫斯亲自参加献血，还要求其家庭成员参加献血。1997年3月菲律宾总统拉莫斯第41次参加无偿献血（每次250毫升），以此来做为他69岁生日的纪念。他常说：献血使他年轻20岁。看来这句话不全是玩笑话。目前，世界上很多国家已达到医疗用血全部来自无偿献血。如经济发达的美国、日本、加拿大、德国、澳大利亚，也有经济欠发达的阿尔及利亚、坦桑尼亚、尼日尔、尼泊尔、缅甸等，都实行了无偿献血制度。 在许多国家，公民献血后吃几块点心．喝杯饮料，就各自去干自己的工作，从不领取任何报酬，人们把献血看作是健康人对社会应尽的义务，是很普通的事。澳大利亚等国在中小学设有献血知识课，学校定期带学生到血液中心采血现场参观，让学生了解献血的全过程，使他们从小就懂得献血是每个人应尽的社会义务和献血不影响健康的道理，长大后成为一名自愿的光荣献血者。人们把献血看作是健康人对社会应尽的义务，是很普通而平常的事。适量献血无碍健康己被全世界几十个国家的千百万献血者所证实， 我国也有“献血无碍健康，只需小小勇气”的宣传。</t>
  </si>
  <si>
    <t xml:space="preserve">怎么这个碎片无法整理？昨天重装了魔兽今天进行了次碎片整理结果有一 </t>
  </si>
  <si>
    <t>是个资料档案不是碎片</t>
  </si>
  <si>
    <t xml:space="preserve">怎样提高自己的能力呢？他们一晚上能做5次，6次，有的甚至能做7次 </t>
  </si>
  <si>
    <t>1一定不要手淫了,射精阀值过低和肾虚有一定的关系2可以用中药金匮肾气丸治疗3缩肛运动挺不错,建议可以每天做2次每次做60次4不要用中断尿的办法,既没有效果对身体也不好5有可能是理由轻度肾虚当然也有一定的心理作用6心理上注意放松,可以听听轻音乐.祝身体健康!</t>
  </si>
  <si>
    <t xml:space="preserve">发行期买的湘财预算，现在净值是1.03，累计净值1.05，我的收? </t>
  </si>
  <si>
    <t>不考虑费用，你的收益是5%，但如果赎回，计算实际收益就必须扣掉申购，赎回的费用。办理赎回和办理申购一样。还有一个前提，就是你认购以后没有其他操作，这样才能保证你享受分红，并且比例不变。</t>
  </si>
  <si>
    <t xml:space="preserve">北非战斗中的美军坦克北非战役中美军曾经被德军打的丢盔弃甲，似乎曾 </t>
  </si>
  <si>
    <t>有的,从M4A3谢尔曼坦克到美国吉普.隆美尔也曾经试坐过美国吉普车.</t>
  </si>
  <si>
    <t xml:space="preserve">天平座昨天的运势提防什么星座 </t>
  </si>
  <si>
    <t>天秤座（9.23－10.22）天秤座是象征着秋天来临的星座，秋意表现在天秤座的人身上是对意气相投的特殊嗅觉。你寻求着共同点和互相谅解的土壤。和蔼可亲的秉性，使仇恨和敌意永远无法靠近你的身旁。天秤座的人温柔、娴雅，你需要欢欢乐乐地生活</t>
  </si>
  <si>
    <t xml:space="preserve">梦到血流和人头梦到三个人去山上打怪兽，其中一个人被蛇咬了，他要用 </t>
  </si>
  <si>
    <t>晚上噩梦可能是睡眠姿势的问题，建议睡眠时最好平躺或右侧卧位，这样可以见减少心脏压迫，时大脑供血不受影响，就不会做恶梦了。</t>
  </si>
  <si>
    <t xml:space="preserve">高一数学函数题目，急！！！1.已知f（x）=x^2,求f(2x+ </t>
  </si>
  <si>
    <t>1. f(x)=x²----&gt;f(2x+1)=(2x+1)²2. f(1+√x)=x+2√x，∵ x+2√x=(1+√x)²-1,∴ f(x)=x²-1(x≥0)3. ∵ f(x)为二次，且f(0)=0, ∴ 设f(x)=ax²+bx(a≠0),又a(x+1)²+b(x+1)=ax²+bx+x+1----&gt;(2ax-1xab-1=0与x的取值无关,∴ a=b=1/2. f(x)=(1/2)(x²+x).4. f(x)的定义域为[-2,2],即-2≤x≤2, 由 -2≤3x+1≤2,得-1≤x≤1/3,  ∴ f(3x+1)的定义域为[-1,1/3].5. f(3x+1)的定义域为[-2,2]，即-2≤x≤2, ∴ -7≤3x+1≤7,∴ f(x)的定义域为[-7,7].6. ∵ f(x)-2f(-x)=9x+2···①, ∴ f(-x)-2f(x)=-9x+2···②, ①+2×②,得f(x)=3x-2.</t>
  </si>
  <si>
    <t xml:space="preserve">大雨磅礴！在雨里奔跑，是想听雨落的声音。您有没有相似的经历，幽幽? </t>
  </si>
  <si>
    <t>细雨缤纷,在雨雾中漫步,是想倾听雨的呢喃,体味雨的温柔.</t>
  </si>
  <si>
    <t xml:space="preserve">意大利和克罗地亚都反着来吧，搞两个0娱乐一下。。意大利这场，都看 </t>
  </si>
  <si>
    <t>昨天我荷兰球迷力挺荷兰结果。。。今天意大利和西班牙不是特别喜欢买个平局和气生财。</t>
  </si>
  <si>
    <t xml:space="preserve">2个月前亲戚介绍1个女孩子，现在我和她2地相隔交往，最近我发现她? </t>
  </si>
  <si>
    <t>他是不是故意看你什么态度啊，有时候女生会故意做出违背自己想法的事，比如明明想出去却说不想他是想看看你是否坚持或者说是否在意他去不去，你应该向他表明你的态度，用行动~！如果还这样就应该尽快谈清楚</t>
  </si>
  <si>
    <t xml:space="preserve">什么最具收藏价值 </t>
  </si>
  <si>
    <t>常规来说什么东西越少年代越久远或有纪念意义的物品,越珍贵,越值得去收藏,越有价值.但对于业余收藏人士来说,主要还是个人的爱好和兴趣.</t>
  </si>
  <si>
    <t xml:space="preserve">如何删除博客和播客我要删 </t>
  </si>
  <si>
    <t>这个得看你用的什么博客了</t>
  </si>
  <si>
    <t xml:space="preserve">吃什么可以加快新陈代谢？ </t>
  </si>
  <si>
    <t xml:space="preserve">能够帮助人消化的食物：1.大麦及大麦芽 　　含有维生素A、B、E和淀粉酶、麦芽糖、葡萄糖、转化糖酶、尿囊素、蛋白质分解酶、脂肪和矿物质等。大麦中的尿囊素可促进胃肠道溃疡的愈合。 　　2.酸奶 　　酸奶除含有牛奶的全部营养素外，突出的特点是含有丰富的乳酸，能将奶中的乳糖分解为乳酸。对于胃肠道缺乏乳酸酶或喝鲜牛 奶容易腹泻的人，可改喝酸奶。乳酸能抑制体内霉菌的生长，可预防使用抗菌素类药物所导致的菌群失调。乳酸还可以防止腐败菌分解蛋白质产生的毒物堆积，因而有防癌作用，酸奶有轻度腹泻作用，可防止老年人便秘。 　　3.苹果 　　苹果既能止泻，又能通便。其中含有的鞣酸、有机碱等物质具有收敛作用，所含果胶可吸收毒素。对单纯性的轻度腹泻，单吃苹果可止泻。苹果中含纤维素可刺激肠蠕动，加速排便，故又有通便作用。 　　4.西红柿 　　含有丰富的有机酸如苹果酸、柠檬酸、甲酸，可保护维生素C，使之在加工过程不被破坏，增加维生素的利用率。西红柿中还含有一种特殊成分——番茄素，有助于消化、利尿，能协助胃液消化脂肪，番茄素还能抑制细菌和真菌的生长，可治疗口角炎。 　　5.橘皮 　　橘皮对消化的促进作用主要是其中含有的挥发油对消化道有刺激作用，可增加胃液的分泌，促进胃肠蠕动。 　　6.鸡肫皮 　　又称鸡内金，为鸡胃的内壁。鸡肫含有胃激素和消化酶，可增加胃液和胃酸的分泌量，促进胃蠕动。胃激素遇高热易受破坏，故以生食为佳。 　　7.番木瓜 　　未成熟的番木瓜含有两种酶类，一种叫番木瓜蛋白酶类，一种叫番木瓜蛋白酶，可分解脂肪为脂肪酸，可促进食物的消化和吸收。 　　8.白菜含有大量的粗纤维，可促进胃肠道蠕动，帮助消化，防止大便干结。 </t>
  </si>
  <si>
    <t xml:space="preserve">急急急……各位快来帮忙分析一下我是上个月6月1日来的月经，可是现 </t>
  </si>
  <si>
    <t>难受表示快要来啦.</t>
  </si>
  <si>
    <t xml:space="preserve">6年换证的驾照年审是否每年一次? </t>
  </si>
  <si>
    <t>我比你早一个星期拿,现在不年审了,就是6年一次审一次加换证,第二次是11年,第三次是终身,这些都是在不出事故的情况下.只有B照才是一年审一次</t>
  </si>
  <si>
    <t xml:space="preserve">日耳曼人强悍还是日本人强悍? </t>
  </si>
  <si>
    <t>北欧日耳曼人是德意志人的祖先,曾经消灭了不可一世的古罗马帝国.精明能干,十分勤劳,近代欧洲的思想家,哲学家,科学家大都出自德国(日耳曼).日本人的祖先是阿尔泰人,明治维新之前日本就是一个不毛之地,思想禁锢,科技,经济都十分落后,明治维新之后才逐渐强大起来,而且带有严重的封建残余,二战结束后虽然经济发展迅速,但是在历史问题一直处于暧昧的态度,就反省历史的角度来看日耳曼人得到了国际社会的普遍认可,而小日本一直不认旧账,一个连自己的错误都不敢承认的民族算得上强悍吗</t>
  </si>
  <si>
    <t xml:space="preserve">内分泌问题手脚无力，膝盖算，走路脚心会痛，记忆力下降 </t>
  </si>
  <si>
    <t>大便干燥吗 甲状腺的问题是否用药</t>
  </si>
  <si>
    <t xml:space="preserve">请问吐鲁番各景点之间若包车大概需要多少钱？是不是门票可以减免一些? </t>
  </si>
  <si>
    <t>你可以参加一日八游的那种在各个景点跑的车。还可以找几个同行的人让旅行社负责包车，或者旅行社也会帮你找人包车，只出包车的钱即可，门票等等到了景点各自自行购买。包他们的车50/人。一日游的车费约60元，包桑塔纳一天150～200。</t>
  </si>
  <si>
    <t xml:space="preserve">GTA4里的直升机怎么开？没法让直升机直走啊 </t>
  </si>
  <si>
    <t>wasd外加小键盘96，效果自己试一下马上就明白了。</t>
  </si>
  <si>
    <t xml:space="preserve">移动互联网的发展前景？ </t>
  </si>
  <si>
    <t>移动互联网现在受到了越来越多人的关注，移动电子商务也会像移动互联网一样在以后会迅速的发展，现在就连淘宝的单个店铺都可以做手机店了，京东凡客这样的电子商务巨头，手机的交易额在直线上升，无线悦淘可以帮助淘宝卖家实现移动电子商务！</t>
  </si>
  <si>
    <t xml:space="preserve">什么地方有收集好网址的？ </t>
  </si>
  <si>
    <t xml:space="preserve">这里有： </t>
  </si>
  <si>
    <t xml:space="preserve">进口车需要磨合吗？本人在国外买了一辆欧宝ASTRA2005款新车 </t>
  </si>
  <si>
    <t>汽车的磨合一般说来可以分成两个阶段，即0－1000公里的发动机磨合和1000－3000公里的底盘磨合。发动机的磨合：进口高档车已做过长时“冷”磨，可以达到直接行驶的目的。底盘及制动系统的磨合。发动机磨合结束后，紧接其后就应该对底盘及制动系统进行磨合。这部分厂家没有可能为用户做到的。制动系统，在制造过程中，由于材料和加工精度的限制，磨擦片和制动蹄的接触面上都不会非常平整和均匀，接触面积只有50％左右，而磨合的作用就是使得制动时磨擦片和制动蹄全部以最大面积全部贴合，确保制动系统的效果全部发挥出来。我的意见是自己去做磨合，以使你的车在几年内都表现非凡。</t>
  </si>
  <si>
    <t xml:space="preserve">70的内琴用什么材料打早时有顺序吗？？？？？ </t>
  </si>
  <si>
    <t>你说的是不是你是70级的一个内功琴   用什么石头镶嵌在带孔武器上?   如果是的话 以下为本人意见:      现在的琴武器都是一个样发招5%会心一击概率x%的剩下的一个就看你的武器灵气多少,3个石头加起来灵气必须等于总灵气才能成八挂装备的一件   如果不合八挂装备的就不用考虑了        镶嵌顺序首先要考虑的是八挂的挂位对不 这个具体你可以去公氏(也就是合八挂装备的那里) 去领一本八卦装备指南 看就知道了  符合上面挂位的要求就看看是不是美观的问题了希望能给你一点点提示</t>
  </si>
  <si>
    <t>佳能550D套机中配置的两款镜头（18</t>
  </si>
  <si>
    <t>你的问题太多太广，大致说下。（18-55mm IS）、（18-135mm IS），前面的是焦段，就是18-55毫米，通俗讲就是变焦的倍数。55/18=3倍变焦，第1个数字越小，说明你镜头拍摄的范围越广，也就是广角端。后一个越大就说明你能拍清楚更远的物体。如果一般家庭用户，对镜头素质不高，但对资金和需求有比较多，所以一般焦段越大越好。也就是所谓的变焦倍数越大越好。但限于镜头成像原理，变焦越大镜头素质就越低，所以专业用户就一般需要焦段单一，甚至只有1个焦段的镜头，比如12mm专业焦段的广角镜头，你这个2个镜头实际第2个包含了第1个镜头的焦段。一般家庭选其中一个就可以了，或者再配一个其它焦段的补充。</t>
  </si>
  <si>
    <t xml:space="preserve">初三化学选择题。化学反应前后肯定没有变化的是（）。1原子数目2分 </t>
  </si>
  <si>
    <t>1原子数目 .想想配平方程式就知道了2分子数目。CO2+H2O=H2CO33元素种类.元素守恒，同1.4物质种类。肯定变了，化学反应就是生成新物质。5原子种类。同16物质的总质量。质量守恒定律。所以，选择B。望进步！</t>
  </si>
  <si>
    <t xml:space="preserve">索尼SVF1431V6CW无线网络怎么开 </t>
  </si>
  <si>
    <t>就在触摸面板前面的边缘上！你仔细看看！开关打开以后就可以自动搜索无线信号了，前提是你无线网卡的驱动都装好了！如果对你有帮助的话，点【好评】鼓励一下呗：）</t>
  </si>
  <si>
    <t xml:space="preserve">笔记本上网问题629求怎么破！！！ </t>
  </si>
  <si>
    <t>第一，有可能你网线货电话线设置是路由的问题，第二有可能是电信那边的问题，出现629的原因很多第一种情况：刚开机。刚开机系统反应慢，拨号上网的话，无法注册连接网络。解决方法：等个一两分钟再拨号上网试试。第二种情况：网络中断。最好检查一下网线是否插好，调解器是否打开。第三种情况：账号密码错误。可以打联通或者电信的客服电话，他会让你提供一下这条网线的机主资料，告诉他后，他会帮你修改一下密码然后告诉你。第四种情况：IP设置错误。拨号上网一般设定的是自动获取IP地址。你可以看看你的电脑是否设定了一个固定IP。还有其他情况，比如说调解器坏了，或者质量次。网卡损坏或者驱动有问题，不过这种情况比较少见。你再试试看请选为好评，送人玫瑰，手有余香，希望能够帮到你</t>
  </si>
  <si>
    <t xml:space="preserve">怎样才能申请QQ号码呢？我是一个新手，对于申请QQ号码是一窍不通 </t>
  </si>
  <si>
    <t>现在申请免费 声讯电话每分钟费用为1.0元。(具体资费根据当地声讯价格指数而定)“申请(部分地区请以当地的腾讯特服号码为准),就可以直接申请到普通QQ号码,一经申请,终生免费,您无须激活与每月续费。1、每次只可以申请到一个普通QQ号码;2、申请到QQ号码后,请尽快登录,修改您的原始密码和申请密码保护；　3、号码和密码以声讯的形式返回，请在申请时注意记录并妥善保存。三、·Esales经销商处购买QQ号码 普通QQ号码每个1元，没有使用期限，可长期免费使用。</t>
  </si>
  <si>
    <t xml:space="preserve">这是痘痘或是其他皮肤病呢？已经四年了，不敢挤，有时洗脸后脓包会破 </t>
  </si>
  <si>
    <t>囊肿型痤疮，异维a酸（需避孕半年），米诺环素，忌辛辣刺激性，忌过甜饮食，注意睡眠</t>
  </si>
  <si>
    <t xml:space="preserve">GF能不能多开点地图`一直这样比较枯燥```还有把查看舰队系统完 </t>
  </si>
  <si>
    <t>关于您反馈的建议，我们会提交相关人员进行考虑，至于是否会被采纳或进行修改我们无法为您保证，建议您留意官方的相关消息，谢谢。</t>
  </si>
  <si>
    <t xml:space="preserve">奥数问题1，一家商店因换季将一种服装打折销售，每件服装如果按标价 </t>
  </si>
  <si>
    <t>设标价为x,则有0.5x+20=0.8x-40,求得x=200(即标价)则成本为0.5*200+20=120为保证不亏本，卖价应等于成本价，则折扣为：120/200=60%（即6折）</t>
  </si>
  <si>
    <t xml:space="preserve">我的图片可以滚动但无法显示，是个叉，救我呀我的博客图片可以滚动但 </t>
  </si>
  <si>
    <t>可能是代码出现了问题，我也有过，你要把原有这些照片删除，重新下载粘贴图片，这样你再试试，我是这样做的．</t>
  </si>
  <si>
    <t xml:space="preserve">为什么我的电脑在进入游戏时出现:(图象组建失败)?我电脑前几天不 </t>
  </si>
  <si>
    <t xml:space="preserve">用下面安装显卡驱动，自动扫描安装。1、重装显卡驱动试试。2、建议卸载游戏软件重装试试。如果需要安装驱动，建议安装驱动精灵2008 ，安装之后，使用其自动更新驱动功能，它会自动下载并安装最新版本驱动，包括，声卡、显卡、网卡、USB等，这是驱动的总汇。 下载安装后，打开驱动精灵，会自动检测你电脑的硬件信息，检测完毕后，点击“驱动更新”按钮，切换界面，然后点击“自动安装”，再点击右下角的“开始更新”按钮。驱动精灵2009 B1  驱动人生 2008正式版软件详细信息。  驱动人生是芯片级驱动管理程序,全智能扫描识别所有硬件的万能驱动维护专家（识别硬件，智能匹配驱动、自动下载、安装、更新、备份、卸载等），支持所有品牌(如Intel、nVidia/3DFX、AMD/ATI、VIA/S3、Realtek、C-Media、Marvell、ADI、IBM、Creative、Broadcom、Conexant、 SigmaTel、Matrox等）的主板、显卡、声卡、网卡、调制解调器、摄像头、无线、打印机、扫描仪、读卡器、阵列卡、蓝牙、手写板、读写器、USB、1394、Bluetooth、Display、Image、MEDIA、Modem、Net、PCMCIA、SCSIAdapter、 SmartCardReader、System、MODEM、串口、并口等设备的识别与驱动,全面兼容Win9x/Win2000/WinXP/Win2003/Vista/Win2008等主流操作系统，已与国内著名显卡品牌七彩虹达成长期战略合作协议，全面为七彩虹提供硬件检测、驱动研 发、驱动升级等服务。 下载网址： 超级兔子也有更新驱动的功能。下载地址： </t>
  </si>
  <si>
    <t xml:space="preserve">心态问题我每次决定的事情都是3分钟热度，都不能持之以恒，要怎么办 </t>
  </si>
  <si>
    <t>这个也是正常的了，喜新厌旧是人的本性啊 ，如果你真心的喜欢一样东西，你回发现在以后的岁月里你会经常的想起它，这样你就能确定自己的心意了</t>
  </si>
  <si>
    <t xml:space="preserve">DNF的装备最好的是什么地下城勇士 </t>
  </si>
  <si>
    <t>骨戒</t>
  </si>
  <si>
    <t xml:space="preserve">我这的网吧怎么下载不了啊,那个高手说下. </t>
  </si>
  <si>
    <t>网吧多半限制了下载</t>
  </si>
  <si>
    <t xml:space="preserve">我的地下狂飙２是英文的哪里可以下载中文翻译的版本英文界面看不懂想 </t>
  </si>
  <si>
    <t>你可以试试看更改注册表变成繁体中文版。首先运行rgedit然后按照下面的方法HKEY_LOCAL_MACHINE\SOFTWARE\EA GAMES\然后点击Need for Speed Underground2以后看右边的子键。找到Language以后双击并且更改为Chinese (Traditional)括号里面也一起输入进去。直接复制这个进去就行。然后展开Need for Speed Underground2以后点击下面的1.0，接着在右边找到Language双击设置为16进制的12，然后在双击LanguageName设置为Chinese (Traditional)这样应该就可以了。但是能不能做到英文转换中文就要看你设置的对不对了。反正我就这样做的。里面可以显示繁体中文。但是有些地方还是英文。你设置好以后多看看，不一定都是中文。但是90%变成中文了</t>
  </si>
  <si>
    <t xml:space="preserve">600309.后市怎么操作？ </t>
  </si>
  <si>
    <t>600309 目前处于上升趋势， 7月10放量站上60日均线，之后一直缩量回探60日均线止跌，目前10日均线上穿60日均线，形成一个重要的买入信号。预计未来几天走势会横向调整。至回靠20日均线。如果手中持有该股请耐心等待。空仓者则关注回靠20日均线时建仓跟进。</t>
  </si>
  <si>
    <t xml:space="preserve">推荐一下，我要换什么手机啊？ </t>
  </si>
  <si>
    <t>推荐三星S4手机（麻烦设为好评，O(∩_∩)O谢谢）低价位推荐品牌:红米 中端推荐手机:小米3 魅族MX3 华为P6 华为荣耀3 中高端推荐手机:Iphone4S Lumia920 Lumia925 Lumia1020 三星Note2 三星S3高端推荐手机:iphone5C iphone5 iphone5S  三星S4 Note3朋友您好，小瑞致力于努力认真的回答您的每一个问题，所以请您高抬贵手将我的答案设置【好评】，您的肯定将是对我最大的鼓励和动力</t>
  </si>
  <si>
    <t xml:space="preserve">如果男朋友的妈妈说我克夫怎么办？不知道为什么，我和很多人相处都很 </t>
  </si>
  <si>
    <t>不要理会她，如果你很爱你的男友，又想让他的母亲接受你，不妨找个算命的当回托，告诉他的母亲你有贵夫相</t>
  </si>
  <si>
    <t xml:space="preserve">关于公务员请问海关招考的职位中有一个专业叫“海关专业”指的是什么 </t>
  </si>
  <si>
    <t xml:space="preserve">海关职位中要求的海关专业，特指上海海关学院毕业的学生（在秦皇岛还有一个分校），中国仅此一家，其他学校任何跟海关有关系或者相似的专业都不可以，你如果不信，可以去报名，肯定通不过 你如果细心分析一下08年海关的报名名单就会发现 海关中所有要海关专业的职位，都是要几个人，报考几个 比如说，青岛海关要10个海关专业的，那么，最后的报名人数就是10个 那是因为，上海的这家海关学校，大部分都是海关内部人员的子女，入学的上海就承诺包分配 海关学校每年招收四五百人，每年海关特指的海关专业的职位也是四五百个，基本完全吻合 如果不信，可以自己查阅去年的资料。 </t>
  </si>
  <si>
    <t xml:space="preserve">北约东扩、在阿富汗军事存在、海上堵截，美国意欲何为？我们如何对策 </t>
  </si>
  <si>
    <t>这个问题似呼有全球战略形势的影子，北约东扩是在前苏联解体后出现的新形势，它之所以出现，是由于解除华约压力以后，欧洲渐渐感到美国越来越多的不平等压力，例如经济上美国对欧洲实行限制，拒绝欧洲在全球事物上的愿望和要求，不顾欧洲在其他地区的利益实施单边行动计划等等，同时欧洲又希望在以后的日子里摆脱美国的控制。因此，欧洲极其希望在世界范围内建立起一个多边机制以抗衡美国的霸道行为。北约东扩是欧洲标志性的事件，对欧洲的发展，以及日后在世界事物中的讨价还价和抗衡美国单边主义行经有着深远意义。美国对欧洲东扩的内心想法是矛盾的，一方面东扩有利的截止和限制了俄罗斯对欧洲以及美国的战略威胁。一方面美国又不希望欧洲有朝一日脱离美国的魔爪。但至少目前是符合美国战略利益的。我国政府已清楚的看清了这其中的玄机，所以一直支持着欧洲一体化的进程（虽然这有一定的冒险性，但这是新形势下的必然结果，由不的任何一方反对或阻止，美国也无法幸免）阿富汗的存在是美国因苏联解体而得到的美食之一，它使得美国能在俄罗斯眼鼻子底下监视并直接威胁俄罗斯的战略安全。并且能够作为影响中亚地区的跳板。近日中亚不断出现的颜色革命就是最有利的证据。而最直接的受害者是俄罗斯，所以普京对此大为恼怒。需要指出的是中亚的文化和意识形态大不同于西方。目前的形势之所以能倾向于西方是因为该地区的人民对常时间的经济萧条极度失望所至，而美国只是为了截止和控制俄罗斯才以眼前的利益诱骗中亚人民。得逞是暂时的。因为一旦俄罗斯的经济得到提高和壮大，这些问题就会引任而解---毕竟中亚接壤的是俄罗斯，他们的利益将更多的与俄罗斯联系在一起。海上围堵是美国长久以来截止中国的战略思想。现阶段中国的壮大，则更让美国认为这一战略的重要性。然而事事都是变化的，由于我国政府所实行的经济政策。使中国经济同世界经济联系在一起，造成美国在围堵中国海上战略的难度加大（东亚三国拒绝美国驻兵马六甲海峡即使在这种情况下的产物，欧洲对此也采取模糊政策）。可以想象，只要我国政府能进一步增进与亚洲各国彼此间的了解，扩大彼此间的共识，搁置分歧加强合作，美国的战略就会不攻自破。纵上所述，美国现阶段的战略是：截止俄罗斯国力的恢复、截止中国经济势头的发展、控制中国军事技术的提高、防止欧洲脱离美国的势力范围、保证美国在世界范围的领导地位。（呵呵胃口真大呀！）结论是美国的战略是倒行逆施。不符合世界各国的利益，是愚蠢的目光短浅的霸权主义行为，必将为世界各国（包括欧洲）所唾弃！当然，形势的发展是靠有实力的整体解决的，中国作为正在屈起的大国，一个受常时间外国势力欺凌的文明古国，一个最彻底反对霸权主义意识形态的有核国家，一个令霸权主义行经最担心的国家，必将走在反霸权斗争的最前沿，而美国的不可一世的作为必将以失败的结局写入世界历史的篇章。</t>
  </si>
  <si>
    <t xml:space="preserve">请问免疫力下降，怎么办？经常性的容易感冒，流鼻涕，喷嚏，眼泪。 </t>
  </si>
  <si>
    <t>这是过敏体质，不是免疫力下降。适度地接受冷的刺激，减少过敏。</t>
  </si>
  <si>
    <t xml:space="preserve">无影斩的效果是怎样的,冷却时间是多久 </t>
  </si>
  <si>
    <t>是角色周围的敌人全部受伤害</t>
  </si>
  <si>
    <t xml:space="preserve">我的电脑启动不了屏幕不显示重启几次蓝屏我的电脑突然的启动不了了， </t>
  </si>
  <si>
    <t>是否"ntfs.sys"?该目录查无"netfs.sys"文件;－－－ntfs.sys丢失的解决办法:用XP安装光盘作第一启动设备,进入安装界面,选择"用恢复控制台修复Windows",并按下R键,然后在命令提示符下输入以下指令:cd C:\Windows\system32\drivers 回车(按下回车键,下同)copy x:\i386\ntfs.sys 回车待系统提示复制成功后,重启,看可否解决问题,若仍然不行,则检查你的内存条：拔下内存擦拭干净金手指，若是有两条内存的，拔下其中一条再开机测试．－－－补充：若目录里有ｎｔｆｓ．ｓｙｓ文件，先将它改名：在上述命令前加一条：ｒｅｎ　Ｃ：＼Ｗｉｎｄｏｗｓ＼ｓｙｓｔｅｍ３２＼ｄｒｉｖｅｒｓ＼ｎｔｆｓ．ｓｙｓ　ｎｔｆｓ．ｏｌｄ操作方法同上－－－</t>
  </si>
  <si>
    <t xml:space="preserve">女人怎样保养才是最好的怎样保养皮肤， </t>
  </si>
  <si>
    <t xml:space="preserve">                      20 30 40岁女人的保养 　　20岁的你能为青春做的N件事：    1.补铁补血　　这个时期的女性由于生理原因，往往造成缺铁性贫血，大约有64％的女性会出现程度不同的贫血现象，红细胞和血红蛋白降低占50％，血小板减少占21％。    2.补充蛋白质　　蛋白质是人体细胞和脏器的“灵魂”，身体组织的修补更新需要不断地补充蛋白质。这个阶段的女性，加班、熬夜、用脑过度、饮食不规律犹如家常便饭，所以不可避免地造成了蛋白质的缺乏。    3.补充维生素这个阶段的女性，由于工作时间和强度的关系，常造成用眼过度。维生素A可以预防和治疗干眼症，改善眼睛发干发涩，维护皮肤的健康。维生素 C可以防止眼周皮肤受到紫外线的伤害。维生素E则能增强视力，起到明目的作用。    4.晒适量的太阳　　太阳光能产生维生素D，使你的真正年龄年轻0.9岁，但在太阳下超过20分钟时要戴上太阳镜。爱玩的你最好尽量避免参加晒黑皮肤的聚会，别忘了用品的贴身关怀。     5.饮酒有节制　　泡吧时别再把赌酒当作豪爽，有规律的少量饮酒能防止血管衰老，少量是指每天喝半杯到一杯酒。     6.戒烟　　烟总是与酒相伴，比酒更糟糕的是，它会使你立即变老，但效果可以逆转。每天吸一盒烟的人比不吸烟的人老8岁以上。戒烟两个月会使你年轻1岁，戒烟5年会使你年轻7岁。    7.做只骄傲的天鹅　　年轻时要为形体打下一个良好的基础。挺起胸膛伸直腰背，对保持形体十分有效。如果平时走路也能这样，能消耗掉多1倍的热量。    8.吃番茄，喝绿茶　　现在开始为免疫力打造一个坚强的体魄。番茄、胡萝卜中含有胡萝卜素，再加上一点油一起食用，会增强机体的免疫力。喝绿茶也有同样的效果。    9.这个阶段容易激动，当感情冲动时，尽量保持呼吸平稳。     10.即使在几乎没有希望的情况下也要牢记：你能改变局势，向好的方向发展。　　30岁的你能为青春做的N件事：    1.补钙 　　专家证实，女性28岁以后，身体中的钙每年以0.1%～0.5%的速度减少。这个时期女性每日至少要摄取1000毫克钙；若在怀孕、哺乳期，则加至1500 毫克。    2.补充纤维素　　这个时期女性经常会有便秘、肥胖等苦恼。纤维素可以令女性免去后顾之忧，它在通便、排毒、降血脂、防治肥胖方面功效卓著。    3.补充叶酸　　怀孕、生育，都会让女性营养缺乏，叶酸是B群维生素中的一员，为人体细胞生长和分裂所必需的物质之一，可以缓解营养缺乏症。    4.驾驶时戴上安全防护设施　　工作中的角色越来越重要，但一定要记住开车和坐车时都要系安全带，开车时不要使用手机，这些可以使你远离事故，保障青春。    5.建设优质性生活　　性是一流的年龄缩减剂，它能舒缓压力，放松心情。别再把工作当作一切，一年中你获得的性高潮越多，你就越年轻。夫妻间的安全性生活增加到116次将会使你的真正年龄年轻1.6岁。    6.每天吃早餐　　它能有效地促进新陈代谢，保持血管和免疫系统年轻，它最好包括谷类食物、水果、奶制品。     7.饮食多样化　　每天4份水果，5份蔬菜，每星期吃两次鱼。做回杂食动物吧，继续巩固你 20岁时打下的免疫基础。    8.每晚按时睡觉最好的睡眠是每天都有规律地睡 7～8个小时。    9.养只狗，陪它散步狗的主人血压低，胆固醇也低，心理状态好，总能保持更长的青春。    10.抽时间做有氧运动可以增加心肺血管活力。　　每天步行一小时或在短时间内做大运动量的锻炼，每周至少消耗3500卡的热量。    11.做增强力量和柔韧性的锻炼如练拉力器、瑜珈，这些训练能保持骨密度，防止骨骼老化。     12.保持稳定的理想的体重经历生育后，你的体重已经不能和20多岁时相比，现在需要慢速和持久的减肥。    13.不急于起床早晨醒来后，伸伸懒腰，让脊柱也有“苏醒”的时间，这可以避免腰痛，保持良好的姿态。     14.饭后强迫自己运动15分钟比如找个收拾厨房之类的活儿。这是简单有效的保持体重稳定的又一方法。    15.不要久坐据说久坐会坐出下垂的大PP，对心脏和血管也没有好处。    16.服用Vc和Ve每天补充超过1200毫克的维生素C，400国际单位维生素E。这是两种最重要的抗氧化剂，联合服用能减少血管壁上的有害堆积物。　　40岁的你能为青春做的N件事：    1.科学补充雌激素     这个年纪的女性随着卵巢功能的逐渐衰退，体内雌激素和孕激素的分泌也会逐渐减少乃至消失，必须在专家的指导和监控下补充雌激素，当然也可以通过自然的方式获得，比如食用含雌激素的豆类。    2.多吃核桃、松子、腰果一类的补脑食物     这个时期的女性因长期用脑过度，记忆力已大不如前，还会有反应迟钝、神经紧张以及心悸无力等症状。     3.避免被动吸烟        不要在充满烟雾的环境里工作或生活，被动吸烟几乎和真正的吸烟一样有害健康。    4.多一些大笑     大笑是一种全身的减压剂，它可以帮助减轻忧虑、紧张、压力。对增强免疫系统有奇效，既消耗热量，又改善自我感觉。有经历的你可以笑对生活。     5.少吃油腻食物食谱多选择瘦肉、鱼、脱脂牛奶和蔬菜水果。     40岁的身体虽说要少吃脂肪，但并不是放弃美食，可以用点儿小技巧，例如用餐时，先吃凉菜、甜品或汤。    6.降低你的胆固醇     已经到了关注胆固醇的年龄了，要保持总的胆固醇低于6.0mmoL/L，并努力提高高密度胆固醇（HDL）所占的比例。HDL是防止动脉老化的有力助手。    7.增强耐力     每周做三次能够增强心率和吸氧的耐力训练，应该增加锻炼的强度到心跳达同龄人最大心率的70%，并且汗流浃背。    8.建立社会关系网     孩子、生活的压力使你难以顾及家庭以外的世界，你已经多久没见老朋友了？放弃你的无微不至吧，想一想自己年轻时的好人缘，重新享受快乐人生。    9.不乘电梯     把等电梯的时间留给健康，每天沿楼梯上下6分钟，能锻炼腿力，增加肺活量，最重要的是能避免电梯事故。     10.养花     这个时期情绪容易不稳定，植物可以磨去你的烦躁，让心态变平和。同时家里氧气充足，空气清新，对皮肤和肺部有利。最后一点，所有人都应该做：坚持你的预谋计划。 百灵编辑：晓凡 --------------------------------------------------------------------------又有人说：凡女人都少不了用保养品，尽管知道那些瓶瓶罐罐未必可以令自己青春永驻，但每天早晚的涂抹功课还是必不可少的，就算是徒劳好了，也是一种自欺欺人的安慰。对于女人来讲还有另外一种保养品，那就是男人。</t>
  </si>
  <si>
    <t xml:space="preserve">怎么样才能部露牙龈肉 </t>
  </si>
  <si>
    <t>像这样的情况可能需要手术治疗，把上颌骨抬高。 但是其实你的微笑的弧度很美 你看舒淇 还有很多女明星 露龈笑 但是都很美那就要练习微笑 每天照着镜子练练 时间长了就好了 露牙龈是因为笑得时候嘴长的太大了</t>
  </si>
  <si>
    <t xml:space="preserve">新搬的博客郁闷死了，花了两天时间，好不容易把5D的博客搬过来。但 </t>
  </si>
  <si>
    <t xml:space="preserve">你好！ 首先祝贺你成功搬家！其次是提醒你别着急！想更改背景和版头的模板，但更改不了是新浪系统出故障！不用担心! 做为中国第一门户网站，使用新浪服务的人越来越多，时常会出现各种不正常现象，耐心的等待,好了就恢复了。是普遍的问题,这几天很不正常! 具体原因请看2007年8月13日发出的新浪博客服务器维护公告 ：   </t>
  </si>
  <si>
    <t xml:space="preserve">高中｛语文｝作文课怎么上,效果才会更好？才会让学生更感兴趣？我下 </t>
  </si>
  <si>
    <t>我能不能以一个学生的身份来说说我所喜欢的作文课？我觉得首先，老师要调动起课堂气氛来。比如说，先来一个短小精悍的、与此次作文有关的小故事来提高同学们的兴奋点。其次，讲课的内容要和同学们所关心的事情密切相关。比如，我们学校是封闭式管理，我们很少听到时事，所以，语文老师一讲时事我们就都很感兴趣。老师讲一些和本次作文有关的事，然后再讲评作文，既可以拓宽学生的思路，又可以树立老师在同学们心目中的良好形象。讲评作文时，也可以印一些同学们写的比较好的文章，来和大家一起学习，解析，这样不仅可以鼓励写的好的同学，而且可以激励那些没有被选上的同学。但是，要记住的是不能印那些写的不好的来公开批改，这样会挫败同学的自信和自尊。如果要挑错误的话，千万别点名，说一些普遍性的错误就好了。我希望一个学生的话能对你有所帮助，祝你成功！</t>
  </si>
  <si>
    <t xml:space="preserve">请问各位帮个忙!!!!!!请问各位帮个忙,包月三个月点卡需要多少 </t>
  </si>
  <si>
    <t>3个月包月一般要180月,现在换麋鹿的网页还没开,等开了再去换要不现在换没用的</t>
  </si>
  <si>
    <t xml:space="preserve">神之首饰什么的?RT </t>
  </si>
  <si>
    <t>20闪20必杀20精神,耐久100,以前的有称号\"法兰城勇士\",后来的都没有,无价</t>
  </si>
  <si>
    <t xml:space="preserve">谁知道这首歌的名子啊我记不下全部歌词了，只记得最后好像是“才能明 </t>
  </si>
  <si>
    <t xml:space="preserve">不知道您说的是不是这个苏曼 - 美丽心情词:姚谦 曲:中岛美雪--------多雨的冬季总算过去天空微露淡蓝的晴我在早晨清新的阳光里看著当时写的日记原来爱曾给我美丽心情像一面深遂的风景那深爱过他却受伤的心丰富了人生的记忆只有苍天曾给过的心才了解 等待中的甜蜜也只有被辜负而长夜流过泪的心才能 明白这也是种运气让他永远记得曾经有一个人给过完完整整的爱情----那曾经爱着他的心情有一股傻傻的勇气当我安安心心的走在明天里有不后悔美丽的心情----- </t>
  </si>
  <si>
    <t xml:space="preserve">iphone5可以完美越狱吗？刚买的 </t>
  </si>
  <si>
    <t>要看你的手机ios版本，如果是ios6.1.3的系统就没有完美越狱了，可以用一些助手软件来下ZAI，推荐快用苹果助手，k u a iyo ng.c o m上有</t>
  </si>
  <si>
    <t xml:space="preserve">小学三年级数学用10元钱买2千克韭菜和1千克茄子，韭菜的价格是茄 </t>
  </si>
  <si>
    <t>用10元钱买2千克韭菜和1千克茄子，韭菜的价格是茄子的两倍，问茄子和韭菜的价格是多少？这是一道和倍应用题。用方程最简单。解：设茄子的价钱为x元，韭菜的价钱为2x元。  x+2x*2=10       x=2---茄子   2*2=4（元）----韭菜如果没有学过方程，就从倍数上入手。既然韭菜的价格是茄子的两倍，那么，茄子为1倍数，韭菜是它的2倍，2千克韭菜就是2*2=4倍。合起来就是5倍，5倍所对应的价钱是10元，1倍就是10/5=2元。2*2=4元</t>
  </si>
  <si>
    <t xml:space="preserve">宝宝脸上长小白子四个个多月的男宝宝,主要吃奶粉,母乳几乎没有什么 </t>
  </si>
  <si>
    <t>几个月的小孩基本上也有，你不要去挤他，我小孩三四个月时也有，主要在眼睛周围，脸上也有。他过一段时间会自行掉，如果很久都未掉，用纱布轻轻挤推，里面有白色小点。不要轻易去买药擦啊。我朋友几个小孩也有的。不要担心了。</t>
  </si>
  <si>
    <t xml:space="preserve">希望增加拒绝组队的功能我被一个玩家强行组队，弹出组队框，不能练级 </t>
  </si>
  <si>
    <t>好象现在还没解决</t>
  </si>
  <si>
    <t xml:space="preserve">央企及控股上市公司名单2600676交运股份收购控股股东相关资产 </t>
  </si>
  <si>
    <t>谢谢美女的好贴。</t>
  </si>
  <si>
    <t xml:space="preserve">是情种还是流氓？自身条件很好，有老婆也有情人，却对可爱的女子喜欢 </t>
  </si>
  <si>
    <t>其实，爱美之心人皆有之，关键看你怎么做。歌德不是好几十的老头子，还暗恋一位十多岁的少女吗？但他并没去疯狂追求，而是将自己的感受变成文字，为世界文学增添了一部名著，即《少年威特之烦恼》。他也并没应此而受到人们的微词，所以，你也可以效仿一下他嘛。</t>
  </si>
  <si>
    <t xml:space="preserve">砸武器```几次以内是`100%的``强化如题 </t>
  </si>
  <si>
    <t>3次以内是100％的4次是90％以此类推</t>
  </si>
  <si>
    <t xml:space="preserve">野兽AC完成率?我想请问一下这里的高手.是不是每完成一次"不祥" </t>
  </si>
  <si>
    <t>玩什么游戏去那个专题提问</t>
  </si>
  <si>
    <t xml:space="preserve">溜肥肠怎么做 </t>
  </si>
  <si>
    <t xml:space="preserve">  主料：猪净熟肥肠250克。辅料：水发玉兰片10克，水烫油菜15克，水烫胡萝卜10克，水发冬菇10克。猪清油、酱油、醋、花椒水、绍酒、味精、葱、姜、蒜、香菜梗、鸡汤、湿淀粉。 特色：滋味香浓，肠肥软烂。 菜系：东北 操作：1、把熟肥肠切成斜刀片（约一分半厚）。将水发玉兰片、胡萝卜切成片。油菜切成段。葱切成象眼块。姜、蒜切成末。香菜切成段。冬菇切两半。2、用酱油、醋、花椒水、绍酒、味精、湿淀粉、鸡汤对成汁水。3、勺内放猪清油，油热八成时，将肥肠倒入勺内冲炸片刻，倒入漏勺控净油。4、勺内放少量油烧热，用葱、姜、蒜炸锅，放入玉兰片、油菜、胡萝卜、冬菇略加煸炒，接着将冲炸好的肥肠倒入勺内，将对好的汁水烹上，再放入香菜段，颠炒几下出勺即成。 </t>
  </si>
  <si>
    <t xml:space="preserve">在压力容器中，大尺寸O型密封圈的选择、过盈量如何确定，有请老黑头? </t>
  </si>
  <si>
    <t>我个人经验——用于静密封的大尺寸O型密封圈：*断面误差控制在+0.5至+0.8mm范围；*内径误差参照GB/T3452(可到我的个人中心免费下载)。</t>
  </si>
  <si>
    <t xml:space="preserve">大学生最重要的要具备什么东西大学是一个育人的地方可是现在的大学生 </t>
  </si>
  <si>
    <t>1、有知识的同时还有文化：知识和文化不同。知识仅仅是专业知识，而文化是综合人文素质，决定了一个人对知识的用运程度。可以说，知识是物，而文化是舟。2、有文化的同时还有能力：能力表明你运用知识和文化的技巧与灵活程度，解决具体问题的能力。3、有能力还有品味：品味和趣味不同。趣味使你自我有个性，而品味是一个社会认同的综合价值观。品味低下会使你失去发展的空间。4、具备综合素质：这决定了你今后的发展趋向和潜力。 说白了就是能力加性格</t>
  </si>
  <si>
    <t xml:space="preserve">手机收音机问题现在好多手机都有收音功能,但为什么启动收音机功能时 </t>
  </si>
  <si>
    <t>因为很多手机不支持外音功能，所以要用耳机。</t>
  </si>
  <si>
    <t xml:space="preserve">有关加速器的问题我在联众世界里玩炸弹超人，可不知道为什么，刚一进 </t>
  </si>
  <si>
    <t>在“开始”→“运行”对话框中输入“dxdiag”打开DirectX诊断工具。随后在显示一栏中将DirectDraw、Direct3D、AGP纹理加速功能关闭即可</t>
  </si>
  <si>
    <t xml:space="preserve">2010年重庆市房价预测不知道2010年重庆的房价会涨还是会跌？ </t>
  </si>
  <si>
    <t xml:space="preserve">整个重庆不不敢说，我可以对渝北俩路说一下轻轨修通、重庆新特区设立、三北地区的总规划重新订立，这些利好政策肯定会把两路的房价抬高起来的。按现在的金融环境和发展规划来说，2010年下半年——2011年左右，肯定会有明显的价格上浮 </t>
  </si>
  <si>
    <t xml:space="preserve">中高级进口车哪款好点？老婆是个典型的韩国迷，现在又逼着我把家里的 </t>
  </si>
  <si>
    <t>亲真是老婆大人第一位，幸福啊~说到韩系车当然还是首推现代了，亲打算换个什么价位的车呢？听说最近现代要推出一款全新雅尊，它采用6速手自一体变速箱，提供了更加稳定的变速感和优秀的燃油经济性能，这款车还引入了全新的3.0lambdaⅡ发动机，最大功率可达到250马力，使我们更能享受在这驾驶的过程中。老婆是韩国迷那一定知道玄彬了，这款车在韩国是玄彬代言的，如果买这款车，老婆一定会喜欢的，楼主加油哦~</t>
  </si>
  <si>
    <t xml:space="preserve">我怎么交不到朋友?在人与人之间.我不知为什么刚开始时遇别人相处的 </t>
  </si>
  <si>
    <t>有一种完美距离，会让你觉得刚刚好，不会腻，也不觉得遥远。不要把太对的期待放在朋友的身上，不要寻找这个世界上的另一个你，那只是一个幻影。再相似的两人都有其不同的地方，就像这个世界上不存在相同的两片树叶。我们要做的更多的是包容，更多的是原谅，不仅仅是别人还有自己！人们只能无限的靠近你却不能成为你！摆好自己的心态，朋友自然就存在了！以诚相待，带不做过多的要求!</t>
  </si>
  <si>
    <t xml:space="preserve">卡巴斯基用不了，怎么办啊？我一直用卡巴斯基这个杀毒，挺不错的，由 </t>
  </si>
  <si>
    <t>我想可能是没有卸载干净先在开机启动里卸载进入注册表，查找,点开始---运行，输入regedit“HKEY_CURRENT_USER\Software\Microsoft\Windows\CurrentVersion\Run\”删除Run下面的相应项就可以了；或者在“开始”→“运行”处输入“msconfig”，把启动下面相应的那个网站前面的“√”去掉，重新启动计算机就可以了。然后点开始---运行，输入regedit在查找所有有关卡巴斯基的文件及信息,找到一个删除一个如果有优化大师就直接使用他来清理一下注册表即可</t>
  </si>
  <si>
    <t xml:space="preserve">身体一热腋下就会出很多汗有种汗味，听说用盐洗可以去味。我用了怎么? </t>
  </si>
  <si>
    <t>的身体平均有300～400万条汗腺，一天产生15升液体，汗液中将近99%是水，帮助身体散热，调节体温。 腋下属于大汗腺，呢可以用一些走珠止汗产品，抑制大汗腺分泌汗液。对身体没有什么害处。因为人体的汗液分别经由大汗腺以及小汗腺排出，控制腋下汗腺分泌对身体是没有任何影响的。 又由于大汗腺与小汗腺两者的构造不同，彼此所分泌及排泄出来的汗液，在成分及性质上也有所差异。大汗腺所排出的汗液成分有：醣类、蛋白质、丙酮酸、铁质、阿摩尼亚及脂质等；而小汗腺的汗液成分，除了微量的盐分外，几乎都是水分。 因此控制腋下汗腺分泌还可以防止因细菌引起的醣类、蛋白质变质，产生异味。 使用止汗香体产品： 通常止汗香体产品中都蕴含了大量杀菌辟味的成分，可以透过毛孔渗入皮层，直接作用于汗腺，减少人体、特别是腋下汗液的分泌，临外出前或沐浴之后，在身体易出汗的部位进行涂抹，可减少一半的排汗量。同时止汗香体产品会从抑菌繁殖入手，将引起汗味的细菌和成分分解、变化或吸附掉。因此只要在这个盛夏季节随身置备一款这样的止汗香体露，就不再受不良气味的困扰，不再因流汗造成的身体粘腻而烦躁。 使用滚珠式香体露，如果先将瓶子倾斜或倒置片刻，让止汗露充分接触到滚珠，然后再均匀地涂于腋下容易出汗的地方，止汗的效果更加明显。 止汗香体产品主要是控制和腋下、脖颈、手肘等出汗较多部位的排汗量，只是针对小部分的部位减少流汗，并不会对身体造成伤害。要知道，人体布满了汗腺，并且随时都在流汗，即使抑制小部分的出汗，对身体也没有大碍。</t>
  </si>
  <si>
    <t xml:space="preserve">是不是只要打开美女网站就会中病毒? </t>
  </si>
  <si>
    <t xml:space="preserve">故障、速度、木马、系统漏洞、病毒等综合性影响，常规解决办法：    1、解决杂乱文件影响（减少负担）。 清理杂乱文件有三个方法，第一是点网页上的“工具”，点“Internet选项（0）”，在新页面分别点“删除Cookies（I）”“删除文件（F）”“清除历史记录（H）”、最后“确定”；第二是用“磁盘清理”，把鼠标指向程序——附件——系统工具——就显示出“磁盘清理”，所有的盘C、D、E等都要清理（主要是系统盘C），第三是“整理磁盘碎片”，把鼠标指向程序——附件——系统工具——就显示出“整理磁盘碎片程序”，主要是整理系统盘C，很慢一般要一到两个小时甚至更多时间。这三种方法可以单独使用，都可以有效的清除正常浏览网页没有保存的所有临时文件，有用的系统文件和安装保存的文件不会被清理。用第一或第二的方法配合第三的方法效果会更好，可以明显改善电脑速度。     2、解决恶意流氓软件、恶意流氓插件和木马影响。 恶意流氓软件、恶意流氓插件和木马，除少数是躲在自己下载的软件和安装的代码里面以外，主要是自己强行安装进电脑的，目的就是干扰操作系统，影响程序正常工作，用“磁盘清理”清不掉，杀毒软件发现不了，用瑞星卡卡助手、奇虎360、清理大师、木马清道夫等等凡杀毒软件配置的助手，都可以用系统优化功能、系统防护功能等有效的清除恶意流氓软件、恶意流氓插件和木马，只要经常清理，就可以保证电脑不受影响。     3、经常更新病毒库，升级杀毒，不要让病毒长期存留在电脑里，选择高级设置，发现病毒杀毒，杀不了隔离文件、隔离不了删除 文件、要保证电脑没有保存有病毒，有病毒及时根除。     4、电脑遭遇病毒是难免的，为了减少重装系统的麻烦，一定要在装系统时装“一键恢复” 。“一键恢复”就是操作系统备份，一般是装系统时设置，也就是确保操作系统健康。 在电脑遭遇病毒无法清除、程序错乱，速度特别慢等严重问题时，任何时候“一键恢复”，电脑就恢复到健康正常的系统，保证正常操作。     5、如果有杀毒软件无法解决的病毒、反复显示要压缩杀毒的，经过上面介绍的1、2两种清理再杀毒就可以解决，或者等杀毒软件升到新的等级也可以解决。    6、修补漏洞和系统更新，绝大部分用户使用的都是盗版XP系统，正常情况盗版XP系统都是能正常工作的，修补漏洞和自动更新没有意义；盗版XP省略了很多不经常用的程序，经常修补漏洞和系统更新，并不能修补和更新，下载的软件装在电脑里，白占了很多内存，降低了速度，严重时会使系统程序发生错乱，造成系统不正常工作。    7、经常清理硬盘，不要在硬盘CDEF等装过多的软件，特别是不经常用的，网上容易下载的，都不要保存，硬盘保存的东西多了直接影响电脑速度的。    </t>
  </si>
  <si>
    <t xml:space="preserve">快点把我放出去啊我要练级了,好不容易找到个练级的队,你们到是效率 </t>
  </si>
  <si>
    <t>您好：  请您提供您的帐号和所在服务器，没有帐号我们无法进行核实也无法给予解救！  感谢您的支持，封印有您更精彩！</t>
  </si>
  <si>
    <t xml:space="preserve">老爹视点：“投资者亏损严重”是伪命题，政府绝对不应该救市“投资者 </t>
  </si>
  <si>
    <t>恭喜恭喜!现在这世道还能冷静的客观分析\面对现状并大胆直言.顶一下1</t>
  </si>
  <si>
    <t xml:space="preserve">谁有wow的裸体插件啊？就是看别人都不穿衣服的那种。在线等！谢谢 </t>
  </si>
  <si>
    <t xml:space="preserve">这个还可以的： </t>
  </si>
  <si>
    <t xml:space="preserve">谁喜欢喝酸味重的咖啡？我不是很喜欢 </t>
  </si>
  <si>
    <t>喝咖啡还是喝现煮的吧，而且是现磨的，速溶的感觉不好，喝过一次现磨的，就会再也喝不了速溶的了，差好多。蓝山就是微酸的咖啡，喝过回味很好。</t>
  </si>
  <si>
    <t xml:space="preserve">请给我介绍一本名著我们语文课课前5分钟介绍一本名著最好是有稿谢谢 </t>
  </si>
  <si>
    <t xml:space="preserve">&lt;&lt;红楼梦&gt;&gt;“字字看来尽是血，十年辛苦不寻常。”《红楼梦》是曹雪芹在贫困中的呕心沥血之作。在他逝世之前，主要完成了前八十回，后四十回是程伟元、高鹗续补的。 《红楼梦》是中国小说中反映时代最深刻的作品，它表现出任何其他作品所不具备的空前绝后的思想深度和哲学追求。小说通过描写贾府在政治上的衰落、道德上的腐败、经济上的崩溃、子弟的一代不如一代，预示着旧的制度必将走向没落的趋势。 曹雪芹在书中创造了一个明媚、欢娱、充满生机的大观园，塑造了两个饱含着他的理想的人物：贾宝玉和林黛玉，表现出他对思想自由、个性解放的渴望。 在中国小说史上，无论在思想高度还是在艺术成就上，曹雪芹的《红楼梦》都是一座不可逾越的高峰，它代表了中国小说创作的最高成就，是中国文学的代表，更是世界文学中的精品。 曹雪芹之于中国，正如同莎士比亚之于英国，塞万提斯之于西班牙，歌德之于德国一样，是一个民族对世界文化教育的卓越贡献。    </t>
  </si>
  <si>
    <t xml:space="preserve">为什么有了盛大密宝还老是被盗？？问什么我的号有盛大密宝怎么还会被 </t>
  </si>
  <si>
    <t>密宝不是绝对的保险！被到是很正常的，现在有的木马具有防盛 大密宝的功能，叫你输入密宝，然后告诉你密宝错误，但那边同步输入你输入的密宝，这样你就会被盗了！我上个星期就是这样被到了元宝，幸亏找的及时，装备还没被拿走，或许他认为很垃圾，不屑一故吧！法神套对我也是很好的了！在家里上的话要经常性的杀毒，在网吧上就的注意很多了，最好在每次上前重新起一下电脑，去正规的网吧，等等！都是需要注意的！现在只能同情你的遭遇了！</t>
  </si>
  <si>
    <t xml:space="preserve">肩膀酸胀怎么回事时常肩膀酸胀，有时感觉身体低微发热。 </t>
  </si>
  <si>
    <t xml:space="preserve">颈肩操是根据颈椎 病、肩周炎的病因病机创编的一套增强颈肩活动功能、疏通局部经络、促进血液循环、消除 局部疼痛的体操锻炼动作。易学易练又方便，省时省钱疗效好，而且学会颈肩操后，既不必 住院，又不需要配合牵引、药物、理疗等治疗，也不影响工作和，只要持之以恒，利用 工作间休或晚上看电视广告时坚持每天练1—2遍，就能收到满意疗效。 颈肩操作简介 颈肩操共八节，每节做1—4个8拍，自由选择。 预备动作：双脚站平行11字与肩同宽，全身自然放松，上肢自然下垂，双眼向前平视。 1 四面侧颈：(1)头颈向前向下低垂，尽可能将下颏弯向胸骨上凹。(2)头颈缓缓回预备位 。(3)头颈尽量向后侧仰。(4)头颈缓缓回预备位。(5)头颈向左侧侧屈到最大极限。(6)头颈 缓缓回预备位。(7)头颈向右侧侧屈到最大极限。(8)头颈缓缓回预备位。 2 地上寻珠：(1)头颈缓缓向左肩方向转动。(2)头颈转向左后下方最大极限，双眼看向左 后下方地上(3)继续转向左后下方，直至颈肩部有酸胀感。(4)头颈 放松缓缓转回预备位。( 5)、(6)、(7)、(8)拍头颈转向右后下方做相似动作。 3 天上望月：(1)头颈缓缓向左肩方向转动。(2)头颈转向左后上方最大极限，双眼看向左 侧后上方天空。(3)继续转向左后上方，直至颈肩部有酸胀感。(4)头颈放松缓缓转回预备位 。后4拍向右后上方做相反向动作。 4 运转颈椎：注意点是头颈肩要完全放松，双肩不要上抬，转圈要到位，用力要均衡。(1) 头颈向左侧转动。(2)向后侧转。(3)向右侧转。(4)向前转。每4拍转1圈，动作要连续，转 动时双眼不要闭上。先逆时针转4圈再顺时针转4圈。 5 夹脊牵颈：预备动作再加上屈双手肘关节，双手握实心拳置于腰侧。(1)双拳紧握与肘关 节同时向身体后侧用力牵拉，同时夹紧大椎及脊柱旁的竖脊肌群，头颈向身体前方平行牵伸 至最大极限，直至颈肩部有酸胀感。(2)缓缓放松回预备位。后面每2拍重复上述动作一遍。 6 双手托天：预备动作，再把双手十指交叉置于小腹前。(1)交叉的双手掌心向上平托胸 部前，肘关节与手掌成水平线。(2)双手心向外翻转，双手掌心向上尽力伸托于头顶上方， 头颈尽最大极限后仰。(3)双手分开侧举与肩平高，同时双手掌心朝向身体后侧，大拇指与 其余四指分开朝向下方，其余四指并拢向上方竖起，头颈转向左侧，双眼看向左手竖起的手 指尖。(4)手及头颈回预备位。第5—8拍动作同前4拍，仅在第7拍时头颈转向右侧，双眼看 向右手竖起的手指尖。 7 搭手转肩：预备动作是将右手从右肩上方伸向左背侧，左手从腰背侧伸向右肩上方，掌 心向外，双手手指相对搭，如果手指搭不到的也要将双手指尖尽力伸向相对方向。(这个动 作是自我鉴定练操效果的观察方法之一，一般经过一段时间练操后双手对搭距离均会明显改 变)(1)下肢保持平行站立，同时缓缓将腰、肩、头颈向左后侧转动。(2)继续向左后侧转至 最大极限，双眼看向身体后方。(3)略放松后再向左后侧做最大限度的转动。(4)放松回预备 位。5～8拍重复上述动作，连续做二个8拍后对换双手对搭的位置，向相反方向转动二个8拍 。 8 按摩颈肩：(1)回第一节预备位，以双手十指按压颈部的天柱、颈百劳、大椎等穴位或痛 点，手指可上下移动按压，重复做2～4个8拍均可。(2)搓热双手手掌心，再以双手手掌心轮 流摩按上述相同部位2～4个8拍。(3)以右手按压左侧肩井、天 、月需俞、秉风等穴位或痛点，第1、2、3拍分别各按1下，第4拍以右手掌心从左肩 井穴沿手臂外侧向下疏通经络至左手背。第5～8拍以左手按右肩与上述相同部位动作。做4 个8拍后，再手轻拍颈、肩、肘、手。   </t>
  </si>
  <si>
    <t xml:space="preserve">怎样做能促进深度睡眠听说人如果进入深入睡眠状态，一天睡两个钟头就 </t>
  </si>
  <si>
    <t>女生告诉你睡觉的诀窍。。。非常有用哦 尤其是女生睡好了皮肤才能好好哦~~~ 睡觉的诀窍 　　 　　　　所以，根据医学和我的体验、观察，一个人真正睡着觉最多只有两个钟头，其余都是浪费时间，躺在枕头上做梦，没有哪个人不做梦。至于醒来觉得自己没有做梦，那是因为他忘记了。 　　 　　　　通常一个人睡两个钟头就够了，为什么有人要睡七、八个钟头？那是你赖床躺在枕头上休息的习惯养成的，并非我们需要那么久的睡眠时间，尤其打坐做功夫的人晓得，正午只要闭眼真正睡着三分钟，等于睡两个钟头，不过要对好正午的时间。夜晚则要在正子时睡着，五分钟等于六个钟头。 　　 　　　　就这个时间的学问又大了，同宇宙法则、地球法则、易经阴阳的道理有关系，而且你会感觉到，心脏下面硬是有一股力量降下来，与丹田（肾上）的力量融合，所谓“水火既济”，豁然一下，那你睡眠够了，精神百倍。 　　 　　　　所以失眠或真要夜里熬夜的人，正子时的时刻，哪怕二十分钟也一定要睡，睡不着也要训练自己睡着。 　　 　　　　过了正子时大约十二点半以后，你不会想睡了，这很糟糕。更严重的，到了天快亮，四、五点钟，五、六点卯时的时候，你又困得想睡，这时如果一睡，一天都会昏头。 　　 　　　　所以想从事熬夜工作的人，正子时，即使有天大的事也要摆下来，睡它半小时，到了卯时想睡觉千万不要睡，那一天精神就够了。 　　 　　　　不过失眠的人都挨过十二点，在床上翻来覆去睡不着，结果快天亮睡着了，到第二天下午都昏头昏脑，因此你会感觉失眠、睡眠不足，实际上是你没有经验。 　　 　　　　(没想到睡眠也有这么高深的学问，我试了一下，果真如此。只在子时小睡了半小时，就起来一直到四点钟才睡，居然，六点钟就自己醒了！要是在平时，我一般是要睡到九、十点钟以后才能起来的。大家也可试试，觉得有效果就顶一下吧。) 　　 　　　　睡眠与养生[转载] 　　 　　　　一、睡眠的规则 　　 　　　　战国时名医文挚对齐威王说：“我的养生之道把睡眠放在头等位置，人和动物只有睡眠才生长，睡眠帮助脾胃消化食物，所以，所以睡眠是养生的第一大补，人一个晚上不睡觉，其损失一百天也难以恢复。” 　　 　　　　晚21点到凌晨5点为有效睡眠时间。人是动物，和植物同属于生物，白天（凌晨5点到晚上21点）活动产生能量，晚上（21点到凌晨5点）开始进行细胞分裂，把能量转化为新生的细胞，是人体细胞休养生息、推陈出新的时间，也是人随着地球旋转到背向太阳的一面。阴主静，是人睡眠的良辰，此时休息，才会有良好的身体和精神状态。这和睡觉多的婴儿长得胖、长得快，而爱闹觉的孩子发育不良是一样的道理。 　　 　　　　睡觉是养生的一大功能，养就是用大量的健康细胞去取代腐败的细胞，如一夜睡不着就换不了新细胞。如果说白天消亡一百万个细胞，一晚上只补回来五十万个细胞，这时你的身体就会出现亏空，时间长了，人就糠了，像糠萝卜似的。为什么世上有百岁老人呢？因为他们每晚都在21点钟准时睡觉。 　　 　　　　植物吸收阳光的能量，夜里生长，所以夜晚在农村的庄稼地里可听到拔节的声音。人类和植物同属于生物，细胞分裂的时间段大致相同，错过夜里睡觉的良辰，细胞的新生远赶不上消亡，人就会过早的衰老或患病，人要顺其自然，就应跟着太阳走，即天醒我醒，天睡我睡。人在太阳面前小如微尘，“与太阳对着干”是愚蠢的选择，迟早会被太阳巨大的引力催垮。这是客观真理。 　　 　　　　现实生活中，不少人有入睡难，睡眠质量不高的毛病。睡眠不好是一个综合性的问题，如肝火过盛，睡觉警觉；胃火过剩，睡觉不安；肝阴不足，睡觉劳累。 　　 　　　　二、睡眠与疾病 　　 　　　　现代的生活习惯和生活方式给人们的身体带来了很多负面影响形成“四大病”：水果病、冰箱病、电视电脑病、熬夜病。肝脏有一特点：卧则回血，坐立向外供血。 　　 　　　　子时（23：00—1：00），其实23点就是新的一天的开始，并不是0点开始的，这是我们犯的误识。肝胆相表里，互为一家，23点胆经开了，如若不睡，大伤胆气，由于十一脏腑皆取决于胆也，胆气一虚，全身脏腑功能下降，代谢力、免疫力纷纷下降，人体机能大大降低，胆气支持中枢神经，胆气受伤易患各种精神疾病，比如抑郁症、精神分裂症、强迫症、躁动症等。子时胆要更换胆汁，胆经渐旺人如不卧，胆汁更替不利，过浓而结晶成石，久之即得胆结石，如果把胆给摘了，一摘就胆怯了，全身的免疫力下降了50％以上，所以不能摘，要用它本系统的巨大潜能把它化掉。 　　 　　　　丑时肝经最旺，丑时（1：00—3：00）不眠，肝无法解除掉有毒之物，产生新鲜血液，因藏血不利，面呈青色，久之易患各类肝病，现在有些人肝不太好，特别在欧洲平均4个人就有一个大三阳或是小三阳，大都是因为违反自然规律过了子时不睡觉造成的。甲肝比较好治，乙肝就很难治。乙肝病毒携带者，是由于晚上经常不睡觉，人太虚弱了，也就是说秩序太乱了，病毒已经到了细胞里了。也就是说乙肝的病毒已经到了细胞里面，但是现在它还没有能力造成肝炎，当人身体处于最薄弱的时候就形成成肝炎，乙型肝炎就意味着将来40％——60％的肝硬化。聪明的人是应该了解天、地、人之间的关系，不聪明的人就是应该被淘汰的人。 　　 　　　　肝主疏泄，过子时不睡，可引起肝疏泄不利，肝气郁结，可见易怒，头痛头晕，眼红，眼痛，耳鸣，耳聋，胸肋胀痛，女性月经不调，便秘，也可引起肝气升发不足，人会目倦神疲，腰膝酸软，晕眩，失眠，惊悸，精神恍惚，重则会晕倒在大街上，不省人事。 　　 　　　　肝有藏血、调节血液的功能，过子时不睡，会造成肝血不足，还会引起吐血、流鼻血、皮下出血、牙龈出血、眼底出血、耳出血等出血证状。 　　 　　　　肝开窍于目，过子时不睡，易引起肝虚，则出现视力模糊、老花、夜盲、畏光、迎风流泪，等症状，还会形成青光眼、白内障、眼底动脉硬化、视网膜病变等眼疾。 　　 　　　　肝主筋，其华在爪，过子时不睡觉，会引起肝血不足，就出现筋痛，麻木，屈伸困难，痉挛抽搐，易造成灰指甲，缺钙，髌骨软化，癫痫病，骨质疏松等症。 　　 　　　　肝与心，过子时不睡觉，可引起肝血不足，由于心主一身之血脉，肝有储藏和调节血液的功能，会造成心脏供血不足，引起心慌、心颤等症状，严重的形成心脏病、高血压等心脑血管疾病。 　　 　　　　肝与脾，过子时不睡觉，会引起肝胃不和，由于肝助脾胃消化，由于肝气太虚不能助脾胃消化，使人脾胃消化功能不好，表现为舌苔厚，长期以来会造成中气塌陷。 　　 　　　　肝与肺，过子时不睡觉，无法滋阴潜阳，肝阴亏损，引起肝火过盛灼肺，出现干咳、或咳嗽、咳痰血等木火刑金的证状，易导致牛皮癣等各种皮肤病。 　　 　　　　肝与肾，过子时不睡觉，肝虚导致肾亏，由于肝肾同源，容易造成生殖系统疾病、不育、骨病、牙病、脱发、糖尿病、肾衰竭等疾病。 　　 　　　　三、睡眠的方法 　　 　　　　交通规则——你不懂就容易出事故。比如说，23点至凌晨3点为子丑时，胆肝经最活跃的时候，肝胆要回血，“躺下去回血，站起来供血”。如果你每晚22点钟左右躺下，静静得不要说话，到23点的时候，也就睡着了。肝胆开始回血，把有毒的血过滤掉，产生新鲜的血液，到一百岁也没有胆结石，也没有肝炎、囊肿一类的病。如果你天天熬夜到1点多，肝回不了血，有毒的血排不掉，新鲜的血生不成，胆又无法换胆汁，所以这些人容易得胆结石、囊肿、大三阳、小三阳各种病症。 　　 　　　　在欧洲地区，平均四个人就有一个肝炎病毒携带者，这就叫不懂规则。睡前半小时最好不要讲话，睡觉的时候更不要说话，如一说话，肺经动，然后心经又动，（因为心肺共为上焦）人就容易进入兴奋状态，所以就很难入睡。 　　 　　　　21：00—23：00为亥时。亥时三焦经旺，三焦通百脉。亥时入眠，百脉皆得濡养，故百岁老人得共同特点即21：00（亥时）之前入睡。女性若想长久的保持容颜娇好，应做到早睡早期。 　　 　　　　睡觉要关窗，不能开风扇、不能开空调，人生病很多都与此有关，因为人在睡眠之中，气血流通缓慢，体温下降，人体会在表面形成一种阳气层，这种阳气层它使人叫“鬼魅不侵”，什么意思呢，阳气足的人，不做恶梦，就是这种阳气，占了上风。开空调，开风扇，情况就不一样了，开窗户，窗户走的是风，风入的是筋，如果开空调，也有风，风入筋，寒入骨，早上起来，身上发黄，脸发黄，脖子后面那条筋发硬，骨节酸痛，甚至有人就开始发烧，这就是风和寒侵入到了筋和骨头里的缘故，这也就是气受伤了。如果说晚上睡觉不开窗，不开空调，不开风扇，连房门也关上，效果最好，如果热，把房门打开，把窗户关上，效果就差了一点，但是他不至于第二天早上起来浑身乏力，后背僵硬。 　　 　　　　有人把客厅的空调开开了，把卧室的门打开，和直接开空调睡觉是差不多的，开了空调以后，空调那个寒进了骨了，所以心里发冷，心在哪，心在脑髓，脑为髓之海，骨髓里有寒，那肯定心里就寒了，怎么办，补肾阳、补中气，什么时候补到心里不冷，烧就退了，寒走出去了。 　　 　　　　睡觉要尽量早睡，睡得晚，伤了少阳之气，必然第二天是疲倦无力，要关上窗户，不开空调、电扇，保护阳气。 　　 　　　　肝胆在下焦，如果胃出现问题的时候，他就会出现寝睡不安，一个是胃寒，如果这个人胃阳本来就不足，过多的喝绿茶，就会出现胃寒，胃寒的时候人是睡不好觉的，或者吃带泥沙之物过多，胃隐隐作寒，肯定是睡不好； 　　 　　　　再一个是胃热，就是热气往上走，嘴里喘的都是热气，像这种情况也睡不好觉；再一个是胃燥，口干舌燥，胃里感觉到燥； 　　 　　　　还有一个就是胃厚，气味的味，胃厚，这种情况就是吃了这种厚腻的味道，有人吃海鲜、吃鱼、吃炖鸡，味道好鲜美，吃多了，美味不可多用，这些东西在里面要稀释它，不稀释它，它在里面味太厚了，所以这个也睡不好觉；               再一个腹涨，腹是涨鼓鼓的，也睡不着，翻来覆去也睡不着；再一个是胃气太虚，冒冷汗，这也睡不好觉，这些原因都可能形成胃不宁，胃不宁就睡不好。 　　 　　　　睡觉时要肢暖，四肢要暖，因为四肢是阳之本，这个大家都知道了，四肢不暖，肯定是肾阳不足，应该在睡觉之前把手脚捂暖，手脚和肚脐、背后的命门都要盖好。 　　 　　　　睡眠法因人而异，下面介绍3种做法： 　　 　　　　1、睡觉前简单的压腿，然后在床上自然盘坐，两手重叠放于腿上，自然呼吸，感觉全身毛孔随呼吸一张一合，若能流泪打哈欠效果最佳，到了想睡觉时倒下便睡 　　 　　　　2、仰卧，自然呼吸，感觉呼吸像春风，先融化大脚趾，然后是其他脚趾，接着脚、小腿、大腿逐渐融化。如还未醒着，再从头做。 　　 　　　　3、入睡快的人可右侧卧，右手掌托右耳。右掌心为火，耳为水，二者形成水火即济，在人体中形成心肾相交。久之，养心滋肾。 　　 　　　　睡眠一定要早起，即使在冬天，也不可超过6点起床，春夏秋季尽量在5点之前起床，因为人在寅时（3点—5点）肺经旺的时候起床，能够使肺气得以舒展，以顺应阳气的舒长，来完成新陈代谢，肃降浊气，使肺气清，这样有助于养肺和顺应太阳的天势升起人体阳气，使人一天阳气充足，否则，就好像发动机，过了这段好时机就很难发动人体阳气，人体阳气淤积在人体下部不能由命门向上发动升起，会形成淫气，严重损害人的身心健康。 　　 　　　　早晨5点至7点是人体大肠经最旺的时候，人体需要把代谢的浊物排出体外，此时如果不起床，大肠得不到充分活动，无法很好的完成排浊功能，使浊物停留而形成毒素，危害人体血液和脏腑百骸。早晨7点到9点人体胃经最旺，9点到11点人体脾经最旺，这时人的消化吸收运化的能力最好，如果这时还不起床，人体胃酸会严重腐蚀胃粘膜，人体在最佳吸收营养时间得不到营养，长期以来会患脾胃疾病，造成营养不良、中气塌陷。所以千万不要赖床，赖床会造成头昏、疲惫不堪、睡眠不足的感觉，而应按时起床，历史上许多伟人都是有三四点钟起床的习惯，比如华盛顿、拿破仑、康熙皇帝、曾国藩等。另外早起能增加工作效益，俗话说：“三天早起，一天工”。 　　 　　　　现代医学证明，早睡早起的人精神压力较小，不易患精神类疾病。早晨不要太早出去锻炼，因为早晨在太阳没有出来之前，地下道的漳气、浊气正往上走（尤其是城市），这些气对人体损伤是很严重的。 　　 　　　　养身三大事，一睡眠，二便利，三饮食，其余起居、服装等皆是辅助。 　　 　　　　三事中睡眠第一。然胃纳不和者，夜眠不安，故以通便利为第二。而饮食无节，饥饱过度者，肠胃必受伤，而营养日减。睡以安神为主，神以心安为主，应配合年龄，壮年至多七小时至八小时，多睡则智昏头晕眼红胀，四肢疲软，童年必睡足八小时，或过九小时勿碍，老或病人至多六小时已足。 　　 　　　　应注意： 　　 　　　　（一）睡眠宜早，勿过十时，老年人以八点为正，勿过九点。凡交十一时，为阳生时，属肾，此时失眠，肾水必亏，心肾相连，水亏则火旺，最易伤神。千万勿以安眠药片助睡。 　　 　　　　（二）枕上切忌思索计算未来事，睡时宜一切不思，鼻息调匀，自己静听其气，由粗而细，由细而微细而息。视此身如无物，或如糖入于水，化为乌有，自然睡着。 　　 　　　　（三）如有思想，不能安着，切勿在枕上转侧思虑，此最耗神，可坐起一时再睡。 　　 　　　　（四）如在午时，即上午十一点至一点，为阴生之时，属心，此时如不能睡，可静坐一刻钟，闭目养神，则心气强。凡有心脏病者切宜注意，每日于此二时注意，则元气日强，无心跳腹泄或小便频速之病。 　　 　　　　（五）夏日起宜早，冬日起宜迟。居北方宜防寒气，如在粤桂等省，早起防山岚瘴气中病。食后勿仰天睡，早起如在寅时三点至五点，此时切忌郁怒，必损肺伤肝，万望注意。</t>
  </si>
  <si>
    <t xml:space="preserve">宝宝很闹我宝三个半月，这两天很闹，今天朋友说他肚子有点胀，有人就 </t>
  </si>
  <si>
    <t>应该去医院就治.丁桂脐贴是小孩消化不良,主要是拉肚子用的.</t>
  </si>
  <si>
    <t xml:space="preserve">物业或业主委员会不让业主装太阳能热水器,你决得合法吗? </t>
  </si>
  <si>
    <t xml:space="preserve">这样的问题我回答过，被提问人采纳了，可看我的回答。屋顶是共有部位，归所有的业主（本栋）共同使用，物业公司根本无权禁止业主的使用权，只要不危及房屋的安全和损害其他共有权人的利益，你放心用！你可将此事向城市建设行政主管部门反映，争取自己的合法权益，也可以直接向你所在地的法院起诉、维权，肯定赢！祝你顺利！ </t>
  </si>
  <si>
    <t xml:space="preserve">高中生，学习劳累熬夜是不可避免的。怎样提高免疫能力？除了休息和不? </t>
  </si>
  <si>
    <t>免疫力好也就是身体健康的代名词,要想身体好你应知道四大在要素就是1乐观的情绪,2充足的睡眠,3均衡的营养4,适量的体育煅练.  这里面乐观是前提,有了均衡的营养身体才能被修复,营养是修复的材料,而晚上正是身体器官特别是肝脏唯一的修复时间,熬夜就错过了这个过程,而煅练就是修复的加速.补充和调整.只有被修复了身体才能好.  现在你要求去掉这个过程,要让免疫力好是很难的,(一些人的天生一幅好肾一幅好肝这些人是经得起摧残的,也就不怕熬夜了,当然免疫力天生好的人如果生病经常是大病不会是小病,但如不爱惜,身体也会渐渐跨掉)  你一定要去掉这个过程去提高免疫力只能是事倍功半;也只好勉强为之:在职营养方面你要多吃瓜果蔬菜和粗粮,这些食物较鱼与肉更容易吸收特别是有机食物也就是没有农药没有激素没有防腐剂的食物也就是比较接近自然的食物(当然有点难).补充一点保健品:蛋白粉.维生素.钙,品牌自己要慎重选择,然后好好煅练.   好了 过一段时间后你的身体会有所改善的.另外上面孙逸豪的观点我也赞同但不知是不是你要的答</t>
  </si>
  <si>
    <t xml:space="preserve">眼皮跳我的左眼上眼皮，已经不间断的跳了1个月了，中间有段时间已经 </t>
  </si>
  <si>
    <t xml:space="preserve">眼皮跳   ※※原因    ●对绝大多数单纯眼皮跳的人来说，最多见的原因是用眼过度或劳累、精神过度紧张，比如用时间过长、在强光或弱光下用眼太久、考试前精神压力过大等。    ●眼睛屈光不正、近视、远视或散光，眼内异物、倒睫、结膜炎、角膜炎等也可导致眼皮跳。    ●当眼皮跳逐渐发展为完全的眼睑痉挛或面肌痉挛后，则表明面神经的主要分支或主干受到刺激，作为病因的病变部位是在颅内或面神经出颅后的起始部位。最多见的病因为颅内行走异常的血管对面神经根部的压迫刺激，这种病因占面肌痉挛的99%，另有1%为颅内肿瘤、蛛网膜粘连对面神经的刺激。 ※※治疗   ●绝大多数因眼肌疲劳、精神紧张等导致的眼皮跳动，只要通过放松压力、适当休息就能得到恢复。   ●如果因屈光不正出现眼皮跳动，通常进行视力矫正就可以得到缓解。如果有眼部疾病，通过眼科医生治疗也能治好。   ●如果眼皮跳动逐渐加重，导致眼睑痉挛或面肌痉挛，主要病因在颅内，则需要神经外科医生进行治疗。※※男左眼皮跳与女右眼皮跳   ● 子时------贵人出现,可帮自己解决问题.   ● 丑时------有忧心事,事情烦杂起来,会让你头疼不已.   ●寅时------有朋自远方来,七天之内包你吓一大跳.   ●卯时------有贵客来访,将对你的事业有所帮助.   ● 辰时------会有意外收获,而且是金钱方面的额外收获.   ● 巳时------破财请客,能闪就闪吧.   ●午时------有口福,会有人请你吃饭.   ● 未时------大吉大利,好运连连,快乘势追击,定有收获.   ● 申时------小心破财,最好别赌博,保证输到你脸发青.   ● 酉时------有意外的惊喜,可能会收到多年不见好友的讯息.   ● 戌时------有客来访,又可吃喝玩乐一番了.   ● 亥时------恶客来访,八成是上门讨债,自己看着办.※※男右眼皮与女左眼皮跳  ● 子时------有吃有喝,而且不用付钱.  ● 丑时------有人在想你.  ● 寅时------喜事临门,说不定可以顺利敲定终身大事.  ● 卯时------平安无事,逢凶化吉.  ●辰时------见水化财,别乱投资,小心一次亏光老本.  ● 巳时------凶险临头,小心行事.  ● 午时------有口舌是非,小心绯闻上身.  ● 未时------小吉小利,走在路上可望捡到钱.  ● 申时------有人想你,而且是深爱你的人.  ● 酉时------好友上门造访,带给你无限惊喜.  ● 戌时------有甜蜜约会来临.  ● 亥时------有官司.※※【长义堂说】从医学上讲，眼皮跳的学名是“眼睑震颤”，主要是因为眼睑内一条很薄的肌肉－--轮匝肌反复收缩。一般人的偶然眼皮跳不要太在意，也不要想得太多，让自己来吓唬自己。对于经常的顽固的甚至严重的眼皮跳，就要重视了，不要因为太大意而耽误了身体。至于古代或民间的一些说法，了解一下是很有趣的事情，但不可相信，如果把这些说法当作科学定律去做事，其结果肯定是很没趣的了。  </t>
  </si>
  <si>
    <t xml:space="preserve">紧急呀！帮帮我吧我最后一次月经是7.21，8.15左右出现过咖啡 </t>
  </si>
  <si>
    <t>先别急，最好到医院检查一下，说不定是喝了那东东之后，YJ来的先兆呢！</t>
  </si>
  <si>
    <t xml:space="preserve">什么是天珠最好附上天然天珠的图 </t>
  </si>
  <si>
    <t xml:space="preserve">天珠 天珠又称“天眼珠”，主要产地在西藏、藏东、不丹、锡金、拉答克等喜马拉雅山域，是一种稀有宝石。天珠为九眼石页岩，含有玉质及玛瑙成份，为藏密七宝之一，史书记载为“九眼石天珠”。西藏人至今仍认为天珠是天降石。 天珠的藏语发音为“思怡”（DZI），为美好、威德、财富之意，而梵文是以“昧自尬”称呼天珠。 上的分析天珠内部结构，具有天然宇宙强烈的磁场能量，其中镱元素的磁场相当的强烈，且全世界目前仅有西藏天珠有此一特殊元素磁场，因此配用天珠而产生的避邪、血症、防止中风、增强内气等之功效。天珠属于沉积岩之一种，组成颗粒为1 / 256公厘，主要由黏土固结而成的薄页片状岩石。天珠的色泽大约可分为黑色、白色、红色、咖啡色及绿色等颜色，页岩颜色因所含化学物质而不同，如含卷氧化铁者呈红色，含氢氧化铁者呈微黄色，含炭质则呈灰黑色。 天珠磁场为水晶的三倍，水晶磁波为４伏特，天珠则为１３伏特。矿石的硬度越高，磁场越强，而天珠是半宝石，硬度为莫氏７至８．５，除南非钻石硬度为莫氏１０外，当今地球上再也没有任何矿石的磁场强得过天珠。这也是唯独西藏的玛瑙才称为天珠，而巴西、波斯、苏联、印尼、台湾的玛瑙，并不能称为天珠的原因。不过任何矿石都有磁场，只是强弱有别。  </t>
  </si>
  <si>
    <t xml:space="preserve">坐公车，不知哪个不良仔在座位上粘口香糖。坐下去后我的牛仔裤上粘上? </t>
  </si>
  <si>
    <t>衣物去污指南 *衣领/袖口：将衣物先放进溶有洗衣粉的温水中浸泡15-20分钟，再进行正常洗涤。 *发黄的白袜：用洗衣粉的溶液浸泡30分钟，再进行正常洗涤。 *奶渍：用洗衣粉进行污渍预处理，进行正常洗涤，如果奶渍顽固则可能需要使用对衣物无害的漂白剂。 *普通油污：用强力洗涤剂预先进行处理，进行正常洗涤；如果允许的话，对顽固污渍还可以用漂白剂漂白。 胶类及胶性色素渍的去除方法 衣物上沾染了胶类及胶性色素渍，很难去除，只有用适合的方法才能除去。 1、万能胶渍的去除 衣物上沾染了万能胶渍，可用丙酮或香蕉水滴在胶渍上，要用刷 子不断地反复刷洗，待胶渍变软从织物上脱下后，再用清水漂洗。一次不成，可反复刷洗数次，终可洗净。含醋酸纤维的织物切勿用此法，避免损伤衣物面料。 2、白乳胶渍的去除 白乳胶是一种合成树脂，是聚醋酸乙烯乳浆。它的特点是除了尼龙绸之类以外，对绝大多数纤维素质材料均有粘接作用，故能牢固 地粘附在衣物上。它还有一个能够溶解于多种溶液中的特点。我们就利用它自身的特点找出去除的方法。可用60℃白酒或8：2的酒精（95%）与水的混合液，浸泡衣物上的白乳胶渍，大约浸泡半个小时后，就可以用水搓洗，直至洗净为止，最后再用清水漂洗。 3、口香糖胶渍的去除 衣物上沾了口香糖胶渍，可先用生鸡蛋清去除衣物表面上的粘胶，然后再将松散残余的粒点逐一擦去，最后放入肥皂液中洗涤，最后用清水漂净。如果是不能水洗的衣料，可用四氯化碳涂抹，除去残留污液。 4、胶水渍的去除 衣物上沾染了胶水之类的污渍，可将衣物的污染处浸泡在温水中，当污渍被水溶解后，再用手揉搓，直到污渍全部搓掉为止，然后再用温洗涤液洗一遍，最后用清水冲净。 5、水彩渍的去除 绘画用的水彩为了增加着色的牢度，在颜料中加入了适量的水溶性胶质。当衣物沾染上了水彩渍，首先要用热水把污渍中的胶质溶解去除，再用洗涤剂或淡氨水脱色，最后用清水漂净。白色的衣物可用双氧水脱色。 衣物血斑清洗法 血斑污迹在中较为常见，出现机会也较多。清洗方法如下： 1、新鲜血迹 任何织物上的新鲜血液，都可使用水洗去除。洗涤时应先用干净的冷水洗，再用肥皂水或洗衣粉洗。如用热水洗，不仅达不到清除的目的，还会在衣服上留下洗不掉的痕迹。 2、衣物上较陈旧的血迹 可用硼砂2份、浓度10%的氨水1份和水20份的混合液揩擦，待血斑去除后，再用清水漂洗干净。 陈旧血渍还可以用柠檬汁加盐水来洗。 3、考究的染色丝毛织品服装上的血迹 其上的血迹可采用淀粉加水熬成糨糊，调好后用糨糊涂抹在血斑上，让其干燥。待全干后，将淀粉刮下，先用肥皂水洗，再用干净清水漂洗，最后用醋15克兑水1升制成的醋液清洗，效果颇佳。 4、白色服装上的血斑可用硫代硫酸钠1份加水50份稀释溶解后加热至35摄氏度，把白色衣物浸入此热液中泡至血色消失，再用水洗涤。当白色服装上的血斑较陈旧，且因已经煮过而牢固地黏附在衣物上时，可以用‘退色灵’去除。还可采用浓度5%的焙烧苏打溶液或氨水浸渍，泡上一整夜后取出，再将血斑用漂白粉溶液浸湿（漂白粉1份、水10份），再用水仔细地漂清。去除白色织物上的血迹，也可将织物浸入浓度为3%的醋溶液中，放置12小时后，再用水漂清，效果也很好。 衣物上酱油、汤汁、调味汁、乳汁斑痕的清洗 1、衣服上新鲜酱油渍应先用冷水搓洗后，再用洗涤剂洗。衣服上的陈旧酱油渍可在洗涤剂溶液里加入适量氨水进行清洗，也可以用2%的硼砂溶液来清洗。最后用清水漂洗。 2、服装上的汤汁、调味汁、乳汁斑痕宜先用汽油揩擦，待斑痕上的油脂去掉后再用浓度10%的氨水1份与水5份配成的稀释溶液进行清洗，再用水仔细洗涤。 3、颜色鲜艳的毛织品、丝织品上的汤汁、调味汁、乳汁斑痕，应使用35摄氏度的热甘油浸润斑痕，再用刷子轻轻揩擦，待过一刻钟后，用棉球或布块蘸25-30摄氏度的温水揩洗。还可用甘油20份与浓度10%的氨水1份配置成的混合液去除。 4、衣服上的一般性汤汁、调味汁、乳汁斑痕，可用丙酮润湿后，再用软布擦洗，然后用浓度2%的氨水溶液洗净，最后用清水过几遍，直至洗净为止。 去除衣物上的霉迹 衣物生霉在家庭中较为普通，特别是梅雨季节。霉斑洗除方法如下： 1、服装上极难清洗的霉斑 应使用35-60摄氏度的热双氧水溶液或者漂白粉溶液擦拭，再用水漂洗干净。 2、棉麻织品上的霉斑 先用氨水20克兑1升水的稀释液浸渍，然后用水漂洗干净。 3、丝毛织品上的霉斑 应使用棉球蘸松节油擦洗，再用太阳晒，去除潮气。 去除呕吐污迹 呕吐常见于晕车（晕船、晕飞机），在生病或酒醉时也常产生呕吐。呕吐污迹的清洗方法如下： 1、若是一般性的呕吐污迹，则先用汽油去除污迹中的油腻成分，再用浓度5%的氨水溶液擦拭，然后用清水漂洗。 2、若是陈旧的呕吐污迹，先准备好浓度为10%的氨水溶液，再用棉球蘸取氨水溶液将呕吐污迹湿润，接着用酒精、肥皂水揩擦呕吐污迹，最后用清水漂洗，直至全部洗净。 油脂类污渍的去除方法 油脂类污渍通称为油渍，是一种不溶于水的污渍。这类污渍要用溶剂汽油、三氯乙烯、四氯乙烯、酒精、丙酮、信纳水、香蕉香蕉水、 松节油、苯等有机溶液，通过擦拭或刷洗等方法把油渍从衣物上去除。另外，也可以采用其他一些有效的方法去除。 1、动植物油渍的去除 动植物油渍是在服装上常见的污渍，也是一种极性液体污渍。这类污渍要用溶剂汽油、四氯乙烯等有机溶液擦拭或刷洗去除。在刷洗 时要用毛巾或棉布将擦拭下来的污渍溶液及时汲附，使其脱离衣物表面。防止在溶液挥发后将部分污渍仍留在衣物表面上，会使衣物表面 出现痕迹。如果出现痕迹，可采用重复擦拭或扩大范围刷洗的方法去除。也可把衣物的污渍处涂上水，用高压喷枪喷除。 2、松油渍的去除 在搬运松木时，很容易使衣物粘上松树油，应及时清除。根据松树油能溶解于酒精的原理，可用酒精或酒精与松节油混合液涂刷在污渍处，待松树油渍被泡软溶解后，再用湿毛巾擦拭吸附。如果仍出现痕迹就再用汽油擦洗，一次擦不净就反复数次，直到干净为止。 3、桐油渍的去除 桐油是一种粘稠的植物油，不易干，粘在衣物上不易去除。可用汽油或煤油刷洗，使桐油溶解而除去，然后还要用酒精皂去除留下的痕迹。最好把去渍后的衣物再用洗涤剂清洗一遍，以便彻底消除痕迹。 4、黄油渍的去除 黄油是粘稠的动物油脂，可用甲苯或四氯化碳溶剂擦洗，留下的痕迹可用酒精与氨水混合液去除，也可用酒精皂去除。 5、咖喱油渍的去除 洗去衣物上咖喱油渍的方法是：先用清水把衣物上咖喱油渍润湿，然后放入50。C的温甘油中刷洗，最后用清水洗净。若衣物是棉、麻 质料的，可用10%的氨水溶液刷洗。若衣物是丝、毛质料的，可用10%的稀醋酸水溶液刷洗，最后要用清水漂净。 白色衣物上的咖喱油渍，可用 5%浓度的次氯酸钠水溶液刷洗，然后用洗涤剂洗涤，最后再用清水漂洗干净。 6、机器油渍的去除 对颜色较浅的机器油渍，可用汽油刷洗，然后在衣物油污处的上下各垫一张吸墨纸或布，用熨斗熨烫，使油进一步蒸发，被纸或布吸收， 这样反复换纸或布多次熨烫，直到油污全都被吸尽为止。最后用洗涤剂洗涤，再用清水漂洗干净。 对颜色较深的机器油渍，必须用优质汽油漂洗，然后再用吸墨纸或布熨烫吸收，最后再用温水冲洗干净。 7、蜡烛油渍的去除 衣物上沾上了蜡烛油，单纯靠洗涤的方法是不行的。要先用手搓掉衣物表面上的蜡质，再用吸墨纸或吸附性较强的纸分别垫在污渍的 上下方再用熨斗熨烫，蜡烛遇热就会熔化，熔化后的蜡烛油就被纸所吸收，如一次弄不干净，就可以反复几次，蜡烛油痕迹就会被完全除 掉了。 8、烟筒油渍的去除 烟筒油滴在衣服上，要立刻把衣服浸泡在水里，以防止烟筒油与空气发生氧化作用。然后把晶体草酸粉末撒在污染处，反复搓洗，直到基本除净，最后要用洗涤剂洗涤，再用清水漂洗干净。 9、煤油渍的去除 煤油渍是非极性液体污垢，当衣物上沾染上煤油，如不及时除掉就会留下黄色痕迹，尤其是白色的织物更为明显。去除煤油渍可用白垩粉或氧化镁粉撒在污渍上，几天后再用净粉末去掉，通过粉末的吸附作用，煤油渍即会消失，不留痕迹。 10、烟熏黑斑的去除 红色或紫色的绒衣受到烟熏后，颜色常会变灰暗，有时还会出现黑斑，这是因为染料遇到碳酸气后所起的变化。遇到这种情况，只要 用碱水喷一遍，就能恢复原来的色泽。 11、香烟油渍的去除 衣物上沾染了得香烟油渍，可用1%~2%的高锰酸钾水溶液反复搓洗，然后再用3%双氧水反复揉搓，最后用清水漂净。 12、鞋油渍的去除 衣物上沾了鞋油可以用易挥发性油擦拭，然后再用温洗涤液去除残痕。白色衣物沾上了鞋油，要用溶剂汽油润湿后再进行揉搓，然后 再用 10%的氨水或氨浓皂液刷洗，最后用温水漂洗干净即可。 12、沥青渍的去除 如毛料衣物上沾了沥青，用肥皂或汽油都很难洗净。沥青在衣料上尚未干固，可在松节油或苯液中揉搓，然后再用皂液搓洗，最后用清水漂净。如果沥青在衣料上已经干固，可用1：1松节油和乙醚混合液，把沾沥青在衣物放入混合液中浸泡10分钟，然后经揉搓后取出 挤干，再用汽油擦拭，擦后再用肥皂搓洗，最后用清水漂净。 13、蜡纸改正液渍的去除 不小心使蜡纸改正液染到了衣物上，可用酒精滴在衣物的污渍处，反复擦拭，最后用清水漂洗干净，待干后污渍即可去除。 色素污渍的去除方法 色素污渍多种多样，一旦沾染到衣物上就很难去掉，要根据污渍的颜色和性质，分别采用不同的方法去除。 1、 染料渍的去除 染料弄到了衣物上，可先用稀醋酸擦拭，然后再用双氧水漂洗。也可以用松节油刷洗后，再用汽油擦拭。最后都要用清水漂净。 2、红墨水渍的去除 新染上的红墨水渍可先水洗，然后放入温热的皂液中浸泡，待色渍去掉后，再用清水漂亮洗干净。污染时间较长的红墨水渍，先用 水洗后，再用10%的酒精水溶液擦拭去除。 3、蓝墨水渍的去除 新沾污的蓝墨水渍可用肥皂，洗衣粉等洗涤剂搓洗去除。污染时间较长的蓝墨水渍，可用草酸溶液浸泡后搓洗，然后再用洗涤剂清洗 去除。 4、红药水渍的去除 衣物上染上红药水，先用温热的洗涤剂溶液洗后，接着分别用草酸和高锰酸钾溶液顺次浸泡、搓洗，最后再用草酸溶液脱色，再进行水洗，红药水渍即除。 5、紫药水渍的去除 紫药水中的主要成分是从龙胆草中提取出来的，所以紫药水又叫龙胆紫，是常用的外用药剂，沾在衣物上，青紫颜色，非常显眼。 去除方法是：把衣物用水浸泡后，稍加拧干，用棉签蘸上20%的草酸水溶液由里向外涂抹污渍。稍浸片刻后即可用清水反复漂洗、揉搓， 污渍便可去除。 另外，对一些沾染上紫药水的白色织物，也可先用溶剂酒精除去浮色，再用氧化剂次氯酸钠或双氧水溶液进行漂白处理，经水洗后就 能达到预想的效果。 6、黄药水渍的去除 浅色的尤其是白色的衣物洒上了黄药水，要除黄药水渍是比较麻烦的，首先用醋酸滴在污染处，如见效不大，可放在酒精中洗涤。 如果仍不能彻底除掉，就要依据衣物的质料纤维性质选用适合的氧化剂，进行去渍或漂白。 7、碘酒渍的去除 衣物染上碘酒，可以选用酒精或碘化钾来去除。在100毫升的水中要加5~7克碘化钾，用碘化钾溶液去渍后的衣物一定要用清水漂洗干净。 也可把染上碘的衣物放入热水或15%~20%浓度的大苏打（硫代硫酸钠）热溶液中浸泡2小时，使污渍彻底溶解而脱离衣物。 还可以用水淀粉浆糊涂在污渍之处，当污处出现黑色时，再用洗涤剂洗涤，最后漂洗干净即可。 8、药膏渍的去除 先用溶剂汽油或酒精刷洗后，再用四氯化碳或苯刷洗，最后再用优质洗涤剂清洗干净。 也可以先用三氯钾烷刷洗，再用洗涤剂洗涤，最后用清水漂净。 还可以把加热后的食用面碱撒在污处，再加些温水进行揉搓，即可除去。 9、新染上的酒精或啤酒渍 可用清水洗涤去除。时间较长的酒渍，可先用水洗，再用2%的氨水和硼水混合液搓洗去除。去渍后的衣物必须要用清水漂洗干净。 10、铁锈渍的去除 衣物上的铁锈渍，可用1%温热的草酸水溶液浸泡后，再用清水漂洗干净。 也可用15%的醋酸水溶液擦拭污渍，或者将沾污部分浸泡在该溶液里，次日再用清水漂洗干净。 也可用10%的柠檬酸水溶液或10%的草酸水溶液将污处润湿，然后浸泡在浓盐水中，次日再用清水洗涤漂净。 白色纯棉或棉混纺织物沾上了铁锈，可取一粒草酸放在污渍处，用温水润湿，轻轻揉搓，然后再用清水漂洗干净。在操作中，为了防止 草酸腐蚀织物，操作动作要迅速。 也可用鲜柠檬汁滴在锈渍上，用手揉搓，反复几次，直到锈渍除去再经洗涤液洗涤后用清水漂净利。 11、铜绿锈的去除 铜绿有毒，衣物被污染上时要小心处理。其渍可用20%~30%的碘化钾水溶液或10%的醋酸水溶液热焖，并要立刻用温热的食盐水擦拭，最后用清水洗净。 12、硝酸银渍的去除 硝酸银在医药及感光材料中应用广泛。这种物质接触到皮肤或织物上，呈黑色斑点污渍。 除掉方法如下： 用氯化铵和氯化汞各2份，溶液在15份水中制成混合溶液。用棉团蘸上这种混合液擦拭污渍处，污渍即可除去。 还可以将沾有硝酸银污渍的衣物浸入微热的10%大苏打（硫打硫酸钠）的水溶液中，然后用洗涤剂水洗后，再用清水漂洗干净。 13、高锰酸钾渍的去除 高锰酸钾俗称灰锰氧，人们常用它来做外科手术器具和水果消毒剂。当衣物上沾染了高锰酸钾，可维生素C药片蘸上水，涂在污渍处轻轻 擦拭，边蘸水边擦，一会就能将污渍去除。 手上沾染高锰酸钾污渍，也要用此方法去除。 也可以用柠檬酸或2%的草酸水溶液浸泡，通过化学反应，污渍即可除去。 这种方法适用于各种质料和颜色的衣物去渍。 14、酱油渍的去除 衣物上沾染了酱油渍可用冷水搓洗，再用洗涤剂洗涤。 被酱油污染时间较长的衣物，要在洗涤液中加入适量的氨水（ 4 份洗涤溶液中加 入 1 份氨水）进行洗涤。 丝、毛织物可用10%的柠檬酸水溶液进行洗涤。 最后都要用清水漂净。 15、黄泥渍的去除 衣物染上了黄泥渍，待黄泥渍晾干后，用手搓或用刷子刷去浮土，然后用生姜涂擦污渍处，最后用清水漂洗，黄泥渍即可去除。 16、尿渍的去除 儿童尿巾上的新尿渍可用清水洗净。干透的旧尿渍需用洗涤剂清洗。如有痕迹，自然纤维丝绸织物，可用氨水和醋酸1：1的混合液洗涤， 最后用清水漂净。 17、衣物上的汗渍 可用25%浓度的氨气水水溶液洗涤。也可以先将衣物放在3%浓度的盐水里浸泡几分钟，用清水漂洗净，再用洗涤剂洗涤。 丝、毛及其混纺织物上的汗渍，可用柠檬酸洗除。最后都要用清水漂洗。 清除汗渍霉斑时，新渍可先用软刷刷去表面霉斑，再用酒精擦除。 在去旧渍时，可先在污渍上涂以稀碱液或稀氨水，顷刻后再进行搓洗。 丝、毛及其混纺织物上的汗渍霉斑，可用柠檬酸、酒精等溶液洗除。 18、巧克力迹、茶水渍的去除 1、衣物上的巧克力迹与茶印，一般使用浓度 10% 的氨水 1 份与水10份混合制成的稀氨水溶液浸湿，再用棉球蘸取此液揩擦，直至干净。在洗涤后如仍有残留，未洗干净，那就要用浓度3%的双氧水溶液揩擦，再用清水漂洗至干净为止。 2、倘若是淡浅色的毛丝织品上有较深的巧克力迹与茶印时，应用棉团沾上温热的（35摄氏度）甘油揩洗，直至去除；还可以用 汽油浸润，去掉斑痕上的全部油脂，再用浓度 10% 的氨水溶液擦拭，其氨水与水的比例应为1：5。当丝织品上的巧克力迹与茶印很难去除时，可改用氨水（10%）1份、甘油20份和水20份配成甘油氨水溶液，用棉球蘸擦。 3、衣物沾上了茶水渍，如果是刚染上的，可用70~80。C的热水揉洗去除。如果是旧渍，就要用浓盐水浸洗。 还可以用布或棉团蘸上淡氨水 擦拭茶渍处，或用1：10的氨水和甘油混合液搓洗去除。如果被污染茶渍的衣物是毛料的，应采用10%的甘油溶液揉搓，再用洗涤剂搓洗后， 最后用清水漂洗干净。 19、白背心黑斑渍的去除 白背心如洗涤不净，有时会留下很难去除的黑斑，在洁白的背心上很难看，可用下面方法去除黑斑： 取干净的生姜100克，捣碎，放入盆中加水500克上火煮沸10分钟、然后将背心投入盆中浸泡15分钟，再进行反复揉搓，黑斑渍即可消除，再把背心用清水漂净即可。 20、水果汁与红葡萄酒斑痕的清洗 服装上的水果汁与红葡萄酒斑痕，有几种清洗方法，可根据情况选用。 1、当水果汁或红葡萄酒溅到白色衣物上时，先用乳汁浸泡，再用洗衣粉进行常规清洗。 2、对刚溅射到衣物上的新鲜水果汁或红葡萄酒，应立即换下，用食盐撒在上面，然后用清水洗，再用洗衣粉或肥皂洗涤。 3、颜色鲜艳的水果汁或红葡萄酒，可用蛋黄1只、甘油50克的混合物涂在斑痕上，过半天后，再用25-30摄氏度的温水洗净。 大面积泛黄的衣物，可浸在淘洗大米的淘米水中，每天换一次淘米水，大约3天后，黄渍即可脱净，最后用清水漂洗干净即可。 注意 不能带色的淘米水浸泡，防止着色。 泛黄的丝绸衣物还可以用柠檬汁漂洗，或用淡柠檬酸漂洗，都可将黄渍去除，最后都要用清水漂洗干净。 衣物污渍的克星 洗衣者的好帮手！！ 清洗服装上来历不明的污迹 日常生活中，衣物上常会出现一些来历不明的污迹，待到发现之后又想不起从何而来，故往往不能‘对症下药’，因而采用比较通用的清洗方法较为有效。 1、白色衣物上的污迹 可用浓度为 10% 的氨水 4 份、苏打（碳酸钠） 1 份、上等白肥皂 2 份、酒精 4 份与水 100 份进行混合，用布块沾上该混合液将污迹湿润后，擦拭至污迹去除，再用清水冲洗干净。 2、任何织物上的污迹 都可以用浓度为 10% 的氨水 5 份、丙酮 3 份和酒精肥皂液 20 份混合后擦拭。也可以使用浓度 90% 的酒精 1 份、乙醚 1 份、纯净松节油 8 份的混合液进行擦拭。 T恤的清洗及保养 一件好的T恤，它必须质料柔软且具弹性，穿起来透气凉爽，在冲洗时应将整件T恤内翻，并避免揉搓有图案的一面，尽量用手洗不要用烘干机，晾衣服时则不要拉扯领口，以防变形。换季时记得将衣物细心洗整，处理衣物要先了解材质，清洗整烫过程中才不会伤及心爱衣物。 棉织品 1.醋会侵蚀棉织品，因此类似果汁等酸性物质沾染棉织物时，最好立即以清水处理，以免污渍停留过久而难以清除。 2.碱不易损害棉织品因此可以用弱碱性洗力强的洗洁剂。 3.阳光会使棉织品产生氧化现象，而使白色棉织物变黄及脆化，有些棉染料对日光特别敏感，过度曝晒时很容易裉色，尤其是蓝、紫、粉红色等需特别谨慎不妨翻面晾晒。 4.浅色棉织衣物洗久了会逐渐变黄，可以在水中加洗洁剂一起煮20～30分钟再以清水搓洗即可恢复原貌。 5.整烫棉织品温度要高约180度左右，由于棉材质全干时不易烫得平整，烫棉织物时最好适度喷些水使湿气均匀渗透后再行熨烫，可以事半功倍。 合成纤维 合成纤维如尼龙NYLON、聚酯纤维POLYESTER、亚克力纤维ACRYLIC、各种纤维的特质不同清洗保养的方式也不尽相同。 1.尼龙衣料不易褪色但易染色，清洗时务必和其他深色衣物分开以免染色。 2.清洗尼龙衣物要用中性洗剂，避免用热水，尼龙衣物洗后易干，无须烘干。 3.整烫尼龙衣物要用低温，大约140摄氏度以下。 夏季防止衣服褪色窍门： （1）反晒法晾晒衣服时，把衣服反过来，要衣里朝阳，衣表背阴。 （2）加剂法人造纤维衣服洗涤时，要在水中加一些食盐；洗高级的衣料可以在水里加少量的明矾，这样就可以避免或减少衣服褪色。 （3）酸洗法洗涤有色布料衣服时，在洗涤剂中加1～2匙食醋，也能防止衣服褪色。 晾晒衣服要诀 (1)衣服最好不要在阳光下曝晒，应在阴凉通风处晾至半干时，再放到较弱的太阳光下晒干，以保护衣服的色泽和穿着寿命。 (2)晾晒衣服要注意风向。由于近年来城市空气污染严重，特别是靠近工厂区的下风处，空气中往往含有大量的粉尘，如果忽略了这一 现象，就很容易使衣服沾上粉尘，影响穿着效果。 (3)晾晒衣服时不可将衣服拧得太干，而应带水晾晒，并用手将衣服的襟、领、袖等处拉平，这样晾晒干的衣服会保持平整，不起皱褶。 保存方式及烫衣技巧 (1) 保存方式 天然纤维和人造纤维的衣物要悬挂保存. 避免引起虫蛀,用樟脑球处理.樟脑球应用纸袋包扎好与衣物隔开,避免衣物与樟脑球产生化学作用. (2) 烫衣技巧 A： 烫衣前准备事项：(烫斗分直立式蒸气和家庭式烫斗) 1). 首先把烫衣板放在平坦的地面上. 2) 检查烫衣板是否已加上隔热罩. 3) 烫斗的温度是否适合该件衣物的质料(烫前应参考洗水标志) 4) 清楚了解该件衣物适用于哪种温度;大部分衣物均可适用蒸汽,唯蒸汽不适 用于有粘扑之部分. 5) 容易反光(起镜面)的衣物,要使用烫斗隔热罩,(或用布隔着) 使衣物的纤维不易受损. 6)烫斗的储水量要适中,不可太满,否则会有多余的水漏湿衣物,引致衣物出现衣渍. 7)烫斗入水后,切勿平放,应微微向上斜放,否则便会漏水. 8)烫斗的温度调节应由低温到高温慢慢调,调到该衣物所适用的温度. 备注： 整齐熨斗不能烫用粘扑的位置,如西装的前襟,领位等. B： 烫衣常出现的错误： 1) 衣物翻领线没有准确烫妥(衬衣) 2) 外衣的反襟线没有适当地烫贴 3) 挂后袖顶上出现皱痕,主要因为没有适用合适的烫袖工具. 4) 裤骨不在正中位置(烫时没有对准骨位) C： 烫衫后注意事项： 1) 把烫斗内之水全部倒出,避免烫斗长期储水在烫斗内沉淀污渍. 2) 把烫斗隔热罩移开. D： 如何补救烫坏的衣物 1) 如衣物烫至轻微起镜面(多出现于深色衣物中),可使用蒸气把它恢复正常,若情况比较严重,则可使用少量爽身粉扑于衣物表面,五分钟后,将烫斗调至蒸汽温度用布隔着衣物烫平,衣服便可恢复本来面目. (备注：用蒸汽时,烫斗切勿直接接触衣物,应距离衣物少许,用蒸汽喷向起镜面之地方,直接把它恢复正常) ------棉织物熨焦不严重时,撒些细盐,轻轻揉搓. ------丝： 用少许苏打粉,掺水调成稀糊,涂在焦痕即消失.</t>
  </si>
  <si>
    <t xml:space="preserve">怎么去广济寺 </t>
  </si>
  <si>
    <t>广济寺你西四的那个么？102。103都能到，你可以在网上查数字北京这个网址。 就是这面这个网址。可以便于你了解北京。然后就可以自助查看你去的路线，以后遇到同样问题，依次网站可解决。阿弥陀佛~</t>
  </si>
  <si>
    <t xml:space="preserve">请问头颈后面会摸到一个圆圆的东西叫什么名字啊?头颈后面会摸到一个 </t>
  </si>
  <si>
    <t>是低头之后摸到的突起么？那是第七颈椎。是枕后的突起吗？那是枕骨</t>
  </si>
  <si>
    <t xml:space="preserve">所有服务器《修行榜》前20名大收集，要图的，官网的不要LJ... </t>
  </si>
  <si>
    <t>问道 网通一区 逐鹿中原</t>
  </si>
  <si>
    <t xml:space="preserve">直接用补扣如果我没买补篮只买个补扣或者大力补扣能用不这三者之间是 </t>
  </si>
  <si>
    <t>装 补篮 才能装 补扣 ,装补扣 大力补扣才能用出来补篮 补扣 大力补扣   从属关系  装前面的后面的才有用回答：懿嘉级别：学者1月21日 11:46   单手补扣是一个FS技能!!也就是说是补扣的另一个动作,这个动作是被动的随即的你在比赛中如果想出这个动作的话, 首先你需要装补篮,然后还还要装补扣在装了上两个技能会议后才有可能在比赛中,你按DD补篮的时候随即出单手补扣!!!总之这个技能需要的技能格子比较多,就实用性来说不怎么推荐,也就是没有技能槽的话,别去装他但是现在一般的PF都会有一条槽,所以想耍帅的话,这个动作还是很好看的!!有霸气!</t>
  </si>
  <si>
    <t xml:space="preserve">GL550漏电问题2008年2月份公司自行从美国进口gl550两 </t>
  </si>
  <si>
    <t>做进一步检查，看是那个漏电，在确定是更换还是改装。可以加装一个继电器,开钥匙的时候接通电子中控系统,关钥匙后自动断电来解决.</t>
  </si>
  <si>
    <t xml:space="preserve">清泉老师好对不起我不会载图，刚才问大智慧中的红蓝柱子，高低代表成 </t>
  </si>
  <si>
    <t>红代表阳K线,对应阳量;蓝代表阴线对应阴量.其余的,白,黄,粉线代表成交量平均线.是笔者新书中重点研究的买卖方法之一.</t>
  </si>
  <si>
    <t xml:space="preserve">现在从什么地方可以下载报名登记表呀????我在报名结束的时候没有 </t>
  </si>
  <si>
    <t xml:space="preserve"> 这个网址有下载</t>
  </si>
  <si>
    <t xml:space="preserve">空调吹风有霉味怎么办? </t>
  </si>
  <si>
    <t xml:space="preserve">我教你一个绝招: 花20---30元全部买进普通肥皂,分散放在房间里,人不在时就关闭门窗,人在时就开门窗通风,效果显著!一至两天----准见效! 这就是因为普通肥皂中的 钠离子 在起作用! </t>
  </si>
  <si>
    <t xml:space="preserve">有人用过这两个牌子吗？美素和玛格丽娜这两个牌子有人用过吗？里面的 </t>
  </si>
  <si>
    <t>玛格丽娜的玫瑰花水我用过，挺补水，有一定的消炎作用，味道也好，浓缩型的非常浓，我通常都是自己再兑点纯净水。前一阵刚买了她家的薰衣草花水，不过还没用呢美素，干脆没听过，呵呵</t>
  </si>
  <si>
    <t xml:space="preserve">杀气太重如何降低? </t>
  </si>
  <si>
    <t>去城里找王天师１两银子减１点，或者挂一次就没有了，呵呵</t>
  </si>
  <si>
    <t xml:space="preserve">右手的小手指总是抽筋是怎么回事?大家好,我今年26岁,男最近一周 </t>
  </si>
  <si>
    <t>假如手指抽筋，就用手先握成拳头，在用力张开，如此反复即可好转。参考资料： （医网健康看台）</t>
  </si>
  <si>
    <t xml:space="preserve">1.越剧、豫剧和黄梅剧查找这三个的音乐特点？2.我国还有哪些剧种? </t>
  </si>
  <si>
    <t xml:space="preserve">越剧 豫剧 黄梅戏  我国戏曲剧种的分布情况及声腔系统 </t>
  </si>
  <si>
    <t xml:space="preserve">木瓜炖牛奶可以炖长时间吗我有个小炖锅，火力很慢的，只有140W， </t>
  </si>
  <si>
    <t>我平时做的是木瓜炖牛奶的配料比你的要多,有红枣、银耳。木瓜、红枣和银耳是炖一个晚上，牛奶第二天早上再加进去的，待牛奶烧开即可！牛奶炖久了就没有了奶香味啦，口感也不够爽！</t>
  </si>
  <si>
    <t xml:space="preserve">鹏华价值基金如何 </t>
  </si>
  <si>
    <t>该基金不错,可以持有.</t>
  </si>
  <si>
    <t xml:space="preserve">有人知道极风外挂吗？两年多前我买了极风外挂，150元账号终身绑定? </t>
  </si>
  <si>
    <t>我和你一样，150买的，号称终身使用。现在还可以用的。我有一个最后版本的。不过你什么悬赏分也没有，没有动力发给你呀：）想要的话，留言给我。我弄不了共享。</t>
  </si>
  <si>
    <t xml:space="preserve">清泉老师:您上周说600481在诱空,现在还是这样的观点吗? </t>
  </si>
  <si>
    <t>想补仓就补,不想补持有观望.</t>
  </si>
  <si>
    <t>我的积分怎么没有了？内容问题发生时间：详细描述：</t>
  </si>
  <si>
    <t xml:space="preserve">非常抱歉，由于新浪邮票服务器正在升级，目前您的邮票积分不能正常显示，在此期间，将暂停邮票积分的累加及兑换。请放心您的邮票积分不会丢失的，稍后就可以正常显示了。十分抱歉，给您带来的不便，也十分感谢您提供给我们的信息，谢谢您对新浪网的支持。如有更多问题， 请咨询新浪客服中心。全国统一客服热线：     咨询邮箱：webcn@ </t>
  </si>
  <si>
    <t xml:space="preserve">买的号被找回来啊...........买了个问道的号.被卖家找回 </t>
  </si>
  <si>
    <t xml:space="preserve">你在别听上边的吹了  那个没用 你自认倒霉吧? 我以前也一样  还是自己练的安全 </t>
  </si>
  <si>
    <t xml:space="preserve">蛙泳会使腿变粗吗？ </t>
  </si>
  <si>
    <t>如果你象运动员一样，天天都在集中训练式的游泳，那有点可能会变粗，不过，就平时游一游，没有问题的。</t>
  </si>
  <si>
    <t xml:space="preserve">为什么又进不了天骄了？？？？？？？？？？？我怎么都上不去，天骄到 </t>
  </si>
  <si>
    <t>老是这样的话不行的哦,点数简直就是异步升天啊,我刚开始玩的时候才1.5W一点.现在呢?大的吓人.要50W以上一点哦.不玩算了</t>
  </si>
  <si>
    <t xml:space="preserve">关于采购支付内控，应付会计如何登记应付明细账？？THS。。。但设 </t>
  </si>
  <si>
    <t>应付帐款明细帐是根据编制好的记帐凭证登记的，摘要一般写：购进XXXX（货物名称）、付XXXX款等，为便于与客户对帐，也可在摘要里再写上发票号或收据号</t>
  </si>
  <si>
    <t xml:space="preserve">widows共享设置问题我的电脑和我同事的电脑都在一个网段，我在 </t>
  </si>
  <si>
    <t>具体解决方法如下 :一、网上邻居→本地连接→属性里，“看是否安装了Microsoft的文件和打印机共享”二、控制面板→管理工具→本地安全策略→本地策略→用户权利指派里，“从网络访问此计算机”中加入guest帐户，而“拒绝从网络访问这台计算机”中删除guest帐户； 三、我的电脑→工具→文件夹选项→查看→去掉“使用简单文件共享（推荐）”前的勾； 四、控制面板→管理工具→本地安全策略→本地策略→安全选项里，把“网络访问：本地帐户的共享和安全模 式”设为“仅来宾-本地用户以来宾的身份验证”（可选，此项设置可去除访问时要求输入密码的对话框，也可视情况设为“经典-本地用户以自己的身份验证”）；五、右击“我的电脑”→“属性”→“计算机名”，看该选项卡中有没有出现你的局域网工作组名称，如“workgroup”等。然后单击“网络 ID”按钮，开始“网络标识向导”：单击“下一步”，选择“本机是商业网络的一部分，用它连接到其他工作着的计算机”；单击“下一步”，选择“公司使用没有域的网络”；单击“下一步”按钮，然后输入你的局域网的工作组名，如“work”，再次单击“下一步”按钮，最后单击“完成”按钮完成设置。六、开通GUEST用户，然后修改注册表，hkey-local-machine/system/currentcontrolset/control/lsa/restrictanonymous值设为0 ，重启一下电脑，就可以访问了。</t>
  </si>
  <si>
    <t xml:space="preserve">子女，打一成语 </t>
  </si>
  <si>
    <t>重归于好</t>
  </si>
  <si>
    <t xml:space="preserve">请问过了一天了4区怎么样了?还是和刚开时候那么卡么??我们6区的? </t>
  </si>
  <si>
    <t>4区硬件升级后,FWQ情况很好.至少在FB里是不卡了,以前晚上11点以前想去打电男,瘟疫3这些BOSS,是不可能的事.现在一上线,8点左右就马上去打都不卡.升级后的效果还是很明显的.相信6区也不会差..4区最大F之一血色十字军,一BL小D飘过...</t>
  </si>
  <si>
    <t xml:space="preserve">宠物寻价我是一区狮子的有两个宠请大家帮忙看下价钱掉1攻2魔的蜜蜂 </t>
  </si>
  <si>
    <t>3的蜜蜂本来就不是很值钱，3W到7W能卖出去就不错了。20级我的蜜蜂掉2攻1魔卖了4W钱。 你的盾在20W左右。</t>
  </si>
  <si>
    <t xml:space="preserve">关于新手出生第一步的问题刚刚出生在博达，想出城打怪也打不了，说要 </t>
  </si>
  <si>
    <t>你这个问题回答起来要很大的篇幅，建议你去官网或者qq（ 祝你游戏愉快！</t>
  </si>
  <si>
    <t xml:space="preserve">请问侠盗猎车手怎么下载 </t>
  </si>
  <si>
    <t xml:space="preserve"> 然后再到 里面去下载个中文汉化补丁，下载后，把它解压后，直接复制到你的游戏安装目录里面，点ＧＴＡ＿ＳＡＣＮ．ＥＸＥ就可以进了，进后先到视频设置里面，把字幕选项打开，然后在游戏中就有中文效果了!!!那个网页也有说明!!!免费的，不用注册，但别点高速下载，那个只是广告!是用迅雷的!!很多人都采纳过我这个答案了，你也可以去试试!满快的!</t>
  </si>
  <si>
    <t xml:space="preserve">总噎到是怎么回事?只要吃东西莫名其妙的就感觉噎到了,连喝水都会噎 </t>
  </si>
  <si>
    <t>去医院检查过么？尽快去医院检查食道！尽快！！！</t>
  </si>
  <si>
    <t xml:space="preserve">怎么在5173买东西之前联系卖家？我想请问下，我在5173看中了 </t>
  </si>
  <si>
    <t xml:space="preserve">尊敬的客户:    您好！5173客户服务051很高兴为您服务！    订单交易成功之前我们是不可以透露卖家的个人信息的，交易成功后客服会提供给您卖家的联系方式，若有疑问您可以联系卖家协商。    买家下订单支付成功后，联系接手客服交易，客服收到信息后会在第一时间内验证帐号资料，验证后帐号资料正确与买家交易，若物品与描述不符客服会取消交易。    如需帮助或投诉，请与我们客服中心联系，客服中心服务热线：0579-83225173 。真诚感谢您一如既往地对我们工作的大力支持与帮助!!!          祈望您心灵深处芳草永绿，青春常驻，笑口常开。祝您健康幸福！！                                                                     </t>
  </si>
  <si>
    <t xml:space="preserve">为什么我全屏的时候只看得到一半全屏的时候只看得到一半 </t>
  </si>
  <si>
    <t>你的屏幕是不是19寸方屏的？ 如果是的话就是屏幕的问题，不管游戏的事，只有打窗口模式！</t>
  </si>
  <si>
    <t xml:space="preserve">如何更换电脑硬盘?有图和更好点, </t>
  </si>
  <si>
    <t>拔下主机与显示器等的连接，拧开机箱两边的侧面板，拔下硬盘上连接线，拧下硬盘两边的固定螺丝，抽出并更换新硬盘，固定硬盘并拧紧，插回硬盘连接线（有防插反结构，反向插不上），然后按先前的逆顺序一一接回所有的连接，需要注意的是，有的主板上的配件影响硬盘的抽出时，应将影响的配件先卸下，不要强行硬拆，实在不行，请懂行的人帮忙，因为安装后还有分区装系统等一些事要做。</t>
  </si>
  <si>
    <t xml:space="preserve">外汇核销单在出口时起什么作用？出口单位将外汇核销单截留在境外为什? </t>
  </si>
  <si>
    <t>外汇核销单在出口时起什么作用？核销单是用来核销外汇用的，出口货物时必须要有核销单才能出口的出口单位将外汇核销单截留在境外为什么会提高汇率？这个不知你从哪里听说的，外汇核销单怎么会在境外呢？它是和报关单一起交给海关报关用的核销单在哪不可能会影响汇率的高低的，只是有些贷代公司会以核销单的扣押来作为收款条件的，就是有些单位不付代理费而他们就不退核销单给出口单位</t>
  </si>
  <si>
    <t xml:space="preserve">想染头发但是不知道自己对染发膏是否过敏如何在染发前判断是否过敏 </t>
  </si>
  <si>
    <t>你可以做一下皮试。到理发店挤少量染膏涂抹于头皮上，如要染发时，可先在头皮上施放一层，抗过敏的隔离霜就解决了 可以先试用先少量的调一些染发膏 然后摸一点到耳朵后面或者手臂内侧 如果24小时内没什么不良反应的话就是不会过敏</t>
  </si>
  <si>
    <t xml:space="preserve">2元店进货货源我想开个2元店，去哪里找货源，最好直接进货的那种 </t>
  </si>
  <si>
    <t>我和他家合作了不到俩个月，感觉还可以，但是他家客服真的很热情，这我是深有感触啊。售后还是蛮不错的。有时间可以去他家网站看看再决定！</t>
  </si>
  <si>
    <t xml:space="preserve">情感无法宣泄怎么办？ </t>
  </si>
  <si>
    <t>宣泄你的情感,释放你的忧郁,敞开你的心灵,放出你的心声</t>
  </si>
  <si>
    <t xml:space="preserve">这样的生活还有什么意义？从小到大，妈妈都在限制我的兴趣，我想这是 </t>
  </si>
  <si>
    <t>看了你的问题了。你母亲真的限制了你的很多要求。很多不合理的要求。但也有合理的要求。虽说你有很多合理的要求得不到你母亲的容许。但是以现在的条件，我想，我们没更多办法去找到合适的方法解决。因为从她的限制来看，你是她心中永远放不下的小孩子。既然如此，我们能换个角度看吗？母亲是永远为了自己孩子好的，虽然很多方法是错误的。但也提醒了我们，我们以后当父母会用更合适的方法。既然我们改变不了天气，那我们只能改变心情了。只要心情状态好，虽是下雨天，但我相信你会感受到夏日的雨天原来是凉爽与清新的！另外我看了你母亲对你的很多限制。有很多关于的活动都禁止。可想而知，你是个球迷，起码是个喜欢足球的少年。我也喜欢，非常喜欢。但是中国的足球伤了我很多，伤得我很深。但我不会放弃，因为我仍然是个中国的球迷。你也是，受到那么多的限制，但别伤心，随着时间，我相信你能改变很多的现状，就如我相信中国的足球总有能抬头的一天。喜欢足球也证明你是个喜欢集体活动的少年。对你有好处，特别是你母亲对你如此多的限制。可以和更多的朋友去分享你的苦恼。我也是其中一位。希望能帮你分担其中的一份。这样对你有好处。愿你每天有份好心情，也愿你不会因为这些限制而影响学习。能考上大学，能有更自由的生活方式！</t>
  </si>
  <si>
    <t xml:space="preserve">几何题中的平行四边形问题若平行四边形ABCD中，AB=10，BC </t>
  </si>
  <si>
    <t>根据平行四边形面积相等16*5=10*xx=8AB边上的高为8</t>
  </si>
  <si>
    <t xml:space="preserve">幻想三国志2打第一个烽火台时，我已经换了炽棉，可是还是不能飞，怎 </t>
  </si>
  <si>
    <t>不用飞,在悬崖下有突出的平台,按住Ctrl键点平台可以跳下,直至跳到平地.</t>
  </si>
  <si>
    <t xml:space="preserve">求助电脑专家！！！我的IE被篡改，虽然清理过，但是启动时雅虎助手 </t>
  </si>
  <si>
    <t>首先退出你的雅虎助手然后你可以到天空软件下载《超级兔子》（下载页面：   ），安装好以后执行超级兔子里面的“IE修复专家”功能里面的“快速检测系统”稍等片刻检测完成以后执行“一键清除”然后根据提示操作并且重启计算机重启计算机以后再次执行一次步骤即可。如果清除以后依然出现该网页说明清除不成功，请重启计算机然后在启动过程中按键盘上的F8选择进入安全模式执行清除。</t>
  </si>
  <si>
    <t xml:space="preserve">电脑故障：不能开机，电源灯不停闪烁，硬盘灯狂闪，并且硬盘“磁——? </t>
  </si>
  <si>
    <t>估计内存松了拔了重插</t>
  </si>
  <si>
    <t xml:space="preserve">脱发的原因我想知道脱发一般是因为缺乏什么营养素才会掉落？ </t>
  </si>
  <si>
    <t xml:space="preserve">主要是锌,中医认为，五谷可以补肾，肾气盛而头发多。   历代养生家一直提倡健康的饮食需要“五谷为充、五果为养”，也就是说人体每天必须摄入一定量的主食和水果蔬菜。然而，最近的一份调查表明，现代城市人的主食消费量越来越少，已有不足之势。这给健康带来了一定的隐患。主食摄入不足，容易导致气血亏虚、肾气不足。   中医理论认为，肾为先天之本，其华在发。因此头发的生长与脱落过程反映了肾中精气的盛衰。肾气盛的人头发茂密有光泽，肾气不足的人头发易脱落、干枯、变白。头发的生长与脱落、润泽与枯槁除了与肾中精气的盛衰有关外，还与人体气血的盛衰有着密切的关系。老年人由于体内气血不足、肾精亏虚，常出现脱发的现象，这是人体生、长、壮、老的客观规律。所以说，如果年轻人脱发不仅影响整体形象，还可能是体内发生肾虚、血虚的一个信号，而这些问题与主食摄入不足有密切关系。 此外，适当摄入一些能够益肾、养血、生发的食物，如芝麻、核桃仁、桂圆肉、大枣等，对防治脱发将会大有裨益 </t>
  </si>
  <si>
    <t xml:space="preserve">洛阳不孕不育治疗到哪家医院好？ </t>
  </si>
  <si>
    <t>你好，不孕不育不是一个人的事情，男女双方都很导致疾病的出现，患有不孕不育要夫妻同诊同治，到医院查明原因对症治疗，治疗不孕不育的医院有很多。建议到正规专业的不孕不育专科医院治疗，因为专科医院拥有先进的不孕不育疾病诊疗设备，设备齐全，并且专科医院的医生多年从事不孕不育行业，在治疗不孕不育疾病方面更有经验。不孕不育不是一个人的事情，需要夫妻同诊同治，到正规专业的不孕不育专科医院进行检查，找出疾病的原因更有针对性的治疗。治疗不孕不育需要夫妻同诊，到医院查原因对症治疗，治疗不孕不育最好是到正规专业的不孕不育专科医院，在专业医生指导下受孕，这样才能更快的怀孕。</t>
  </si>
  <si>
    <t xml:space="preserve">六年级数学1.甲乙丙丁四人共有60本书,如果甲增加4本,乙减少一 </t>
  </si>
  <si>
    <t>1.甲乙丙丁四人共有60本,如果甲增加4本,乙减少一本,丙扩大5倍,丁减少一半,则四人的书相等,四个人原来各有多少本书? 解：设甲乙丙丁四个人原来各有书a，b，c，d本。a+b+c+d=60a+4=b-1=5c=d/2解得：a=11，b=16，c=3，d=30答：四个人原来各有书11，16，3，30本。2.甲、乙两人中甲的速度是乙的1.4倍。二人分别从AB两地同时出发，相向而行，0.5小时相遇，如果他们同向而行，那么甲追上乙需要多少小时？（好象有问题吧解：设两人相距s，乙的速度为v，则甲的速度为1.4v,甲追上乙需要t小时。s=(v+1.4v)*0.5s=(1.4v-v)*t解得：t=3答：甲追上乙需要3小时。 3.甲、乙两人分别从AB两地同时相对出发，第一次相遇时离A站有90千米，然后各按原速继续行驶，分别到达对方车站后立即沿原路返回，第二次相遇时离A站的距离占AB两站间全程的65%，AB两站相距多少米？ 解：从出发到第一次相遇，两车行进的路程和等于AB两站的距离。 从第一次相遇到第二次相遇，两车行进的路程和等于AB两站的距离的2倍。 所以：从出发到第二次相遇,两车行进的路程和等于AB两站的距离的3倍. 也就是说, 从出发到第二次相遇，甲车行进的路程等于从出发到第一次相遇行进路程的3倍，即： 90*3=270（千米）。 这个距离相当于AB间距离加上AB间距离的35%(就是1-65%). 所以： AB间距离=270/(1+35%)=200（千米）答：AB两站相距200千米。</t>
  </si>
  <si>
    <t xml:space="preserve">高一英语必修1问题I’vestayedinalotofhotel </t>
  </si>
  <si>
    <t>beat 击败 通常为:beat sbmatch 与...相配win 赢  通常为:win +比赛/竞赛compete 竞争 通常搭配:compete with sb/sth for sth 即后面加介词句子翻译为:我已经待过许多饭店,但是没有任何一家可以和这间想媲美.综上:选B有错请指教..谢谢</t>
  </si>
  <si>
    <t xml:space="preserve">机械绘图3D软件学什么好?我想问问，做机械设计用什么软件比较好？ </t>
  </si>
  <si>
    <t>三个软件功能“大体”相同，各有特点，简单的说：1.CATIA 软件；曲面功能确实比较好，功能也比较多，其应用重点在，航空；汽车和造船领域。2.PRO/E软件：造型设计是其“强项'3.UG软件：制造模块强，但造型设计较弱。PRO/E和UG软件应用的较多，建议选取其一学习。上述三种软件只是一种“绘图工具”而已，学精每一个都大有用处。世上没有最好的“剑”只有最好的“剑客”附一PRO/E3.0软件画的“减速机”外形图，供参考！</t>
  </si>
  <si>
    <t xml:space="preserve">请有经验的男士回答和男友做爱的时候他总是能很好的控制自己的射精， </t>
  </si>
  <si>
    <t>呵呵，不知道你是什么原因想让他射在里面。可以按下面的方法试试：当你们做爱做了一段时间后，如果你感觉他很兴奋，有可能要射了，你突然加速动作，同时夹紧双腿和阴部，以增加对阴茎的刺激，这样他就有可能控制不住了。其实，你男友对你很好，怕伤害你而不愿意射在里面，是个好男人！你自己把握吧！</t>
  </si>
  <si>
    <t xml:space="preserve">0078w推荐博洛尼V莱切：31切沃VAC米兰：0国米V尤文：1 </t>
  </si>
  <si>
    <t>其实，我也有这样的思路，本期不准备过于博冷，也许本期真的还是大家自己虚惊一场，想来想去又想远了，该用的稳胆不用，不该用的到是用了。我这期很没有信心，脑袋乱了，同是一场比赛大家310的选择都差不多，而且理由也很充足，难啊。不过，还是借鉴一下阿九和知非、北都的赔率分析，这期应该还是从赔率的博彩公司心理下手。小心心理冷门，强队还是勇于做胆。</t>
  </si>
  <si>
    <t xml:space="preserve">请帮写出这个中药方？这个药方字潦草，我这个不懂中医的看不懂，这是 </t>
  </si>
  <si>
    <t>酸枣仁15g 合欢皮15g 知母20g 丹皮12g 第五个不认识，疑似丹参， 甘草6g 茯苓20g 茯神10g 第九个不认识，疑似黄芩 黄芪10g 五味子10g</t>
  </si>
  <si>
    <t xml:space="preserve">买一个全新煤气坛子要多少钱 </t>
  </si>
  <si>
    <t>150元</t>
  </si>
  <si>
    <t xml:space="preserve">请问海洋化学授予什么学位? </t>
  </si>
  <si>
    <t xml:space="preserve">你好,海洋化学的毕业生毕业后授予的是理学学士学位,也可以授予工学学士学位. </t>
  </si>
  <si>
    <t xml:space="preserve">关于几个问题!请问大家下,妖精带天上的BB,就叶蜂最好了吧,叶蜂 </t>
  </si>
  <si>
    <t>小叶最高,带石头好,成长性好带石头是最好的,DD都没石头好芒果40左右就可以不近身了WX费药点,芒果一直用技能打就芒果比较费单杀的话还是芒果快点的,前提是用技能</t>
  </si>
  <si>
    <t xml:space="preserve">NDSL怎麽播放?頻文件?如題,???能播放的?頻文件是什麽格式 </t>
  </si>
  <si>
    <t>用moonshl播放软件，格式应该为DPG格式</t>
  </si>
  <si>
    <t xml:space="preserve">如果考过了造价工程师，再考注册监理师是否可免考？我在考注册造价师 </t>
  </si>
  <si>
    <t>既然没人回答,建议你咨询当地的人事或建设部门吧.</t>
  </si>
  <si>
    <t xml:space="preserve">人民币升值对我们生活在国内的普通老百姓好像意义不大，我这样分析对? </t>
  </si>
  <si>
    <t>小日本就因在美国强压面前把日元从320:1升值一倍,造成经济十年一蹶不振!直接经济损失无法计算!我国领导层为何一直不愿表态和实施也因为此举利害关系重大!</t>
  </si>
  <si>
    <t xml:space="preserve">这游戏是免费游戏吗? </t>
  </si>
  <si>
    <t>好象是游戏时间免费 道具收费的</t>
  </si>
  <si>
    <t xml:space="preserve">老帐号怎么解封几年没玩决战了当年的帐号密码都在都是进不去怎么办? </t>
  </si>
  <si>
    <t>换代理原来的资料都没有了想玩就重练一个吧</t>
  </si>
  <si>
    <t xml:space="preserve">急什么工作我可以做个人简介男北京19岁职高学历学旅游管理但没有导 </t>
  </si>
  <si>
    <t>自己多实践，先起点低一点，但是一定要务实啊，眼光要远大，做事要认真，什么工作都适合自己，努力，推销吧，挺能学到东西的。</t>
  </si>
  <si>
    <t xml:space="preserve">和女朋友分手后还能不能在一起?我女朋友在外面验货,东奔西走的,接 </t>
  </si>
  <si>
    <t>当女孩对你的感觉不一样的时候，也就代表你们的缘份快到尽头了，她的心已不在你那里了，要感动她是一件很难的事。哎！！要是她提出的分手，态度又很坚决的话，我想你们现在是回不到从前了的，何不放手让她飞，等她累了倦了，自然会回到你温暖的怀抱。</t>
  </si>
  <si>
    <t xml:space="preserve">人最想知道而又无法知道的事是什么？ </t>
  </si>
  <si>
    <t>将来</t>
  </si>
  <si>
    <t xml:space="preserve">什么时候能不读书读书累 </t>
  </si>
  <si>
    <t>苦是必然的，不过有先有后，你若年轻时享乐，老年就会痛苦，年轻时吃苦，老年就会享乐，日子往好里过，心里舒坦，日子一天不如一天，心里难受，你看着办吧，呵呵。</t>
  </si>
  <si>
    <t xml:space="preserve">最近买了一个二手的小户型房子，想改变一下原来的装修，主要是客厅，? </t>
  </si>
  <si>
    <t>你好！　　你可以找东易日盛、元洲、北京装饰、龙发、阔达、轻舟等，但价格较高。你也可以找小公司帮你设计，他们是免费的。</t>
  </si>
  <si>
    <t xml:space="preserve">武警天津总队医院好吗朋友是一个乙肝患者，在这家医院做的肝病治疗，? </t>
  </si>
  <si>
    <t>该院是很好的 肝病的寿命大约应该是三年左右 。</t>
  </si>
  <si>
    <t xml:space="preserve">听朋友说有个秒钱APP的移动理财软件，这个有什么特点啊？ </t>
  </si>
  <si>
    <t xml:space="preserve">现在这款移动理财APP确实是挺火，特点的话也不少，详细的你可以自己去了解下，比如说咱们投的钱都是去了一些融资租赁项目，有债权保障，资金流比较明确也比较安全，万一出了问题还有债权可以进行法律追溯呢。 </t>
  </si>
  <si>
    <t xml:space="preserve">神州行漫游费的收费标准我想知道神州行卡在外地接听及拔打本地电话和 </t>
  </si>
  <si>
    <t>山水兄,差矣!对于神州行用户，国内漫游收费是这样的：1、在漫游地在拨打自己所属地电话，每分钟0.8元漫游费＋0.07元长话费/6秒,一分钟就是1.3元。接听自己所属地电话，也是这样！2、在漫游地拨打漫游地电话，每分钟收取0.8元漫游费！3.在漫游地接听漫游地电话,收费标准同第一条,所有懂行的人都知道,在外漫游,主打比接当地电话是便宜得多;4.在漫游地拨打漫游地以外的其他长途电话,收费标准也是同第一条;</t>
  </si>
  <si>
    <t xml:space="preserve">出租房屋时如何约定租户的安全责任呢我套房想出租,我的阳台没有装防 </t>
  </si>
  <si>
    <t>可以和租客签约相关方面的条约，限制租客的试用范围，例如:规定是不可以使用明火装置的，在签约的情况下，租客使用明火，由此造成的经济损失和财务损失，一切有租客承担！2.可以把房子委托给中介机构，中介在这方面有自己的管理方法和规则，避免业主和租客的损失！3.尽量补充房屋的不安全位置，安装防盗，安装安全栏等方面的设施！</t>
  </si>
  <si>
    <t xml:space="preserve">钓鱼的多少和鱼杆的的贵贱关系很大吗？ </t>
  </si>
  <si>
    <t>当然好鱼杆与劣质鱼杆在同等条件的条件下,中鱼的机会要多一些(这里面还包含鱼钩是否锋利、鱼线是否柔软及起杆的时间等多种因素）好的鱼杆弹性要比劣质鱼杆弹性要好，因此在抬杆时鱼钩更容易刺穿鱼嘴，不容易跑鱼。这也只是相对而言，钓鱼的多少关键还要看鱼情、饵料和个人技术。</t>
  </si>
  <si>
    <t xml:space="preserve">普天之下的老百姓是想为共产主义奋斗,还是想为自己的生存而奋斗? </t>
  </si>
  <si>
    <t>当然是为自己奋斗,如果一个人自己的事都顾不过来,我相信他是不会想其他事的,许多人一辈子辛苦也买不起自己的房子,许多民工一辈子受累老了也看不起病只有等死,许多父母辛苦一辈子才能让孩子上大学,你说哪里还有精力为共产主义奋斗,这句只是空话而已,自己心里怎么想自己最清楚</t>
  </si>
  <si>
    <t xml:space="preserve">请问声望问题我现在50级,称号还是歌声,才一半,请问我去地下竞技 </t>
  </si>
  <si>
    <t>给声望。50不要再升了。打好声望再升吧。我的传不小心练到了96级。=。=没有称号三转。因为六十多级的时候转了巫师再转了传。搞到称号又要重来。</t>
  </si>
  <si>
    <t xml:space="preserve">上海五星体育广播活力早班车请问FM940的周一至周五早上七点半开 </t>
  </si>
  <si>
    <t>活力早班车播出时间：周一至周五 7：30—9：00 　　主持：扑通 丁珧 金璐璐 　　活力早班车是一档综合生活类资讯节目，节目内容包括贴心的气象预报，预告当日的晨练、穿衣、洗晒等指数。即时的生活资讯，提供最新的城市指南。《活力早班车》主播金璐璐，这位面容姣好、充满活力又兼具东方古典气质的女孩，今年还成为中国F1大奖赛办赛5年以来，首位加盟F1现场解说的女评论员 。她毕业于名牌大学，在校期间成绩优秀，曾经在央视实习，在省市不同的媒介做过编辑、当主持、兼记者。曾经在一次做与车有关的电视栏目时就深深的爱上了竞技体育，并且发奋学习，并坚持要到上海去发展自己的一番事业。出色的专业素质，干练的外表和狂热的工作态度，让她在一次又一次的竞争中脱颖而出。功夫不负有心人，一年都不到，她就开辟了新的天地，在上海这个国际化的大都市有了一定的知名度。</t>
  </si>
  <si>
    <t xml:space="preserve">怎么样剪指甲才不会痛我每一次剪指甲都会感到很痛啊不止是痛啊而且是 </t>
  </si>
  <si>
    <t>用热水泡30分钟后再剪,如果怕流血就把水加热一点!</t>
  </si>
  <si>
    <t xml:space="preserve">北京哪里卖的衣服又便宜又好看？最好把地址讲的具体些，多谢了：） </t>
  </si>
  <si>
    <t>动物园服装批发市场、三里屯雅秀服装市场。想买那种特别时尚前卫的可以去西单购物中心（华威大厦）6、7层的“北京攻略”，但价格不便宜。</t>
  </si>
  <si>
    <t xml:space="preserve">杭州阳痿怎样治疗能根治？结婚好多年了，从三年前我就开始有点阳痿这? </t>
  </si>
  <si>
    <t>您好！要想治好阳痿，必须找出造成阳痿的原因，造成阳痿的原因有很多，精神性方面的原因约占85-90%，器质性方面的原因仅占有10-15%。阳痿只要及时针对性治疗是可以治好的。您好！壮阳主要是从男性生理方面增加男性的雄性气息，目前壮阳主要可以补肾壮阳。以通过食疗和药物的方法，常见的壮阳食物有鹿茸、狗鞭等。家庭常见的壮阳蔬菜有韭菜、大葱、洋葱等。男性壮阳是男性追求更高生活质量的一种表现。壮阳不同早泄、阳痿等，并非男性的性功能障碍，目前这方面存在有误区。常用中药如人参、鹿茸、狗肾、仙茅、锁阳、韭菜籽、肉苁蓉、菟丝子、熟地黄、虫草等。更多关于阳痿、勃-起障碍、困难、勃-起不硬等的相关问题，患者可以点击右下角的提问按钮或者左侧的【免费咨询】进一步的了解问题您好，阳痿只是一种症状，找到病因才能更有针对性的治疗，最好去医院系统检查一下并且在日常生活等方面注意调养。不要精神压力太大，很多阳痿都是心理因素造成的这个除了自我调理别人是帮不上忙的，另外多参加体育锻炼，不要撸管避免縱欲，多喝水不憋尿勤换内衣不要酗酒熬夜过劳注意个人卫生。你好，你所述阳痿，在医学上称为勃-起功能障碍，此病是男性常见疾患，其原因是多方面的，如男性激素的减小，身体的疾病，或者因服用某些药物，尤其是精神因素发生障碍时更易发生勃-起功能障碍。</t>
  </si>
  <si>
    <t xml:space="preserve">及时雨这人是什么作品的人物 </t>
  </si>
  <si>
    <t>&lt;&lt;水浒传&gt;&gt;，宋江</t>
  </si>
  <si>
    <t xml:space="preserve">闪电豹到底什么时候出啊 </t>
  </si>
  <si>
    <t>天天酷跑新版本更新后，之前预期的新坐骑只开放了雷焰狮王，而闪电豹确没有开放购买，但是这并不意味这玩家就不能体验闪电豹了。游戏中已经内置了闪电豹，下面小一将教大家如何在该版本中体验满级闪电豹。新版本中神圣祝福道具被大大优化，其性价比变得非常高。玩家有可能通过购买神圣祝福开出各种满级坐骑，其中就包括没有开放购买的闪电豹。当然这需要看脸，小一目前为止就开出过一次满级闪电豹。</t>
  </si>
  <si>
    <t xml:space="preserve">关于纯白改图问题大家帮忙估个价钱谢谢请问时长服网通天平纯白改图A </t>
  </si>
  <si>
    <t>这任务早就关了，所以只能越来越值钱，现在卖多少钱的都有，你就可着劲儿喊吧</t>
  </si>
  <si>
    <t xml:space="preserve">退休时间国家规定，女满50岁，干部55岁可以办理退休手续。按现在 </t>
  </si>
  <si>
    <t>哪个年龄退休对个人有好处？这要看你从事的职业，如果是公务员，那当然越晚退休越好，人在位一天，就能多利用权利一天。如果是个体从业者，那推迟退休年龄对他们就相当不利了，晚退一年，就得多交一年养老保险费，领取养老金的时间也要相应推后，这意味着这部分人的生活压力和支出也增加了。</t>
  </si>
  <si>
    <t xml:space="preserve">提示请转到"控制面板"来安装和配制系统组件!每次开机时都跳出请转 </t>
  </si>
  <si>
    <t>估计是感染AUTO病毒了给你上传一个杀毒工具和磁盘修复免疫工具，点击下载，解压后使用双击绿色杀毒工具，会自动运行，按提示操作，点击“删除”按钮然后打开磁盘修复免疫程序，免疫目标处勾选“所有本地驱动器”、附加功能处只勾选“修复磁盘打开关联”，然后点击“开始免疫”按钮即可。 最后重启一下电脑下载windows清理助手进行查杀下载地址：  打开软件，点击“系统扫描”，对扫描结果全选，如果问你是否执行驱动击清理，点击“是”，然后点击“执行清理”按钮，如果问你是否备份，选择“否”，按提示进行操作即可下载恶意软件清理助手   使用该软件的“恶意软件清理功能”和“临时文件清理功能”、还有“注册表项清理功能”把你的电脑清理一遍. 问题应该可以解决   如还不行，建议修复系统，方法如下：开始菜单点击运行 输入CMD回车 输入命令SFC /SCANNOW   SFC和/之间有一个空格插入系统光盘 则系统会自动将硬盘中的系统文件于系统盘中的文件比较并进行修复</t>
  </si>
  <si>
    <t xml:space="preserve">金庸作品里武功最高的是谁？金庸作品里武功谁最高？请各位金迷发表一 </t>
  </si>
  <si>
    <t>一、绝顶高手（入围七人）：佛家代表人物2人：达摩祖师，少林无名老僧——出自《》；道家代表人物3人：逍遥派祖师（无崖子，天山童姥，李秋水三人的师傅）——出自《天龙八部》，黄裳（九阴真经作者）——出自《射雕英雄传》，独孤求败（杨过、令狐冲及风清扬的祖师爷）——出自《神雕》《笑傲江湖》；太监文化代表人物1人：《葵花宝典》原作者那位前朝太监——出自《笑傲江湖》；历史传说代表人物 1人：越女阿青——出自《越女剑》。 　　绝顶高手入围理由如下： 　　1、达摩祖师：《九阳真经》、《易筋经》的撰写者，少林七十二绝技的创造者，将佛教带入中国的布道者，拥有诸多神奇传说的人物，中国佛教的开山祖师爷。　　　2、少林无名老僧：还用多说吗？如果不了解的话，请详细阅读《天龙八部》四十三章“王霸雄图 血海深恨 尽归尘土”二十遍。 　　3、逍遥派祖师：一位拥有北冥神功、小无相功、凌波微步、八荒六合唯我独尊神功、天山六阳掌、天山折梅手等如此诸多绝学的高人我们还能够要求他些什么呢？　4、黄裳：武林至尊典籍《九阴真经》的撰写者。　　　5、独孤求败：看看这个名字就能够想象他是一个怎么样的人了。从神雕和笑傲中的片断描写可以想象这位大侠的绝代丰姿。　　　6、前朝太监：《葵花宝典》的原创者，东方不败仅仅练了12年一小部分《葵花宝典》的残本，武功就已达到如此境界，这位公公的武功之高实难想象！　　　7、阿青：凭一根竹枝就能够打败三千越国甲士的奇女子！这样的人还能够找出第二个吗？　　　绝顶高手入围人选最终排名：　　　1、达摩祖师：之所以将达摩祖师排第一名，不光仅仅因为他撰写了《九阳真经》、 《易筋经》等奇书，也不在于他创造了少林72般绝技，而在于他本身就是一位神佛，请 问神佛与人有可比性吗？达摩祖师排名第一当之无愧！　　　2、无名老僧：可以弹烂铜锁的无相劫指和慕容家的斗转星移神功确根本奈何不了老 僧厚达三尺的护身气墙，能一掌就让慕容播假死，可以潜运神功心到力至的只有这位无 名老僧，能让乔峰自认武功高出自己许多许多的也只有这无名老僧了。如果不是被萧大 侠那一掌打的吐血，我也要以为他是佛陀转世了...无名老僧当之无愧排名第二。　　　注：其实以金庸对佛家文化的推崇就不难想象佛家高手的地位，恭喜两位少林高僧 荣获一二名！　　　3、逍遥派祖师爷：一位拥有北冥神功、小无相功、凌波微步、八荒六合唯我独尊神 功、天山六阳掌、天山折梅手等如此诸多绝学的高人我们还能够要求他些什么呢？更何 况就仅仅看看他三个弟子的武功就可以想象师父的厉害了，何况逍遥派门人都是绝顶聪 明之人，从薛神医等八大弟子不难看出聪辩先生拥有何等智慧，而聪辩先生对他师傅又 敬佩不已，以薛神医等各学一门技能就在这个领域内称雄就不难推断出无崖子先生聪明 到何等程度，而他的师父呢？难以想象！！而且在金庸小说中也可以看出金庸本人对道 家文化的推崇程度仅次于对佛家文化的推崇程度，那么多高人都是出自道家或者拥有道 家思想，所以作为逍遥派的祖师爷绝对能够胜任第三这个位置！ 　　4、越女阿青：一个凭借一根竹枝就能够打败三千越国甲士的奇女子，她的武功及其富有传奇色彩，同样相信金迷里面有很多阿青的FANS。比比还剩下的三人就可以知道阿青是绝对不辱于第四的排名的，独孤求败先生在四十岁后才不滞于物，草木竹石均可为剑。而阿青在十六七岁之龄便已经达到了这一境界，而且是一根竹枝打败一千甲士，一千剑士，武功之高殊难想象，不难看出阿青排名应在独孤剑侠之上，而从越女剑看， 阿青的武功是快，准，狠，而那位撰写《葵花宝典》的前朝太监的武功也是如此，这从它的后辈传人东方不败身上就可以看出一二，难而这位公公以阿青年龄要达到阿青的境界恐怕仍然是力有未逮。至于为什么将阿青排名第四，而不是象一些阿青FANS那样将阿青的地位无限拔高排到第一的位置那是因为在金庸小说《天龙八部》中虚竹和段誉也是赤手空拳直闯万名辽兵阵中活捉辽王，这不禁让我对阿青的武功打了个折扣。　　　5、前朝太监：看看仅仅学了12年小部分残本《葵花宝典》的东方不败的武功就不难想象这位公公的武功之高，一小部分，那也就是顶多只有三分之一那么多，而学了12年三分之一葵花宝典的东方不败就有如此厉害，独战四大高手而大占赢面，而这位武功至少比东方不败厉害3倍的公公大人武功之高你能够想象吗？东方不败使用的是一根绣花针，而这位公公呢？恐怕也是达到随心所欲无往而不利的境地了吧。从笑傲江湖中的片断描述看来同样仅仅学了一部分武功的令狐冲斗不过仅仅学了一小部分武功的东方不败，我想独孤前辈可能遇见这位太监公公名字也得改改了。　　　6、独孤求败：对于它只能够通过片断得描写来想象这位高人得绝代丰姿了。　　　7、黄裳：相比于前面六位高手，将他排在第七，大家有什么异议吗　　　 一流高手：　　　绝顶高手之后便是一流高手的排名了，但是金庸小说可以入选一流高手的人物较多，我们也只好采取再次分层法将一流高手分为三个档次，分别是超一流高手，一流高手和准一流高手，而这三个档次之间的分层以前一档次排名中间人物的武功起码要比后面一档次排名中间人物的武功高出一筹为准。而对于层次的划分我们将采用参照系的方法，以谁为参照系呢？个人以为以射雕三步曲的人物为准，因为该书高手众多，便于划 分，在这里我们将把《射雕英雄传》中的四绝即东邪西毒南帝北丐作为一流高手的标尺然后对众多高手进行衡量！采用这一参照系的最大好处如前所述在与三步曲中高手人物众多且年代相隔不久便于评比。　　　具体划分为下：　　　一、超一流高手（入围十二人） ：《天龙八部》入选7人：段誉、萧峰、虚竹、萧远山、慕容博、鸠摩智、无崖子；《射雕英雄传》入选一人：王重阳；《倚天屠龙记》入选两人：张三丰、空见神僧；《笑傲江湖》入选一人：东方不败；《侠客行》入选一人：石破天。　　　入围理由如下：　　　《天龙八部》中的武功明显较金庸其他小说中的武功要高出一截，而作为该书中的顶尖高手，这7人的入选也是应当的，让我们逐个看看：　　　1、段誉：金庸创造的最莫名其妙的也最厉害的三项武功居然被段公子一人独享，不将他入选实在没有道理。　　　2、萧峰：还要多说吗？看看聚贤庄一战、少室山一战你对他就会多少有些了解，而且在金庸书中萧峰本来就是一个武学奇才！　　　3、虚竹：小无相功，天山折梅手，天山六阳掌，三大高手的内力，有这些足够了。　　　4、萧远山：萧峰的老子，一战几乎杀尽天龙一书中所有的正派一流高手，武功之高不用多说了吧？　　　5、慕容博：和萧远山武功相当，从天龙一些片断描述中也可以看到他武功之高，不再多说。　　　6、鹫摩智：相比于其他几人，他的入选较为牵强，但是看看天龙寺一战，也可以看到这位大师绝非等闲之辈。　　　7、无崖子：绝顶聪明之人，逍遥派的掌门人，虽然书中对他的武功没有过多描述，但是从天山童姥和李秋水身上及段誉在洞中奇遇一节不难想象这位高人的风采！　　　《射雕英雄传》中仅王重阳一人入选实在有点可惜，但是在这里我们本身就将射雕四绝作为一个一流高手的参照系，而能够比他们高出一筹的仅仅王重阳一人，入围理由如下：　　　8、王重阳：全真教派的创始人，华山论剑天下第一人，周伯通的师兄！其实王重阳的武功真的不好说，从北丐和东邪的评论中似乎王重阳的武功并不高出多少（北丐想的是如果学全降龙十八掌，武功天下第一的名头是他的，而黄药师则想如果换做现在，王重阳也未必是他的对手），而从周伯通对他师兄的评论中王真人却又比其他四人明显高出一截，（周伯通对郭靖说他师兄如果是现在不消半日就可以将其他四人尽数折服，在 神雕中又对练成十成龙象般若功的金轮法王说若王重阳还在，金轮法王肯定在他手中走不出10招）在射雕中对王重阳的功夫可以想象出他是超一流高手，而在神雕中却对他的武功有所贬低。（注：其实神雕中武功是金庸所有小说中写的最为混乱的，主要是作为唯一可以作为于众多高手较量过的金轮法王的武功时高时低，无法论定，标尺武功的不确定也造成了该书整个武侠人物武功评定的混乱无章）其实衡量王重阳武功高低的最好办法看两点就可以了：一是他是绝对华山论剑的第一名，使其他四人都心服口服，那么在这四人之上是必然的；二是在全书中西毒唯一怕的就是王重阳，为什么怕？武功只高出半筹用的着怕吗？我想不然，王重阳武功应比四绝高出一个档次，否则绝不可能让西毒怕到二十年不敢踏足中原的程度！　　　《倚天屠龙记》中入围两人进入超一流高手必然有所争议，因为倚天和射雕神雕两部书之间断档较大，无法做出较为精确的评定，然而将张三丰和空见两人列入超一流高手本人自有一定道理，理由如下：　　　9、张三丰：武当派的开山祖师爷，能够创建出一个和少林齐名的大派本来就不是一件容易的事情，而武当较之少林的历史要短的多，而武当的人才除了张山丰和武当七侠之外也并无其他人才了，凭什么于少林鼎足而立，我想凭的就是张三丰一人！其实仔细阅读倚天全书反而认为张三丰的武功没有想象中的那么高强，然而一人独创武当派，仅凭三分之一部《九阳真经》和几个铁罗汉就创建出一个如此大派，张三丰必然有其高人一筹的地方，在神雕的后半段和倚天的前半段我们也可以看到张真人在武学上绝对是一个绝顶的奇才！或许张真人的武功并不见得比张无忌更高，然而就凭他的武功全部自创这一点，将他入选超一流高手也是绝对当之无愧的！　　　10、空见神僧：谢逊的武功有多深？远强于武当七侠，与倚天中另外一个顶尖高手成昆并驾齐驱，然而他的13记七伤神拳对于空见神僧却没有一点作用，如果不是用计，能耐空见神僧何？其实大家仔细看看倚天就会发现谢逊回忆这一节纯属多余，只不过是金庸对于佛家文化的崇拜，所以又要凭空写出一个佛家高人出来！空见神僧的入选是没有问题的，当然他比起无名老僧的厚达三尺的气墙还是有一定差距的，所以也就是为什 么不将他列为绝顶高手的原因！　　　《笑傲江湖》入选一人东方不败，这时候才说东方不败实在太晚了，而且绝顶高手居然没有东方不败必然也让大量的东方迷大为不满，东方不败入选理由实在不用多说了，至于不入选绝顶高手的理由一是因为有个比他武功更高出许多而且武功同出一门的太监公公，二是其它七人武功实在太高，所以只好委屈东方不败了。　　　《侠客行》入选仅为石破天，也许会有很多人认为石破天是金庸武功中的第一高手，原因只是石破天的武功在这本书中实在强出其他人太多，然而这毕竟是点上的比较，并没有进行纵向的和面上的与金庸小说中其他人物进行比较，他在侠客行中最强强到不可思议的地步在其他书中就真还有那么强吗？未必吧？我们在这里入选石破天的理由是根据他在侠客行中一些片断的武功表现将其列入超一流高手这一栏的。　　　说完超一流高手之后也就是接下来一流高手的排名了　　　前面对于绝顶高手和超一流高手的排名榜已引来诸多非议，而人数更为众多且主角占大多数的一流高手人物排名榜，更是难免遭来不少砖头，只是事已至此，骑虎难下，本人还是将冒枪林弹雨尽可能公正的作一个排名！说到一流高手的排名，首先就得说说《笑傲江湖》这本书，个人以为就金大侠构筑的整个武功体系而言，《笑傲江湖》绝对是个异数，它的出现推翻了金庸在以前小说中“唯内力论”的主导思想，内力决定武功深浅的格局被彻底推翻，代之以招数和悟性取胜，令狐冲和风清扬便是其中的代表人物。然而这与排名有什么关系呢？在下要说的正是这点，在网上看到很多网友就金庸的武功格局和《笑傲江湖》中的武功有以下两点说 法：一是金庸小说中的武功随年代变迁而逐步变化，也就是越接近现在武功越低；二是《笑傲江湖》中基本无甚内力可言，甚至连其中的妖人级人物东方不败的内力也不过尔尔。对于第一点说法，本人基本赞同，然而必须指出的是《笑傲江湖》中虽为明清年代的事，但是其武功相较于《射雕三步曲》并未大幅度的减弱，反而呈现出回光返照之势，其中角色武功之深当不逊于射雕三步曲，本人将在后面用具体例子说明，对于第二点意见，本人则持保留态度，个人以为《笑傲江湖》中对于内力的描写绝不逊色于《射雕三步曲》，其中东方不败之内力更是高到令人无法想象！话题不能扯的太远，还是言规正传吧。　　　二、一流高手（入围24人） ：《天龙八部》入选9人：天山童姥、李秋水、慕容复、丁春秋、游坦之、段延庆、段正明、黄眉老僧、枯荣大师；《射雕英雄传》入选5人：东邪、西毒、南帝、北丐、周伯通；《神雕侠侣》入选4人：郭靖、杨过、金轮法王、林朝英；《倚天屠龙记》入选一人：张无忌；《笑傲江湖》入选3人：令狐冲、方正大师、风清扬；《侠客行》入选2人：龙、木二岛主.</t>
  </si>
  <si>
    <t xml:space="preserve">超敏蛋白的的作用原理是什么？ </t>
  </si>
  <si>
    <t xml:space="preserve">    植物受病原物侵染时，侵染部位“氧化激增”，局部细胞主动程序化死亡，产生过敏反应，继而引起一系列的防卫性变化，产生对病原菌侵染的系统获得抗性。植物免疫诱抗蛋白诱导产生的抗病信号由内源信号分子SA、JA、Et和NO完成，经过一系列的基囚表达，植物体内会产生大量的酶催化活动，产生一系列相应生理生化指标的防卫化反应，催化一些诱导型抗病物质的合成，这些相关的抗病物质主要有植物保卫素、酚类、木质素、HRGP等。植物对病原物侵入的生理生化反应是通过酶催化活动实现的，与植物抗病相关的酶主要有苯丙氨酸解氨酶、B—l，3一葡聚糖酶、4一香豆酸辅酶A联结酶、多酚氧化酶、几丁质酶、过氧化物酶、抗坏血酸过氧化物酶、超氧化物歧化酶和一氧化氮合成酶等。这些酶的催化也可以使植物营养吸收能力和生长发育能力大大提升，因此，诱导植物生长发育从而实现高产也是超敏蛋白的主要功能。    植物在与病原体作斗争的长期过程中，形成了复杂的自我防卫系统(self-defense system)，在分子生物学中，所有的植物都含有抗真菌、细菌和病毒的潜在基囚，但其抗性基因所表达的速度和数量与环境与基因及其产物活性的影响都有着极大的关联。植物一旦受到病害的侵袭，就会通过各种代谢途径形成与抵抗病原有关的物质，产生不同程度的抗性，这就是植物系统抗性。这个过程可以简单概括为：病原感染植物后，在植物体内产生一种适于长距离传输的信号分子，该信号分子从植物的病原感染部位经韧皮部转移到其它非感染部位，继而诱导自我防卫基因的表达，其表达产物再直接或间接杀死病原物，抑制病原物生长。</t>
  </si>
  <si>
    <t xml:space="preserve">宝宝食欲不好，吃饭满屋追着跑，怎么办啊？ </t>
  </si>
  <si>
    <t>大人养成的习惯，到了三年级才能好点，除了你就是不喂他，让他自己吃</t>
  </si>
  <si>
    <t xml:space="preserve">一个想了30年的问题为什么开水倒在地上和凉水倒在地上发出的声音不 </t>
  </si>
  <si>
    <t>水煮开后，水分子的活动能力大为增加，分子间的吸引力大为削弱，这时，不仅液体表面的水分了很快蒸发,而且液体内部的水分子也争先恐后地汽化飞出，因此，在开水四周总是夹着这一层富于弹性的水汽，所以发出了低沉的"扑扑"声。 水温逐渐降低时，水分子的活动能力减弱了，分子间的吸引力增大了，液体内部的水分子不再汽化，包围着的水汽层逐渐消失，这时，水着地就直接与地面接触，因而发出来的声音变清脆了。</t>
  </si>
  <si>
    <t xml:space="preserve">雅阁车凉车异响雅阁车凉车着车时一开始没事，可是过不到一分钟发出哒 </t>
  </si>
  <si>
    <t>这个问题在本田车中比较常见，由于本田雅阁采用可变配气正时及气门升程机构来改变进气量，其配气机构采用的摇臂装置，而非液压挺杆机构，故在凉车时，由于其材质为铝合金缸体，而摇臂、气门为钢材，其配合间隙偏大产生异响。</t>
  </si>
  <si>
    <t xml:space="preserve">下身出虚汗我的小弟弟总感觉是润润的,也没有明显的汗液,是怎么回事 </t>
  </si>
  <si>
    <t>你是不是内裤有点紧或不太透气呢？在就是你正在青春期代谢力强，或是你活动出汗多也会出现你所说的那样！</t>
  </si>
  <si>
    <t xml:space="preserve">怀孕前四个多月用了电吹风…怀孕前四个多月一直都在用电吹风，因为不 </t>
  </si>
  <si>
    <t>电吹风的使用：可以使用，但是每次使用时间不超过10分钟。怀孕可以应用电吹风机吹干头发。一般不会影响到胎儿，作好孕期护理，定期进行复查。 不要过于担心了，只要我们正确对待那些常用的家用电器就没什么大碍。现在您良好放松的心情是胎儿宝宝最好的生长发育基础。您焦虑担心时产生的内分泌变化反倒对宝宝是一个记达的伤害，您从现在开始要调节号自己的身心，为后几个月的胎儿宝宝发育努力呀！手机电磁炉微波炉要减少使用，卧室中不要摆放电子电器类产品，卧室是最重要的环境，有利于胎儿和宝宝出生后的良好发育成长！</t>
  </si>
  <si>
    <t xml:space="preserve">水垢是什么成分？有办法解决吗？ </t>
  </si>
  <si>
    <t>雨降落到地面，涓涓细流汇成江河，穿过山脉，越过平原，冲刷着土壤和岩石，溶解了不少矿物质。井水、泉水等地下水中含有更多的矿物质。如果我们在一块干净的玻璃片上滴上一滴水，等到水滴干后，玻璃片上留下水痕。这就是水里溶解了矿物质。    含有钙镁盐类等矿物质的水叫做“硬水”。河水、湖水、井水和泉水都是硬水。自来水是河水、湖水或者井水经过沉降，除去泥沙，消毒杀菌后得到的，也是硬水。刚下的雨雪，水里不含矿物质，是“软水”。水烧开后，一部分水蒸发了，本来不好溶解的硫酸钙（石膏就是含结晶水的硫酸钙）沉淀下来。原来溶解的碳酸氢钙和碳酸氢镁，在沸腾的水里分解，放出二氧化碳，变成难溶解的碳酸钙和碳酸镁（它们是石灰石、白云石的主要成分）也沉淀下来。这就是水垢的来历。在工厂里，往往在水里加入适量的碳酸钠，使水中的钙镁盐类变成沉淀除去，水就变成了软水。使硬水通过离子交换树脂，也能除去其中的矿物质，得到软水。家里的水壶、暖水瓶里长了水垢，怎么清除干净呢？    小心地将水壶烧到刚刚要干，立即浸到凉水里。这一热一冷，由于铝和水垢热胀冷缩的程度不同，水垢就会碎裂，从壶壁上籁籁落下。水垢的主要成分是碳酸钙、碳酸镁，它们可以和酸起变化。根据这个道理，在水壶里倒些食醋，在火上温热一下，只见水垢上放出密密麻麻的小气泡，水垢便粉碎了。用稀盐酸也能除水垢。稀盐酸“消化”碳酸钙的能力比食醋强，不过，操作起来要十分小心，别让盐酸把手也腐蚀坏了。要知道，盐酸和铝很容易起反应。如果是搪瓷水壶，搪瓷又未脱落，用稀盐酸除水垢当然好。暖水瓶里的水垢这样除去，更没问题了。</t>
  </si>
  <si>
    <t xml:space="preserve">英语怎样变句型一般疑问句否定句反问句肯定句画线提问 </t>
  </si>
  <si>
    <t>1. 由连系am，is，are构成的句子：变一般疑问句时把am，is，are提到句子的前面，句尾用问号即可。变否定句时直接在am，is，are后面加not即可。例如：肯定句:He is a student.    一般疑问句: Is he a student?否定句: He is not a student.反问句: He is a student, isn't he?        He isn't a student, is he?线提问: 对he提问: Who is a student? 对 a student 提问: What is he? or What does he do?2. 由情态动词can, may, should等构成的句子: 变一般疑问句时把can,may,提到句子的前面,句尾用问号即可.变否定句时直接在can,may,后面加not即可. 例如:    肯定句: She can swim.一般疑问句: Can she swim?否定句: She can not swim.反问句: She can swim, can't she?        She can not swim, can she?画线提问: 对she提问: Who can swim?          对swim提问: What can she do?3. 由行为动词构成的句子: 需要加助词do或does. 变一般疑问句时把do/does放在句子前面. 例如:    肯定句: They play football after school.一般疑问句: Do they play football after school?否定句: They don't (do not) play football after school.反问句: They play football after school, don't they?They don't play football after school, do they?画线提问: 对they提问: Who play football after school?对play football提问: What do they do after school?对after school提问: When do they play football?</t>
  </si>
  <si>
    <t xml:space="preserve">苹果4S怎么关闭语音控制不是siri就是语音控制，希望长按hom </t>
  </si>
  <si>
    <t>长按home不就是打开siri吗，没看懂你的意思</t>
  </si>
  <si>
    <t xml:space="preserve">圣手与4的死神哪个好？现在4的死神价钱飞涨，不知道它与圣手的对决 </t>
  </si>
  <si>
    <t>如果你的武器和项链是高幸运的话，没的说，4的死神好太多了，高攻啊如果不加幸运，那么就和圣手差不多了这个问题好象是裁决和菜刀比较，一个是高攻低下限，一个是平均稳定，但是高攻的还是受武士偏爱的，因为只有高攻才能破防啊，假设1个怪的物理防御是50-50，你拿裁决攻击是30-60（举例）那至少你还有机会能砍死它，如果你拿菜刀攻击是40-50（也是举例）那你根本就打不了这个怪，不掉血的</t>
  </si>
  <si>
    <t xml:space="preserve">帕萨特1.8T变速箱问题帕萨特1.8T，自动变速箱。大修后发现从 </t>
  </si>
  <si>
    <t>品味苦咖啡：您好！     估计是变速箱中的换档电磁阀卡滞或换档离合器不同步，请检查相关的变速器线束，必要时调整一下间隙 ，就应该能解决问题。     对您的车辆行驶影响不大，但长期这样使用会引起变速器内的齿轮磨损增加，严重的情况下会“打齿”。    有空的话就去检查调整一下吧！祝您驾车愉快！</t>
  </si>
  <si>
    <t xml:space="preserve">婚检都有哪些项目?请问婚检都检查哪些项目? </t>
  </si>
  <si>
    <t>婚检项目中，男性有8项，女性有9项是《中华人民共和国母婴保健法》规定必检项目:其中男性8项：体格检查、胸透、血常规、尿常规、转氨酶、乙肝表面抗原测定、梅毒筛查、淋病筛查。女性9项：除上述项目外，还增加了妇科检查和阴道分泌物检查。具体情况各地有所不同。广州婚检项目统一执行，男性有10项，女性11项。　　其中男性10项：体格检查、胸透、血常规、尿常规、转氨酶、乙肝表面抗原测定、梅毒筛查、淋病筛查、地中海贫血、G6PD。　　女性11项：除上述项目外，还增加了妇科检查和阴道分泌物检查。最近很多地方的婚检项目推出了自选制度，婚检这可以根据自己的需要对检查项目进行选择和增减。</t>
  </si>
  <si>
    <t xml:space="preserve">从望京桥到北京国统宾馆怎么走 </t>
  </si>
  <si>
    <t>望京桥西或者望京桥东乘坐361路到达马甸桥东下车下车原地换乘300路（草桥-草桥）或者特8主路快车六里桥南下车下车后走地下通道到马路对面太平桥西路往里走就到了</t>
  </si>
  <si>
    <t xml:space="preserve">如何制作去火润肺的食物 </t>
  </si>
  <si>
    <t xml:space="preserve">怎么去火？ 就食物而言，“苦”味食品是“火”的天敌。苦味食物之所以苦是因为其中含有生物碱、尿素类等苦味物质，研究发现，这些苦味物质有解热祛暑、消除疲劳的作用。最佳的苦味食物首推苦瓜，不管是凉拌、炒还是煲汤，只要能把苦瓜做得熟且不失“青色”，都能达到“去火”的目的。除了苦瓜，还有其他苦味食物也有不错的“去火”功效，如杏仁、苦菜、苦丁茶、芹菜、芥兰、等，同样能清热解暑。 除了多吃苦味食物，夏季蔬果多，还要多吃甘甜爽口的新鲜水果和鲜嫩蔬菜。专家指出，甘蓝菜、花椰菜和西瓜、山楂、苹果、葡萄等富含矿物质，特别是钙、镁、硅的含量高，有宁神、降火的神奇功效，因此在夏季应多吃和常吃这些食品。 除此之外，让我们来看看专家推荐的“去火”食物： ⊙牛奶很多人认为夏季喝牛奶会加重“上火”，引起烦躁，其实，夏饮牛奶不仅不会“上火”，还能解热毒、去肝火。中医认为牛奶性微寒，可以通过滋阴、解热毒来发挥“去火”功效，而且牛奶中含有多达70%%左右的水分，还能补充夏季人体因大量出汗而损失的水分。需要注意的是不要把牛奶冻成冰块食用，否则很多营养成分都将被破坏。 ⊙草莓草莓不但好吃，还有药用价值。中医认为它有“去火”功效，能清暑、解热、除烦。 ⊙西瓜西瓜性凉，吃了不会引起“上火”、心烦，而且含有丰富钾盐，能弥补人体大量造成的体内钾盐缺乏。但注意西瓜放入冰箱不要超过3个小时。 ⊙大豆大豆在滋阴、“去火”的同时还能补充因为高温而被大量消耗的蛋白质。 ⊙西红柿尽管一年四季都可见，但西红柿在夏季最多，最甜，营养也最丰富。它同样可以清热解毒、平肝“去火”。 ============================ 去火建议： 银耳雪梨 天气干燥，人们稍不留神就会上火。严重的不仅会口干舌燥，还会心绪不宁，有的人更会因虚火上升大发脾气。因此秋季饮食应当注意去火，少吃容易上火的食物，多吃些滋阴润燥、生 津养肺的食物和秋季水果，下面就为你介绍一款既能去火、润肺，又能排毒养颜的美味佳肴。 主料：火龙果、银耳、木耳、雪梨。 辅料：冰糖、青豆、枸杞。 做法： 1.银耳、木耳用开水泡开、摘洗干净，火龙果取果肉，果壳待用，火龙果肉和雪梨切成均匀的块。 2.将切好的火龙果、雪梨块同银耳、木耳、冰糖一起加满水用文火熬制一小时。与此同时，将青豆煮熟备用。 3.将炖好的汤盛入火龙果壳中，撒上青豆、枸杞即可。 排毒功效：清热、化痰、润肺，可助吸烟、饮酒者排出毒素。 喝牛奶 很多人认为夏季喝牛奶会加重“上火”，引起烦躁。其实，夏季饮牛奶不仅不会“上火”，还能解热毒、去肝火。中医就认为牛奶性微寒，可以通过滋阴、解热毒来发挥“去火”功效。而且牛奶中含有多达70%左右的水分，还能补充夏季人体因大量出汗而损失的水分。需要注意的是不要把牛奶冻成冰块食用，否则很多营养成分都将被破坏。 23点以前睡觉 这一点很难做到，尤其在夏季。但专业医师提醒大家，夏季恰恰是最需要保证在23点前睡觉的季节。因为，23点到凌晨1点是气血回流到肝脏的时间，如果不睡，等于强迫肝脏继续工作，再加上外气候因素，所以，“该睡不睡情绪烦躁”在夏季表现得特别明显。 炎夏“去火”蔬果： 草莓 草莓不但好吃，还有药用价值。中医认为它有去火功效，能清暑、解热、除烦。 西瓜 西瓜性凉，吃了不会引起上火心烦，而且含有丰富钾盐，能弥补人体大量造成的体内钾盐缺乏。但注意西瓜放入冰箱不要超过3个小时。 大豆 大豆在滋阴、去炎的同时还能补充因为高温而大量消耗的蛋白质。 苦瓜 历代名医都把苦瓜看作夏季清暑热、去内火、帮助改善烦躁情绪的最佳食物。 西红柿 尽管一年四季都可见，但西红柿在夏季最多，最甜，营养也最丰富。它同样可以清热解毒、平肝去火。 养胃抗癌佳品---百合 百合是著名的保健食品和常用中药，因其鳞茎瓣片紧抱，“数十片相摞，”状如白莲花，故名“百合”。人们常将百合看作团结友好、和睦合作的象征。民间每逢喜庆节日，常互赠百合，或将百合做成糕点之类食品，款待客人。广东人更喜欢用百合、莲子同煲糖水，以润肺正气。 中医学认为，百合味甘微苦，性平，入心、肺经，有润肺止咳、清心安神之功，可用于热病后余热未消、虚烦惊悸、神志恍惚和肺痨久咳、咯血、肺脓疡等症；或因过食煎、炒、油炸食品后觉得燥热时食用。治疗肺伤咽痛、咳喘痰血等症的名方“百合固金汤(丸)”，即以百合为主药，配伍生熟地、麦冬、贝母等。目前中医常用百合组方治疗口腔溃疡，白塞氏综合征，慢性咽喉炎、肺结核等，辨证得当，确有良效。 现代分析表明，百合主要含秋水碱等多种生物碱和蛋白质、脂肪、淀粉、钙、磷、铁及维生素B1、维生素B2、维生素C、β―胡萝卜素等营养物质，有良好的营养滋补之功，特别是对病后体弱、神经衰弱等症大有裨益。一般可用鲜百合120克，和蜜蒸软，时时含1片食之。或以新鲜百合数个，捣汁，冲以温开水饮服，也可煮食。 临床观察发现，以百合为主治疗胃痛，确实有效，例如郁热型胃脘痛，用百合、蒲公英各20克？30克，乌药、炒青皮、炒五灵脂各10克，每日1剂，水煎，晚饭后顿服；剧痛者上、下午各服1剂。胃脘部气痛、热痛，还可用百合30克，乌药9克，水煎服。治疗萎缩性胃炎，可用百合30克，白芍、红花各15克，淮山、黄芪各20克，乌药9克，陈皮10克，甘草5克，黄连3克，随症加减，水煎服，每日1剂；3个月为1疗程，效果良好。 近年来的研究进一步揭示：百合所含成分对实验性小鼠肉瘤-180、宫颈瘤-14有较强抑制作用，还可显著抑制黄曲霉素的致突变作用，临床上常用于白血病、肺癌、皮肤癌、鼻咽癌、乳腺癌、宫颈癌的辅助治疗。尤其是手术、放疗后出现体虚乏力、口干心烦、干咳痰少以及咯血、身有虚热、心悸失眠等症者，用鲜百合60克或百合粉(百合干后研成的粉)30克，同粳米100克煮粥，适量调入糖或蜂蜜，晚餐或午后服食。常服有润肺清心调中之效，可止咳、止血、开胃、安神、有助于增强体质、抑制肿瘤细胞的生长，缓解放疗反应。 用百合作羹或煮粥还可酌情加入其他食物、中药，如加入银耳有润肺之功，加入绿豆可加强清心解毒之效；加和薏仁米可提高抗癌之力。用百合、生地各15克，或百合15克、知母10克煎汤服，对癌症患者由于思虑过多所致的心情烦躁、夜寐不宁、精神恍惚、食欲不振等具有良效。此外，用适量鲜百合与白糖，共捣敷患处，对皮肤癌破溃出血、渗水者也有一定治疗作用。   去火食品——木瓜、猪骨炖花生 用料：大木瓜一个（750克左右）、花生仁100克、猪骨250克、红枣4枚、生姜4片、盐适量 制作：红枣去核洗净，与花生仁、猪骨、生姜、盐加水两碗，用小火煲一小时，然后放入去心的木瓜中，上锅蒸一小时即可。 功效：木瓜性寒味甘，含蛋白质、维生素B、C、G及蛋白酶、脂肪酶等。此菜有清热、解暑、助消化、健脾胃之效。  </t>
  </si>
  <si>
    <t xml:space="preserve">经期中的口交、自慰会怀孕么？7月5号来的月经，在10号自慰过，并 </t>
  </si>
  <si>
    <t xml:space="preserve">1、放心吧！你是肯定不会怀孕的。 但月经期进行性，极易导致你子宫内感染（盆腔炎）。从你描述的情况来看，你是一个根本不知道痛惜自己身体的傻女人，你极可能已经有子宫内感染（盆腔炎）了，继续向上可引发的输卵管和卵巢感染，造成不育，腹痛、腰酸背痛等。 只有严格禁止月经期内或者引产1~2个月内发生性交行为，才可能避免重复感染！！ 因为此时你的子宫颈是张开的，还没有完全闭合，月经结束后才能闭合完全，此时，性交是极易造成你子宫内感染的。严重时，不但会使你终生落下盆腔感染的疾病，甚至会危及生命！！ 这个事件也说明你老公/男友是一个极其自私的人，根本没有顾及你的利益、生命安全和今后的生活质量！！ 自己的权益和生活的质量是需要自己坚决捍卫的！！否则，你只能拖着一个病残的身体伴你自己度过余生！！ 同时也说明你对自己的生理知识缺乏足够的了解。 建议多学习一点自己的生理知识！ 还是让你的男伴用TT吧！另外，可以学会采用安全期避孕法。 2、若担心怀孕，不放心，建议：到药店购买用“早早孕”测孕纸，严格按下列要求操作。 1)早晨测尿液，注意一定要按说明书操作！ 2）“早早孕”测孕纸每条约0.6~1.5元，而“早早孕”测孕棒每个要十多元，六角钱的产品与十多元的产品其灵敏度和准确性是一样的,二者的测试原理和效果完全相同，建议购买“早早孕”测孕纸。 3)受孕10--15天，检测结果才开始明显，太早检测没有意义。 4）结果判断 一条红线，是阴性，表示没有怀孕。 二条红线，是阳性，表示已经怀孕。 3、若发现怀孕，又不想要。最好在怀孕45天内，进行微管可视引产术，损伤小，恢复快，一般休息一天，可正常上班。成功率100%，远远好于药流。 其损伤面相当于皮肤被擦伤直径3cm左右的伤口。所以，对身体和心理损伤都小。 流产后最关键的就是预防子宫内感染，建议：口服环丙氟哌酸（6~12片/盒，3~5元），每天二次，首次二片，以后每次一片；口服甲硝唑片（100片/瓶，4~6元），每天二次，首次二片，以后每次一片；连续用药3~5天，一般可以解决问题。 4、平时应该注意避孕，可以采用TT，口服常规的避孕药物，或者同房前15分钟采用避孕药膜或栓。实在不行也可以采用同房后口服米非司酮片进行紧急避孕（其副作用相对疏婷等其它紧急避孕药要小一些，紧急避孕药一年内最多只能吃三次，否则，极易引起内分泌失调）。 米非司酮片，同房后5天内口服一片（10毫克或25毫克），其副作用相对毓婷等其它紧急避孕药要小一些。 毓婷用法：同房后 72 小时内口服0.75毫克，12小时后重复一次）。但经常服用毓婷极易导致宫外孕！注意：紧急避孕药一年内最多只能吃三次，否则，极易引起内分泌失调。 5、建议你多学习一点生理常识，更有益于保障自身健康，希望引起你自己的重视！只有学会与你自己相关的生理知识，才能掌握好自己的生理周期，避免人流，掌握幸福生活的主动权。 学会计算自己的安全期，在你的安全期内同房是不会怀孕的。 1）安全期计算原理：女性的排卵日期一般在下次月经来潮前的14天左右。下次月经来潮的第1天算起，倒数14天或减去14天就是排卵日，排卵日及其前5天和后4天加在一起称为排卵期。例如，某女的月经周期为28天，本次月经来潮的第1天在12月2日，那么下次月经来潮是在12月30日（12月2日加28天），再从12月30日减去14天，则12月16日就是排卵日。排卵日及其前5天和后4天，也就是12月11-20日为排卵期。除了月经期和排卵期，其余的时间均为安全期。在安全期性交可不必采用任何避孕药物和避孕工具。 安全期月历因个人体质变异差异极大，因此仅供参考。 2）安全期的计算，你可以到下列网站  上去，输入你的数据就可以算出你的安全期了。 祝你顺利！ </t>
  </si>
  <si>
    <t xml:space="preserve">孕妇喜欢吃甜食的问题妻子怀孕4个月了，最近一阶段喜欢吃甜食，请问 </t>
  </si>
  <si>
    <t>甜食适当的吃，像糖尿病，高血压这些都与吃的甜物有关，最好是多结合，控制的方法，可以吃一些自然带甜的食物。如水果。怀孕期间注意事项大全如果你将要做妈妈了，那么你应该知道下面这些数字： 　　胎儿在母体内生长时间：应为 40周，即 280天。 　　计算预产期的方法：末次月经首日日期加 7，月份加 9（或减 3）。 　　药物流产适宜时间：停经后 49天。 　　人工流产适宜时间：停经后 3个月内。 　　中期引产适宜时间：妊娠 14— 18周内。 　　自然流产最易发生时间：怀孕 5个月内，大多数发生在怀孕 3个月内。 　　妊娠反应出现时间：妊娠 4周左右。 　　妊娠反应消失时间：妊娠 12周左右。 　　初次产前检查时间：停经后 3个月内。 　　产前检查间隔时间：怀孕 5个月内， 1— 2个月一次； 6— 7个月时每月检查一次； 8个月后每两周检查一次；最后 1个月每周检查一次；有特殊情况则随时检查。 　　孕期体重增加范围：每周应少于 0.5公斤，整个孕期体重增加以 8— 9公斤为宜。 　　自觉胎动出现时间：妊娠 16— 20周。 　　胎动最频繁时间：妊娠 28— 38周。 　　胎动正常次数：每 12小时 30— 40次左右，不应低于 15次。 　　早产发生时间：妊娠 28— 37周内。 　　胎心音正常次数：每分钟 120— 160次。 过期妊娠：超过预产期天数 14天。怀孕期做一个全面体检300元左右，四项检查200元了解有无风疹，疱疹，巨细胞病毒及弓形虫感染，孕四月时可以到医院建卡，孕14-19周空腹来医院做唐筛，孕五至六月时来院做四维彩超了解胎儿各生殖器官发育是否正常，彩色照片一张送录像光盘一张做留念，若不是在我院做的可考虑来我院产科进行检查看看，我院有远程胎心监护，检查后也可租用我院的胎心远程监护仪，接在家里的电话线上，以后想做监测时直接开通做即可（具体操作产科大夫会详细告诉），不必直接来医院，我院大夫即可通过远程数据及时了解您的宝宝的胎心等情况给予指导。我院也有水下分娩押金5000元（多退少补，包括所有的费用），腹膜外剖宫产押金7000元（同上），针痛及无痛分娩（3000元）等多种分娩方式，也可全程陪产，给您提供更多的选择。凡在医院产检九次出现大体缺陷儿，医院赔六万。北京新景安太谭医生祝您健康!!!若有不明白的欢迎来电咨询预约：010-87714187</t>
  </si>
  <si>
    <t xml:space="preserve">2血2防24W神盾贵嘛？算是好的嘛？ </t>
  </si>
  <si>
    <t>30万是个底,虽然好抓,但是这个算是好的了,掉2点防对于本来就防超高的神盾来说影响不是很大,但稍微影响点精神,看在神盾精神成长爆好的份上,这2点防掉的不算重,掉2血理论上来说对精神成长还是有好处的</t>
  </si>
  <si>
    <t>佳能600Ｄ配什么镜头好现在18</t>
  </si>
  <si>
    <t>一、偏红一般不是镜头原因，是白平衡设置问题，前期手动设置或后期调整都可以解决。二、关于镜头。首先，镜头比机身保值的多。建议：买红圈的L级专业镜头，玩几年后，想玩继续玩，将来升级全幅相机也可以用，不想玩了转手卖掉也赔不了几个钱（可在蜂鸟网二手区交易)。镜头型，建议24-105，实用性强，带防抖，此镜缺点是最大光圈F4，虚化稍差，可以再花600多元买个50/1.8定焦头，虚化就很好了。期待你的大片！</t>
  </si>
  <si>
    <t xml:space="preserve">湿式双离合变速器和干式双离合变速器的区别想了解大众DSG的湿式双 </t>
  </si>
  <si>
    <t>湿式的离合器是浸在油中的，干式的则不是。因此，湿式的离合器散热好，但摩擦力小，传递的扭矩小；干式的传递扭矩大，但散热不好，容易因为过热导致烧蚀。</t>
  </si>
  <si>
    <t xml:space="preserve">关于北京暂住证问题本人上海户口，妻子北京户口，我如果在北京工作或 </t>
  </si>
  <si>
    <t>理论上说，一定要办的。但事实上现在北京没人查暂住证，那东西也没有什么用。要是没有什么特殊需要不用办。要是想办也很容易，拿你老婆的户口本，你们的结婚证，房产证 带上照片，去最近的派出所  花5块工本费  就可以办了上海的情况就不清楚了，估计和北京差不多吧</t>
  </si>
  <si>
    <t xml:space="preserve">我现在还在给孩子喂奶,请问能烫头发吗?谢谢~我现在还在给孩子喂奶 </t>
  </si>
  <si>
    <t>我是在孩子六个月的时候做了的，而且是既染又烫。当时为了做出这个决定，到书店内查阅了很多资料，都没有看到关于会危害到孩子的信息。到是看到一条信息是，如何做一个漂亮健康的妈妈，其中一条说，因为产后与孕前，女人的身体发生了很大的变化，有时也会给妈妈的心理带来一些失落感，爱美是女人的天性，为了使自己走出这种心理障碍，产后，妈妈可以根据自己的喜好，打扮自己，其中提到了美发。美发时所使用的化学物品，一般是在妈妈的头皮上，外用。而且使用后，肯定要清洗掉，只会有一小部分留在头发上，一段时间后就没有了。我的建议如下：1、如果你实在想美发，可以在美发后，把喂孩子的奶水挤掉，自己掌握一个时间就行，你的孩子已经七个月了，肯定再吃辅食，哺育的次数不会过多的。假如有危害的话，刚美发后的奶水肯定是唯一有影响的，因为美发时，化学用品用在头上，污染最大，美发后，肯定进行了清洗，这样估计就会减少危害。2、其实生活中的危害随时都存在，不一定就是美发造成的，女人嘛，都有自己美丽方式，如果实在想做，也不要太过于紧张，自己选择就行。现在做妈妈的人都爱听科学了，是好事，也是过于给自己太多的规则，使妈妈也很累。自己决定吧！我是认为美发，主要危害的是妈妈自己。好了，以上建议希望能给你一点帮助，做妈妈的心情，我天天都在体会着，但是不要因为做了妈妈就必须遵守所有的规则，也得给自己的一点空间打扮一下自己，这样生活才会更加有意义。祝：你既能如愿已偿，也祝福你的宝宝健康成长！</t>
  </si>
  <si>
    <t xml:space="preserve">外挂＝脚本吗？？？还是哪个包含哪个？一头雾水呀？！？！？ </t>
  </si>
  <si>
    <t>外挂是一种软件啊，脚本就是供这个外挂执行的程序。脚本可以自己写的，写完就给外挂执行。当然是外挂包含脚本了。</t>
  </si>
  <si>
    <t xml:space="preserve">纽卡已经3场不胜，2负一平，这次但3足以，加1防平 </t>
  </si>
  <si>
    <t>希勒老了 欧文能否上场很关键</t>
  </si>
  <si>
    <t xml:space="preserve">请问如何压血压?我的爸爸今年52岁了,他去年发现有高血压,请问降 </t>
  </si>
  <si>
    <t xml:space="preserve">高血压病人de保养      1.早餐时吃些甜瓜和酸奶.　　甜瓜和酸奶矿物质钾的含量较高，有助于控制血压。一项对2600人进行跟踪研究的结果表明，6天吃含1克钾的食物，如一个土豆、一只大香蕉和226克牛奶，五星期后血压可下降4个毫米汞柱。　　2.多喝橙汁　　橙汁含丰富的维生素C。英国医学工作者对641名成年人的血液进行化验后发现，血液中维生素C含量越高的人，其动脉的血压越低。这些研究人员认为，维生素C有助于血管扩张。每天服用60毫克维生素C片，或者多吃些蔬菜、胡椒、柠檬和其他酸味水果，也可起同样作用。　　3.清晨避免过度疲劳　　一般来说，心脏病往往在早晨发作，原因之一是在上午11点前，人的血压至少比其他时间高出5个毫米汞柱。为了避免疲劳，周末尽量少参加那些令人感到疲惫的聚会。每天工作结束后，把书房或办公室收拾得井井有条，以免第二天早上看到纷乱的工作场所，影响情绪，导致血压上升。此外工作室保持窗明几净，也会使人心情舒畅。　　4.少喝咖啡　　根据拉克大学的一项研究，一天之内，若口服相当于两杯咖啡的咖啡碱药，人的血压就会上升2—3个毫米汞柱，咖啡碱可使血管收缩，导致血压升高。　　5.经常吃些大蒜　　每天吃2—3瓣大蒜，是降压的最好的简易办法，对一组415人的研究调查表明，食用600—900毫克蒜泥，平均降压11个毫米汞柱。大蒜可帮助保持体内一种酶的适当数量而避免出现高血压。　　6.少争吵　　根据刊登在《心理健康》杂志上的一项研究，在或非婚同居中出现意见分歧时，双方耐心地听取对方的意见，心平气和地交谈，血压会保持正常水平。相反，在发生分歧对，两人都不冷静而发生争吵，会使人心烦意乱，血压骤然升高。　　　　7.避免劳累过度　　根据对195个男子进行3年的跟踪调查，减轻劳动强度可使高血压患者的血压下降10个毫米汞柱，正常人的血压下降5个毫米汞柱。　　8.多吃鲑鱼　　体重超量的人每日食113克鲑鱼，4个月血压可下降6个毫米汞柱，因为鱼肉中所含的蛋白质和脂肪酸有助于保持动脉的弹性。　　此外，经常食用鱼肉还可减轻体重，至少不会使躯体臃肿。　　9.不要把面包作为晚餐的主食　　白面包中的小麦面粉将增加体内的胰岛素，而后者在数小时之内就可使血压升高。一项研究发现，血液中含胰岛素高的人患高血压症的可能性是普通人的3倍。　　10.食冰激凌补充钙　　吃一块冰激凌可补充150—200毫克的钙，而每天补充1克钙，8个星期可使血压下降1—2个毫汞柱，因为钙可使动脉管壁保持柔软性。每天喝几杯脱脂牛奶，可起到同样的作用。 　　11.午饭后到户外散步　　德国的一顶研究结果说，到户外晒10分钟的太阳，血压可下降6个毫米汞柱。紫外线照射可使机体产生一种营养素——　　维生素D3，维生素D3与钙相互影响可控制动脉血压。　　12.在安静的环境里工作　　一个研究小组曾对118人进行实验，结果发现，当人们处在喧闹的工作环境中时，血压平均上升4个毫米汞柱，即使嘈杂声持续时间短，血压同样也会上升。研究人员还做了一项试验：　　100个人每天沉思冥想20分钟，12个月后再测压时，这些人的血压平均下降了11个毫米汞柱。如果不喜欢静下来沉思，可以买一个鱼缸，观赏热带鱼也有降低血压的效果。　　13.午后最好吃用杏仁和芋头做的点心　　杏仁和芋头均含有丰富的镁元素。一项对60个高血压患者的研究说明，患者每天食480毫克镁，血压平均下降4个毫米汞柱。镁能够起松弛血管内壁的作用。约70克干芋头种子可提供每天人体所需要的420毫克的镁元素。另外，鱼、麦芽、菠菜以及某些谷物也都是摄取镁元素的很好来源。   </t>
  </si>
  <si>
    <t xml:space="preserve">什么是SR，AL，AR？很多讨论战士武器的经常提到这几个，请问他 </t>
  </si>
  <si>
    <t xml:space="preserve">SR:脊骨收割者拾取后绑定 双手 斧 203 - 305伤害 速度 3.40 （每秒伤害74.7） 需要等级 60 装备： 在杀死一个敌人并获得经验值之后获得150点法力值或者20点怒气值。此效果每10秒钟内最多出现一次。 装备： +34 攻击强度。 掉落的怪是熔火之心(mc)最后一个boss，火焰之王拉格纳罗斯。AL:阿什坎迪，兄弟会之剑拾取后绑定双手剑229 - 344伤害速度 3.50（每秒伤害81.9）+33 耐力需要等级 60装备： +86 攻击强度。"刀柄上刻有大写字母A.L。" BWL黑翼之巢掉落AR:奥金斧装备后绑定 双手 斧 153 - 256伤害 速度 3.80 （每秒伤害53.8） +13 耐力 需要等级 58 装备： +62 攻击强度。 </t>
  </si>
  <si>
    <t xml:space="preserve">在一家干洗店可以有哪些方式增加客源？ </t>
  </si>
  <si>
    <t xml:space="preserve">    干洗店增加客源的方式有哪些？现如今各行各业各大商家，很多利用促销成来提高自己的营业额，那么干洗店那如何促销呢？促销的形式有哪些呢？南京澳洁专家顾问给出以下几点建议：    在固定位置投放平面广告以展示促销活动的具体信息，放在店门口或者离干洗店附近比较显眼的地方。这种广告投资小见效快，能有效接触目标客户，是服务行业广泛采用的一种促销广告模式。    也可以利用门店资源开展促销，让干洗店的店员发一些传单和宣传页，或聘请促销小姐到现场促销，也可以在干洗店附近用扩音器材进行自动播放各种促销的录音带。    通过礼品的赠送也会有很大的效果，送得好可收奇效，送不好，很可能就竹篮打水一场空。所以，针对性要求特别高，但也不能无条件赠送，否则将失去促销的价值和意义，那种为追求一时轰动效果的促销行为是不可取的。礼品赠送的目的不仅是要建立品牌的知名度，同时也是要考虑提升品牌的美誉度和实际可销售能力。  </t>
  </si>
  <si>
    <t xml:space="preserve">磁盘阵列与网络附加存储，怎么区分，怎么选？单位要在做一个数据存储 </t>
  </si>
  <si>
    <t>磁盘阵列是将多块物理硬盘按一定方式组合起来形成一个硬盘组，使其成为一个整体，从而扩大容量，提高存储性能。在硬盘容量无法大幅提高的条件下，它是个理想解决方案。磁盘阵列属于硬件，有专门的产品出售，也可以自己组建，在普通台式机上，也可以组建中小型的磁盘阵列，目前的台式电脑，主板南桥大多支持Raid磁盘阵列，按特定方法安装连接多硬盘，即可组Raid磁盘阵列，但由于机箱硬盘位少，主板上硬盘接口不太多，不适合组建大容量的磁盘阵列。服务器电脑没有上述缺点，当然可以组更大的磁盘阵列，专门的磁盘阵列产品还有更大容量的。网络附加存储，概念上属于一种应用方案，即独立存储器直接连接在网络上，不在普通服务器或某个客户端上。网络附加存储采用磁盘阵列来实现是经常的，实质上，它是专用的存储服务器，仅仅具有存储功能的服务器。10T容量用5块2TB硬盘组成磁盘阵列即可实现，具体情况应根据单位现有网络实际状况，综合考虑，采用合理的解决方案。找家比较大点的电脑装机店，即可为你提供各种解决方案。</t>
  </si>
  <si>
    <t xml:space="preserve">幽默出句：流水如有意 </t>
  </si>
  <si>
    <t>流水如有意点点涟漪开风云也心动流水如有意,落花岂无情。流水如有意卵石会求婚花落却无情</t>
  </si>
  <si>
    <t xml:space="preserve">怎么样教肓高中生的孩子 </t>
  </si>
  <si>
    <t>　　高中的孩子，年龄不小了啊，正是青春期，思想观念等高速改变期．教育的东西很多．要看他是那些方面存在什么问题，真对他的问题，去引导他啊，逐渐改变孩子的不足．你的问题范围太广！需要详细点．</t>
  </si>
  <si>
    <t xml:space="preserve">怎样网购才能不被骗？？我今天很生气，连邮费花了90块钱，在网上买 </t>
  </si>
  <si>
    <t>我有一些淘宝网经验。希望说出来大家互相交流。 淘宝网的支付宝只是淘宝购物的一种手段而已。其他的还有款到付货，要是商家爽快还可以货到付款。 如果购物的金额较小也可以不使用支付宝，采用款到发货的方式也行。但是你挑选的淘宝网商家一定要是信誉好的才行。这个时候就要看商家的好评率以及信用值（就是评价次数，这个代表了交易的次数）。尽量选那些评价信用值高、好评率高的商家，而且最好看看那些好评差评怎么说，会不会对你购物有影响。 有些商家是刚开始网上卖东西，他的信用值比较低，但往往他们的东西要便宜（挣信誉度），即使表面价格一样，你也可以通过淘宝旺旺私下和他侃价（不管买什么都别忘了侃价）。 购买金额较大的商品最好使用支付宝。支付宝和你的网上银行做绑定，而网上银行必须用卡办，而且必须亲自去银行柜台办理网上银行。 办理了网上银行后登陆淘宝个人界面来设定你的支付宝。当你拍下东西后使用支付宝付款，你就要先登陆支付宝界面，再从你的网上银行划出商品价格加邮费给支付宝。等到你的货到了，你就通知支付宝，支付宝就把你的钱给商家。如果你的货没到，你告知支付宝后，他就要和你还有商家进行协商了（这种情况我没遇到）。 使用支付宝的缺点就是侃价不如款到发货方便，但是较为安全，支付宝有专门的服务人员来保障交易的安全。具体情况还请仔细阅读淘宝的支付宝介绍。 总之，挑选信誉好的商家是至关重要的，他们专门做网上生意靠的就是信誉，但是也不能全相信他们，无奸不商啊。另外别忘了侃价，买东西就要侃价不管多便宜。买来东西后要看东西是否和网上的一样，有没有毁坏，如有异样就要给淘宝投诉。淘宝只是提供了一个平台，并不能保证货物的真假，最近刚发生了一些用户在淘宝网上购得假CDMA包年卡的事件（电脑报登载），所以网上购物还是有一定的风险的，最好不要去那些刚开始在淘宝做的商家。 使用网上银行的时候最好用XP的软键盘，在程序附件里。个人认为，网上银行里不要放太多的钱，到购物的时候再打入一定的钱较为安全。</t>
  </si>
  <si>
    <t xml:space="preserve">校内网上“查看好友”会不会显示在他“最近访客”上？ </t>
  </si>
  <si>
    <t>如果你进去了他的主页了，就会显示在最近访客上。有时候你进一个陌生人的主页，由于对方隐私设置，你进不去，校内网这个时候提醒你先加好友，然后才能进去。这个时候不会显示在最近访客上。明白了吗！？</t>
  </si>
  <si>
    <t xml:space="preserve">求WOW里闪金镇的灵异事件的内容和相关任务流程 </t>
  </si>
  <si>
    <t xml:space="preserve">猫眯公主确实拿着一把带血的斧子；剥皮师2楼也确实有6个小孩摆着五芒星（象征召唤恶魔的仪式）的阵势．眼睛直钩钩的看着墙．．．（怕怕～～）进去两屋子里的音乐会突然改变诡异的很；钓鱼师旁边的灯是只在墓地才出现的墓灯．其余就没看到了，那几个小孩不是总在那里，有时候在有时候不在（晚上10点－12点均不在） </t>
  </si>
  <si>
    <t xml:space="preserve">请问乙类的朋友，资料分析的最后一题是不是各国论文数量的那一题，即? </t>
  </si>
  <si>
    <t>对啊，有好几个国家，是关于CIS论文情况的，美国最多的那个，中国排第六位</t>
  </si>
  <si>
    <t xml:space="preserve">想咨询一下气浮机哪种的比较好用？ </t>
  </si>
  <si>
    <t>溶气气浮、涡凹气浮、多相泵气浮、电解气浮等，按池体结构分有平流式气浮、竖流式气浮、浅层气浮等。水量比较大溶浅层气浮，小的话用平流式的，单纯除油用涡凹。希望参考！气浮机有平流式溶气气浮机，竖流式溶气气浮机，高效浅层气浮机，微浮选气浮机，涡凹气浮机。你可以自己上网查看一下，不同型号的气浮机也要根据处理的水质问题来选择，这个问题不能马虎，也可以咨询一些专业的厂家和专家之类的，让他们给您做个回答。气浮机的种类非常多啊，他这个根据功能不一样，你要用的型号也不一样啊，你这个问题不好回答。但是一般的话有平流式溶气气浮机，竖流式溶气气浮机，涡凹气浮机、浅层气浮机，电解气浮机等，可根据处理水质的不同进行选择，楼主参考一下。</t>
  </si>
  <si>
    <t xml:space="preserve">寻求网上物品比较便宜一点质量又好的一些网购店铺? </t>
  </si>
  <si>
    <t xml:space="preserve">你要买什么商品啊？要说清楚嘛 </t>
  </si>
  <si>
    <t xml:space="preserve">冰法装备的困脑求救我已经是45级的法师了我现在的装备是：血色的头 </t>
  </si>
  <si>
    <t>手套在祖好象有个蓝的 应该还不错法师对装备要求不大也就是说满级了以后跟那些靠装备的PVP很有难度。。。。</t>
  </si>
  <si>
    <t xml:space="preserve">电脑有时候不能启动刚接通电源开机时，电脑电源指示灯亮一下，之后就 </t>
  </si>
  <si>
    <t>电压问题，你可以那电脑到别的地方（如邻居家里）多试几次，如果一切正常，说明自家电压不稳，否则，更换电源，一般即可解决，如果再不行，就是主板了，但几率非常小。如果你条件不便，那就将就这用吧，没别的办法。也可尝试，换根电源线或接线板试试看。</t>
  </si>
  <si>
    <t xml:space="preserve">怎么去除百度IE工具栏昨天不小心点确定了，该工具栏不好用，但是不 </t>
  </si>
  <si>
    <t>在电脑左下角点开始、在程序里面找到百度工具栏，点头卸载就可以了</t>
  </si>
  <si>
    <t xml:space="preserve">我要在5173网站发布求够信息应该去哪里发呢，网站里找不到我要买? </t>
  </si>
  <si>
    <t xml:space="preserve">尊敬的客户:    您好！5173客户服务041很高兴为您服务！非常抱歉，现在同城交易网站正在维护中，不能发布求购信息，请您选择担保或寄售的信息。感谢您对5173的支持!!!                                                  </t>
  </si>
  <si>
    <t xml:space="preserve">avast卸载？卸载AVAST跪求 </t>
  </si>
  <si>
    <t>avast听说不好用，所以一直没有用过不会卸载</t>
  </si>
  <si>
    <t xml:space="preserve">小弟弟出问题了。急大家好本人包皮过长准备去做手术请问现在什么手术 </t>
  </si>
  <si>
    <t>我推荐你到郑州人民医院去做手术,我的小弟弟就是在那里做得,手术做得很好,服务态度也不错,特别是护士还比较PL呵!</t>
  </si>
  <si>
    <t xml:space="preserve">现在争夺怎么改了已经两个星期好不容易弄完了争斗的武器都20特真改 </t>
  </si>
  <si>
    <t>因为这个星期6大部分都放假，星期天上班，所以改在了周六。</t>
  </si>
  <si>
    <t xml:space="preserve">女友不主动联系我女友不主动联系问候我，也三个月了，都要我联系她的 </t>
  </si>
  <si>
    <t>我和女朋友刚开始时 她也很不主动  那是因为她还不懂怎么恋爱  只是角色转变了 但实质并没有转变 你是男人 就要多担当  主动联系一下又何妨呢  何况你不是很爱她吗  这点考验都经受不住吗放心 慢慢的 她就会转变的  我女朋友现在就特别粘这我  付出才有收获现在是你付出的阶段  不要操之过急  不然 只会给你们的恋爱带来阻力</t>
  </si>
  <si>
    <t xml:space="preserve">关于网游实名清理虚假信息号一事听说在今年内实行网游实名，公安部门 </t>
  </si>
  <si>
    <t>应该不会.原来也大肆宣扬防沉迷系统,说超过2小时经验减半,多少小时经验为0.还不是没一点影响.</t>
  </si>
  <si>
    <t xml:space="preserve">请教清泉老师:600598,000930明天如何操作?谢谢! </t>
  </si>
  <si>
    <t>600598 箱顶注意压力.000930 参与震荡.等待突破.</t>
  </si>
  <si>
    <t xml:space="preserve">为什么我习惯孤单！却渴望着寻找让我不孤单的人？我已经习惯了一个人 </t>
  </si>
  <si>
    <t xml:space="preserve">    因为当你一个人静下来的时候觉得自己很孤单很需要人来陪你！可是真的有人来陪你了，你又觉得了那个人不是自己想要的人，所以不喜欢和异性在一起！有没有想过是不是自己的要求太多了！才会这样呢？或者是不是自己太了解异性了，所以就越不相信他们了！才会这样呢？越了解他们就越觉得爱情不可靠，就越觉得你身边的异性都不是自己想要的！那么当你寂寞的时候就找一个全心全意关心你的！你和他再一起没有压力的能说笑的朋友来陪你就行了！然后耐心的等待属于自己的爱情，等待适合自己的爱情，适合自己的爱人！</t>
  </si>
  <si>
    <t xml:space="preserve">在ATM机取款时，小票要不要？在ATM机取款时，小票可以打印，也 </t>
  </si>
  <si>
    <t>（1）存款时最好打印出来看看对否。（2）取款时只要取款正常，要不要无所谓，就是万一有假钞，银行也不会认的，规矩就是出了门不认账，您离开了监控的视线，银行不认的。（3）操作不正常时有单子一定要打印，留作凭据。</t>
  </si>
  <si>
    <t xml:space="preserve">一张正版的windowsxp要多少钱啊？ </t>
  </si>
  <si>
    <t>专业版1999元,家庭版1399元如果你的是品牌机可以到经销商那里买OEM版的,也就三,四百</t>
  </si>
  <si>
    <t xml:space="preserve">有请各位进来探讨一下，胜负彩！大家好！很久没发帖啦，看到大家对本 </t>
  </si>
  <si>
    <t>哈尔姆 01日01:00 加费莱据说这场充满假象，干脆R9放弃。</t>
  </si>
  <si>
    <t xml:space="preserve">谁能给我解释一下“水门事件“啊？ </t>
  </si>
  <si>
    <t>就是一桩发生在美国政治界的丑闻.</t>
  </si>
  <si>
    <t xml:space="preserve">强直性脊柱炎的治疗和护理怎样 </t>
  </si>
  <si>
    <t>强直性脊柱炎病人的肢体护理直接影响着病人的关节功能是否能得到良好的恢复。平时生活中要维持正常姿势和活动能力，如行走、坐位和站立时应挻胸收腹睡觉时不用枕或用薄枕，睡硬木板床等。要想强直性脊柱炎得到治疗，快速治愈需要我们积极的治疗，当然也少不了日常的护理和保健，并且治疗的办法有“超导可视拔针微创疗法”是历时十余年的时间，经过我院专家组的长期不懈努力，将临床与科研相结合的漫长探索，对各项风湿骨病生理病理的深入研究，研发出拨针疗法，成为国内医学领域首家采用创新技术应用于临床实践的首家医院，并且真正做到了不开刀、无痛苦，快速有效治疗颈、肩、腰、腿痛等风湿骨病。日常活动。强直性脊柱炎的病人应该进行适当的活动，这样可以减轻病情。早期进行适当活动，可减小脊柱及关节畸形的程度。每日进行脊柱及髋关节的屈曲与伸展锻炼2次，每次活动量以不引起第二天关节症状加重为限。活动前应先按摩松解椎旁肌肉，可减轻疼痛，防止肌肉损伤。同时，水疗、超短波等物理治疗方法，可起到解除肌肉痉挛、改善血液循环及消炎止痛的作用。</t>
  </si>
  <si>
    <t xml:space="preserve">道武轩辕套问题~~~~道武轩辕套是怎么得到的?穿它和穿师门高级套 </t>
  </si>
  <si>
    <t>既然是70 多穿轩辕当然是首选,毕竟是9级装备嘛,如果你很有钱就可以全套,那样很爽的,但是本人建议可以不带斗,把他换成后羿,这样打架打怪都很方便</t>
  </si>
  <si>
    <t xml:space="preserve">在那建一个卖油画的网站？我想找个可信度高的网站为依托，还想物美价 </t>
  </si>
  <si>
    <t>在易趣网上建吧，我的一个朋友就在那上面建的。或淘宝网也行，淘宝网还不收费。</t>
  </si>
  <si>
    <t xml:space="preserve">宝宝不爱吃奶怎么办？您好！我家宝宝现在6个多月了，以前一直纯母乳 </t>
  </si>
  <si>
    <t>辅食还是要加的，六个月以后母乳的营养就不够了！宝宝吃腻了一种口味，现在加了辅食就会对妈妈的奶没兴趣很正常。你还是坚持母乳吧。孩子不会饿到自己的！他能吃多少就给多少，看看宝宝每个月身高和体重增加的怎么样，一般不会有问题的！</t>
  </si>
  <si>
    <t xml:space="preserve">家里蟑螂太多了，怎么才能杀干净那 </t>
  </si>
  <si>
    <t>告诉你几种方法，自己选择用！ 1，洗衣粉是一种高效的诱杀蟑螂的药剂，其作用甚至胜过一些杀虫剂。做法是 洗衣粉撒在蟑螂可能出没之处，它吃掉洗衣粉后就会死去。 2，取硼砂、面粉各一份，糖少许，调匀做成米粒大小的丸子，撒在它出没处，吃后即被毒死。 3，是热肥皂水杀蟑法，将一块肥皂加入4升的热水中，溶解后直接喷在蟑螂身上，可有效杀灭蟑螂。 4，是苏打除蟑法，糖和苏打粉各半混合，置于蟑螂出没地，约3－14天后，蟑螂就会消失不见，据说这也是美国人最常用的防蟑秘方。 5，是硼酸拖地防蟑法，用热水溶解适量硼酸后，用拖把或抹布擦拭地板，干燥之后，白色硼酸结晶会渗入地板隙缝，可防蟑螂、蚂蚁等。 6，是橘子、柠檬皮防蟑法，将橘子、柠檬的皮晒干或烤干后，放在各类橱柜中， 不仅有香味剂的作用，还能起到一定的防蟑效果。 7，硼沙、面粉、香油糖)。将少许硼沙与面粉混和，然后滴入几滴香油。做成团。用纸卷成筒状、再将做好的药团置于纸筒中。 8，糖水瓶子捕蟑螂取罐头瓶1-2个，放3匙食糖水，加开水半碗冲化作诱饵，将瓶子放在蟑螂活动的地方，蟑螂闻到香甜味后，就会爬入罐头瓶“陷阱”中。 9，桐油捕蟑螂买100-150克桐油，加热熬成黏性胶体，涂在一块15厘米见方的木板或纸板周围，中间放上带油腻、带香味的食物作诱饵，其他食物加盖，不使其偷食。在蟑螂觅食时，只要爬到有桐油的地方，就可被粘住。 蟑螂的弱点：蟑螂是杂食性昆虫，它耐饥不耐渴。市民们在家中灭蟑螂时要封锁水源，将水龙头关死，擦干水迹，在水池、便池、电冰箱底座周围用药笔划痕或布放毒饵以使蟑螂在取水、取食时接触中毒。 驱蟑螂妙法三招 1、将新鲜夹竹桃叶置于蟑螂活动之处，蟑螂便不再靠近此处。 2、把鲜黄瓜放在食品橱里，蟑螂即会远离。 3、在室内放一盘切好的洋葱片，蟑螂闻其味便会立即逃走。 家庭自制灭蟑药 原料：土豆和硼酸。这种硼酸在化工商店就可以买到。 首先，将土豆洗净，放在锅里蒸熟，大概15分钟就可以了，取与土豆相同体积的硼酸，将土豆碾碎，使之与硼酸充分混合，注意，一定要使二者混合均匀。接下来就是要把混合好的硼酸土豆泥捏成块，这样，家庭自制灭蟑药就做好了，下面要做的就是将其放在蟑螂经常出没的地方，等着它来吃了。 最后还是要提醒您一下，如果您家里养着其他的小动物，可一定要照顾好您心爱的宠物，以免对它造成伤害，好了，家庭自制灭蟑药，如果您的居所饱受蟑螂的烦扰，就不妨试试吧</t>
  </si>
  <si>
    <t xml:space="preserve">别人说的风是什么? </t>
  </si>
  <si>
    <t>风之泪把，很多任务都要用</t>
  </si>
  <si>
    <t xml:space="preserve">七代雅阁07款传感器故障一07款雅阁轿车故障灯亮，经过检查为p1 </t>
  </si>
  <si>
    <t>　一、氧传感器的常见故障　　1.氧传感器中毒　　氧传感器中毒是经常出现的且较难防治的一种故障，尤其是经常使用含铅汽油的，即使是新的氧传感器，也只能工作几千公里。如果只是轻微的铅中毒，接着使用一箱不含铅的汽油，就能消除氧传感器表面的铅，使其恢复正常工作。但往往由于过高的排气温度，而使铅侵入其内部，阻碍了氧离子的扩散，使氧传感器失效，这时就只能更换了。　　另外，氧传感器发生硅中毒也是常有的事。一般来说，汽油和润滑油中含有的硅化合物燃烧后生成的二氧化硅，硅橡胶密封垫圈使用不当散发出的有机硅气体，都会使氧传感器失效，因而要使用质量好的燃油和润滑油。修理时要正确选用和安装橡胶垫圈，不要在传感器上涂敷制造厂规定使用以外的溶剂和防粘剂等。　　2.积碳　　由于发动机燃烧不好，在氧传感器表面形成积碳，或氧传感器内部进入了油污或尘埃等沉积物，会阻碍或阻塞外部空气进入氧传感器内部，使氧传感器输出的信号失准，ECU不能及时地修正空燃比。产生积碳，主要表现为油耗上升，排放浓度明显增加。此时，若将沉积物清除，就会恢复正常工作。　　3.氧传感器陶瓷碎裂　　氧传感器的陶瓷硬而脆，用硬物敲击或用强烈气流吹洗，都可能使其碎裂而失效。因此，处理时要特别小心，发现问题及时更换。　　4.加热器电阻丝烧断　　对于加热型氧传感器，如果加热器电阻丝烧蚀，就很难使传感器达到正常的工作温度而失去作用。　　5.氧传感器内部线路断脱。　　二、氧传感器的检查方法　　1.氧传感器加热器电阻的检查　　拔下氧传感器线束插头，用万用表电阻档测量氧传感器接线端中加热器接柱与搭铁接柱之间的电阻，其阻值为4-40Ω(参考具体车型说明书)。如不符合标准，应更换氧传感器。　　2.氧传感器反馈电压的测量　　测量氧传感器的反馈电压时，应拔下氧传感器的线束插头，对照车型的电路图，从氧传感器的反馈电压输出接线柱上引出一条细导线，然后插好线束插头，在发动机运转中，从引出线上测出反馈电压(有些车型也可以由故障检测插座内测得氧传感器的反馈电压，如丰田汽车公司生产的系列轿车都可以从故障检测插座内的OX1或OX2端子内直接测得氧传感器的反馈电压)。　　对氧传感器的反馈电压进行检测时，最好使用具有低量程(通常为2V)和高阻抗(内阻大于10MΩ)的指针型万用表。具体的检测方法如下：　　1)将发动机热车至正常工作温度(或起动后以2500r/min的转速运转2min)；　　2)将万用表电压档的负表笔接故障检测插座内的E1或蓄电池负极，正表笔接故障检测插座内的OX1或OX2插孔，或接氧传感器线束插头上的号|出线；　　3)让发动机以2500r/min左右的转速保持运转，同时检查电压表指针能否在0-1V之间来回摆动，记下10s内电压表指针摆动的次数。在正常情况下，随着反馈控制的进行，氧传感器的反馈电压将在0.45V上下不断变化，10s内反馈电压的变化次数应不少于8次。如果少于8次，则说明氧传感器或反馈控制系统工作不正常，其原因可能是氧传感器表面有积碳，使灵敏度降低所致。对此，应让发动机以2500r/min的转速运转约2min，以清除氧传感器表面的积碳，然后再检查反馈电压。如果在清除积碳可后电压表指针变化依旧缓慢，则说明氧传感器损坏，或电脑反馈控制电路有故障。　　4)检查氧传感器有无损坏     拔下氧传感器的线束插头，使氧传感器不再与电脑连接，反馈控制系统处于开环控制状态。将万用表电压档的正表笔直接与氧传感器反馈电压输出接线柱连接，负表笔良好搭铁。在发动机运转中测量反馈电压，先脱开接在进气管上的曲轴箱强制通风管或其他真空软管，人为地形成稀混合气，同时观看电压表，其指针读数应下降。然后接上脱开的管路，再拔下水温传感器接头，用一个4-8KΩ的电阻代替水温传感器，人为地形成浓混合气，同时观看电压表，其指针读数应上升。也可以用突然踩下或松开加速踏板的方法来改变混合气的浓度，在突然踩下加速踏板时，混合气变浓，反馈电压应上升；突然松开加速踏板时，混合气变稀，反馈电压应下降。如果氧传感器的反馈电压无上述变化，表明氧传感器已损坏。　　另外，氧化钛式氧传感器在采用上述方法检测时，若是良好的氧传感器，输出端的电压应以2.5V为中心上下波动。否则可拆下传感器并暴露在空气中，冷却后测量其电阻值。若电阻值很大，说明传感器是好的，否则应更换传感器。　　5)氧传感器外观颜色的检查　　从排气管上拆下氧传感器，检查传感器外壳上的通气孔有无堵塞，陶瓷芯有无破损。如有破损，则应更换氧传感器。　　通过观察氧传感器顶尖部位的颜色也可以判断故障：　　①淡灰色顶尖：这是氧传感器的正常颜色；　　②白色顶尖：由硅污染造成的，此时必须更换氧传感器；　　③棕色顶尖：由铅污染造成的，如果严重，也必须更换氧传感器；　　④黑色顶尖：由积碳造成的，在排除发动机积碳故障后，一般可以自动清除氧传感器上的积碳。</t>
  </si>
  <si>
    <t xml:space="preserve">生完宝宝什么时候来月经我家宝宝六个半月了，前三个月是母乳喂养，现 </t>
  </si>
  <si>
    <t>产后月经恢复 女性在产后的月经恢复是一个自然的生理现象。产后多久月经才会来？这是个常见的问题。恢复的时间有早有晚，早的可在满月后即来月经，晚的要到宝宝1岁后才恢复。 从医学角度来讲，根据子宫内膜的组织形态来推测，可能早在产后33-42天，卵巢就可排卵了。此外，在产后6周，也可观察到排卵过后的黄体存在。因此，如果妈妈没有喂奶，月经通常在产后6~8周内会来。研究资料显示，没有哺乳的产妇，有4O%在产后6周恢复排卵；到了产后8-12周，还没有恢复排卵及月经的产妇大约只占35%。哺乳的产妇，在产后12周约有25%会恢复排卵与月经，大多数哺乳产妇通常要到18周才完全恢复排卵机能。不过，有时很难在临床上确定产后第一次月经的确切时间，而且少数产妇会在分娩后马上开始有少到中量的间歇性出血。 哺乳妈咪的月经 母乳喂哺婴儿的新妈妈，排卵及月经恢复较迟，有的要在一年后才来月经。大多数人第一次的月经量比平时月经量多，第二次月经就正常了，因此不必治疗。 当月经来潮时，哺乳妈咪的乳量一般会有所减少，乳汁中所含蛋白质及脂肪的质量也稍有变化，蛋白质的含量偏高些，脂肪的含量偏低些。这种乳汁有时会引起婴儿消化不良症状，但这是暂时的现象，待经期过后，就会恢复正常。因此无论是处在经期或经期后，妈咪都无须停止喂哺。 【小贴士】 产后恶露，并非月经 通常情况下'产妇在分娩后，产道会流出如月经一般的血状分泌物，这种由胎盘着床位置的出血，混着残留在子宫的蜕膜、组织碎片及黏液等分泌物，称为恶露。 正常情况下，起初的4~5天，恶露量多且呈红色；产后一星期后，恶露量逐渐减少而变成褐色；第10天以后，颜色变得更淡，慢慢地由黄色转为白色，没有特殊的气味。恶露一般在产后4-6周消失。但有时少量褐色的恶露会持续到产后第1次月经来潮。 恶露一般不超过月经量。如果流血持续两周以上，超过月经量或有血块，阴道流出物呈烂肉样组织或有腐败臭味时，应该及时求医。 常见的产后月经异常 常见的产后月经异常，有不间断阴道出血和闭经两种情况： 第一种情况： 由于产后的第一次月经通常是无排卵的周期，或是因功能不良的黄体诱导而产生的，而且此时卵巢对于性腺激素的剌激仍不太敏感，所以，诸如产后恶露一直滴滴答答流不停、偶尔会有不定期的反复少量出血，或是还在坐月子期间即有类似月经来潮的出血等各种异常现象很常见。 如果确定以前并没有服用会抑制子宫收缩的食物或药物，而且产后出院前的检查并没有发现会引起产后出血问题的情况，可在产后回诊时询问医师。如果在坐月子期间与之后，有经常或大量出血等情形，建议还是要立即就医，接受医师的诊断及治疗。 第二种情况： 产后闭经的情况主要见于长期哺乳和产后大出血、感染所致的汉氏综合征；另外，体内泌乳激素过高也会抑制排卵而形成无月经。 分娩前，孕妇体内的泌乳激素浓度虽然高，但是由于受到雌激素的影响，泌乳激素无法表现其作用。在胎盘娩出之后，泌乳激素的作用因体内雌激素浓度骤减而加强。一般而言，泌乳激素在生产两周后才会回复到孕前状态。但是在哺乳产妇体内，泌乳激素不但维持在高于孕前的状态，而且还因受到宝宝吸吮的反应而增加。哺乳性无月经的低雌激素甚至可维持180天之久。因此只要有哺乳，新妈妈的月经应该不会太早来。当然，不同人的差异性也很大。另外，部分产妇由于哺乳时间过长，结果导致子宫内膜萎缩性闭经。 另一种主要的闭经情况，产生在产后大出血伴休克、严重的产后感染或弥漫性血管内凝血的产妇身上。这些症状可导致闭经，即所谓的汉氏综合征，此症还可累及甲状腺的分泌功能，出现如消瘦、消化不良、畏寒、乏力、性器官萎缩、基础代谢低及毛发脱落等症状，需经医生诊治。 没有月经，也须避孕 处于产褥期的新妈妈即使没有月经，也能怀孕。因为能否怀孕，在女方来说取决于有无排卵。排卵的恢复不一定是与月经的恢复同步的，特别是在月经刚恢复的几个周期，常常是无排卵的月经周期，但也有不少人在月经恢复之前就已开始排卵，尤其是不哺乳的妇女，排卵往往恢复较早。因此，产妇在哺乳期间性交，随时都可能因已恢复排卵而受孕。据统计，在哺乳期受孕的妇女中，有一半是月经复潮以前受孕的。所以，产后只要开始有性生活，就应当采取避孕措施。 满月后，产妇就有恢复排卵的可能，所以，产后第一次性生活起就应采用避孕措施。适宜的哺乳期避孕方法可以是避孕套和单纯孕激素避孕针。单纯孕激素避孕针的使用方法是月经来潮第5天注射一针，以后每3个月一次。由于避孕药中的雌激素可使乳汁分泌减少、质量降低，还能进入乳汁对新生儿产生不良影响，所以哺乳期的新妈妈不宜使用短效口服避孕药。 问和答 我产后两个月来月经。听别人说第一次来月经要吃益母草膏，以便于淤血的排出，但我以前月经量就大，我担心吃了以后会更多。请问我是否可以吃益母草膏，如果不吃会不会影响淤血的排出，影响子宫的恢复？ 在生产过后，可以吃些益母草。如果已经月经来潮，而且月经正常，就不必吃了。</t>
  </si>
  <si>
    <t xml:space="preserve">睡眠不好怎么改善啊！最近睡眠不好，不知道是怎么回事，也许是因为工 </t>
  </si>
  <si>
    <t>我爱我买网上有一个养生之道的栏目资讯，你可以了解一下!</t>
  </si>
  <si>
    <t xml:space="preserve">丈夫总是向我诉说工作的烦恼，却一点也不关心我工作是否开心，快乐！? </t>
  </si>
  <si>
    <t xml:space="preserve">    其实他如果真的会对你说这些表示他还是在乎你！把你当作他的依靠！像我的男友，现在根本就不和我说一点话了！我们现在面临分手！他对我说如果有一天我真的没有话对你说了，我们就真的完了！    其实要他关注你也不难，在他对你诉说工作苦恼的时候你可以一边安慰他，一边跟他分析事情，鼓励他！再从他的工作渐渐隐身联系到你自己现在的工作！~每次比每次多说一点自己的事情，刚开始点一下就行了！这样过渡他便能慢慢接受你谈论自己的工作，从面让他慢慢参与你对你工作的话题！更好的沟通！要讲究方式方法！~    唉。。。我就是以前不懂这些，才让我男友现在对我说分手！我都和他谈四。五年了！~真的很痛苦！我真希望他现在能像你老公一样对我说一些工作上的烦恼！~</t>
  </si>
  <si>
    <t xml:space="preserve">用废布拉戚堆优化最小生成树怎么做啊，请提供一下程序啊，谢谢要用费 </t>
  </si>
  <si>
    <t xml:space="preserve">我只听过非波那砌  哈哈  开个玩笑 ， 到书店随便找一本数据结构的书看看好了  一般都会有的  那代码挺长的   都敲进电脑  也是个体力活啊 。    </t>
  </si>
  <si>
    <t xml:space="preserve">我爱着我现在的老公，可是我心理有时也想我以前的老公，那怎么办呢？ </t>
  </si>
  <si>
    <t>人是情感动物，你不爱一个人，也不代表你就要去恨一个人呀。俗话说百年修得同船渡，千年修得共枕眠。都修行了那么久的功夫，怎么可能不想呢。</t>
  </si>
  <si>
    <t xml:space="preserve">有谁知道北京大兴区各个社区居委会的地址和电话吗 </t>
  </si>
  <si>
    <t>给你个网址，你自己去看吧 ,14</t>
  </si>
  <si>
    <t>我的月经周期是26</t>
  </si>
  <si>
    <t>只能说占50%,因为即使你在排卵期合房.也不是100%怀孕的,如果月经推迟35天没来,就用试纸测试一下吧</t>
  </si>
  <si>
    <t xml:space="preserve">怎样添加背景音乐啊? </t>
  </si>
  <si>
    <t xml:space="preserve">正确的音乐代码是：：&lt;embed src=音乐链接地址 width=400 height=60 type=audio/mpeg loop="true" autostart="true"&gt;然后你可以到新浪等比较好的网站搜索你喜欢的歌曲,比如可以到新浪---爱问---音乐中搜索你想要的歌曲,然后点击歌曲,在里面找到下载地址,用鼠标右键点击歌曲的下载地址,然后点击属性,然后copy下里面的地址,粘在"音乐连接地址"上,就可以了. 然后选择定制我的首页，选取刚才设置的空白面版就可以了有不明白的欢迎来我的博客留言！ </t>
  </si>
  <si>
    <t xml:space="preserve">数学题9999×7+1111×37(用简便方法计算) </t>
  </si>
  <si>
    <t>解：9999×7+1111×37　　=9999×7+1111×（30+7）　　=9999×7+1111×7+1111×30　　=(9999+1111)×7+33330　　=77770+33330　　=111100 　　　　　　　做此类问题．关键是找同类项，将题中变为整数．好计算．</t>
  </si>
  <si>
    <t>这些道具怎么卖？</t>
  </si>
  <si>
    <t>1:白金30JB/个 精准35-45JB/个  小马15JB/个 15面具20-25JB/个 一共大概 170JB搞定2:双14狙击大概150+JB  60的ARM基本淘汰 推荐使用70的高级的蹒跚者(攻313) 双14的大概60-70JB3:500RMB按照1:1.7 大概可以换到800+JB最好的步枪当然是卓越的90武器恐怖狩猎者 属于有价无市的东西其他NB的长枪 雷子大概700+ 寡妇1000+</t>
  </si>
  <si>
    <t xml:space="preserve">请问武器强化的问题请问D级武器该怎样进行强化?都需要哪些步骤?有 </t>
  </si>
  <si>
    <t xml:space="preserve">   首先你需要弄到(打到或者买)d武器强化卷轴  然后双击卷轴再点你要强化的武器ok了你的武器+1 了    注意一样武器只可以安全的强化3次也就是+3  再继续强化有变成结晶的危险,防具也是一样,什么级别的东西就变什么级别的结晶</t>
  </si>
  <si>
    <t xml:space="preserve">深渊需要AOE吗？以前的不说了从ADM到MLD再到神庙都要FS一 </t>
  </si>
  <si>
    <t>需要的，拿火把的时候会AOE，法师不就是会AOE嘛，不然做法师干什么</t>
  </si>
  <si>
    <t xml:space="preserve">黑皮肤穿论绿色短裤上衣搭配什么颜色比较好 </t>
  </si>
  <si>
    <t>短裤配冬装外套？如果是夏装，上衣当然是白色T恤，冬装的话，考虑肤色黑，个人建议选深色运动型棉袄或羽绒服，黑色、深灰、咖啡色都可以。棉马甲也是个不错的选择。</t>
  </si>
  <si>
    <t xml:space="preserve">请教劳动保险与违约的关系？我与公司签定劳动合同几个月了到目前还没 </t>
  </si>
  <si>
    <t>可以，这是公司的责任，并可以到劳动局投诉。</t>
  </si>
  <si>
    <t xml:space="preserve">各位觉得买神器TR200的话哪个颜色比较好？？？？♪（ｖ＾＿＾）? </t>
  </si>
  <si>
    <t>女生选红色的更拉风啦。~~如果我的答案对你有帮助，请点击“有用”，谢谢支持。~~俏皮蓝很赞啊粉色 白色都适合女孩用 大爱</t>
  </si>
  <si>
    <t xml:space="preserve">电脑经常死机怎么办? </t>
  </si>
  <si>
    <t xml:space="preserve">导致计算机“死机”的原因 如今的计算机已经接近全面普及的程度了，它给人们在工作和学习上提供了极大的方便，不过，计算机的“死机”对于普通的计算机用户来说，却成为了一个解不开、挣不脱的烦 恼。每当在计算机开机时、或启动时、或使用一些应用程序时、或正准备退出操作系统时，“死机”这一头“猛兽”随时都有可能迎面扑来。那么，怎么做才能避免计算机“死机”的烦恼呢？下面，就根据导致“死机”的原因和预防的方法分为几点给大家介绍一下，希望下面的文章能给遇到此类问题的朋友一些帮助。 一、导致计算机“死机”的原因： 1．BIOS设置不当所造成的“死机” 每种硬件有自己默认或特定的工作环境，不能随便超越它的工作权限进行设置，否则就会因为硬件达不到这个要求而死机。例如：一款内存条只能支持到 DDR 266，而在BIOS设置中却将其设为DDR 333的规格，这样做就会因为硬件达不到要求而死机，如果就算是能在短时间内正常的工作，电子元件也会随着使用时间的增加而逐渐老化，产生的质量问题也会导致计算机频繁的“死机”。 2．硬件或软件的冲突所造成的“死机” 计算机硬件冲突的“死机”主要是由中断设置的冲突而造成的，当发生硬件冲突的时候，虽然各个硬件勉强可以在系统中共存，但是不能同时的进行工作，比如能够上网的时候就不能听音乐等等。时间一长，中断的冲突就会频频的出现，最后将导致系统不堪重负，造成“死机”。 同样，软件也存在这种情况。由于不同的软件公司开发的软件越来越多，且这些软件在开发的过程中不可能做到彼此之间的完全熟悉和配合，因此，当一起运行这些软件的时候，很容易就发生大家都同时调用同一个DLL或同一段物理地址，从而发生冲突。此时的计算机系统由于不知道该优先处理哪个请求，造成了系统紊乱而致使计算机“死机”。 3．硬件的品质和故障所造成的“死机” 由于目前一些小品牌的计算机硬件产品往往没经过合格的检验程序就投放市场，其中，有很多质量不过关的硬件产品在品质完好计算机硬件的笼罩下是非常隐蔽的，普通人是不容易看出来的。就这些硬件产品来说，造成计算机经常“死机”的原因和它们有着非常直接的关系。另外，还有些硬件的故障是由于使用的年限太久而产生的。一般来说，内存条、CPU和硬盘等部件的寿命在超过三年后就很难保证了，从而也会产生很多隐蔽的“死机”问题。 4．计算机系统源耗尽所造成的“死机” 当计算机系统执行了错误的程序或代码时，会使系统的内部形成“死”循环的现象，原本就非常有限的系统资源会被投入到无穷无尽的重复运算当中，当运算到最后会因为计算机过大的使资源耗尽而造成“死机”。还有一点就是，在计算机操作系统中运行了大量的程序，使得系统内存资源不足而造成“死机”。 5．系统文件遭到破坏所造成的“死机” 系统文件主要是指在计算机系统启动或运行时起着关键性支持的文件，如果缺少了它们，整个计算机系统将无法正常的运行，当然“死机”也就在所难免了。造成系统文件被破坏的原因有很多，病毒和黑客程序的入侵是最主要的原因。另外，初级用户由于错误操作，删除了系统文件也会造成这种后果。 6．计算机内部散热不良所造成的“死机” 由于计算机内部的电子元器件的主要成分是硅（这是一种工作状态受温度影响很大的元素）。在计算机工作时电子元器件的温度就会随之而增高，其表面会发生电子迁移现象，从而改变当前工作状态，造成计算机在工作中突然“死机”。 7．初级用户的错误操作所造成的“死机” 对初级用户而言，在使用计算机过程中一些错误的操作也会造成系统的“死机”。比如热插拔硬件、在运行过程中震动计算机、随意删除文件或安装了超过基本硬件设置标准的软件等都可以造成“死机”。 8．其他方面造成的“死机” 除了笔者在上面所叙述的原因之外，还有很多千奇百怪的原因可能导致系统的“死机”。比如电压波动过大、光驱读盘能力下降、软盘质量不良、病毒或黑客程序的破坏等等原因。总之，导致计算机死机的原因是多方面的。 从上面的几点可见，计算机“死机”对一般用户来说并不是什么好事，不过也不是不可避免的，只要用户按照正常的电脑操作，相信“死机”的机率就会减小到最少。下面，笔者就计算机死机的原因所总结的一些经验给大家介绍一下。 二、计算机“死机”的预防 1．保证正确的Bios设置。Bios里面的设置一定要合适，错误的Bios设置会使你在运行Windows的时候死机。 2．经常检查电脑配件接触情况。在板卡接触不良的情况下运行会引起系统死机，因此在更换电脑配件时，一定要使板卡与主机板充分接触。 3．定期清洁机箱。灰尘太多会使板卡之间接触不良，引起系统在运行中死机，因此机箱要随时清洁，不要让太多的灰尘积存在机箱中。 4．坚持认真查杀病毒。对来历不明的光盘或软盘，不要轻易使用，对邮件中的附件，要先用杀毒软件检查后再打开。 5．按正确的操作顺序关机。在应用软件未正常结束运行前，别关闭电源，否则会造成系统文件损坏或丢失，引起在启动或运行中死机。 6．避免多任务同时进行。在执行磁盘整理或用杀毒软件检查硬盘期间，不要运行其他软件，否则会造成死机。 7．勿过分求新。各种硬件的驱动不一定要随时更新，因为才开发的驱动程序往往里面有bug，会对系统造成损害，引起系统死机，最新的不一定是最好的。 8．在卸载软件时，用自带的反安装程序或Windows里面的安装/卸载方式，不要直接删除程序文件夹，因为某些文件可能被其他程序共享，一旦删除这些共享文件，会造成应用软件无法使用而死机。 9．设置硬件设备时，最好检查有无保留中断（IRQ），不要让其他设备使用该中断号，以免引起中断冲突，造成系统死机。 10．在上网冲浪的时候，不要打开太多的浏览器窗口，否则会导致系统资源不足，引起系统死机。 11．如果你的机器内存不是很大，千万不要运行占用内存较大的程序，如Photoshop，否则运行时容易死机。 12．对于系统文件或重要的文件，最好使用隐含属性，这样才不至于因错误操作删除这些文件，引起系统死机。 13．修改硬盘主引导记录时，最好先保存原来的记录，防止因修改失败而无法恢复原来的引导记录。 14．CPU、显卡等配件一般不要超频，若确实需要超，要注意超频后板卡的温度，CPU、显卡等长期在非正常频率和温度下工作轻则自动重启或死机，重者烧毁CPU、显卡、主板 下面的网站还有一些资料,可以去看一下!!!参考资料： </t>
  </si>
  <si>
    <t xml:space="preserve">cs1.5死亡模式插件怎么安装和使用?拜托给个下载地址,还有详细 </t>
  </si>
  <si>
    <t xml:space="preserve">上浩方啊进里面的竞技场就可以玩了浩方下载地址: </t>
  </si>
  <si>
    <t xml:space="preserve">给你一只啤酒瓶，一块橡皮塞，一把刻度尺和一些水，试估测啤酒瓶的容? </t>
  </si>
  <si>
    <t>先倒进足量水，封住瓶口竖直倒放，标下水面位置。然后把瓶子放正，于是这些水成圆柱样子，可以直接测量出其体积。最后测、算一下上面那个记号到瓶底这个圆柱空间的体积，二者一加就出来了。</t>
  </si>
  <si>
    <t xml:space="preserve">请问水泥股有哪只？？？ </t>
  </si>
  <si>
    <t>大哥:你好!在行业里去找.[600801;600802;600553是走势好的]祝你好运!</t>
  </si>
  <si>
    <t xml:space="preserve">六年级数学题有两个同样高的圆柱形饮料罐，它们底面半径之比为2：3 </t>
  </si>
  <si>
    <t>因为半径比为2：3，所以底面积比为4：9高度一样，所以体积比为4：9已知第一个容积为120毫升所以第二个容积为120/（4/9）=270毫升270-120=150毫升所以第二个容积比第一个多150毫升</t>
  </si>
  <si>
    <t xml:space="preserve">前几天cctv7里面讲了一个关于治疗胃癌的事情说一个教授是第四军? </t>
  </si>
  <si>
    <t xml:space="preserve">癌扩散后除了术放还有什么？----------当然是免疫疗！！！！！！！！！！（申精） 体内高浓度高含量的维生素C有极强的维持细胞膜完整性的功能 不受癌细胞侵袭扩散 维生素A也能很强的抑制肿瘤（具体原理忘了） 维生素E也很强（综合营养) 维生素B族略差 但总比没有强 维生素B族应该不会对病情起反作用 似乎新鲜的大青水萝卜有一种物质(木质素？）能刺激体内巨噬细胞吞噬癌细胞 当然新鲜的大水萝卜也富含维生素C 但是绝不能用水萝卜或者别的蔬菜水果代替维生素药片 建议没必要用复合维生素 不光是性价比的问题 有可能含量不足 用普通的维生素就可以 其实病情危险时一天一瓶维生素C（100粒）不算多 因为维生素C是水溶性维生素 很难产生毒性的 维生素A虽是脂溶性 但也要尽量多吃 至于维生素E没听说有副作用的 跟化疗比这算得了什么 不要咨询一般的医生关于这个 很多医生不知道这个 会提出不良的反对意见影响治疗 免疫疗在癌扩散晚期同样有效 除了年纪特别大和体质特别虚弱的病人 都能够控制住病情 减缓病情 甚至有完全治愈永不复发的可能性 当经过检查基本治愈 自身感觉恢复到病前的状态 几年内也一定要吃维持量防止复发 绝不要同时吃虾同时服用大量维生素c。否则，可生成三价砷 危害很大 维C遇热易分解 尽量不要用热水服用 还要考虑一下病人的肠胃吸收功能决定用量(尽量多吃） 医生不同意的话 可以同时化疗同时免疫疗 胡箩卜汁含有维A 别的物质也可能有效 据说有个外国人（可能是俄国人）每天饮用大量的鲜榨的胡箩卜汁 居然完全治愈了！！！！！！！！！可以去买个家用榨汁机 不算贵 千万不要煮熟再榨汁 维C遇热易分解（虽然胡箩卜汁VC含量不算多) 而且还有可能失去很多别的营养物质 越新鲜的越有效 （注：绝不能代替维生素药片！！！！！！！！！）曾有个肿瘤转移病人早上起床胃部剧痛 一把维C下去1分钟就不痛了 各类晚期癌症注射大剂量维生素C，每天10－30克，能明显地加长患者的生存期。大量摄入维生素C，可以制造大量免疫球蛋白，可以使抗癌的淋巴细胞高效率地发挥作用。 1、短期内服用VC补充品过量，会产生多尿、下痢、皮肤发疹等副作用； 2、长期服用过量VC补充品，可能导致尿酸结石； 3、小儿生长时期过量服用，容易产生骨骼疾病。 4、一次性摄入VC2500-5000毫克以上时，可能会导致红细胞大量破裂，出现溶血等危重现象。 （以上问题，是指传统的酸性维生素C。如果是无酸的维生素C，这样的事情就不会发生了。） 无酸C是弱碱性。每一个人, 尤其是有肠胃疾病的人都可以长期大量服用。许多医学专家认为: 在有感冒、过敏、糖尿病、癌症等疾病时, 需要用大剂量的维生素C, 每日高达2-lOg,有时还更多, 无酸C才能使这一需要成为可能。 维生素B17是极为有效的抗癌物质，对癌细胞具有杀灭作用。有报道称，美国用维生素B17治疗癌症，一般经治疗的250例患者中，有248人获救，至今已用维生素B17挽救了4000名晚期癌症患者的生命参考资料： </t>
  </si>
  <si>
    <t xml:space="preserve">请问广告公司的成本主要有哪些？如果没有什么成本的话，哪些费用可以? </t>
  </si>
  <si>
    <t xml:space="preserve">1、广告公司的成本：凡是与广告业务相关的支出都属于主营业务成本的核算范围。如，广告制作费、制作人员的工资、材料费等。2、母公司可以向独立投资的子公司借款。 </t>
  </si>
  <si>
    <t xml:space="preserve">上投内需是不是要卖掉？经理换了。卖掉换哪只基金较好？ </t>
  </si>
  <si>
    <t>我在国有，民营，台资，日资，美资，英资企业都工作过，一直认为台资，日资适合制造业，搞金融&amp;服务不行；现在看来他们逼走吕俊，换成更善守的孙延群（可惜孙延群身体不好，难道总经理1年半前没有发现）是最大败笔。。。。。。上投中，内需和中小板2009年还算可以，以后难说，担心中，观察6~12个月（比例已经很少了）</t>
  </si>
  <si>
    <t xml:space="preserve">热机2柴油机和汽油机在构造上有什么不同？在点火方式上有什么不同？ </t>
  </si>
  <si>
    <t xml:space="preserve">柴油机和汽油机构造上的不同:汽油机汽缸顶部有火花塞,柴油机汽缸顶部有喷油嘴.点火方式上的不同:汽油机是点燃式,柴油机是压燃式. </t>
  </si>
  <si>
    <t xml:space="preserve">脸上起皮怎么办洗脸后，说话总是觉得脸上皱皱的，甭的紧紧的…… </t>
  </si>
  <si>
    <t xml:space="preserve">    阳春三月气温回升，皮肤的新陈代谢水平加快，油脂分泌活跃起来，但空气中的水分仍然少得可怜，皮肤时常处于干燥的状态，嘴唇干、头发干、身体干，就算沐浴过后，腿上、胳膊上、脸上依旧簌簌的掉落雪一样白的小干皮，不禁让人濒临抓狂的边缘。 皮肤干燥关键是没有护理好自己的皮肤，外界气候的变化，会导致皮脂腺和汗腺分泌异常，皮肤的表面就变得更粗糙，抵抗力也会减弱。时间长了，就可能习惯性干燥。其实皮肤干燥起皮是一个很正常的事情，在护理方面，比较好的是泊卡妮活肤组合。    春季天气比较干燥，很多女士娇嫩的脸上都起了干皮。虽然是一种常见现象，但爱美的女士们对此很是。“脸上起的都是干皮，太影响形象了。”不少女孩面对自己脸上的这种“瑕疵”，都是烦恼不已。    水，是肌肤健康的源动力，是美丽容颜的保证。其实要解决皮肤干燥起皮的办法很简单，当然就是喂肌肤喝饱水。但“喝水”也是有讲究的，先来看看你具体属于哪种皮肤干燥的状况吧！     状况1：出现小干纹，基本护肤过后，皮肤稍显干，肤色暗淡。    某一天，脸上突然开始出现细纹，我们就要警觉皮肤是否出现缺水状况了。加上天气转热，皮肤分泌油脂增多，很多MM会改用清爽控油的产品，而且增加了洁肤的频率，忽略了补水产品的使用，使得皮肤虽然看起来清爽，却已经处于缺水的状况之中。    状况2：皮肤粗糙，易脱妆，毛孔粗大，皮肤容易出现潮红过敏现象。    饥渴状态的皮肤，自身会不停分泌油脂来“解渴”，如此一来，毛孔就会被撑大，皮肤变得粗糙难上妆，所以MM们为了掩盖就会“拼命”的打粉底、化浓妆，不曾想会带给肌肤多么大的损伤，恶性循环由此开始，皮肤变得脆弱，过敏现象也因此产生。    状况3：T区严重出油，全身皮肤干燥起皮，护肤品难以吸收。    到了这一步，就说明你的皮肤已经处于极度饥渴，就要开始走向衰老状态，如果你再不重视起来，到时候面对的就不仅仅只是“皮肤干燥起皮怎么办”的问题，有可能会是“皮肤衰老怎么办”了哦。    解决方案：    1、洁肤去角质    皮肤干燥、护肤品难吸收，是因为肌肤表层堆积了厚厚一层的角质层，单依靠洗面奶是无法清理干净的，这个时候温和的去角质凝露、磨砂膏就将成为MM们的救星，只要在平时的清洁步骤中加如此简单的一项，势必起到double的效果哦！    p.s.：按摩去角质时，取适量去角质凝露，用中指、食指以顺时针画圈的方法从脸颊开始，依次按摩鼻翼、额头、下巴等容易堆积角质层的部位，三分钟后用清水冲洗干净即可！    2、锁水保湿    锁水如同保湿的影子般，是密不可分的。如果锁水功课做不好，给肌肤“喝”再多的水也是白费。所以选择一款锁水保湿效果好的护肤品，是比任何手段都要高明的哦！而且晚上睡觉前敷个保湿面膜，睡个美美的觉，保证早上醒来肌肤焕然一新，让那些干燥起皮的问题永远都不再来烦你。    p.s.：因为春天的特殊气候，不仅仅会有干燥起皮的困扰，不少MM还有会皮肤过敏的现象，那么在选择护肤品时应当注意，尽量选择温和、低敏感的天然草本植物成分。    3、重点护理    说完了脸蛋的问题，当然不可避免的还有嘴唇、眼睛、双手的护理，她们的地位可是同等重要的哦。晚上洗脸的时候，拿热毛巾敷敷嘴唇，用热水泡泡手，擦完化妆水，给眼睛涂个合适的眼霜，每天只要几分钟，下一个水漾女生也许就是你哦！    p.s.：嘴唇上起干皮的时候一定不可以直接撕掉！应该用冒着热气的毛巾，轻轻捂在嘴唇上，然后用棉签将软化后的死皮轻轻擦掉，涂上滋润的甘油就OK了。</t>
  </si>
  <si>
    <t xml:space="preserve">读理科以后可以选什么职业 </t>
  </si>
  <si>
    <t xml:space="preserve">    计算机、工程、科研、医学、电力、铸造、航海。光电类，医学类，公务员,老师,工程师等。  这完全还要看自己想从事哪个行业，上大学之后可以选择专业，到那个时候也不晚。</t>
  </si>
  <si>
    <t xml:space="preserve">什么叫成才？怎么样才算成才？如何定义成才呢？逆境是否有利于成才呢 </t>
  </si>
  <si>
    <t>我认为的成才是全能的，不仅要有学识，还要有能力和责任心、使命感。</t>
  </si>
  <si>
    <t xml:space="preserve">请问在上海有什么地方可以买到比较好看得毛绒玩具阿比较大一点的,最 </t>
  </si>
  <si>
    <t>熊猫玩具倒没有见过呢，建议可以去城隍庙看看，那里小商品市场的毛绒玩具很多的呢</t>
  </si>
  <si>
    <t xml:space="preserve">剑客和剑士有啥区别?哪个好呢?我剑客九段了,申无忌要我升剑士.我 </t>
  </si>
  <si>
    <t>剑的兵种我不清楚！不过这东西都是触类旁通的！按你的说法，剑士的话，肯定是比剑客更高的兵种，一般现兵种达到9级，那么人物要到达一定的等级才能继续升级兵种！明白？比如我10级是棍兵，那么要到棍骑（比棍兵高一等级的兵种），那么就要在棍兵9段，等级达到20级才能升级！基本是以10级为一个兵种等级的跳跃！兵种升级的话，打开你的技能栏，线面会有一个专精，点下它，就会出现专精栏，每把兵种提高一段，或者升级兵种，那么就会给你一个专精点，专精点可以强化你技能的效果，让技能变得更厉害！要是不清楚兵种升级的话，那么把任务状态栏打开，在兵种那一行能看到信息！</t>
  </si>
  <si>
    <t xml:space="preserve">请问狩猎者大师我有南方高增5W南方绩优成长5W嘉实策略增长3W交 </t>
  </si>
  <si>
    <t>上投@,交银精选,富国天益都是优秀品种!三选一比较难了!是否考虑按3:4:比例进入更好?参考!(&lt;狩猎者&gt;被爱问禁止发言了,用lp号回答你了)</t>
  </si>
  <si>
    <t xml:space="preserve">英语翻译Durasteel,acompositepanelcom </t>
  </si>
  <si>
    <t>Durasteel, a composite panel composed of a fiber cement core mechanically bonded to pierced steel sheets on both outer surfaces. 耐用钢板是一种里面是纤维水泥芯板、两个面板是穿孔的钢片经机械压制和芯板粘结在一起的复合钢板。Durasteel comes standard with G90 (Z275) galvanized and is available with 316-2B stainless steel face sheets耐用钢板符合G90镀锌钢标准，现有316-2B型号不锈钢面板的耐用钢板可供应。</t>
  </si>
  <si>
    <t xml:space="preserve">经济适用房未满五年，房主让我先付３０万，总价８０万，过户需等一年? </t>
  </si>
  <si>
    <t>经济适用房5年之内是不允许转让的！你们的行为本身就不合法！这种事情公证也没用，公证处根本不会受理！无论你们之间有什么协议，如果卖房人反悔，你们达成的协议都是无效的，因为违法！按照合同法规定，任何违法的合同自始至终都无效！这已经不是有没有风险的问题了，你的权益根本就不可能得不到保证。补充：这种事情你就不要想了！任何的努力都没用！他就是给你签协议，也是随便想反悔就可以反悔的，你还没法告他。因为首先你是明知这房子没过5年，在法律上连善意第三人都不算，任何一部法律都不会保护你的。</t>
  </si>
  <si>
    <t xml:space="preserve">如何查询本月购方进项税票共开了多少张想查询一下，本月所有购方单位 </t>
  </si>
  <si>
    <t>没认证前是查不到的，我是自己做个记录，每次客户有发票记过来，就先做个流水记录，写上开票时间金额，这样的话也可以控制发票是否过期。</t>
  </si>
  <si>
    <t xml:space="preserve">高科技人为什么总是那么忙，举点例子好吗？比方说加班，为什么要加班 </t>
  </si>
  <si>
    <t>高科技因为是新技术，没有定型，产品还不稳定，当然突发事情多，就加班多，比如我们电子技术，电路设计完成，不能说明就没有问题，而是要不断完善，要软硬件解决连接问题。反过来说，工人不忙么？如果不忙，饭碗就成问题了。</t>
  </si>
  <si>
    <t xml:space="preserve">弓手是暗精好还是百精呀，谢谢 </t>
  </si>
  <si>
    <t>要是要求用弓的话，白精灵好用的多，1跑的快  白精灵和暗精灵比较2射程远  白精灵和暗精灵比较3攻速高  白精灵和暗精灵比较4可加血（给自己） 白精灵和暗精灵比较缺点近身攻击差点</t>
  </si>
  <si>
    <t xml:space="preserve">湖开小区附近哪个驾驶学校好 </t>
  </si>
  <si>
    <t>坐701到蓉园小区转112</t>
  </si>
  <si>
    <t xml:space="preserve">电脑的耳机好用麦克说不了话是什么原因1在控制面板中打开“声音和音 </t>
  </si>
  <si>
    <t>是什么时候开始 麦克 说不了话的  以前是不是可以的 最好能想出 你做了什么操作之后 导致他 说不了话你可以随便找一台电脑 别人的电脑 试下 先确保 你的麦克风是没问题的 如果你麦克风有问题 电脑怎么改  还是出不了声音麦克风的输入一般有两种 一种是线路 一种是麦克  你可以在 开始 程序 附件 娱乐 里面找到录音机 按下 红色 按钮说话看下 录音机有没有 波纹 有就说明 麦克风是好的 在双击右下角的小喇叭  选项  属性 里面找到录音 然后弹出录音控制先勾麦克风 音量拖到上方 试下 不行 再换线路音量打上勾 也试下如果不行 检查声卡驱动有没有安装正确 我的右键我的电脑属性 硬件 设备管理器 声音、视频和游戏控制器看下里面有没有打上问号的 如果有的话 更新驱动程序 或者是 直接拿驱动盘 重新安装驱动就算是没有打叹号 有驱动的话 你也可以重装下驱动看下 有时候声卡驱动的有些东西会丢失</t>
  </si>
  <si>
    <t xml:space="preserve">请问如何退出家族 </t>
  </si>
  <si>
    <t>在家族名片中把自己的名片删除即可。</t>
  </si>
  <si>
    <t xml:space="preserve">如何防止洗衣时掉色？如题 </t>
  </si>
  <si>
    <t>你好，告诉你几个防止掉色的小窍门：防掉色第一招：酸洗法。 需要原料：食用醋这一招主要针对的是红色或是紫色等颜色鲜艳的纯棉衣服和针织品。方法是在洗涤这些衣服之前，往洗衣服的水中加上一些普通的醋泡上一会就可以了！但是醋的量不能太多，否则容易给浅色衣服染色。如果能够经常这样清洗衣服就可以保证衣服的颜色光洁如新！防掉色第二招：花露水清洗法。 需要原料：花露水第二招更适合棉织品和毛线织品，方法为先按照常规方法清洗衣服，衣服漂洗干净后，在清水中滴入几滴花露水，然后将清洗好的衣服浸泡在这样的水中十分钟。用这种方法清洗过的衣服还能起到消毒杀菌和去除汗味的作用。防掉色第三招：盐水浸泡法。 需要原料：食盐此招最适合对付牛仔装和花色衣服的褪色问题，效果极灵。新买回来的衣服为了防止褪色，在第一次下水之前要先用浓盐水泡上半个小时，然后再按照常规方法清洗。如果仍有轻微掉色的话，可以在每次下水清洗之前斗殴先用淡盐水浸泡上十分钟，长此以往坚持下去，衣服就绝对不会在掉色了！防掉色第四招：反晾法。 这个方法最为常用，尤其对一些深色衣服尤为有效。方法非常简单，就是把衣服反过来晾晒。这里要特别提醒您：大部分面料的衣服都不能被太阳直接照射，因为紫外线是衣服褪色的罪魁祸首。所以不仅要反过来晾晒，有条件的话尽量放在避光通风的地方将衣服晾干。 希望以上方法对你能有所帮助：）</t>
  </si>
  <si>
    <t xml:space="preserve">电脑怎么不卡啊我的电脑总是很卡..怎么办 </t>
  </si>
  <si>
    <t>你最近是怎么操作的？将出事前下载的、补丁、驱动全部卸载试试，在看看下面的方法。如果故障依旧，建议先查杀一下木马，修复一下系统试试（你好好想想最近的操作，故障不会无缘无故的发生吧，有问题请追问我进行交流）。建议你下载windows清理助手查杀恶意软件和木马（请搜索下载，不要用360卫士替代）： 下载360系统急救箱扫描系统1、请你用系统自带的系统还原，还原到你没有出现这次故障的时候修复（或用还原软件进行系统还原，如果进不了系统，开机按F8进入安全模式还原系统）。 2、如果故障依旧，使用系统盘修复，打开命令提示符输入SFC /SCANNOW 回车（SFC和/之间有一个空格），插入原装系统盘修复系统，系统会自动对比修复的。 3、如果故障依旧，在BIOS中设置光驱为第一启动设备插入原装系统安装盘按R键选择“修复安装”即可。4、如果故障依旧，建议重装操作系统。 使用系统自带的系统还原的方法：系统自带的系统还原：“开始”/“程序”/“附件”/“系统工具”/“系统还原”，点选“恢复我的计算机到一个较早的时间”，按下一步，你会看到日期页面有深色的日期，那就是还原点，你选择后，点击下一步还原（Win7还原系统，在控制面板然后设备和安全子选项然后备份和还原子选项）。硬件方面，测试一下你的CPU的温度是否过高？硬盘及其它硬件是否有问题？如果内存不大的话，建议加内存条见效明显，杀毒软件的监控尽量少开。</t>
  </si>
  <si>
    <t xml:space="preserve">我用保险担保可以贷款吗？我家买了四份平安保险，现在想贷款五万块做 </t>
  </si>
  <si>
    <t>平安和人寿的保单都可以作质押贷款.要看你的保单的现金价值是多少.可到银行的信贷部找信贷员咨询,你保单有五万的现金价值我看应该没问题.</t>
  </si>
  <si>
    <t xml:space="preserve">几级可以转职，到那里转? </t>
  </si>
  <si>
    <t>亲爱的玩家您好：      10级可以转职，到凡瑞那丝城转职业大厅.</t>
  </si>
  <si>
    <t xml:space="preserve">分手以后，一直很饥渴……半年了但是对男人又没兴趣……很矛盾。 </t>
  </si>
  <si>
    <t>有性需求,又憎恨男人(可能过去上过当,受过骗),对过去耿耿于怀.忘掉过去,面对未来,找一个爱你的男人好好生活.</t>
  </si>
  <si>
    <t xml:space="preserve">想下载暗黑破坏神2资料片想找个安全无毒的下载网址，下载后可以安全 </t>
  </si>
  <si>
    <t>不知道楼主需要哪个版本的，是1.10还是1.11？不过无论哪个版本，一般都可以通过先1.10版，然后加装补丁的方式来得到。 关于1.10版，这里有两个经过验证肯定没有问题的版本，一个中文版，一个英文版（都不是迅雷提供的，但用迅雷都可以下载，楼主如果用迅雷也可以试一下）。 中文版的是电驴提供的：   如果楼主没装电驴，可以考虑装一下。有时候电驴会比较慢，楼主要有点耐心。如果想提高电驴速度，请参照相关帮助。 还有个英文原版的，是BT提供的。用虚拟光驱的，感觉很好，英文字体很漂亮，我现在用的就是这个。BC链接如下： bc://bt/QUEvRElBQkxPIElJIGFuZCBMT0QgRXhwYW5zaW9uJTQwYmJzLmJ0cGlnLmNvbSU0MOWwj+azoi8yNDE5NzU3NDU0LzY1YTQ3ZTA4NDU3YzM4YTBlMGZhMDBiZDAzM2JjMzU3MDI3NzYwYmEvWlo= 这个可以用BT下载。打开BT主界面以后，选“文件”菜单，然后选“打开BC链接”，把上面的地址贴进去，然后点确定就可以下了。 如果楼主想要1.11版本，我这儿还有个1.11升级包，楼主可以到这个网址来下载，什么工具都行，因为很小。   这个网站还有许多其他资源，楼主可以看看有什么自己需要的。</t>
  </si>
  <si>
    <t xml:space="preserve">永不言败在吗我来一单看怎么样俄罗斯310爱沙尼亚10亚美尼亚10 </t>
  </si>
  <si>
    <t>恭喜楼主中奖了，本期任九奖金十块钱，请楼主速到体彩中心兑奖</t>
  </si>
  <si>
    <t xml:space="preserve">·怎么回事？瑞星跨版本升级程序？我的正版瑞星平时都是自动在线升级 </t>
  </si>
  <si>
    <t>这是瑞星杀毒软件升级至2006版的跨版本升级提示，你只要按提示操作就可以了，至于“升级前备份当前版本”可以不用选它，直接选择“下一步”即可。说明一点：你可以在此升级前通过瑞星杀毒软件中“制作硬盘备份安装程序”（在开始程序中），制作一个现有版本的瑞星杀毒软件安装包，保存在其他盘中，以备万一升级失败后可以重新使用此安装包重新安装原版的瑞星杀毒软件。</t>
  </si>
  <si>
    <t xml:space="preserve">怎样让头发变的软点？我头发很硬，请问怎么样才能变的软点啊？还有怎 </t>
  </si>
  <si>
    <t>用香油洗头，可以让发质改善，让头发变得柔软有弹性。</t>
  </si>
  <si>
    <t xml:space="preserve">怎样能成熟的谈感情？当局者迷，旁观者清。谈及别人的感情可以很聪明 </t>
  </si>
  <si>
    <t>比较现实的是在谈感情的过程中,不断地积累经验,也就是平常意义上的成长.如果是真的成熟了,其实对感情也就没有了向往和冲动,这往往是更可怕和致命的.跟着感觉走吧.</t>
  </si>
  <si>
    <t xml:space="preserve">什么是脱羟基？ </t>
  </si>
  <si>
    <t>羟基就是 －OH ，把它脱去就是脱羟基。。例如从酒精生产乙烯（塑料袋），就是脱羟基的一个典型例子。。因为乙醇（酒精）的特征就是有羟基，脱掉就变成乙烯。。</t>
  </si>
  <si>
    <t xml:space="preserve">爱惜你所选择的，珍惜你所拥有的,你做得到吗?不要相信日韩肥皂剧中 </t>
  </si>
  <si>
    <t>呵呵,好有道理啊....不过,爱就是希望对方好,也许我认为那个人比我好，我就会介绍给他,因为她比我好,和他更相配,我就是这样的人...如果他也爱我,他会留住我的,我相信如果他爱我他的心里就容不下第二个人,....你说的周旋,我不是很同意,因为我也没有在2个人或者更多的人身边周旋的能力,也许有吧，但我不是这样的人..我所谓的周旋就是希望他给我肯定....我也许是太不自信所以,总希望他能把他的自信分给我,就是这样.....给人希望...其实是不想伤害他而已,因为他是个好人,想只做普通朋友,不想因为拒绝给他心理留下伤疤....我也会后悔,后悔对我们的爱太自信,而放任他,结果可想而知...我后悔对他,对自己对我们的爱太自信了...其实爱人就是双方面的,一方怎样努力都没有用,只有两个人都付出一点才可而已....</t>
  </si>
  <si>
    <t xml:space="preserve">[求助]安装了用友软件打开出现问题？求高手解答登陆用友软件系统管 </t>
  </si>
  <si>
    <t>这个可能两种情况，UFSYSTEM数据库置疑或者被误删除导致！到SQK企业管理器附加这个数据库上去就行了！</t>
  </si>
  <si>
    <t xml:space="preserve">36种动物谜语谜底谜底对照表数码文字图案数码文字图案1.光明马2 </t>
  </si>
  <si>
    <t>一、猫二、螃蟹三、牛四、狗五、鲤鱼六、蚯蚓七、青蛙</t>
  </si>
  <si>
    <t xml:space="preserve">谁可以给我解释一下名侦探柯南百度百科所写的剧集和百度上的动画对不? </t>
  </si>
  <si>
    <t>百度百科上的柯南目录是正确的怪盗基德忙碌的约会》《公主殿下爱魔术》《魔女不流眼泪》《命运的蓝色生日》《恋爱在圣诞的滑雪场》分别被网传为《柯南》627、628、634、638、646集，其实这几集都是《魔术快斗》漫画中的故事，应该是《魔术快斗》TV版2～6话。冠以柯南头衔，以柯南特别节目的形式播出，是不计入柯南系列动画集数的。别让某些字幕组、视频上传者的错误标注给骗了。因此现在网上很多的柯南集数标号都是错的。但由于这些错误流传太广，所以现在相应的正确集数播出之后，为了与原来相同集数标号的错误集数进行区分，才会在后面加上错误集数的标号，即所谓的“伪6**”。（赠人玫瑰，手有余香。如若您对我的回答满意，请点“对我有用”谢谢您对我的采纳）</t>
  </si>
  <si>
    <t xml:space="preserve">如何充值赛车币?我想买赛车。 </t>
  </si>
  <si>
    <t>不能充值，只能在游戏中赢取。</t>
  </si>
  <si>
    <t xml:space="preserve">我发了十多条微博，为什么在别人的微博看回我的却显示几条啊？为什么? </t>
  </si>
  <si>
    <t>若您的微博涉及到敏感事件或敏感词，有可能会被微博小秘书加密或删除，这样别人就看不了。也有可能您在发微博的时候没有注意权限，所以有的微博的内容被限制在某一部分人才能看到。更有可能是浏览器或客户端还没有缓冲好，所以只需多等几分钟，看能不能全部显示了。</t>
  </si>
  <si>
    <t xml:space="preserve">关于社保转移问题我现在在深圳一家公司上班，原来是在广州的公司上班 </t>
  </si>
  <si>
    <t xml:space="preserve">可以转移你的养老保险关系,具体办法是到现在工作所在地的社保部门开一张“社保关系接受函”,上面要有当事人的姓名、身份证号码,以及社保局的银行账号并盖章;然后到原工作地的社保中心办理转移手续。 但是医保不能转移。因为养老保险系统是按省建立，医保系统是地市级建立，各地经济发展、社会平均工资水平和交付与支付水平不一，只能在当地看病购药。 医保转移现在全国还在局部试点，还没有这是启动。 </t>
  </si>
  <si>
    <t xml:space="preserve">PDF转CAD有那些软件？PDF转CAD有那些软件比较好用的 </t>
  </si>
  <si>
    <t>pdf2dxf这个软件可以救急一下</t>
  </si>
  <si>
    <t xml:space="preserve">当今社会,?物质基础不错,没有感情的婚姻能要吗?或者是感情不错,? </t>
  </si>
  <si>
    <t xml:space="preserve">恩. 为了金钱结婚, 你上半辈会过的很好. 但时间长了, 你就会觉得和自己不爱的人在一起是一种折磨. 尤其是你老了以后. 钱是可以挣的, 爱可不是随便就能得到的. 现在的人精神世界太空虚了. 如果你找了你爱的人. 你的没一天都会过的很充实. 和你的爱人一起努力, 建立自己的爱巢, 然后慢慢变老. 等老了以后,坐在火炉前,回忆从前的时候, 你们又能享受一次人生. 这一辈子, 精神的自由是最可贵的东西...祝你好运! </t>
  </si>
  <si>
    <t xml:space="preserve">数理统计问题正态分布的分布函数怎么求？ </t>
  </si>
  <si>
    <t>正态分布的分布函数的准确函数值是求不出来的，只能依靠近似计算求出近似的函数值——求近似函数值大多数人也是不会的，不过没有关系的，每本讲到正态分布的教科书后面都附有“标准正态分布函数值表”，从这张表格可以由x的值查到标准正态分布的分布函数Φ(x)的近似函数值的。如果X服从参数为μ与σ^2的正态分布，X的分布函数在x处的函数值F(x)=Φ[(x-μ)/σ]，也可以由标准正态分布函数值表得到。</t>
  </si>
  <si>
    <t xml:space="preserve">大哥大姐们　极品飞车怎么下啊［批 </t>
  </si>
  <si>
    <t>你买个极品飞车的软件不就装一下不就好了吗？？？还下载什么啊~！</t>
  </si>
  <si>
    <t xml:space="preserve">怎样确定电缆的截面积(具体)只知道总功率为350KW,还有电压3 </t>
  </si>
  <si>
    <t xml:space="preserve">    对于在工程设计选择设备与匹配电缆，知道总功率这只能作为选择电缆的参考。    因工程项目不同，其设备的起机过程是根据工艺要求来决定电缆容量的。    在选择时，要考虑的因素很多……。    目前我国在工程设计没有一个统一的标准。在设计时设计人员都采用两项式作为参考。    如果有兴趣，可以将你所说的设备，所使用场所告诉我吗？</t>
  </si>
  <si>
    <t xml:space="preserve">偏瘦的人为何也血压高？我今年40，体重102，血压185/110 </t>
  </si>
  <si>
    <t xml:space="preserve">体重和血压有一定关系，但不是绝对的。偏瘦也可存在动脉硬化。请浏览  ，欢迎您参与论坛！ </t>
  </si>
  <si>
    <t xml:space="preserve">关于技能点古董鉴定!听别人说学习古董鉴定很赚钱是真的吗?(学1及 </t>
  </si>
  <si>
    <t>学一级两个剧情点加两万千,最高十级,每学一级买价便宜10%.如果不学到十级基本赚不了多少钱,所以要学就学十级.建议你还是不要学古董了,不适合你.首先别指望靠买环装卖能赚多少钱,金柳露有的区八万一瓶,你更不赚,最赚钱的是孩子特技书,不过买价一般在一千万左右,你三四十级哪里来那么多钱买啊,而且小号带上千万很危险,万一掉线,钱就没了.另外,古董也要成本,买东西时要耗活力,而且你要老守着古董商人,点卡又是一笔钱,现在古董商人行踪如影寐一般,找都找不到,没有一些朋友帮你注意也很难买到好东西.</t>
  </si>
  <si>
    <t xml:space="preserve">519啊，519！七年之痒啊！ </t>
  </si>
  <si>
    <t>希望5.19能够纪念一下,也给广大基民留下个深刻的印象...那天涨个10%吧</t>
  </si>
  <si>
    <t xml:space="preserve">买三星LED电视仅仅外观好看？要是单凭外观好看就花那么多钱的话太 </t>
  </si>
  <si>
    <t>.三星所谓的LED 实质上不过是把LCD电视当做LED电视，只不过是换了个名称 仍然属于液晶电视 三星他们这样宣传的目的，无非是炒作。</t>
  </si>
  <si>
    <t xml:space="preserve">我早起,有时早勃,有时不早勃,是怎么回事呢????烦啊 </t>
  </si>
  <si>
    <t xml:space="preserve">    正常男子的阴茎，除了在性刺激和某种外界刺激会勃起外，通常处于松弛状态。但是有时内脏器官的反射作用也会导致阴茎勃起。 　　最明显的是早晨清醒前时常会出现阴茎勃起多，致使膀胱内压力增加而产生刺激作用，可以导致阴茎发生一种潜意识的反射性勃起，也就是常常说的让尿给“憋”硬了，这是一种正常的生理现象，医学上称之为清晨勃起。但这种勃起现象的强度或大或小，从来达不到性交所特有的水平。    据美国一位学者的研究资料报道，男子在成年后，20～30岁时，清晨勃起次数增多，中年以后逐渐减少。</t>
  </si>
  <si>
    <t xml:space="preserve">我的相册中如何添加更多的板块?如:风景照片人物照片书法集锦^^^? </t>
  </si>
  <si>
    <t>1、点击进入“控制面板”，单击左下方的“个人服务”2、在下拉框里，你是否看到了“我的相册”呢？单击进入。3、单击“创建新相册”按钮4、输入你的相册名称，比如“雪景”，单击“保存”按钮。5、现在你就可以上传图片了  6、在新窗口中点击“浏览本地图片”按钮，选择你要上传的图片7、如果正确的话，就可以“确认上传”了；如果需要更改，单击“清空图片”重新选择图片。我写了一篇《提高博客访问量的秘技》你可以去看一看希望以上的回答能对你有所帮助!为你的博客祝福!博得开心快乐！你也可以到我那里看看关于博客的建设。</t>
  </si>
  <si>
    <t xml:space="preserve">曹操和刘备的求才方式有什么不同 </t>
  </si>
  <si>
    <t>三国演义中：曹操：一代奸雄，有野心，有谋略，知道收买人心，而且，很多人死心塌地跟着他，比如郭嘉，司马懿，夏侯惇，夏侯渊等··· 刘备：更会收买人心，也有野心，只是缺少机会，不过机会是给有准备的人的，刘备额一再失败，但是，做人原则却没改变过，致使徐庶（单福）跟了他，到最后十里长庭送别，徐庶荐贤（诸葛亮）</t>
  </si>
  <si>
    <t xml:space="preserve">烦请风舞星尘大师，给我儿子起个名字吧！谢谢！儿子2008年06月 </t>
  </si>
  <si>
    <t xml:space="preserve">戊     戊     丁     乙子     午     亥     巳 0个金，1个木，2个水，3个火，2个土丁火生于午月.平和,取名金水相生为佳.补水木尚可.王  王 wang 4 土  宇  宇 yu 6 土 墨  墨 mo 15 水  天格-&gt; 5(土)人格-&gt; 10(水)地格-&gt; 21(木) --此名三才五行欠佳,人格数理欠吉.---------------------------------------第二字:枫 琯 荷 经 敬 琚 绢 筠 楷 琨 莨 莉 琳 楠 颀 琦 琪 祺 琴 勤 群 莛 莞 皙 楦 杨 业 义 莜 榆  渤 ?h 郃 湖 琥 郇 湔 湫 雷 粱 ?? 熙 湘 渲 游 郁第三字:蓓 苍 桦 冀 梦 朴 蓉 筱 颖  潮 霏 奋 翰 洁 霖 潞 默 谋 凝 潘 润 潼 学王勤翰\王熙霖...(楼主自己组合)以上名字三才五行及数理如下:天格-&gt; 5(土)人格-&gt; 17(金)地格-&gt; 29(水) 天格5的解析 （五行之数）五行俱权，循环相生，圆通畅达，福祉无穷（吉）天格数是先祖留传下来的，其数理对人影响不大。人格17的解析 （刚强）权威刚强，突破万难，如能容忍，必获成功（半吉）人格数又称主运，是整个姓名的中心点，影响人的一生命运。地格29的解析 （智谋）智谋优秀，财力归集，名闻海内，成就大业（吉）地格数又称前运，影响人中年以前的活动力。总格33的解析 （旭日升天）旭日升天，鸾凤相会，名闻天下，隆昌至极（吉）总格又称后运，影响人中年至晚年的命运。 </t>
  </si>
  <si>
    <t xml:space="preserve">流氓转十字刺客行么？有一大车问题……我在DDT玩的，那里有9次转 </t>
  </si>
  <si>
    <t>那还不是要我回答，其实你去DDT论坛问也可以的。流氓当然不能直接转10字K了，转生的意思是从1级重新开始练过啊。首先更正DDT是有10次转生，而非9次。这里特别强调提示你：如果你想练到10转，那么之前的9转千万不要转高阶！否则你会练得很辛苦的。（举例：如果你是2转CK，如果你在3转之前升了做10字CK，那么你3转以后将会升得非常慢，跟GF差不了多少！如果你是CK，10转以后再转10字CK，那么你升级的速度会快10倍！）所以我建议你10转完之后再选择自己喜欢的职业。拳刃插法：1、一般情况打怪插：一死灵三青古PK插：一死灵三海葵，用刺杀拳刃打BOSS：一死灵三深渊，看BOSS属性，如果卡片不多就插冰灵拳刃2、打其他怪要配搭的卡片要看怪物的具体属性，比如说：打巫婆：一死灵三圣波打钟怪：一死灵三大嘴鸟蛋打监狱：一死灵三蝎子王打海底：一死灵三红蝙蝠3、如果你没有多少钱，就用体型卡片：打大型怪插：米诺斯卡片打中型怪插：邪骸矿工卡片打小型怪插：沙漠之狼卡片4、再穷的话就插白蚁卡片。另外，精练很重要，在未插卡之前先精练好武器。如果你DEX低可插小P卡补救。技能随便配，主要升黑暗瞬间、音速、无影之牙等等，至于拳刃，高级拳刃那些基本技能就不用说了。配点：STR99 AGI99 DEX99 VIT75（或者D和V互换也可，反正点数多D是）10转以后一个人打BOSS不是问题，我在BOSS区几只BOSS（包括亡灵剑心）围住也打不死我。爆爽得很！PS：1、当你99级时，去洛阳就可以转生了，不过要1000W。如果你不想付钱，也可以做任务转生。上次我给你的功略里面有转生的详细说明。2、因为冰灵拳刃对大部分BOSS的属性都是相克的，这只是在你卡片少的前提下说的。如果你有很多卡片插，你可以每种拳刃插一套啊。这样打怪更有针对性了。</t>
  </si>
  <si>
    <t xml:space="preserve">蛋糕怎么做啊？我在家里想做蛋糕，配料有鸡蛋，面粉，油，我想问还要 </t>
  </si>
  <si>
    <t>怎样做蛋糕 在鲜蛋上市旺季，家庭可以自制些蛋糕，作为早点食用。其方法如下： 配料：鲜鸡蛋500克，白砂糖350克，精白面粉350克，发酵粉2.5克，生油25克。 操作方法： 一.将新鲜鸡蛋去壳后加入白砂糖，用三四支筷子均匀搅打，先轻后重，先慢后快，约打15～20分钟，使蛋的液体达到发酵起泡、变厚，色泽奶白，体积比原来增加一倍半到两倍。 二.将发酵粉与面粉拌和，倒入蛋液中，搅成均匀的糊状，不宜过分搅拌，防止面粉起筋缩成块，使蛋糕达到发松。 三.准备好蒸蛋糕用的模子，一般家庭用金属饭盒也可以。在饭盒底部涂上一层生油，以防粘底。然后把搅拌好的糊状料倒进盒里，上锅蒸煮。先用旺火沸水蒸三分钟，待蛋糕表皮结皮，然后降低温度（可在锅内加点冷水），约蒸10分钟，蛋糕即成型；再加旺炉火，直到蛋糕蒸熟。出锅时在蛋糕表面涂些熟油，即可食用。参考资料：网上</t>
  </si>
  <si>
    <t xml:space="preserve">8强是多少奖金啊8强多少奖金啊，在哪个网能查到 </t>
  </si>
  <si>
    <t xml:space="preserve">欧锦赛八强竞猜开奖：全国中出一万余注 奖金373元. </t>
  </si>
  <si>
    <t xml:space="preserve">赤壁剧本问题据说是为中国玩家量身定做的，但是没诸葛亮的借东风，庞 </t>
  </si>
  <si>
    <t>玩个游戏还分正史野史的，无双这游戏基本就是根据演义做的。单机版每代都有诸葛借东风。喜欢正史的人不要玩游戏了，都是乱改乱编的。我就搞不懂杂会这么多人去追求啥正史野史的，电视剧也不该去拍啥三国演义了，去拍三国志得了。但是有人看吗？</t>
  </si>
  <si>
    <t xml:space="preserve">什么时候发箱子????? </t>
  </si>
  <si>
    <t>发放箱子是按建号来发的    没得到的请等待  肯定会有   只是你得的比较晚而已</t>
  </si>
  <si>
    <t xml:space="preserve">公交车的一站地是多远? </t>
  </si>
  <si>
    <t>一般情况下大约1.5公里左右设置一个站点。郊区线路1－2公里、市区0.5－1.5公里。</t>
  </si>
  <si>
    <t>如何追到男神？</t>
  </si>
  <si>
    <t>首先要避免表错情，先要确定那男生没有女朋友，并且不是纨绔弟子那种，当然那些风流消洒的更要小心，千万别给他那英俊的外表所迷惑。当以上条件足够后就可以开始行动了，留意你的意中人平时有什么爱好，如网吧、图书馆、球场上等场合，找机会接近他，你可以通过眼神来向他暗示，刚开始仅仅打个招呼，之后如有机再聊几句。当大家熟络后，可以约他看看电影，开始时不要单独和他去，应该再找上个女伴，当然那女伴样貌、举止都要比你逊色才行，否则他有比较，到时他移情别恋就白费心机了。你平时要用眼神暗示，-般男生都会感受得到的，否则那个人要么是白痴，要么对你没感觉。最后祝你好运。</t>
  </si>
  <si>
    <t xml:space="preserve">三聚氰胺企业名单，谁能发一个谁能发个三聚氰胺企业名单，还有另外8 </t>
  </si>
  <si>
    <t>　新华网北京9月16日电日前，国家质检总局紧急在全国开展了婴幼儿配方奶粉三聚氰胺专项检查，共涉及109家企业，其中87家企业的婴幼儿配方奶粉未检出三聚氰胺。这些企业名单如下：　　婴幼儿配方乳粉专项检查中尚未检出三聚氰胺的企业名单　　1、澳优乳品(湖南)有限公司　　2、北安宜品乳业有限公司　　3、北京三元食品股份有限公司乳品四厂　　4、北京味全食品有限公司　　5、杜尔伯特伊 利乳业有限责任公司　　6、杜尔伯特伊 利乳业有限责任公司武汉分公司　　7、福建省雅俊食品工业有限公司　　8、福州明一乳业有限公司　　9、甘南藏族自治州燎原乳业有限责任公司　　10、广东东泰乳业有限公司　　11、广东华氏食品工业有限公司　　12、广州市美素力营养品有限公司　　13、哈尔滨惠佳贝食品有限公司　　14、哈尔滨金星乳业有限责任公司　　15、哈尔滨森永乳品有限公司　　16、哈尔滨太子乳品工业有限公司　　17、杭州贝因美豆逗儿童营养食品有限公司　　18、杭州味全生技食品有限公司　　19、河南金元乳业有限公司　　20、黑龙江贝因美乳业有限公司　　21、黑龙江辰鹰乳业有限公司　　22、黑龙江飞鹤乳业有限公司　　23、黑龙江红星集团股份有限公司　　24、黑龙江龙丹乳业科技股份有限公司　　25、黑龙江龙丹乳业科技股份有限公司阿城分公司　　26、黑龙江省宝泉岭垦区圣元乳业有限公司　　27、黑龙江省北安农垦绿宝乳业有限责任公司　　28、黑龙江省富裕食品有限公司　　29、黑龙江省格球山乳品有限责任公司　　30、黑龙江省光明松鹤乳品有限责任公司　　31、黑龙江省和平牧场乳品厂　　32、黑龙江省农垦华威乳业有限公司　　33、黑龙江省农垦龙王食品有限责任公司　　34、黑龙江省完达山乳业股份有限公司　　35、黑龙江省完达山乳业股份有限公司八五一一分公司　　36、黑龙江省完达山乳业股份有限公司云山分公司　　37、黑龙江兴安岭乳业有限公司　　38、黑龙江雅士利乳业有限公司　　39、黑龙江摇篮乳业股份有限公司　　40、湖南南山食品有限公司　　41、湖南亚华控股集团股份有限公司　　42、湖南亚华种业股份有限公司南山绿色食品开发分公司　　43、淮南益益营养食品科技有限公司　　44、惠氏(上海)营养品有限公司　　45、江西金薄金生态科技有限公司　　46、江西美庐乳业有限公司　　47、江西雄鹰乳业有限公司　　48、昆明前进乳业有限责任公司　　49、廊坊飞鹤乳业有限公司　　50、栾城三鹿乳业有限公司　　51、萝北圣元乳业有限公司　　52、美赞臣营养品(中国)有限公司　　53、内蒙古阿拉蒙牛乳业有限责任公司　　54、内蒙古呼伦贝尔农垦雪花乳业有限公司　　55、内蒙古伊 利实业集团股份有限公司奶粉事业部　　56、宁夏红果乳业有限公司　　57、齐齐哈尔汇昌乳业有限公司　　58、青岛迈高乳业有限公司　　59、青岛索康营养品科技有限公司　　60、蕊盛蕊(广州)乳业有限公司　　61、陕西关山乳业有限责任公司　　62、陕西和氏乳品有限公司　　63、陕西凯达股份有限公司　　64、陕西神果股份有限公司　　65、汕头市华旺食品有限公司　　66、汕头市一家人食品有限公司　　67、上海晨冠乳业有限公司　　68、上海花冠营养乳品有限公司　　69、上海惠氏营养品有限公司　　70、深圳市雅贝氏乳业有限公司　　71、石家庄三鹿太行乳业有限公司　　72、双城雀巢有限公司　　73、唐山三隆乳业有限公司　　74、唐山三鹿乳业有限公司　　75、唐山三鹿乳业有限公司丰南分公司　　76、唐山市康尼乳业有限公司　　77、天津三鹿乳业有限公司　　78、天津市亚亿实业有限公司　　79、铁力市盛中乳品厂　　80、西安贝多营养食品有限公司　　81、西安秦龙儿童食品有限公司　　82、西安银桥生物科技有限责任公司　　83、伊春惠佳贝乳业有限公司　　84、依安县摇篮乳业有限责任公司　　85、英特儿营养乳品有限公司　　86、张北县宏鹿乳业有限公司　　87、浙江贝因美科工贸股份有限公司　　新华网北京9月16日电 三鹿牌婴幼儿奶粉事件发生后，党中央、国务院高度重视，作出重大部署，日前，国家质检总局紧急在全国开展了婴幼儿配方奶粉三聚氰胺专项检查，阶段性检查结果如下：　　检出三聚氰胺婴幼儿配方乳粉企业名单序号 标称的企业和产品名称 抽样数 不合格数 三聚氰胺最高含量mg／kg　　1、石家庄三鹿集团股份有限公司生产的三鹿牌婴幼儿配方乳粉　11　11　2563.00　　2、上海熊猫乳品有限公司生产的熊猫可宝牌婴幼儿配方乳粉　5　3　619.00　　3、青岛圣元乳业有限公司生产的圣元牌婴幼儿配方乳粉 17　8　150.00　　4、山西古城乳业集团有限公司生产的古城牌婴幼儿配方乳粉　13　4　141.60　　5、江西光明英雄乳业股份有限公司生产的英雄牌婴幼儿配方乳粉　2　2　98.60　　6、宝鸡惠民乳品(集团)有限公司生产的惠民牌婴幼儿配方乳粉　1　1　79.17　　7、内蒙古蒙牛乳业(集团)股份有限公司生产的蒙牛牌婴幼儿配方乳粉　28　4　68.20　　8、中澳合资多加多乳业(天津)有限公司生产的可淇牌婴幼儿配方乳粉　1　1　67.94　　9、广东雅士利集团股份有限公司生产的雅士利牌婴幼儿配方乳粉　30　10　53.40　　10、湖南培益乳业有限公司生产的南山倍益牌婴幼儿配方乳粉　3　1　32.00　　11、黑龙江省齐宁乳业有限责任公司生产的婴幼儿配方乳粉2段基粉　1　1　31.74　　12、山西雅士利乳业有限公司生产的雅士利牌婴幼儿配方乳粉　4　2　26.30　　13、深圳金必氏乳业有限公司生产的金必氏牌婴幼儿配方乳粉　2　2　18.00　　14、施恩(广州)婴幼儿营养品有限公司生产的施恩牌婴幼儿配方乳粉　20　4　17.00　　15、广州金鼎乳制品厂生产的金鼎牌婴幼儿配方乳粉　3　1　16.20　　16、内蒙古伊 利实业集团股份有限公司生产的伊 利牌儿童配方乳粉　35　1　12.00　　17、烟台澳美多营养品有限公司生产的澳美多牌婴幼儿配方乳粉　6　6　10.70　　18、青岛索康营养科技有限公司生产的爱可丁牌婴幼儿配方乳粉　3　1　4.80　　19、西安市阎良区百跃乳业有限公司生产的御宝牌婴幼儿配方乳粉　3　1　3.73　　20、烟台磊磊乳品有限公司生产的磊磊牌婴幼儿配方乳粉　3　3　1.20　　21、上海宝安力乳品有限公司生产的宝安力牌婴幼儿配方乳粉　1　1　0.21　　22、福鼎市晨冠乳业有限公司生产的聪尔壮牌婴幼儿配方乳粉　1　1 0.09(完)　　</t>
  </si>
  <si>
    <t xml:space="preserve">你们对最心爱的人有多爱？具体点的，大家来说说吧？相爱的人嘴上说多 </t>
  </si>
  <si>
    <t>心里装着他,想着他,体贴关心他,还要理解他.</t>
  </si>
  <si>
    <t xml:space="preserve">600848自仪股份后市如何操作？请老师指点！成本价10.2元， </t>
  </si>
  <si>
    <t>短期需调整，可减持操作。属于中线股票，调整到位可重新介入。</t>
  </si>
  <si>
    <t xml:space="preserve">产后三个月可以进行健身操，重力训练等运动减肥么？请问产后三个月可 </t>
  </si>
  <si>
    <t xml:space="preserve">可以，要注意运动量，特别是避免下蹲、提重物等运动，以避免将来脏器脱垂。 </t>
  </si>
  <si>
    <t xml:space="preserve">公司法名词什么叫累积投票制?请详细解释并举例哈.谢啦. </t>
  </si>
  <si>
    <t>比如某公司有10个各自拥有3%股权的小股东，1个70%的大股东，如果按照股权选择董事，则啥事都是大股东说了算，累计投票则不同，比如如果选择5个董事，小股东可以只选两个甚至一个，把5票集中到一人，即累计计算得票。这样，小股东肯定可以选择出自己的1.5个董事。</t>
  </si>
  <si>
    <t xml:space="preserve">客户端大小多少啊？ </t>
  </si>
  <si>
    <t>回馈版感恩测试客户端下载  客户端大小：629M  友情提示：下载完成后，请您帮忙发送给身边的朋友！</t>
  </si>
  <si>
    <t xml:space="preserve">请问我上个吃了左炔诺孕酮紧急避孕药提前三天来月经,这个月居然怀了? </t>
  </si>
  <si>
    <t>建议上医院检查一下，孕前三个月吃药很容易让孩子畸形的。我是学护理的，也知道一点的。  上医院检查一下吧.</t>
  </si>
  <si>
    <t xml:space="preserve">应用程序错的问题。我下载了驱动精灵软件，第一次打开都没有问题，但 </t>
  </si>
  <si>
    <t xml:space="preserve">打开或关闭某程序时出现不能为的提示，说明这个程序与系统中其他的程序有冲突的地方，建议在操作某程序的时候关闭一切程序包括杀毒软件，和暂时关闭杀毒软件的监控功能和带有的监控功能的其他程序。如果还经常出现错误的提示，将这个程序卸载，再重新下载安装新版的程序即可。如果经常出现错误提示，又找不到故障所在，建议修复一下系统。建议你下载windows清理助手进行清理： 下载网址：  下载安装后，首先升级到最新版本，打开软件，点击“系统扫描”，对扫描结果全选，然后点击“执行清理”按钮，如果软件提示你是否“备份”，选择“是”（备份是为了防止发生清理错误，如果清理后系统没有发生异常，就删除备份），按提示进行操作即可。1、开机按F8不动到高级选项出现在松手，选“最近一次的正确配置”回车修复。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在BIOS中设置光驱为第一启动设备插入系统安装盘按R键选择“修复安装”即可。5、如果故障依旧，建议重装操作系统。驱动人生 2008正式版(不行换别的驱动软件试试)下载网址： 超级兔子也有更新驱动的功能。下载地址： </t>
  </si>
  <si>
    <t xml:space="preserve">什么样的女人最有魅力周围的朋友都说我不够温柔,没有女人味,怎样做 </t>
  </si>
  <si>
    <t>　　1.聪明博学。　　“女子无才便是德”早已是冬烘之言。她的冰雪聪明、玲珑剔透令男人深深折服，她广博的知识和绵绵不绝的话题更会使谈话气氛趣味盎然。　　2、修饰得当，有独到的品味。　　她不是脸蛋长得最漂亮的，可看上去赏心悦目；她不追求新潮的打扮，却能匠心独运地穿出个人品味；她能传达出内心的成熟与丰富，像一杯醇厚的葡萄酒，令人微醺微醉。　　3、言语风趣收放自如。　　她很懂得语言的，从不在观点不一时将自己的意见强加于人；她会轻松地化解无聊的玩笑，既不会板起面孔制造尴尬，亦不会一声不响照单全收，她会以委婉的方式暗示对方“此种话题不受欢迎”。　　4、追求爱情却不痴迷。　　她深知，爱情不是女人生命的全部，太多的期盼只会在将来化作冲天怨气。或许她会勇于向心仪的男子表达好感，因为好男人不会很多，她愿意为追求幸福而冒被拒绝的风险。然而她不会做被爱情樊笼困住的金丝鸟。她不会痴痴等候——亲情与友情也是她生活中很重要的部分。她追求独立，依附与缠绕的爱情不是她所要的。　　5、清新自然，拒绝陈旧。　　她应有极强的“保鲜”能力——而且是绝不添加任何防腐剂及人工色素的那一种，岁月与生活的琐碎无法在她的心灵上烙下痕迹。她善于发现生活中的美与辉煌，借以冲破无边无际的黑暗，重获新生。她喜欢亲近自然，辽远的风景和清冽的空气能抚慰她的疲惫与彷徨，不经意间流露出未泯的童心童趣，令人莞尔。　　6、善待自己。　　在任何时候她都不会伤害自己。情场失意、事业受阻只会带给她短暂的失意低落，她不会因此类原因堕落或放纵。她爱惜自己，知道良好的健康状况对现代人的重要。她常积极地参与健身运动以保持自己良好的身材，她不会吝惜花在保养容貌及身体上的金钱与时间。她有着良好的生活习惯，抽烟、饮酒、通宵达旦的宴饮狂欢都不会发生在她身上。　　7、有道德标准，能坚守原则。　　她乐于接受别人的意见，对无伤大雅的越轨也能一笑置之。然而人云亦云、毫无主见地随波逐流却为她所摈弃。她不会意乱情迷到丧失道德的程度，“己所不欲，勿施于人”，她不屑于插足别人之间，对于绯闻，她从来都是个“绝缘体”。　　8、敏感而不多疑，能很好地控制情绪。　　她能从细微之中敏锐地做出反应，不过却不疑神疑鬼。她能在任何时候深吸一口气，告诫自己不要惊慌失措或乱发脾气。她不会将私人的事及坏情绪带到公司，或者将公司里的不快延伸至家中。　　9、小小的叛逆。　　她不愿做没有思想的乖乖女，拥有丰富知识和敏锐洞察力使她常有新鲜而与众不同的想法与观点。她不会随声附和、人云亦云，既使是面对具有生杀予夺大权的顶头上司，她也能礼貌而坚定地陈述自己的不同意见。有勇气挑战权威可表现出她的革新精神与不羁个性，在无棱无角的芸芸众生之中总是那么容易脱颖而出。　　10、工作中爽快利落，驾轻就熟。　　在现代高效率的工作环境中，谁也不愿跟做事拖泥带水的人合作。外表纤弱的她做起事来干净利落，即使再繁重的活儿也不能让她怨天尤人、愁容满面，因为那样做只会暴露自己的无能。何况假如诸如此类的抱怨传到上司那儿，会让他对你的工作热忱表示怀疑，从而带来对你前途不利的结果。　　11、大方得体，具极佳亲和力。　　她不会喷一身浓烈的香水让电梯里的所有人打喷嚏；她不会无故打断人家的话头；即使是公司里业绩最佳的职员，她也不会因此自傲、盛气凌人。所以即便在人事倾轧最严重的地方，她仍能八面玲珑，如鱼得水。　　12、留一点神秘感。　　她不会在工作场合谈论私人话题，特别是情场故事。公司里的同事需要了解的只是她的专业水准，没必要让自己的私事成为别人闲时的话题。何况在充满竞争的职场重地，轻描淡写的几句话，也没准会被人别有用心添油加醋地改得面目全非。既然如此，又何苦授人话柄呢?</t>
  </si>
  <si>
    <t xml:space="preserve">想知道最佳受孕日期我11月和12月都是26号来的yj,大概5天就 </t>
  </si>
  <si>
    <t xml:space="preserve">以下几个网站可以去测排卵期：       本月的9号至13号为最佳受孕日，在这几天隔天一次AA。也可使用排卵试纸，可根据试纸反应适当的安排AA，这样的话会比较有针对性些。祝好孕`~` </t>
  </si>
  <si>
    <t xml:space="preserve">怎样上传音频？ </t>
  </si>
  <si>
    <t xml:space="preserve">用代码添加播放器，可以兼容多种格式，非常方便实用。 推荐一个省事的代码，是自动播放的，这里已经包括音乐地址了。 &lt;embed src=  width=200 height=45 type=audio/mpeg loop="false" autostart="true"&gt; 具体如何操作，可以看看这里。 1、代码的调整： width和height为播放器宽度和高度，可以灵活设置，如果播放视频，可以设置到适合的数字。如果不想让播放器出现，那么可以改成width=0 height=0 autostart=“true”时为自动播放， autostart=“false”为不自动播放。 loop=“true”为连续循环播放， loop=“false”为不循环播放。 loop可以等于一个整数，比如loop="5"，就是音乐循环播放5次 2、添加播放器代码步骤： 管理博客--个人首页维护--自定义空白面板，点击进入编辑界面--新增，这就是新增空白面板的界面。在“面板标题”中输入你喜欢的名字，比如“播放器”；在“面板简介”中加入代码，先选中“显示源代码”（点前面方框中，有一绿色对号），将代码复制粘贴到“面板简介”中。 再点击“显示源代码”前方框，取消方框中的绿色对号。这时，“面板简介”中显示一黑色长方形。 点击下方的“保存”，“确定”，“返回”，添加完毕。 3、 安装播放器： 管理博客--自定义设置－－定制我的首页，在左侧有一个竖形浮动方块。 点击中间的“添加模块”，这时出现可定制模块列表，在“自定义空白面板”中，找到你刚才添加的空白面板的名字，前面有一空格，点击空格选定，再点击下面的“选取”，返回到前面，点击左侧有一个竖形浮动方块中的“保存设置”，播放器安装完成。 说的好象很多，但安装很简单，几步就完成了。 4、调整播放器的位置： 进入管理博客----自定义设置－－点击定制我的首页，将鼠标放到播放器上方的蓝色长条上，鼠标出现十字花时，按住左键，上下拖动蓝色长条，到你喜欢的位置即可----最后保存。 侧栏中的其他栏目也可以这样调整。      这里有详细的图文介绍，仅供参考：  介绍完了，不知道说明白没有，但愿对新来的朋友有所帮助。 </t>
  </si>
  <si>
    <t xml:space="preserve">用安全模式也不行 </t>
  </si>
  <si>
    <t xml:space="preserve">重装腾讯QQ 2005 珊瑚虫版  V4.1.2 </t>
  </si>
  <si>
    <t xml:space="preserve">物理（马拉车）马向前拉车的力与车对马向后的力是一对相互作用力，它 </t>
  </si>
  <si>
    <t>　  首先应该明确的是，马向前拉车的力与车对马向后的作用力是一对相互作用力，它们分别作用在车和马上，它们的方向相反，大小相等，作用在同一直线上。接着应该说明的是，一个物体的运动状态如何，与这个物体所受到的力有关，而和它对其它物体的作用无关。具体分析就是，马拉车时，车受到向前的拉力、地面对车向后的摩擦力及重力和地面支持力。当拉力大于车所受到的摩擦力时，车就由静止加速前进；车前进过程中，马对车的拉力与车所受到的摩擦力大小相等时，车就保持匀速前进。不论车的运动情况如何，马拉车的力与车对马的作用力总是大小相等，它并不影响车的运动状态。对于马也同样如此。除重力和地面支持力外，马在蹬地时受到地面向前的作用力，同时还受到车对马向后的拉力。当马所受向前的作用力大于车对马的拉力，马就能加速前进；在前进中只要马所受地面对它向前作用力等于车对马的拉力，马就能匀速前进。</t>
  </si>
  <si>
    <t xml:space="preserve">频繁给手机充电好不好 </t>
  </si>
  <si>
    <t>当然不好了，而且最好不要直接用手机在开机状态下充电，因为这样在来电或来信息时很容易把卡或电板烧坏了！最好是把电池里的电用完了再用座充或关机状态下给电池充电！</t>
  </si>
  <si>
    <t xml:space="preserve">瑞星2007怎么升级啊？本来我的是2006下载版本的，最近弄了个 </t>
  </si>
  <si>
    <t>请在我的共享资料中下载瑞星2007升级保姆进行升级。</t>
  </si>
  <si>
    <t xml:space="preserve">捷达油底壳我们山区道路崎岖不平，铝制油底壳容易擦挂，建议换一下油 </t>
  </si>
  <si>
    <t>不会根据你的建议改什么的,例如油底壳材质改为钢制造的,碰到的时候,如果力比较大,缸体都会收到牵连而撞碎.如果是薄铁的还不是一样瘪.提高油底壳位置是做不到的,一定要做只有重新设计了汽车了,再说捷达已经是底盘比较高的汽车了,我们使用车的只有选择适合道路的车,叫车去适合道路是比较大的难题.</t>
  </si>
  <si>
    <t xml:space="preserve">我ＴＳ被防火墙阻止了怎么解决,每次多要关了，才能连接上去，关了不? </t>
  </si>
  <si>
    <t>瑞星防火墙- 设置- 详细设置- 访问规则看看里面有没有ts的程序名称后面带x的，如果有改为勾如果没有这个程序 ，选 增加规则 然后找到ts的运行程序（不是快捷方式哦），给那个程序全部开放就好。祝你玩的开心^^</t>
  </si>
  <si>
    <t xml:space="preserve">清泉老师,601009可以介入吗? </t>
  </si>
  <si>
    <t>观望为宜.</t>
  </si>
  <si>
    <t xml:space="preserve">有关菲林反应的疑惑在乙醛的实验中，制取菲林试剂是在过量的氢氧化钠 </t>
  </si>
  <si>
    <t>纤维素水解一般是酸水解, 在没有加入硫酸铜的时候, 很难判断氢氧化钠的加入量是不是足量.在氢氧化钠中滴加硫酸铜, 是因为氢氧化钠的量要远大于硫酸铜的量, 这样滴加比较方便. 不是必需的. 反过来家也可以, 只不过操作上不方便罢了.</t>
  </si>
  <si>
    <t xml:space="preserve">刚出生半个月的婴儿有红屁股，并有点破皮，应该擦什么好呢？ </t>
  </si>
  <si>
    <t>你好，宝宝红屁股，并有点破皮多是由于局部潮湿不透气导致的尿布疹，你可以积极的局部涂抹护臀霜、百多邦一块治疗，症状很快就可以得到改善，你不必过于担心，期间注意保持臀部通风透气，保持局部清洁干燥。</t>
  </si>
  <si>
    <t xml:space="preserve">本人这个周末想去户籍所在地派出所办理“无犯罪证明”证明，请问需要? </t>
  </si>
  <si>
    <t>1、申请人或其委托代理人持申请人的身份证或户口本到申请人户籍所在地的公安机关申请办理无犯罪记录证明，该公安机关根据掌握的情况为申请人出具是否受过刑事处分的证明（应载明截止时间）；  2、申请人或其委托代理人持公安机关出具的上述证明材料到申请人户籍所在地的公证处办理是否受过刑事处分的公证书。</t>
  </si>
  <si>
    <t xml:space="preserve">关于外挂问题~~~~现在的外挂真的是很讨厌,我本来想自己练一会级 </t>
  </si>
  <si>
    <t>推荐 练 大地 害人招数N多，迷惑术。敌意转换，假死 ，害外挂 很过瘾，不过记得带点祝福蛋</t>
  </si>
  <si>
    <t xml:space="preserve">轩辕剑的问题轩辕剑叁：云和山的彼端的片头CG动画放不出来,玩到了 </t>
  </si>
  <si>
    <t>如果只是安装的程序部分，那么1.33正合适，而且另外还有大约300-600的动画文件，那些是需要在光盘中运行的。如果你是硬盘版的，那么要1.7G的容量才是完整的。不过硬盘版的目前好像还不能运行后来增加的剧情。</t>
  </si>
  <si>
    <t xml:space="preserve">有高手能介绍一下这两天你们的操作思路吗?我这个星期均出手不利.谢? </t>
  </si>
  <si>
    <t>1/4仓美元观望,1/2仓瑞朗驻守,1/4仓瑞朗做瑞/加交叉已赢利62点.明天有机会想高抛低吸一次,以便早点解套获利.保证金没敢动.</t>
  </si>
  <si>
    <t xml:space="preserve">如何分离出甘油?我买的甘油是美容用的！无法用于制作硝化甘油！如何 </t>
  </si>
  <si>
    <t>这恐怕要用仪器分析，使用GC-MS或者Uiv都可以。不过样品的预处理方面比较麻烦。先要将你买的甘油用甲醇稀释一下，否则会超出检出限的。</t>
  </si>
  <si>
    <t xml:space="preserve">请大家来评评我的小作啊，谢谢！！先抛10分，大家畅所欲言！一剪梅 </t>
  </si>
  <si>
    <t>《一剪梅》词格：⊙仄平平⊙仄平（韵）⊙仄平平（句）⊙仄平平（韵）⊙平⊙仄仄平平（句）⊙仄平平（句）⊙仄平平（韵）⊙仄平平⊙仄平（韵）⊙仄平平（句）⊙仄平平（韵）⊙平⊙仄仄平平（句）⊙仄平平（句）⊙仄平平（韵）有意栽花无“心”“赏”，落“红”含“露”，暗“香”如“故”。一帘幽梦“无”人“诉”，眉“间”心“上”，春“秋”“几度”。盘“云”孤“岫”且“为”家，青“峰”为“剑”，长“风”“作马”。聊“借”烈酒解人“乏”，赏尽烟霞，浪迹天涯。 ----贵作中带“”者皆不合平仄，而且上下阕韵也不一。不过词的意境还不错。是为妄评。</t>
  </si>
  <si>
    <t xml:space="preserve">无线网络可以达到什么样的发展状态？ </t>
  </si>
  <si>
    <t>大哥，都啥年代了，现在大家谈论的无线城市，您还无线网络那，教你一个新名词wifi-mesh（无线网状网），简单说就是可以达到能无缝的与目前大量的WiFi上网本、迅驰和无线笔记本电脑以及手机终端实现互联。现在这无线城市，已经是客观存在的，北京不是一直再说2环之内无缝覆盖，佛山也在讲三网合并，不过个人用户要想感受无线城市，还必须升级到终端无线网卡</t>
  </si>
  <si>
    <t xml:space="preserve">高手帮忙!!怎样切断学生机房中被控制的个人电脑与主机的联系而网络 </t>
  </si>
  <si>
    <t>用管理软件锁定该机.........</t>
  </si>
  <si>
    <t xml:space="preserve">北京有几个游乐园?我知道的有北京游乐园石景山游乐园欢乐谷不定期的 </t>
  </si>
  <si>
    <t>北京游乐园.崇文区，六路总站。大人100左右，小孩70左右。好玩程度一般，两个翻滚过山车，有单收费的项目石景山游乐园。太远九龙游乐园，之前号称中国的迪士尼。现在看来不成了，到是有一些城市里玩不了的项目每年都有的嘉年华，够贵新开的欢乐谷，中国的主题公园，人够多，160朝阳公园也不错，好象还有恐龙展不知道工体那边的几个游乐园还有没有，我很早去过</t>
  </si>
  <si>
    <t xml:space="preserve">有哪些即时通信工具请列出它们的名称,并简要说明即时通信工具与传统 </t>
  </si>
  <si>
    <t>电话、EMAIL、QQ、MSN都是即时，信、电报是传统通信工具，当然是即时的便宜便捷，不过传统的都是有实物在手，又是另一种意义了。</t>
  </si>
  <si>
    <t xml:space="preserve">练天忍好吗? </t>
  </si>
  <si>
    <t>不能这么说,因为个个门派都好,但天忍的云龙特好,可以不带药直接去升级.</t>
  </si>
  <si>
    <t xml:space="preserve">请问天堂2中月光绅士有什么用? </t>
  </si>
  <si>
    <t>转副用的，以前好几千万一个 现在150万一个 20服  如果是20服的 我60万一个卖他</t>
  </si>
  <si>
    <t xml:space="preserve">我们还能在一起吗?下午我叫老公一起去回娘家,他说三点钟了,很晚了 </t>
  </si>
  <si>
    <t>这是很正常的事情,没必要生气,更没有还能不能在一起的问题,你太过于敏感了,想想自己对待他家人时的心态,你就不难理解他的态度了.我们都有是凡人,都有着平凡人的伏点与不足,由于血缘的关系,到自己家看父母,给自己父母和兄弟姐妹再多的东西也不会觉得多,而到对方家看对方的父母,或给对方的父母,兄弟姐妹东西感觉就不一样了,我们都生活在平凡的世界中,每个人内心中都会有一个"斤斤计较的亲戚"在不时拨动我们那棵脆弱的神经,你没必要想的太多,想多了各种意识全来了,女人顾自己家并没有错,但是不能影响到夫妻感情为代价,那就有点得不尝失了,你说是吗?祝你幸福.</t>
  </si>
  <si>
    <t xml:space="preserve">平板太阳能热水器在冬天会冻坏吗 </t>
  </si>
  <si>
    <t>捷森平板太阳能热水器，终结冬天冻堵难题捷森平板太阳能热水器 各城市别墅区安装案例展示：捷森官网“加热快，再冷也能正常出热水，也不用再为冻堵问题担心。入冬以来，捷森平板太阳能热水器的销量一直保持持续增长……”某城市代理商表示。作为寒冬家庭热源首选，捷森平板太阳能热水器实现技术上的先进，对改变整个家庭洗浴习惯，以及推动行业的节能发展，起到积极作用。捷森平板太阳能热水器具备出色的保温效果。国外先进的保温技术，牢牢锁住温度，保温更持久，减少加热次数，保温效果对比其他品牌产品提升25%。在集热和保温方面应用行业领先技术，捷森平板太阳能热水器在高纬度地区也可以保证四季正常运行，零下35度照样源源不断提供热水。</t>
  </si>
  <si>
    <t xml:space="preserve">老松柏木家具如何养护除虫我家的老松柏木家具有100多年了，最近发 </t>
  </si>
  <si>
    <t>可以在专业里买铺实木地板时用的樟木块和樟木粉。 也可以用一些小窍门，比如花椒。 有遭虫蛀的木家具，可将尖辣椒或花椒捣成末，塞入虫蛀孔，然后涂抹石蜡油，连续10天即可除虫。绝对天然环保。 古典家具的保养 1.明清古典家具皆属榫卯结构的实木家具，外面烫蜡用以装饰和保护家具，因而木材和烫蜡的性能决定了古典家具的保养和维护要求。 2.家具尽量不要放到阳光直射的位置，放置过久，木质受太阳中紫外线的影响而褪色（特别是大叶 紫檀）乃至脱落，同时远离空调和取暖器。 3.装有空调的房间内应摆放几盆鲜花或鱼缸，可保持室内湿度，避免家具上的水分被吸收。 4.在家具上放物品应垫一层软膜，垂直方向轻拿轻放，以免破坏家具表面，若出现表面有划痕及时找专业人员修补。 5.家具的脚部应放置胶垫，避免来回移动时受损；搬动时不要拖拉拽，避免家具受力不均而造成损害。 6.擦拭家具的抹布应干净，柔软，擦至家具上不能留有水珠或水印。 7.古典家具应定期进行保养，在正常情况下，每季度打一次蜡，用以保护表面。使之对家具的材质和结构真正起到保护作用。</t>
  </si>
  <si>
    <t xml:space="preserve">我65级猛,传统力体,没有RMB,还要玩下去吗?我没什么RMB, </t>
  </si>
  <si>
    <t>力猛建议无论如何也不要玩了太费钱。建议去老区，如果来太极，我可以给你算一下。如果你要收一个反猛，如果是85级全书的，当然气有4气，也就3票左右就可以收。如果是军师的话，全书的军师不会超过10票(当然带装备和8个五转兵，装备一般，级别在85+)。如果从头练，有点花费过大，主要是装备和气的投资算下来不如买一个号划算。但如果真从头练，你在新区练军划不来，在老区，可以先升级，升到85级去买几个五转兵，价格很便宜强弓兵也才400-500。不用一票你就可以杀人了。</t>
  </si>
  <si>
    <t xml:space="preserve">(中医)网上治疗白发的偏方可信么?在这个网站发现一些偏方,可信么 </t>
  </si>
  <si>
    <t>可信亦不可信,如你所说的,黑芝麻何首乌等都是大家所熟悉的,.中医讲究的是辨证论治,假如一个人是血虚导致的白发,吃了这些药有可能白发变黑,如一些人是先天白发或人老了也会白发的，这就很难靠吃药来黑发,所以还是得看在什么情况下了~~</t>
  </si>
  <si>
    <t xml:space="preserve">指甲凹凸不平大概去年开始我的小手指指甲就开始长不长又薄、经常会空 </t>
  </si>
  <si>
    <t xml:space="preserve">指甲是一片角质结构，由多层连接牢固的角化细胞构成，细胞内充满角蛋白丝，所以富含蛋白质和钙的食物是保持健康、光滑、亮泽指甲的基本要素，此外，锌、钾和铁以及维生素A和维生素B也对指甲的生长非常重要，因此指甲可以反映人体的营养状况。如果维生素、钙质等营养成分摄入不足，就会出现指甲表面不光滑，凹凸不平，没有光泽的现象。  指甲凹凸不平是因为缺钙和锌,平时注意饮食,也可以吃些药品补一下,上面有黑线可以平时多吃一些含铁和红色的食品调理下,不是什么大的毛病,也可以用复方酮康唑软膏 它主治皮肤感染 外用 涂于患处 早晚一次 涂在指甲缝中 ,这个方法是一个医生说的,好使.   </t>
  </si>
  <si>
    <t xml:space="preserve">怎样区分真假泰国野葛根？市面上太多，没法区分。 </t>
  </si>
  <si>
    <t>刚才一个姐妹回答的对。目前在中国市场上确实真的少假的多，据我所知，绝大部分是名字有个泰国野葛根实际上产地是中国，或者泰国以外的国家，问题是泰国野葛根只有泰北山区才会有，泰国政府又不给出口原料，怎么可能在别的国家批量生产呢？其实你只要注意几点就能看出来。1，外包装上的中文字，有中文字的基本上肯定是中国人掺和的。2，不要被上面几个大大的“泰国野葛根”几个字迷惑住，要看那些很小的字，那就是厂名厂址，很多李鬼。3，有些冒充进口的他们有没有进口的单据，尤其是海运单据这点非常的重要，因为任何国际常规都是通过海运，一个号称进口的大公司，怎么会连海运单据都没有？甚至拿出来一个快递邮件来证明是进口的，这个世界上有用快递进口的公司吗？哈哈哈。4，泰国大型厂家不可能会随便给一个人进货的，他们都是采取的代理，总经销的形式，所以号称原装进口的是一定会有厂家直接开出来的道理证书。你自己想一下，你如果跑到一个大型工厂，跟人家说我要进货，进多少？拿5瓶！！！人家一脚就把你踹出去了~~~~哈哈开玩笑的，别在意。目前在中国，能谈得上真正原装进口的只有泰国考拉窝制药的野葛根系列，总代理商是金港贸易香港有限公司，因为我之前也曾经和你一样的苦苦寻找，不敢下手，还好我是做外贸的，各种情况分析之后，还贸然给厂家写了一封Email，果然厂家答复总代理就是金港贸易，还给了联系电话。这些坦然了。</t>
  </si>
  <si>
    <t xml:space="preserve">手动挡变速箱和自动档变速箱那个维护保养更简单一些？想买车，在自动 </t>
  </si>
  <si>
    <t>手动变速箱和自动变速箱相比较来说，手动变速器故障率更低，很少会涉及到维修，只需要按时换油保养就可以了，日常基本不用做其它的维护和检查，手动变速器每间隔两年或60000公里更换一次变速箱油，换油时间以先到为准。如果使用得当，手动变速器正常使用几十万公里不用出现任何问题。自动变速器科技含量较高，变速箱内部有很多电磁阀、传感器和线路，还有一块变速箱电脑，常规保养时需要对自动变速箱进行检测，以确保变速箱处于最佳工作状态，自动变速箱一旦出现问题，维修费用会很高，所以自动变速器的日常维护和检查更多一些。</t>
  </si>
  <si>
    <t xml:space="preserve">婴儿湿疹分为那几中?各种湿疹需要怎么样来治疗? </t>
  </si>
  <si>
    <t>本症为婴儿皮肤对多种外界和内在因子的过敏性炎症反应。皮损好发于头面部，症状轻者，较易消退。皮损重者也可波及躯干、四肢。皮疹呈多样性，可有红斑、丘疹、水疤、糜烂、渗液、结痂等。瘦弱患儿的皮损主要是红斑和脱屑。有剧痒，常反复发作。现代医学认为本病病因复杂，目前尚未十分明了。主要与遗传因素，外界刺激因素，食物和吸入物，感染，昆虫叮咬，日光，热和冷刺激等有关。本病诊断主要依据家族过敏史，发病原因（如食物、接触物等）及临床表现，有条件者对可疑物质可做皮肤划痕试验，显示阳性。本病应和婴儿脂溢性皮炎鉴别，后者先从头顶部发病，后侵及眉间、眉弓、鼻唇沟两侧，为黄色油脂性鳞屑痂。现代医学治疗本病在婴儿湿疹急性渗出期多用3%硼酸溶液等收敛性药物湿敷，或外涂氧化锌油，待渗出消退后再改用氧化锌糊或皮质类固醇激素霜，但疗效不定。本病在文献中称“奶癣”、“胎疮”。祖国医学认为禀性不耐，脾胃运化失职，内有胎火湿热，外受风湿热那所致。病邪蕴阻肌肤，每因消化不良、衣服摩擦、肥皂水等刺激而诱发。①在医生的指导下，使用含有氢化可的松激素的药膏。只有氢化可的松可以缓解湿疹引起的皮肤病变。长期外用氢化可的松药膏，只会使皮肤变薄，不会造成人体内分泌紊乱。一般对局部红肿明显，特别是出现细小裂痕或渗出淡黄色液体时才需在局部涂抹氢化可的松药膏。涂抹几次后，待局部好转即可停用。　　② 平时可用保湿类霜、露、膏等。保持皮肤湿润，可以延长激素作用的时间，减轻皮肤的损害。　　③ 细菌容易附着于湿疹的皮屑或裂痕上，导致继发感染。   所以，对激素治疗效果不明显的部位应添加抗菌药膏。　　④对于奶不耐受的婴儿，时间和辅食是解决问题的办法，而对于真正过敏的婴儿，应及时查找过敏原，尽可能远离过敏原，减少过敏的发生和减轻过敏的程度。</t>
  </si>
  <si>
    <t xml:space="preserve">怎么解决楼上邻居的低素质我家住五楼，也许是六楼是顶层的原因吧，他 </t>
  </si>
  <si>
    <t>直接去找六楼的房东交谈啊，你这样的情况已经有了可以向房东索赔的条件，找他直接了当的谈，如果房东是个蛮不讲理的人，那你就应该采取法律的手段来保护自己的权益，你家还有上了年纪的人呢，应该先做好准备，说句不好听的，抱歉，今天不知道明天的事情，万一老人家有个三长两短，你那时再去索赔就来不及了，切记要白纸黑字</t>
  </si>
  <si>
    <t xml:space="preserve">请问近几年来中国与越南，老挝，缅甸的关系如何？（在外交，政治，经? </t>
  </si>
  <si>
    <t>中国与这三个国家的关系都差不多，对待他们的政策也大多是尽量不发生摩擦，毕竟中国的潜在危机不是他们，而是日本，印度等军事上迅速崛起的国家。中国和这三国在官方上很少有往来，但是同在亚洲东部，又是临国，在稽毒等方面还是合作过的！</t>
  </si>
  <si>
    <t xml:space="preserve">上半场平局很多，下半场无平局。 </t>
  </si>
  <si>
    <t>很有可能出现的情况！</t>
  </si>
  <si>
    <t xml:space="preserve">例假的问题每月来例假时总是先有黑褐色的东西之后才来红色的，这是怎 </t>
  </si>
  <si>
    <t>你这是月经不调疾病概述月经周期不准，超前，落后，无定期，经量过多、过少，色泽紫黑或淡红，经血浓稠或稀薄等，统称之为月经不调。自诊要点１．月经周期提前或错后７天以上，或先后无定期。２．月经量少或点滴即净。３．月经量多或行经时间超过８天以上。治疗建议西医认为月经不调多属于内分泌轻度失调，缺少有效的调整办法。可在辨证的基础上选用中成药调理：（１）属血热型的，症见月经不调，经血色红或有紫块或深红，质粘而稠，心胸烦闷，面红口干，咽干口燥，颜面潮红，尿黄便结，舌红苔黄。治宜清热凉血，可服固经丸、清经散胶囊等。（２）属肝郁化热型的，症见月经不调，经行不畅，胸胁乳房及小腹胀痛，胸闷不舒，烦躁易怒或善叹息，嗳气食少，经血色红或紫，舌边尖红，口苦咽干，苔薄黄。治宜疏肝解郁清热，可服调经止带丸、逍遥丸、丹栀逍遥丸等。（３）属气虚型的，症见经行先期，或经期延长，量多色淡质清稀，神疲肢软乏力，心悸气短，食少便溏，小腹空坠，舌淡苔薄。治宜补气摄血，可服补中益气丸、归脾丸等。（４）属血虚型的，症见经期错后，量少色谈，质清稀，头晕眼花，心悸怔肿，少寐多梦，面色萎黄无华，舌淡少苔。治宜补血益气，可服妇科调经片、妇宁丸、八珍益母丸、当归补血膏、八宝坤顺丸、十珍香附丸、宁坤至宝丹、加味益母草膏、妇科十味片、安坤赞育丸、参茸白凤丸等。（５）属血寒型的，症见经期延后，色暗量少，小腹冷痛、得热则减，或畏寒肢冷，面色苍白，舌苔薄白。治宜温经祛寒，可服女青春、十二温经丸、女金丹、女宝、艾附暖宫丸、调经丸、温经丸等。（６）属气滞型的，症见月经延后，量少色暗有块，小腹胀甚而痛，胸胁乳房胀痛，舌质暗，治宜理气活血，可服七制香附丸、妇科养神丸、妇康宁片、妇宁片、妇宝冲剂等。（７）属血瘀型的，症见月经错后，或经来量少，色紫黑有块，小腹胀痛拒按，或刺痛，血块排出后其痛减轻，舌质紫暗或有瘀点瘀斑。治宜活血化瘀，可服田七痛经散、妇科回生丹、妇科金丹、坤灵丸、鸡血藤膏、桂枝茯苓丸、益母丸、益母草膏、调经姊妹丸、慈航丸等。注意事项１．保持精神愉快，避免精神刺激和情绪波动，个别在月经期有下腹发胀、腰酸、乳房胀痛、轻度腹泻、容易疲倦、嗜睡、情绪不稳定、易怒或易忧郁等现象，均属正常，不必过分紧张。２．注意卫生，预防感染。注意外生殖器的卫生清洁。月经期绝对不能性交。注意保暖，避免寒冷刺激。避免过劳。经血量多者忌食红糖。３．内裤要柔软、棉质，通风透气性能良好，要勤洗勤换，换洗的内裤要放在阳光下晒干。４．不宜吃生冷、酸辣等刺激性食物，多饮开水，保持大便通畅。血热者经期前宜多食新鲜水果和蔬菜，忌食葱蒜韭姜等刺激运火之物。气血虚者平时必须增加营养，如牛奶、鸡蛋、豆浆、猪肝、菠菜、猪肉、鸡肉、羊肉等，忌食生冷瓜果。</t>
  </si>
  <si>
    <t xml:space="preserve">中药处方的君臣佐使是怎样判别的？中药处方的君臣佐使是怎样判别的 </t>
  </si>
  <si>
    <t xml:space="preserve">一般来说，根据所对病症起主要作用的为君药，其用量也交大，而且放在处方第一。只用学过中药方剂的人能准确说出君药。主要治疗作用的药把它叫做是君药。那么有的是协助这个君药来发挥治疗作用的，在方剂的配伍当中，中医把它叫做臣药。那么有些是起到一些制约药物的毒性或者说是增强君药和臣药的疗效，这样的药物中医把它叫做佐药。还有一些起到引经的作用，病在肝的，我用引经入肝的药物，或者病在上的，我用轻清上扬，引药往上走的药物，或者是这个调和诸药这个作用，这样一般都把它叫做使药。 </t>
  </si>
  <si>
    <t xml:space="preserve">是我的问题吗？？？要你们谁对谁错呢利用周末两天，他去了趟石家庄参 </t>
  </si>
  <si>
    <t xml:space="preserve">    应该算是你不懂事吧，来回的火车会很辛苦的，又丢了手机，不会有好心情的，她会认为跟你逛街是去赔你而不是宽慰他，女人挑理很正常应该的。</t>
  </si>
  <si>
    <t xml:space="preserve">都什么任务出千年龙筋 </t>
  </si>
  <si>
    <t>LS说得对，还有一个就是云游四海的书生，每天12点之后在河阳刷，仙宫旁边，随机一条线，做那个任务就给</t>
  </si>
  <si>
    <t xml:space="preserve">按USD1=HKD7.7654/75达成的外汇交易中USD者为卖? </t>
  </si>
  <si>
    <t>一般外汇牌价有三种：买入价、卖出价、中间价，三种价都是从银行角度标出的。买入价即银行买进外汇的价格；卖出价即银行卖出外汇的价格。中间价是银行核算使用的价格。银行买入价要低于卖出价,这样银行才有兑换收益.USD1=HKD7.7654是银行买入价,即银行买入1美元支付7.7654港元USD1=HKD7.7675是银行卖出价,即银行卖出1美元要收取7.7675港元.</t>
  </si>
  <si>
    <t xml:space="preserve">修改资料问题修改资料号绑了电话如果电话没解就去修改可以不写上电话 </t>
  </si>
  <si>
    <t>当然就解除掉了，现在发电子传真修改资料就必须要绑上电话的吧，不绑不让修改！！！</t>
  </si>
  <si>
    <t xml:space="preserve">有过一次胎停育下次要要保胎吗我有过一次胎停育如果下次怀孕的时候要 </t>
  </si>
  <si>
    <t>我今年4月有过第一次怀孕，也是胎停育，现在怀孕4个月，一直都挺好的，没出现过流血，也没有什么不正常的情况，更没有保胎，只要你积极把身体调理好，让自己尽快恢复，再怀孕也不会有事的。我做了清宫手术后，就是看中医喝中药了，喝了3个月，也没有检查什么性激素之类的。大夫的话你得会听，他说不影响怀孕，意思就是你没有什么问题，不要太紧张了。我第二次怀孕也是让我很意外的 喝中药3个月之后，我就停药了，我准备中间间隔2-3个月要宝宝的，结果从开始不避孕的那个月就有了，我们特别高兴，有时候想他来的时候，总是不能如愿，现在刚开始做准备，就在不经意之间来了。你可以和老公一起找个中医看看，有时候精子的质量更加关键，也要让他注意饮食、生活习惯。不要过多地紧张和担心了，都没有什么问题，只是宝宝的一次优胜劣汰，祝好孕！</t>
  </si>
  <si>
    <t xml:space="preserve">天空为什么是蓝色 </t>
  </si>
  <si>
    <t>高中地理上讲了的阿这是因为在太阳辐射的可见光中，蓝、紫色光波长较短，最容易被空气分子散射，所以晴朗的天空呈现蔚蓝色。</t>
  </si>
  <si>
    <t xml:space="preserve">购车我公司购了一辆金杯车用来送货，需要办什么手续吗？ </t>
  </si>
  <si>
    <t>办营运证。。。。。。。。。。。</t>
  </si>
  <si>
    <t xml:space="preserve">第一次做爱男的会很快就射吗？请问男的第一次做爱会不会很快就射了出 </t>
  </si>
  <si>
    <t>是</t>
  </si>
  <si>
    <t xml:space="preserve">关于《行诉解释》第9条第2款的疑问根据《行诉解释》第九条第2款规 </t>
  </si>
  <si>
    <t>这里面的原、被告分别指的是哪一方面？：这里面的原告是被处罚人（C区企业及其主要责任人）；被告是做出行政处罚的行政机关（A区工商局罚款和B市公安局）。可以向哪些法院提起诉讼？1）只能向A区法院 ：应选“4）可以向A区、B市、C区、D区 ”即被告所在地C区、D区人民法院，和原告所在地A区、B市人民法院。如果根据补充是“主要负责人的户籍在D区”(不是住所在D区,写错了)，D区要不要选，那就是A区、B市、C区了。</t>
  </si>
  <si>
    <t xml:space="preserve">一道英语选择题，希望能有解析（）andI'llgetthewor </t>
  </si>
  <si>
    <t>（B ）and I'll get the work finished. A.Have one more hour B.One more hour C.Given one more hour D.If I have one more hour 相当于祈句A不知道怎么解释.C可以加上连词和主语If I am given one more hour,and I'll get the work finished. if跟and冲突了.D也是if跟and了</t>
  </si>
  <si>
    <t xml:space="preserve">吃杏仁到底会不会发胖？生的还是熟的（盐?h的），有区别吗？ </t>
  </si>
  <si>
    <t>吃杏仁不会发胖！》》</t>
  </si>
  <si>
    <t xml:space="preserve">怎样让皮肤不越来越衰老 </t>
  </si>
  <si>
    <t xml:space="preserve">   要保养的，想美就不要闲麻烦嘛，女人的美丽和倾注的心血是成等比的。护肤品，保健品，良好的饮食习惯，一样都不可少，还要保持轻松愉悦的心态。</t>
  </si>
  <si>
    <t xml:space="preserve">脱发是如何引起的 </t>
  </si>
  <si>
    <t>小儿一般是因疾病造成头发稀疏的，如营养不良、体质较差、发育不良等。如果孩子是由于营养不良原因造成头发稀少，就应注意调节饮食，增加营养，锻炼身体，特别注意保证蛋白质、脂肪、维生素等营养素的供给。应多吃些鸡蛋、牛奶、瘦肉、鱼、虾、豆制品以及植物油、胡萝卜等食物。病理性脱发的其他原因还包括：缺钙、免疫、代谢问题、脂溢性皮炎、头垢、发热、药物、遗传综合症、头部外伤、水痘、洗发水伤害等因素。具体原因要到医院检查了才能确定。</t>
  </si>
  <si>
    <t xml:space="preserve">为什么人会炫耀? </t>
  </si>
  <si>
    <t xml:space="preserve">  炫耀是表现自我的一种方式,让别人注意自己,尊重自己,认可自己,可能是人炫耀的出发点,就象动物的炫耀美丽的角,健壮的身体,(虽然是在求偶的时期表现多),人则更多了社会的因素,是向人群显示:看我多富有,多威风,多人缘好,多与众不同,不管是显哪一方面,都希望得到别人的认可,.</t>
  </si>
  <si>
    <t xml:space="preserve">怎样将网址复制到网页的地址栏中？ </t>
  </si>
  <si>
    <t>方法一：先把想复制的地址全选，然后按鼠标右键，选复制，然后打开IE，在地址栏中点鼠标右键，选粘贴即可。方法二：跟上边的差不多，只是用快捷键：Ctrl+C（复制）和Ctrl+V（粘贴）</t>
  </si>
  <si>
    <t xml:space="preserve">降落伞贵不贵?我想买一个回去跳跳.降落伞有走私的吗? </t>
  </si>
  <si>
    <t>你可够搞笑的。买个回去跳跳..怎么跳啊?站楼顶上跳啊?乱跳还不行..得到高山上去跳.再说你也不会弄.就算会弄了.有那个胆量吗?一个不小心就看不到明天的太阳了.那伞估计没几千块钱买不到..还是差的.要是真想跳就去参加跳伞俱乐部.好好学学.</t>
  </si>
  <si>
    <t xml:space="preserve">果果真好看不知道能吃不看领导拍的果果照片真是鲜艳都想吃了呵呵不知 </t>
  </si>
  <si>
    <t>大部分还是可以吃的，不过味道也浊很好。这是十月份去板山时拍的，这段时间没什么新内容了拿出来发发。也可以叫作反季节内容吧？</t>
  </si>
  <si>
    <t xml:space="preserve">为什么一定要谈恋爱？？ </t>
  </si>
  <si>
    <t>当你伤心时，爱人会给你鼓励、给你体贴，分减你的悲伤，在她的温暖关怀中，你愈合了心灵的创伤。她在你犯错的时候对你的训骂，反而会让你感到丝丝的甘甜。因为:爱人就是一个“半”字，有“伴”，人就不孤单、心就不孤独。</t>
  </si>
  <si>
    <t xml:space="preserve">我小孩6岁了，脸上大腿上出现小红点小孩前几天发烧了，现在好了可是 </t>
  </si>
  <si>
    <t>因该没有关系！再观察看看！</t>
  </si>
  <si>
    <t xml:space="preserve">美股暴跌，再次拖累大盘　　受昨日欧美股市大幅下跌的影响，早盘国内 </t>
  </si>
  <si>
    <t xml:space="preserve">预计下个交易日将是先跌后涨的走势。从技术上看，向上在5142－5211点仍然有一定的阻力，向下调整至5034－4987点会得到一定的支撑。 </t>
  </si>
  <si>
    <t xml:space="preserve">乳胶漆的问题我新买的毛坯房我看开发商已刷了一层白色的不知教啥，我 </t>
  </si>
  <si>
    <t>是的，需要铲掉，重新补灰和批腻子后才能刷乳胶漆。装饰公司推荐的东西多是些“高毛利”的东西，这种东西市场上较少，一般都是各种材料公司给装饰公司“特供”的东西，不但毛利高而且返点回扣也高，所以他们推荐的东西尽量少用，虽然可能比市场便宜，但东西却很一般。至于选哪种漆，除了品质和环保还要结合自己的经济实力。多乐士低档经济型的涂料约300-400元一大桶（18升），如梦色家、家丽安等，中档的如“强化超易洗”，小桶5升约190元左右，高档的“金装五合一”、“金装全效合一”约300-400元左右5升。你觉得哪款适合你？？？中档的“二代五合一”200多元5升，性价比较高，建议选用。</t>
  </si>
  <si>
    <t xml:space="preserve">神探狄仁杰2的狄如燕是谁演的啊。。。。。。 </t>
  </si>
  <si>
    <t>狄如燕由姜昕言扮演姓名：姜昕言   (曾用名"姜建惠" &amp;"姜建慧")生日：1975年12月 30日 职业：影视演员语言：普通话 身高：168 厘米体重：50 公斤现住址：北京 出生地：黑龙江 民族：汉族经历：中央戏剧学院 94班作品：电视剧《护士小姐》女一号   导演：郭少雄电视剧《龙飞凤舞剑无痕》女一号   合作演员: 王光辉 耿志强 郭江喜电影《塬上的太阳》 女一号 高云   导演:顾晶    电视剧《康熙遗妃五台山》女一号 陈梅姑   导演：崔骏波话剧《我认识的鬼子兵》女一号  导演:汪遵熹 电视剧《守望家园》女一号 桂花  导演：钱五一    合作演员:印小天 电影《圈套》 女主角    导演:陈国军 电视剧《庄稼院里的年轻人》女一号  二凤    导演：冷杉        合作演员：郝岩 刘凡 赵淑珍电视剧《铁齿铜牙纪晓岚续集》单元女一号 瑶琴     导演:刘家成   合作演员：张国立 张铁林 王刚 袁立 电影《铁血柔情》女主角 李倩      导演:张鑫        合作演员:张路,郑晓宁  电视剧《天使行动/生死卧底》女一号 季姗姗       导演：杨毅 电视剧《智慧风暴》女主角  林萱     导演: 王冀邢      合作演员:孙淳、孙周电视剧《浪子燕青》女主角 任雪衣    导演：梁德华        合作演员：吴樾 于娜 宁静 侯勇电视剧《小巷总理》女一号 汪诗萍     导演:曾晓欣      合作演员: 张子健,彭玉,柏青电视剧《湄澜传情/象冢》女一号 紫英    导演:胡春桐 合作演员:高天,张静东,胡蓉蓉   电视剧《神探狄仁杰Ⅱ》女一号 如燕(苏显儿)     导演:钱雁秋    合作演员：梁冠华、张子健电视剧《福星临门》制片人     导演:许瑞生在中央试验话剧院演出话剧《我认识的鬼子兵》中，获文化部颁发的个人表演奖。特点：长得很漂亮，气质很好。        她毕业于中央戏剧学院,与陶虹,高虎,印小天同为中戏94班.她曾出演”庄稼院里的年轻人” ,”康熙遗妃五台山” ,”守望家园”.在2004年,她改名为”姜昕言”重出演艺圈.在2006年,在”神探狄仁杰2”以如燕的角色深入人心.2007年,在电视剧"福星临门"被承认身为制片人的能力."姜建慧"就是"姜昕言"</t>
  </si>
  <si>
    <t xml:space="preserve">离还是不离?我生完孩子两个月，在豪无征兆的情况下，先生提出离婚. </t>
  </si>
  <si>
    <t>调节好自己，让他去折腾吧</t>
  </si>
  <si>
    <t>高中数学已知两点A(</t>
  </si>
  <si>
    <t>直线AB方程：2x-y+2=0。圆心O(1,0)，半径r=1圆心O到直线AB距离d=4/√5圆上的点到直线AB距离最小值=d-r=4/√5 -1面积最小值 =(1/2)|AB|*(4/√5 -1) =(4-√5)/2</t>
  </si>
  <si>
    <t xml:space="preserve">请教如何心如止水!我给自己定了许多计划.如练字,自学等.可实际总 </t>
  </si>
  <si>
    <t>这里有几个要素需要考虑一下：1 这个计划能不能被实现，制定的目标或者计划应该在你的能力范围之内2 你是否明白你为什么要做这么一件事，你如果不清楚做件事的目的，你就会很随意，感觉这个可以做也可以不做，你为要做的事列出10个原因，你试一试，这时，你就知道要做这件事了3 将自己的自控能力增强，时时记住你的重点是什么，分清什么时候重要，可做，做应该做的事，不浪费时间4 坚持，这个靠一个坚强的毅志力</t>
  </si>
  <si>
    <t xml:space="preserve">请问正常的月经颜色是怎样的 </t>
  </si>
  <si>
    <t>介乎鲜红和暗红之间，量多时为鲜红。</t>
  </si>
  <si>
    <t xml:space="preserve">勇士队的问题勇士几年没打进季候塞了我从2000年看NBA我机的有 </t>
  </si>
  <si>
    <t>今年估计希望也不大．自从老尼尔森到勇士之后，球队的进攻能力大增，并涌现也伊利斯这样的新秀，但球队的防守能力实在糟糕，场均失分排在联盟倒数的位置，以他们这样的防守，在强队云集的西部，他们难以有什么作为的．</t>
  </si>
  <si>
    <t xml:space="preserve">阴历1985年12月17日23点出生五行之中属于什么命 </t>
  </si>
  <si>
    <t>该命为金命，宜与土石类打交道，忌火性。生肖属牛。其五行为：一金，三木，缺水，一火，三土。</t>
  </si>
  <si>
    <t xml:space="preserve">DNF最近的活动，刷50疲劳就能在网站翻牌，在哪弄啊？30分送上 </t>
  </si>
  <si>
    <t xml:space="preserve"> 在这上面就行了</t>
  </si>
  <si>
    <t xml:space="preserve">沈阳治疗尖锐湿疣的专科医院是哪里 </t>
  </si>
  <si>
    <t>您好，尖锐湿疣的治疗医院并不是最重要的，关键还在于疗法，要想根治尖锐湿疣并不难，一定要彻底清除体内的潜藏病毒而不是单单清除表面疣体，体内毒素不清除干净，会导致尖锐湿疣反复复发，因此尖锐湿疣的治疗方法很重要。现如今，治疗尖锐湿疣的方法有很多种如：激光、手术、冷冻、或服用阿昔洛韦等，虽然能够很快清除表面疣体，但是不能彻底清除病变周围皮肤中的潜伏病毒，而且整个治疗过程漫长而痛苦、对生殖器部位局部组织损伤大、且治疗费用高，还特别易复发。总之彻底摆脱尖锐湿疣的困扰，一定要选择科学有效的新疗法，另辟蹊径，只有科学有效的治疗方法，才能彻底根治尖锐湿疣。建议用科学的方法进行治疗。一般的医院采用的传统治疗尖锐湿疣的方法仅仅针对表面症状，人体潜藏病毒不能被去除，花钱不治病。只有清除病毒才能有效控制病情发展，选择能够清除病毒的方法才是治疗疾病的根本，抛开传统技术，现在医学技术已经可以实现一周内清除病毒的效果。建议你去公立性病医院做个全方面的检查以及治疗。只有治疗方法正确,尖锐湿疣才可以治疗好的；如果治疗方法不当,反复的几率也是较高的；目前有一种新技术能快速清除体内病毒，提高治疗效果，快速解除烦恼。平时的话也要多注意个人卫生，不使用别人的内衣、泳装及浴盆;在公共浴池不洗盆浴，提倡淋浴，沐浴后不直接坐在浴池的坐椅上;在公共厕所尽量使用蹲式马桶;上厕所前后用肥皂洗手。多锻炼。祝您早日康复。</t>
  </si>
  <si>
    <t xml:space="preserve">为什么用了护肤品后再涂粉底液,会感觉粉浮在表面的呢?粉底液不是护 </t>
  </si>
  <si>
    <t>你好，一般粉底液要在在涂抹完隔离霜后使用，在打散粉之前使用。使用粉扑，比起手指，用粉扑涂抹粉底，效果将会更为自然均匀。 以拍打完成。平平的部分拍打整个脸部。最重要的部分，用食指和中指轻轻拍打，效果将会倍增。</t>
  </si>
  <si>
    <t xml:space="preserve">上网跟看电视哪个更好呢？我想调查一下！你来回答！ </t>
  </si>
  <si>
    <t>上网看的比较好，比电视的节目多，有选择的空间啊！</t>
  </si>
  <si>
    <t xml:space="preserve">有时大便很稀，第二天也许就会便秘有几年的时间了，有时候大便会很稀 </t>
  </si>
  <si>
    <t>考虑是一种病，叫“肠易激综合征”，如果做肠镜无异常发现就可以诊断此病。“肠易激综合征”的治疗：调整心态及紧张状态，保证睡眠，以及服用一种药“马来酸曲美布丁”</t>
  </si>
  <si>
    <t xml:space="preserve">为什么我在关注哪里找不到取消我关注的人啊.? </t>
  </si>
  <si>
    <t>别人取消了对你的关注，是“粉丝”那里人数变少，而不是“关注”</t>
  </si>
  <si>
    <t xml:space="preserve">运动会的开幕式可以由哪些内容 </t>
  </si>
  <si>
    <t>运动会开幕式程序一、主持人宣布开始（鸣炮，奏唱国歌）；二、领导致开幕词；三、运动员代表讲话；四、裁判员代表宣誓；五、部分人员奖状、奖品的颁发；六、入场式顺序：1、国旗；2、花束；3、彩旗；七、节目表演：1、广播操；2、健美操表演等等．．．．．</t>
  </si>
  <si>
    <t xml:space="preserve">估计这是原子弹还是氢弹（图)?当量估计有多大？指分导弹头？能不能 </t>
  </si>
  <si>
    <t>　这是一种"三相弹",即利用由裂变反应到聚变反应再到裂变反应这样3个核反应阶段瞬时释放的巨大核能毁伤敌方目标的氢弹。又称氢铀弹。1954年2月28日，美国在马绍尔群岛的比基尼环礁上首次进行威力为1500万吨梯恩梯当量的三相弹试验。采用三相弹可以使普通氢弹的威力和比威力（核弹的威力与其重量的比值）成倍提高，但其裂变能量所占的份额大，爆炸后形成的放射怀沾染较严重.图中1是原子弹,2是氢弹,3是最外面的核燃料.</t>
  </si>
  <si>
    <t xml:space="preserve">广西高铁什么时候通车啊？具体线路是什么？求解答……[威武][威武? </t>
  </si>
  <si>
    <t>今年我区将全面开展铁路项目建设攻坚战，确保沿海铁路南宁至钦州段、钦州至防城港段、钦州至北海段，湘桂铁路扩能衡阳至柳州段、柳南客运专线，南广铁路南宁至黎塘段、黎塘至梧州段等7条高铁年内建成通车。广西高铁营运里程将达1137公里，昂首挺进高铁时代。自治区铁办同时透露，今后5年，广西将全力确保在建的15个铁路项目在“十二五”期间全部建成投产。到2017年，全区铁路营运里程将达到5500公里左右，高速铁路营运里程2000公里以上，形成“一轴四纵四横”现代化快速铁路运输，全面建成以南宁为中心的快速铁路网，南宁至北部湾经济区中心城市1小时可到达，至区内其他中心城市2小时到达，至周边省会城市3小时到达。广西年内将建成的高铁：沿海铁路南宁至钦州段、钦州至防城港段、钦州至北海段；湘桂铁路扩能改造工程衡阳至柳州段；柳州至南宁客运专线；南广铁路南宁至黎塘段、黎塘至梧州段；南广铁路项目有关负责人介绍说，作为一条跨越桂、粤两省区的南宁至广州高铁，经广西南宁、贵港、梧州，广东云浮、肇庆、佛山，到达广州，线路全长577公里，全线计划于2013年底建成通车。如果按照设计时速250公里/小时行驶，3小时内即可以完成全程。广西人很快就可以享受到高铁风驰电掣的速度，在家门口坐上高铁了。祝你玩的开心。如果您对我的答复满意，对您有用的话，请选择“对我有用”哦，谢谢您的采纳。</t>
  </si>
  <si>
    <t xml:space="preserve">女人什么时候不能做爱我女友妈告诉她月巾期前三后四都不能做爱请问是 </t>
  </si>
  <si>
    <t>月经前三后四是安全期，可以的。月经期间也可以，但最好不要，这样女性容易得妇科病。还有怀孕三个月后就不要做了啊。</t>
  </si>
  <si>
    <t xml:space="preserve">属性石头会暴吗?如果上衣打水属性,武器打火攻击那么还有用吗?属性 </t>
  </si>
  <si>
    <t>属性石在战３大ＦＢ打ＢＯＯＳ掉，每次会掉２个，一个是攻击，一个是防．合属性石一般用５Ｊ的合成工具．但是，任何石头都不是一合就成功的，属性石也一样，现在光通在卖属性石，合属性石的成功率也不高了．武器上合火攻击，上衣打水属性，两个属性不会相互相克，相克是说同一个装备上合不同的属性会相互抵消，没有属性．</t>
  </si>
  <si>
    <t xml:space="preserve">头皮屑超多还痒,掉头发也多,怎样解决?请指教!各位给推荐些管用的? </t>
  </si>
  <si>
    <t>如果是一段时间这样的话，你需要注意几个问题1：饮食清淡，不吃油腻辛辣食品2：生活规律，早睡早起3：减少压力另：根据你的描述，估计是脂溢性脱发，可以适当增加洗头次数，可用康王洗液来洗头进行治疗，一定不能吃油腻辛辣食品。</t>
  </si>
  <si>
    <t xml:space="preserve">钢丝绳的拉力及火车罐牵引力的计算问题有2个：1、用一个钢丝绳去拉 </t>
  </si>
  <si>
    <t>钢丝绳的破断拉力与钢丝绳的直径,结构及钢丝的强度有关.钢丝绳破断拉力＝换算系数×钢丝破断拉力总和.一般常用钢丝绳换算系数:6×19＋1钢丝绳取0.856×37＋1钢丝绳取0.826×61＋1钢丝绳取0.80钢丝的公称极限强度(Kg/mm~2):140、155、170、185、200等.钢丝绳的破断拉力可用近似算式求出:破断拉力≈50×直径×直径式中,破断力以公斤计,直径以毫米计.钢丝绳的安全系数:作缆风:3.5用于手动起重设备:4.5用于机动起重设备:5-6作吊索:6-7作捆绑吊索:8-9允许拉力:根据钢丝绳的破断拉力与安全系数.允许拉力＝破断拉力/安全系数.你可根据上述公式来进行计算.</t>
  </si>
  <si>
    <t xml:space="preserve">不知道要怎么做才好我是个大学生,我有个喜欢的男生,是在我们接触了 </t>
  </si>
  <si>
    <t>不一定都要相爱，不一定都要相守我们在一个五彩斑斓的世界,　　在这个世界里不光有着美丽的风景，　　同样也有着不同个性、不同气质、不同人格魅力的人。　　在漫漫的人生途中，你会相识相遇很多的人,　　不同的人身上有着不同的品质及魅力,　　欣赏、喜欢和爱，便成了我们最难把握的尺度。有人说：　　男人和女人最重要的是相知相爱,　　其实,　　在你的一生中真正能打动你的人远远不止一个,　　都去相爱吗？很不现实，　　爱是一种用心投入的狭隘的情感，它美好但独立而排他。当你爱一个人的时候,　　便想完完整整的拥有他，包括他的思想，他的情感，以及他整个人。　　但每一次的感动过后，你又能长久的拥有吗？没有永远不变的思想,　　也没有永远唯一的情感，所以重要的不是爱，而是欣赏。优秀的人身上会分散着诱人的光彩,　　他不仅吸引你，同时也吸引着和你同样有着鉴赏能力的人。　　就象美丽的风景，它的存在不是为了一座山，一片旷野，　　而是为了整个自然，是为了点缀这美丽的世界，　　是为了让更多的人去欣赏、去品味、去陶醉其间。不同的人，不同的品味会对同一幅景象产生不同的感觉,　　晶莹的雪山有着冰清玉洁的美，潺潺的小溪有着清秀自然的美,　　波澜壮阔的大海有着宽广豪放之美，每一种美都给人不同的震撼。每一个人都是有血有肉有灵魂的, 　　他们的身上同样散发着不同的美，每一种美好的品质都是诱人的。　　任何时候，学会用欣赏的眼光去看待世界，看待你周围的人,　　你便会更坦然地面对一切了。人性的弱点就是想占有,　　想占有自己喜爱的一切东西，但人又是有思维的,　　这种思维随时都在变，没有一种情感是永恒不变的。　　所以，不要奢望你能拥有很多，用一种平常心态去欣赏一个人,　　就象欣赏一幅画一样，你会很快乐，也会很坦然。当你用一种平常的心境去认识一个人,　　结交一个人的时候，你便会没有了一些私情杂念,　　你们便可以自由随意的交往,心也便会一点点的交融，　　真正的朋友便会在你欣赏的眼光中向你走来。　　友情同样是生命中不可缺少的东西，在你拥有了很多真心朋友的时候,　　你才会觉得生命的快乐。拥有一个好朋友，　　比拥有一段感情要平实的多，在人的一生中，每一次用心的投入都是一种伤害。而朋友则不同，你可以在拥有朋友的同时体味到人性的纯美、真情的可贵。友情同样是一种爱，一种更高尚更至诚的爱。这世上树叶有千万片,　　这世上人有千万种，不一定都要相爱,　　不一定都要相守，只要学会欣赏</t>
  </si>
  <si>
    <t xml:space="preserve">你认为以诚待人会有相应回报吗？ </t>
  </si>
  <si>
    <t>真诚待人肯定会有回报的。即便碰到以怨报德的人，旁边的人也看得清清楚楚，每个人的心里都有杆称，是不是？谁也不喜欢不真诚的人，不管是出于物以类聚还是怕吃亏。俺有个认识的人，没有心机，说话也经常说不到点上，还好吹个小牛儿。不过，心好，实诚，热心，大方，能吃个小亏。朋友特别多，老的，小的，小学，初中，高中同学都有来往。这位同志要买房，缺钱，上级兼同学都没等他开口，就拿出十万来告之：你用吧，我不着急，啥时有钱啥时还。上赶来的，不用骗，不用求。这叫日久见人心，真诚之心金不换呢。再补充一个，大小是个头，有点心机，很会处事。基本上也属于不错的人群的人，属于投桃报李的。眼睛不揉沙子，对偷奸耍滑的人绝不姑息，不像前一位，睁一只眼闭一只眼就过去了。不过对待好的人就特别好，身边也是朋友一堆。有事，朋友也是上赶着帮忙。所以如果有此心的人千万别因为在社会上受点打击，放弃了做人的原则。祝天下的好心人都有好报，早晚得报。</t>
  </si>
  <si>
    <t xml:space="preserve">生活中哪些事能产生乐趣和痛苦？ </t>
  </si>
  <si>
    <t>用心去体会，慢慢品位。</t>
  </si>
  <si>
    <t xml:space="preserve">烦女友是否骗我和女朋友，做爱两个多月了，没有50次，我刚开始很相 </t>
  </si>
  <si>
    <t>我和你的情况差不多，只有她自己才知道真相，我刚开始也和你的想法一样，非得搞清楚，但不可能搞清楚啊，就是处女情结吧，时间长了，自己就慢慢就想通了。我在性方面很满足，生活也幸福，她对我父母很孝顺，这比什么都重要。</t>
  </si>
  <si>
    <t xml:space="preserve">请问周线的大行情是什么意思？谢谢！ </t>
  </si>
  <si>
    <t>周线起大的三个条件道易简 | 更新时间:2010-03-21 07:56:04 | 点击数:标签： 大盘 目前短线上涨，上周收盘站在了5，10，30，120周均线之上，KDJ也金叉，短期行情是走好的迹象，是否是大行情启动？所谓的大行情，就目前的指数至少上涨600点左右，也就是涨到3700点左右，就目前的技术状态看不出大行情的迹象，这样，先以反弹对待，看3100点左右的突破和站稳。周线上要起大行情，技术上必须具备三个条件：一是5，10周均线上穿20周均线，目前20周均线在3125点左右。二是MACD出现红柱，目前绿柱值是负56，正在缩短。三是成交站上10周均量线，日平均成交在1500亿左右，这样的资金有望突破3200点左右和3300点左右的阻力。在周线上不具备这样的技术条件之前，中线不看多，不乐观，不重仓。只要出现以上三个技术条件，起大行情的概率很高。大行情的趋势一旦成立，上涨是主旋律，下跌只是洗盘，这样赚钱才容易。大盘大的上升趋势不确立，个股虽然活跃，但是难以把握，看着很好赚钱，但操作起来多被套，因此，自己的投资观念之一就是“做大趋势的追随者。”小趋势能做就做，不能做就放弃。股市中的一个俗语是“宁可错过，不可做错。”错过，你只是不赚钱，但是一旦做错了，就要赔钱，股市有个“赚的慢赔的快”的特点。对于技术自己有个观点，就是“技术不能使你快速暴富，但能让你稳定获利，在关键时刻能够避险。”当你没有暴富欲望的话，技术能让你在股海中生存下去，在股海中不被淹没才是根本。认为自己的博文“涨跌判断不重要，点位应变才重要”，以变应变才是万全之策。 它指导自己的操作，绝没有误导他人之意，望朋友们谅解。</t>
  </si>
  <si>
    <t xml:space="preserve">什么是利率敏感性资产利率敏感性资产的定义是什么？是否指的是当贴现 </t>
  </si>
  <si>
    <t>利率敏感性资产：是指那些在市场利率发生变化时，收益率或利率能随之发生变化的资产。不是指当贴现率变化时其贴现值变动大的资产,活期存款是利率敏感性资产.</t>
  </si>
  <si>
    <t xml:space="preserve">生完小孩后头发快掉光了！是什么原因？ </t>
  </si>
  <si>
    <t>您好，属于产后脱发，属于正常现象，请不要担心。如果对您的回答有帮助，请您给个苹果！（好评）</t>
  </si>
  <si>
    <t xml:space="preserve">为什么中华民族历经数次分裂却没有被消灭？其原由究竟为何？ </t>
  </si>
  <si>
    <t>首先要搞清楚，什么叫民族灭亡？许多人在定义上搞不清楚。以为外族入侵，外族统治就是民族灭亡。其实，在历史上中原民族曾经多次，在很长的历史时期被外族统治，这些外族后来才成为中华民族的一员。也有人认为，民族肉体的消灭才是民族灭亡。这也是不可能的。其实，民族灭亡是文化的灭亡。这种可能，我们不是没有。现在，数典忘祖的人越来越多，不懂历史，丢弃传统道德文化的人越来越多，醉生梦死，追求物质享受的人越来越多。各位，请记住国歌中的一句话：“中华民族到了最危险的时候。”</t>
  </si>
  <si>
    <t xml:space="preserve">打瘦脸针后脸部会不会瘦的很奇怪，一般瘦脸针价格？ </t>
  </si>
  <si>
    <t>瘦的是咬肌那个位置，就是咬紧腮帮子鼓起来的地方。不会很奇怪</t>
  </si>
  <si>
    <t xml:space="preserve">水晶饺子皮用什么粉去做？ </t>
  </si>
  <si>
    <t>1、配方 主料：土豆淀粉1份、小麦淀粉2份 2、操作步骤 （1）将1份土豆淀粉和2份小麦淀粉放入盆内混合均匀； （2）倒入开水，边搅边倒，然后将面团和匀，水与面粉的比例为3：2.5—2.8，然后用普通方法操作，即可做出水晶饺子皮。 用水晶饺子皮包好馅料后，按常规方法煮即可制成水晶饺子。</t>
  </si>
  <si>
    <t xml:space="preserve">人类探月有什么历史和成果？ </t>
  </si>
  <si>
    <t xml:space="preserve">月球是地球的近邻，它的起源一直是人类不断探索的谜题之一。研究月球可提高人类对宇宙的认识，包括认识太阳系的演化及特点，认识地球自然系统与太空自然现象之间的关系。月球表面保留着数十亿年前与彗星和小行星碰撞的痕迹，而地球上的地质变化销毁了这些记录。因此，探测月球可以提供有关地球上生命起源和进化的线索。     人类对月球的探测和研究始于２０世纪５０年代。１９５７年苏联发射第一颗人造卫星并于１９６１年把加加林送上近地轨道之后，人类便开始闯入太空并着手探测月球。     美国和苏联曾展开了一场以月球探测为中心的空间科学技术竞赛。从２０世纪５０年代末到７０年代初，苏联共向月球发射了３２个探测器，这些探测器或逼近或登陆月球，取得了丰硕成果。期间，美国也向月球发射了２１个探测装置。１９６９年７月，美国“阿波罗１１号”飞船 实现了人类登月之梦，在月球探测中取得最辉煌的成果。      与冷战时期相比，各国在新世纪的探月活动呈现出新特点。当时美苏探月的目的是满足政治和科技需要，而现在各国的主要目的是把科学探索和经济需求相结合，以探测月球资源为主，为未来月球资源开发、利用奠定基础。     从规模上看，现在人类探测月球的规模更宏大。各国陆续发射采用最新技术成果的多种先进月球探测器，收集各种月球地理数据，从月表到月球内部结构都有研究。现在加入“月球俱乐部”的国家越来越多，打破了少数国家垄断探月的局面。      ２００８年７月，美国、印度、韩国、日本、加拿大、英国、法国、德国和意大利签署了联合探月协议，共同发起了名为“国际月球网络”的探月活动，计划逐步在月球上建立数个科学站。航天大国俄罗斯也制定了本国的月球探测计划。 【各国探月工程】　 全球迄今进行了126次月球探测活动 成功率50%◆ 美国 １９７２年美国“阿波罗计划”结束以后，由于探月活动耗资巨大，月球探测一度有所降温。然而，人类还是抵挡不住月球独特自然环境和资源的诱惑，再加上现代航天技术的发展为人类提供了进一步探测月球的可能性。２０世纪９０年代后期，人们又把目光投向了月球。     美国于１９８６年提出重返月球建立月球基地的设想，并在１９９４年和１９９８年分别发射了两个探测器。其中，１９９８年１月发射的“月球勘探者”，以绘制月球表面地形图、分析月球地质结构和寻找月球存在冰或水证据等为目的，于１９９９年７月完成使命。      美国还于２００６年４月提出一项撞击月球南极的计划。美国航天局希望这一项目能成功找到月球存在水的证据，以有助于未来宇航员登陆月球并建立长期基地。这一项目将利用美国航天局计划于２００９年发射的“月球环形山观测与感知卫星”来撞击月球，以探测月球是否有水存在。     ２００９年６月１８日，美国航天局利用一枚“宇宙神－５”运载火箭将两个月球探测器发射升空，这标志着美国“重返月球”计划正式启动。       美国的月球探测史  美国是最早开始探测月球的国家之一，其取得的探月成果尤为显著。     “阿波罗计划”在美国探月史上居首要地位。１９６１年５月，当时的美国总统约翰·肯尼迪宣布要在此后１０年内实现载人登月。     为了登月，美国航天局以１９６５年和１９６６年的两次“双子座”计划作为铺垫，为登月提供了至少３方面的关键经验：长时间太空飞行、太空行走和飞船对接。在此期间的一些无人探测项目也为登月作了准备。     但“阿波罗计划”出师不利。１９６７年１月，阿波罗１号飞船发射台起火，３名宇航员遇难。美国航天局不得不重新设计飞船，提高安全系数，整个计划也因此耽搁。     从１９６８年１０月到１９６９年５月，阿波罗７号至阿波罗１０号飞船，先后测试了改进后的飞船系统组件。阿波罗１０号飞船在环月球轨道上成功飞行，为载人登月扫清了障碍。     １９６９年７月２０日，美国的阿波罗１１号飞船成功在月球着陆，宇航员阿姆斯特朗在月球表面留下了人类第一个脚印。同年７月２４日，这艘飞船载着宇航员顺利返回地球。此后，美国又实施了６次在技术方面更复杂的探月活动，其中除阿波罗１３号飞船未能按计划登月外，其他几次都获得成功。     “阿波罗计划”让１２名宇航员登上月球，带回了约４４０公斤的月岩样品，获得了大量月球照片、月球表面的科学数据和环月球轨道试验数据等，使研究人员对月球的认识上升到前所未有的高度，也为美国日后的月球探测奠定了基础。     由于财政预算紧缩等种种原因，“阿波罗计划”之后的近３０年间，美国的探月步伐大大减缓。近年来，基于月球本身重要的科研和开发价值，美国对月球又重新关注。２００４年１月，美国时任总统布什提出“新太空探索计划”，其中包括“重返月球”。     目前，美国正在实施“重返月球”的第一阶段计划，研制新一代载人航天器——“奥赖恩”，并设计未来的月球永久基地。    ２００９年６月１８日，美国航天局利用一枚“宇宙神－５”运载火箭将两个月球探测器发射升空，这标志着美国“重返月球”计划正式启动。８月１４日，负责评估美国载人航天计划的奥古斯丁委员会向白宫提交初步报告称，如果美国航天局的预算不能得到大幅提高，美国２０２０年重返月球的计划将无法按时实现。    ２０１０年２月１日，美国总统奥巴马向国会提交２０１１财政年度政府预算报告，建议国会在未来５年内为美国航天局增加约６０亿美元预算，但同时建议取消美国的重返月球计划，而将火星作为美国载人航天计划的目的地。◆ 俄罗斯１９５７年苏联发射第一颗人造卫星并于１９６１年把加加林送上近地轨道之后，人类便开始闯入太空并着手探测月球。从２０世纪５０年代末到７０年代初，苏联共向月球发射了３２个探测器，这些探测器或逼近或登陆月球，取得了丰硕成果。◆ 中国２００７年１０月，中国“嫦娥一号”卫星踏上“奔月”旅程，并在一年多后成功撞月。我国有望在２０１３年有望实现探测器在月球表面软着陆。根据规划，中国将在２０２０年前完成对月球的无人探测。    ２０１０年９月２９日，中国西昌卫星发射中心负责人宣布，嫦娥二号任务发射场区指挥部第二次会议研究决定，嫦娥二号任务拟于９月３０日开始加注火箭推进剂，１０月１日至３日择机实施卫星发射。◆ 日本 ２００７年９月，日本绕月探测卫星“月亮女神”发射升空。它取得多项成果，包括描绘出世界首幅高精确度月球全球地形图；发现月海底部存在弯曲的层状构造；发现月球表面正面和背面重力存在差异等。 ◆ 印度２００８年１０月，印度发射首个无人探月器——“月船１号”，它利用携带的各种仪器收集月球地理结构、化学构成及矿藏等数据，并收集月球地理数据以绘制高精度的三维月球地图。但到２００９年８月底，“月船１号”与地面失去联系，任务被迫终止。印度科研人员正在研制新的无人探月器——“月船２号”，预计２０１３年上半年发射升空。 【欧洲探月工程】２００３年９月，欧洲第一个月球探测器“智能１号”顺利升空，并在完成观测使命后，于２００６年９月成功撞击月球。欧洲还计划未来让宇航员登陆月球并分阶段建立月球基地。【近年来撞月的探测器】    为加强对月球的研究，近年来，多个国家和机构实施了撞月计划。科学家介绍说，撞月过程可以得到探测器绕月过程中无法获得的宝贵信息。    ２００６年９月３日，欧洲航天局月球探测器“智能１号”成功撞击月球，以对月球的 “温柔一击”结束了近３年的太空之旅，奏响了人类新一轮探月高潮的前奏。 ２００８年１１月１４日，在飞行３８．６万公里后，印度月球探测器“月船１号”所携带的重２９公斤的月球撞击探测器成功撞击月球。     ２００９年３月１日，在科技人员的精确控制下，中国嫦娥一号卫星准确落于月球东经５２．３６度、南纬１．５０度的预定撞击点，成功完成硬着陆。  ２００９年６月１１日，日本绕月探测卫星“月亮女神”结束收集月球观测数据的使命，于日本当地时间１１日３时２５分（北京时间２时２５分）在地面工作人员的控制下坠落月面预定区域。 ２００９年１０月９日，在经过近４个月的飞行后，美国半人马座火箭、月球坑观测和传感卫星相继撞击月球南极地区，以在月表之下寻找水冰存在的线索。 </t>
  </si>
  <si>
    <t xml:space="preserve">8a英语总结及试题8a英语第三单元总结及试题带答案的 </t>
  </si>
  <si>
    <t>暂时还没有找到，如果找到了会第一时间分享的，见谅。另外，英语口语频道  是广大英语口语练习者的练耙基地，可以测试摸底自己的英语水平，和交流生交朋友，一起加油！</t>
  </si>
  <si>
    <t xml:space="preserve">孩子每到冬天嘴巴下面就生疮 </t>
  </si>
  <si>
    <t>口边生疮多是肝胆火旺造成的，可以用龙胆泻肝丸治疗两三天，然后改用知柏地黄丸巩固一两个月。</t>
  </si>
  <si>
    <t xml:space="preserve">帮帮我吧!!!!!!我现在在试孕阶段,但是这两天感冒了,咳嗽,气 </t>
  </si>
  <si>
    <t>我建议这个月不要试孕了，如果怀孕了，也没有你身体健康没有吃药的时候怀孕的孩子聪明，现在都讲优生优育！！何况你吃的药是不利于要小孩子的。</t>
  </si>
  <si>
    <t xml:space="preserve">急呀,男宝宝我是剖腹产生下儿子的,现在儿子五个半月了但是阴囊还没 </t>
  </si>
  <si>
    <t>你说的情况我家宝宝也有，我也看过医生，他说这叫婴幼儿鞘膜积液。是由于静索部鞘突未完全闭合或闭合异常致鞘膜囊与腹腔仍相通，鞘膜内的液体流人鞘膜囊造成的。如果有少量积液，一般2岁以内可自行消失。你在日常照看他时，不要让他大哭。注意保护阴囊皮肤。不放心的话再去问问医生，那些东西还是不要吃的好，孩子太小了</t>
  </si>
  <si>
    <t xml:space="preserve">物品栏快满了。。十万火急啊我的电脑现在进天堂2里面和商店里的NP </t>
  </si>
  <si>
    <t>更新一下试试看，虽然也许不好更新了...物品栏右下角有个垃圾桶的图标不是？把不想要的东西拖到那个上面就好了，连见习衣服都能扔。要不就找点垃圾直接扔地下吧。好东西找仓库存了或者转了，又花不了多少钱。还有，点NPC之后，要是服务器忙的时间，交易窗口出来总是要慢些的。再不行，就只好诉求GM了。</t>
  </si>
  <si>
    <t>足喜冲天亮单</t>
  </si>
  <si>
    <t>楼主每期都是第一个晒单啊，支持，好运！</t>
  </si>
  <si>
    <t xml:space="preserve">分电器式点火系统是不是也提供发动机转速信号啊?我弄的是昌河北斗星 </t>
  </si>
  <si>
    <t>发动机的转速信号不是由分电器传输的，是由曲轴位置传感器传输的。发动机的转速也就是曲轴的转速，分电器连接的是凸轮轴，分电器的作用是按照点火顺序依次给各个汽缸点火，分电器上没有传感器无法传输信号。</t>
  </si>
  <si>
    <t xml:space="preserve">北京人的工资一个月一般都是多少？ </t>
  </si>
  <si>
    <t>我只知道毕业生行情：北京市公务员：1500国家公务员：2000起国企职员：1200外企（如四大会计师事务所）：4000起私企：1200——2000，有些港资的企业会稍微给多一些。在私企工作就等于生活在万恶的旧社会，你可要想清楚了。</t>
  </si>
  <si>
    <t xml:space="preserve">请问鲜松茸和干片哪种比较好？ </t>
  </si>
  <si>
    <t>当然是鲜松茸。吃松茸一定要选择鲜松茸，它在营养的完整和味道方面都是最好的。干片看起来价格比鲜松茸便宜，但算下来其实性价比不如鲜松茸，而且你得到的滋补效果是不一样的。买点鲜松茸，回去蒸着吃，是最有营养的。?不要吃酒店里的烤制、炸制松茸，营养几乎没有，而且特别贵，完全没有性价比。</t>
  </si>
  <si>
    <t xml:space="preserve">高分悬赏!我该选什么样的专业?我是点招进入大学还没有选专业,请问 </t>
  </si>
  <si>
    <t>市场营销</t>
  </si>
  <si>
    <t xml:space="preserve">错过最晚首次使用时间的老卡要维持使用下去中途该怎样充值我平时极少 </t>
  </si>
  <si>
    <t>我建议你冲10元看看  因为 如果他是骗人的话  10元也不心疼   （中国移动.中国联通。最少充值5元或10元，5元的时候是下午，上午是10元。）</t>
  </si>
  <si>
    <t xml:space="preserve">公司名的前面为什么要加地区的名称？比如说万嘉公司有：中国万嘉股份 </t>
  </si>
  <si>
    <t>你好！这方面的问题到你所在地的工商局咨询一下就明白了！</t>
  </si>
  <si>
    <t xml:space="preserve">孩子经常流鼻血是什么原因？　我老公小时候经常流鼻血，现在长大了好 </t>
  </si>
  <si>
    <t>我儿子也是，不过去医院看医生说他线样体肥大，导致他呼吸不畅，小手使劲的揉鼻子，所以经常流鼻血。建议你带他去医院检查一下，心里会塌实些。</t>
  </si>
  <si>
    <t xml:space="preserve">刚要学习3DMAX请问要学习那个主流版本好，中文好还是英文好 </t>
  </si>
  <si>
    <t>以前没有正式中文的年代，都得学英文版，后来正式中文出现后部分人采用中文版，但还有相当多的人保留用英文版，原因是很多大公司要换一个正版软件是要钱的，但用中文是个趋势，逐步都会用中文版，象AUTOCAD、PS、AI、CDR现在不是差不多都是中文版的吗。</t>
  </si>
  <si>
    <t xml:space="preserve">你对银行的理财怎么看? </t>
  </si>
  <si>
    <t>就是理财，没什么特别的</t>
  </si>
  <si>
    <t xml:space="preserve">天马一个小时能在A区中赚多少CT </t>
  </si>
  <si>
    <t>做挑战的路线记录吧,会有4W的</t>
  </si>
  <si>
    <t xml:space="preserve">月经第一天减少第二天特别多以前月经第一天就比较多，二三天流量差不 </t>
  </si>
  <si>
    <t>这是正常的吧，我也这样啊，这个月经日期是按阴历算的，你可以算一下</t>
  </si>
  <si>
    <t xml:space="preserve">怎么样才能蒸出嫩嫩的鸡蛋羹呢？？宝宝快9个月了想给她蒸鸡蛋羹，不 </t>
  </si>
  <si>
    <t>很简单,蒸的时候水开2分钟后把锅盖打开,放放气,然后盖上锅盖继续蒸5分钟就可以了.这可是个小窍门呀!</t>
  </si>
  <si>
    <t xml:space="preserve">补充维C能美容吗？ </t>
  </si>
  <si>
    <t>有效果，不过效果来得慢些，对身体情况是有整体的提高。</t>
  </si>
  <si>
    <t xml:space="preserve">激战什么时候公测？ </t>
  </si>
  <si>
    <t xml:space="preserve">嫦娥一号升空时间是几点几分？ </t>
  </si>
  <si>
    <t>下午6时5分嫦娥升空时间</t>
  </si>
  <si>
    <t xml:space="preserve">装了XP和WIN7双系统,重装XP时键盘和鼠标都失灵了刚想起来要 </t>
  </si>
  <si>
    <t>如果要双系统，两个系统不能装在同一个分区里，而且必须先装低版本的，再装高版本的。楼主估计是用XP覆盖了WIN7了。如果想要双系统，只要再划分一个主分区出来，重新安装WIN7至另一个主分区即可。至于键盘鼠标，你是不是使用的USB键盘和鼠标，在确认你键盘鼠标本身没问题的情况下，检查你的BIOS设置。 这里是详细的BIOS设置图解文档。你需要设置的就是USB，全部开启。希望对你有帮助如有疑问，可以给我留言</t>
  </si>
  <si>
    <t xml:space="preserve">我是20级暗杀者，要到哪里去赚钱？我是20级暗杀者，现在穿D3的 </t>
  </si>
  <si>
    <t>都是废话.你最好到.魔法学院.的桥里面的房间打.有蜘蛛.豹.僵尸.只有蜘蛛主动的.自己一个屋没问题.不要组队.升级快.又赚钱.钱够了.买把刺客刀.你的刀太垃圾..我原来为了买刀把刺猬都卖了.穿骨片甲拿反曲.再魔法学院一样混.但是不要上骷髅房.又人组你.你也不去.就自己咱钱买反曲刀.突刺不着急.有了反曲在买刺猬.和商店最好的头.鞋.手套.一个8.6W.完了还上魔法学院桥里面打.你有着些装备了旧到僵尸房打.一宿最少30W.不要组队.自己一个屋</t>
  </si>
  <si>
    <t xml:space="preserve">这样是什么意思?光阴似箭；似流水年华！往事随风；不寻也罢！！留一 </t>
  </si>
  <si>
    <t>嗯，我仅仅是提一个自己的看法，不一定对，你参考一下！他这四句话的意思我看是说：当年很喜欢你，按表达出来的意思应该是很久以前，很多年过去了，当年的那份感情经过了这些年是是非非已经变了样，感情已经变成了感觉，他想保留这份回忆！这个感觉不是很容易说清楚，我说我自己的事情吧，我在高三的时候很喜欢班上的一个女生，她那那种柔弱的感觉正好很打动我，我一直没有表白，现在我大学毕业都一年多了，大学毕业以后我们又有了联系，我们称为很好的朋友。但是当年那份心动的感觉再也不在了，那个柔美的女孩以后也只会在我的记忆里出现了，所以我们现在仅仅是好朋友！我想这个男生应该也是这种感觉，就像电视剧《武林外史》里黄海滨扮演的沈浪说的那样：“在那一刻我们错过了，错过了就很难找回来了》</t>
  </si>
  <si>
    <t xml:space="preserve">带有邮票的信封上要不要写寄信人的地址？如题？ </t>
  </si>
  <si>
    <t>要的,万一找不到收件人或者出现其它特殊情况,可按寄件人地址原信退回.</t>
  </si>
  <si>
    <t xml:space="preserve">粉丝后援会认证蓝V需要什么资料 </t>
  </si>
  <si>
    <t>需满足以下要求：1、上传明星经纪公司加盖公章的机构认证公函；2、上传新浪微博唯一粉丝团授权函（需写清是明星在新浪微博认证的唯一粉丝团）；3、认证帐号需粉丝在500人以上且与明星互粉；4、昵称应为XX官方粉丝团，XX粉丝会，XX后援团等，不得为XX贴吧，XX粉丝网，XX粉丝论坛等。</t>
  </si>
  <si>
    <t xml:space="preserve">机战的任务栏在哪里? </t>
  </si>
  <si>
    <t>双击任务时间</t>
  </si>
  <si>
    <t xml:space="preserve">那里的双语幼儿园最好啊？现在的幼儿英语教育培训班太多了，有没有一 </t>
  </si>
  <si>
    <t>可以看看艾毅幼儿园。那里有很多外国小朋友和外教，我有个朋友就在那里当老师，环境不错</t>
  </si>
  <si>
    <t xml:space="preserve">产后月经不规律怎么办？急啊！嫂子的生完baby半年了，月经一个月 </t>
  </si>
  <si>
    <t>这个和心情等都有关系，一定不能着急，可以去韵安韵祺调理一下，比较适合哺乳期的妈妈们，温和不剧烈。</t>
  </si>
  <si>
    <t xml:space="preserve">怎么做会计分录？仓库发出甲材料120000元，其中A产品耗用40 </t>
  </si>
  <si>
    <t>借：生产成本-A产品 40000借：生产成本-B产品 80000借：制造费用        5000借：管理费用        3000贷：原材料-甲材料 128000</t>
  </si>
  <si>
    <t xml:space="preserve">如何写关于护士形式象的倡议书最近我院在对护理人员进行礼仪培训,主 </t>
  </si>
  <si>
    <t>你好!在我去过的,在我所见到护士中......始终感觉,护士---在人们心目中的形象就是白衣天使，在人们心目中永远都是那么纯洁、体贴、温柔、细心......我不知道你们医院的护士哪方面做的不够?哪方面需要改善?不过,我建议在倡议书里最好不要用"改善",而用"提高"这个词大家心理感觉会好受一些......倡议书具有广泛发动，调动集体和大多数人群策群力，共同奋斗的作用。倡议书的写作格式和一般书信相似，由标题、称呼、正文、结尾、落款五部分组成。 （1）标题。多数情况下直接用“倡议书”三个字标题，也可在“倡议书”三个字前概括倡议的内容。比如:建立和提高护士形象倡议书 （2）称呼。可根据受倡议对象选用适当的称谓。如“同事们”、“护士姐妹们”等，也有的倡议书不另起行写受倡议对象，而是在正文中指明。 （3）正文。正文是倡议书的重要部分，主要写倡议的背景，倡议的对象、目的、内容、意义和要求。 （4）结尾。表示倡议者的决心、希望以及建议。 （5）落款。写倡议者的名称或姓名，发倡议的时间。 示例：                              倡议书 全体护士姐妹们： 为了提高护士形象,更好地服务于病人,在护士节[护士节是什么时候?我乱编的,你自己改哦!]即将来临之际，谨向大家发出如下倡议； 一、 二、三、四、姐妹们:让我们保持和继续发扬白衣天使的精神，从我做起，振奋精神，团结一致，为塑造新一代白衣天使的形象而努力吧。 护士长:点点862282007年7月12日希望上述说明对你有所帮助!</t>
  </si>
  <si>
    <t xml:space="preserve">精子不液化怎么办？会不会影响生育，为什么医生说没问题 </t>
  </si>
  <si>
    <t>你好，精液不液化使精子活动受限,减缓或抑制精子进入子宫腔受精而引起不孕症.精液粘稠度增高,将影响精子活力和存活率.同时精液中所含蛋白溶解酶可使稠厚的宫颈粘液液化,因此,精液粘稠度增高也会影响精子穿透宫颈粘液的能力,导致不孕.所以精子不液化在没有采取有效的治疗之前是很难生育的</t>
  </si>
  <si>
    <t xml:space="preserve">wumingyi,请教周岁宝宝的牙齿问题我儿子就快一周岁了，这段 </t>
  </si>
  <si>
    <t>我家宝宝刚开始的时候牙齿之间的缝隙也比较大,长一长就好很多了,但你宝宝的情况是不是相同就不知道了!不过我建议多去几家医院检查一下,汇总一下,看大家是不是都是同样的诊断很建议,如果是你在考虑或网上查一下相关资料,如果不一样,那么你就要慎重了!</t>
  </si>
  <si>
    <t xml:space="preserve">美日50年内可能再开战吗? </t>
  </si>
  <si>
    <t>很有可能。因为日本一直是个经济世人，但是其也是个政治侏儒。它一直想在亚洲做龙头老大。而美国在21世纪的战略重点也将转到亚洲。两者虽是同盟，但如果牵涉到两者的实际利益，那同盟也会变成敌人</t>
  </si>
  <si>
    <t xml:space="preserve">求杨乐乐的详细个人资料！ </t>
  </si>
  <si>
    <t>杨乐乐个人档案　　姓名：杨乐乐　　生日：6月23日　　：巨蟹座　　身高：168cm　　体重：45kg　　最喜欢的颜色：蓝色黄色紫色　　最喜欢吃的食物：麻辣火锅日本料理　　最喜欢的宠物：狗　　爱好：运动听音乐看电影　　最想去的国家：埃及希腊　　最想做的事情：环游世界　　性格：开朗、随和　　爱好：唱歌、旅游　　家庭成员：父母、哥哥　　喜欢的歌手：王菲、whitncy Houston、Macy Gray　　喜欢的打扮：休闲装 尤其是迷恋牛仔裤　　喜欢的食物：重庆火锅、日本料理　　喜欢收藏的物品：帽子、眼镜、手表　　喜欢的运动：海上运动(潜水、骑摩托艇)、台球、乒乓球、游泳　　最大的愿望：当然是球游世界、帮助需要帮助的人　　总是有人问我：“哎，乐乐，这是你的真名吗？”我每次都要用非常肯定的语气回答：“当然，从小到大都是这名儿，而且是我妈妈早在我出生前就起好的。”这就是他们二老的希望，“快乐就好。”　　可是人心真是自然界最遥不可及的欲海，想得到的太多太多，但要求越多离快乐的距离也就越来越远，所以，在快乐面前，你应该学会变成一个容易满足的乖孩子。一个会心的眼情，一张温暖的笑靥，一声真诚的问侯，一个善良的祝福，就能变成一颗颗棒棒糖，开心果，把你轻而易举的带回到快乐的童年，至于我自己，每天能够与大家共同来欣赏好的音乐，来分享这份快乐就是我的幸福。　　不是有人说过吗？快乐并不是幸运的结果，它常常是一种德行，一种英勇的德行。　　那么。从现在开始，表明你的态度，拿出你的行动，让自己快乐起来！要做幸运的人　　--乐乐　　幸运的人一出世就知道长大了要做什么，最迟也会在三岁前做出决定。不幸的认识那些活了一把年纪仍然不知道自己要做什么。　　我呢抓住了幸运的尾巴，虽然决定我"终生大事"的时间晚了点，但却找到了我的最爱--做一名支持人。然后又遇到了我心爱的《音乐不断》。　　所以，根据我的经验做一个幸运的人其实很简单，因为它是可以自己把握的。　　首先，你要有一件你想做的事情，说的书面一点也就是你的宏图大志，你要勇敢地去实现它，不管会遇到多大的困难和阻碍，也不计结果会怎么样，只要你努力地去做，别的不说，至少有一点我敢保证，你一定是快乐的！　　我想，最有这方面体验的，应该是现在正参 们《艺星制造超级偶像选拔赛》的选手们，我们这个活动的口号是"最严酷的考验，打造最闪亮的新星"，选手们并没有被它所吓倒。当他们站在舞台中央，我看得出有些人是自信满满，有些人都是胆颤心惊，而有的人更是遭遇到残酷的打击。但多年以后，当他们再回忆起这段经历，一定会阳光灿烂地说："我没有后悔过，我做了我最想做的事，所以我是最最快乐的。"　　没错，我们都是快乐的，也是幸运的人，因为我们都把握住了每一次机会。</t>
  </si>
  <si>
    <t xml:space="preserve">一个十五岁逃犯男孩饿昏在小路上,一十八岁大姑娘见了不想理会,眼争? </t>
  </si>
  <si>
    <t>那姑娘应该将男孩抱回家吃饱肚子,然后叫他去自首,一定可减轻处罚,现在早自由了.</t>
  </si>
  <si>
    <t xml:space="preserve">世界那里最美风景最美的那里，最适合居住的地方是那里~~~请在发张 </t>
  </si>
  <si>
    <t>新疆KANAS湖，中国的瑞士风光，照片太大发不过来。最适合居住：昆明、贵阳、合肥、成都。</t>
  </si>
  <si>
    <t xml:space="preserve">英语翻译成汉语Ruthfoundthewaterpipeleak </t>
  </si>
  <si>
    <t xml:space="preserve"> 一天早上,鲁思发现水管漏了,她打电话让水管工来修理.但是,她认为在水管工来之前,还有一些时间购物,因此,她外出购物了. 通常,水观工来的是很快的, 他(水管工)敲门,鲁思还没回来,她的鹦鹉问到"谁啊"? 水管工回答"修水管的".鹦鹉的词汇是有限的, 它只会重复"谁啊?", 水管工奇怪,但是他也重复回答"修水管的",就这样重复了好长一段时间,水管工最终昏倒了. 就在那时,鲁思回来了,她惊奇的发现一个陌生人躺在她家门前,她问到"你是谁啊?" 到现在,鹦鹉已经学会了一个新句子, 它回答到"修水管的" 一个笑话</t>
  </si>
  <si>
    <t xml:space="preserve">哪里有卖男款童靴啊？ </t>
  </si>
  <si>
    <t>商场，专卖...</t>
  </si>
  <si>
    <t xml:space="preserve">未知数x是什么请问哪位高人知道为什么未知数x，而不能是其他哪？有 </t>
  </si>
  <si>
    <t>不一定是X。未知数可以用任何字母表示的，比如：Y，Z，M，N，K，A，B，C......等等。因为数学家笛卡尔首先在《几何学》一书中使用X，Y，Z表示未知数，所以，后来，人们就用X表示未知数用得比较多。</t>
  </si>
  <si>
    <t xml:space="preserve">股票发行费用主要包括中介机构费、上网费和其他费用？ </t>
  </si>
  <si>
    <t xml:space="preserve">证明aOA=bOB+cOC是O为∠A的旁心冲要条件.(注：OA，? </t>
  </si>
  <si>
    <t>可以去看2012-11-01，00:53同一提问中我的详细回答，在此不重复打字了.</t>
  </si>
  <si>
    <t xml:space="preserve">和女友一起睡觉的时候多梦，什么原因？我平时睡觉的时候虽然不是睡得 </t>
  </si>
  <si>
    <t>你的心理压力太重了  你太在乎你的女友了！放下心来！就当和普通睡觉一样！睡觉前在做一些运动！那样会更好！！！</t>
  </si>
  <si>
    <t xml:space="preserve">分手了，现在应该如何调适自己彼此都很爱对方，但是他必须对已经拍拖 </t>
  </si>
  <si>
    <t>1，面对现实，你很喜欢他，他很喜欢你，但是你们不可能在一起。这是最关键的，无法面对的话永远都好不了。2，不要尝试去骗自己，假如啊，如果啊，都不要去费劲了，这些假设只能带来甜美的奢望，面对苦涩的现实，心情只能加倍苦涩。3，冷静，你现在很痛苦很郁闷很孤独，很容易被其他人的一些谎话打动，因为你现在对感情2种可能，一种是比较厌恶，不再相信任何人，一种是，比较期待，厌恶还好点，期待的话就可能上当受伤，因为没有免疫力，到时候伤上加伤更痛苦。4，宣泄感情，你的心情很差，而且不断滋生。你需要不断的把垃圾倒出来，倒哪呢？啊，朋友啊，什么的，因为感情不能完全靠堵，越堵越厉害，就象水坝一样，到时候跟洪水爆发，得堵得放啊，要一直堵，损失就大了。在倒心情垃圾的时候，也是你自己跟你自己对话的过程，很多道理你要比其他人更明白的，在不停的倒垃圾过程中，你会慢慢的接受现实，不是叫你装坚强啊，这个阶段把不愉快都倒掉好了，哭也是个好办法，哭出来很舒坦不憋屈。因为感情问题对我们很重要，我们会很放大的看这个问题，所以很严重，但是稍微缩小点，是一次失恋，如果平时一个朋友对你说她失恋了，你感觉怎么样呢？所以哦，你要在宣泄感情的过程中，慢慢缩小问题哦。5，转移视线，如果能面对现实，而且宣泄的差不多，不再无心从事其他东西后，开始转移视线，以前根本是没法睡好的，也是没心情搭理外观的，先补回来吧，购物啊，逛街啊，锻炼啊，都行，反正能暂时不想这个事的事都行，但是别企图彻底忘记，这事能跟你一辈子的，只是到时候对待的感觉和态度是不一样的。6，心慢慢麻木了，不疼了，就开始报答吧，因为在你痛苦的时候，你周围很多人也在操心和痛苦，尤其是父母，如果OK了，那你就多跟他们说说话，多笑笑，表示你已经OK了，不用他们再担心了。7，振作起来，从你的描述里来看，你没有自私的干涉一段幸福的感情，我真的很佩服，你做了很理性的选择，你知道换位思考，（当然如果那男的真是要背叛了那姑娘也不能要他，他能背叛9年的感情，背叛你更容易。）所以说你是个好姑娘，这世界好姑娘不多的，咱这素质，是高配，好好整理下，先忙忙工作吧，因为工作可以接触到更多的人，而且工作累的话也会催生对异性的依赖还有好感。希望这些好的憧憬和需要能把你带出心情的阴影。明天不一定会更好，但是更好的明天一定会到来的。</t>
  </si>
  <si>
    <t xml:space="preserve">D防具加防后能增加多少个D精?请问加了3点防后的D防具能多砸多少 </t>
  </si>
  <si>
    <t>肯定增加！具体数量不知道。</t>
  </si>
  <si>
    <t xml:space="preserve">刚刚换了一个新浪马克杯，有点担心刚刚看到礼品上线，有我想要的马克 </t>
  </si>
  <si>
    <t>呵呵，普通邮件的话，特别是邮政的话，弄坏了就是你的事情！我曾经中过些奖品，是玻璃制品，等我去拿的时候，发现东西都是碎的，于是找邮政论理，那知道它们取出个条文来！原来在邮政邮寄玻璃制品（陶瓷不清楚，但估计差不多）是损坏不负责的！而邮寄的人也清楚，就tmd害我浪费时间和电话费！----希望陶瓷和玻璃不一样吧。</t>
  </si>
  <si>
    <t xml:space="preserve">关于on...wayonmywayhere/there.什么意思 </t>
  </si>
  <si>
    <t xml:space="preserve">在我到这/到那的路上。类似的有：on my way home          on my way to the school注意：here/there/home在此均是副词，不能加to.      </t>
  </si>
  <si>
    <t>化会22</t>
  </si>
  <si>
    <t>1）溴水和酸性高锰酸钾反应，二氧化硫可以 都会褪色 因为酸性高锰酸钾具有强氧化性 2）二氧化硫都能与品红反应 品红褪色 溴水不和品红反应 品红溶液用来检验二氧化硫和二氧化碳 3）因为酸性高锰酸钾具有强氧化性 有还原性的就可以 4）元素周期表中 长周期非金属元素 稀有除外5）不能 SO2 S化合价能升又能降 不是由于氧化还原来是物质漂白 是与物质反应结合生成一种白色络合物 但加热后会分解 象品红一样褪色后再加热红色又出现 就是这个道理</t>
  </si>
  <si>
    <t xml:space="preserve">初一数学再探一元一次方程时间/分05温度/度1085(1)如果温? </t>
  </si>
  <si>
    <t>设温度为Y,时间为X,Y=KX+B根据数表代入两组数据，可得Y=10+3X(1)X=21时，Y=10+3*21=73(2)Y=34时，X=(34-10)/3=8</t>
  </si>
  <si>
    <t xml:space="preserve">会计请进公司为商业零售一般纳税人分录一：当月的工资，下月发放，需 </t>
  </si>
  <si>
    <t>一：（1）计提工资时 借：管理费用－管理人员工资及福利 借：营业费用－经营人员工资及福利 借：生产成本－直接人工 借：制造费用－直接人工 贷：应付工资－职工工资 贷：应付福利费－职工福利 贷：应付福利费－医药费 （2）月末不发放时应结转 借：其他应付款－职工工资 贷：应付工资－职工工资 (3)次月发放时 借：其他应付款－职工工资 贷：现金或者是银行存款 二：（1）当日收入现金时 借：现金 1000 贷：主营业务收入－XX产品 880.34 贷：应交税金－增值税（销项税） 119.66 （2）存入银行时 借：银行存款－XX行（户） 1000 贷：现金 1000</t>
  </si>
  <si>
    <t xml:space="preserve">请教上投基金转换问题有上投成长先锋，上投内需，把哪支转成，优势或 </t>
  </si>
  <si>
    <t>4支都是上投的股票型基金，肯定上投有它的布局。去年到今年的观察，上投先锋与上投优势相似，比较激进；上投内需上投与上投阿尔法相似，比较稳些。业绩，上投内需差些。如要调整，把上投内需换为上投阿尔法。持有一个激进些的，一个稳些的。</t>
  </si>
  <si>
    <t xml:space="preserve">可爱的田大夫。。。那天，田太太突然问田副院长：“你爱我吗？”“爱 </t>
  </si>
  <si>
    <t>俺严重怀疑你是孙悟空托世，缩小了躲在田大夫的口袋里。。。窃听取乐~田太太说：那你还磨蹭什么？如今诚实滴男银难找啊。。。田太太。。。你随后是怎样鼓励田大夫的涅。。。田院长有一颗脆弱的心。是怕太太给他设陷阱，还是担心给他下套啊？</t>
  </si>
  <si>
    <t xml:space="preserve">求助；QQ空间不能上传照片了~~~我的空间里面上传图片的按钮被挂 </t>
  </si>
  <si>
    <t>上传图片是放在相册啊留 言:祝大家狗年够运狗福够彩头 多喜多乐多开心有关空间购买＆域名申请的爱友们可以Q我哦共享资料多资源,就等你来把名点</t>
  </si>
  <si>
    <t xml:space="preserve">u盘插入电脑怎么不能弹出浏览的对话框? </t>
  </si>
  <si>
    <t>呵呵 不能够弹出?能使吗? 如果能其实这是好事情啊!可以避免U盘病毒自动运行!大概是你的一个自动播放硬件的服务停止了,你可以右击我的电脑,管理,服务 里面看看</t>
  </si>
  <si>
    <t xml:space="preserve">你是一个什么样得人朋友待你很平淡,你高兴时说给他人听,看他们也还 </t>
  </si>
  <si>
    <t>一个对未来没有过多设想的、但非常快乐的人！</t>
  </si>
  <si>
    <t xml:space="preserve">哪个著名的童话故事，发生在圣诞节？ </t>
  </si>
  <si>
    <t xml:space="preserve">关于圣诞节的童话故事：《大家的圣诞节》、《米奇的圣诞礼物》、《小熊维尼过圣诞》、《神剪爱德华》、《哥哥的心愿》、《天天过圣诞节》、《卖火柴的小女孩》、《笨笨猪过圣诞节》、《老橡树的最后一梦》、《玩具总动员》、《圣诞老人的故事》、《稻草人吉米的圣诞节》、《三棵圣诞树》、《劫持圣诞老人》、《圣诞化装舞会》、《巴波斯卡》、《小女孩的圣诞节》、《圣诞老人和樵夫》等都是比较受小朋友喜爱的童话故事。 </t>
  </si>
  <si>
    <t xml:space="preserve">额头长痘痘前段日子脸上额头一直长痘痘，最近脸上少了，可额头一直冒 </t>
  </si>
  <si>
    <t>1． 额头长痘原因：压力大，脾气差，造成心火和血液循环有问题。 改善：早睡早起，多喝水。 2． 双眉间长痘： 原因：胸闷，心律不整，心悸。 改善：不要做太过激烈的，避免烟、酒、辛辣食品。 3． 鼻头长痘： 原因：胃火过盛，消化系统异常。 改善：少吃冰冷食物。 4． 鼻翼长痘： 原因：与卵巢机能或生殖系统有关。 改善：不要过度纵欲或禁欲，多到户外呼吸新鲜空气。 5． 右边脸颊长痘： 原因：肺功能失常。 改善：注意保养呼吸道，尽量避免芒果、芋头、海鲜等易过敏的食物。 6． 左边脸颊长痘： 原因：肝功能不顺畅，有热毒。 改善：作息正常，保持心情愉快，该吹冷空气就吹，不要让身体处在闷热的环境中。 7． 唇周边长痘： 原因：便秘导致体内毒素累积，或是使用含氟过量的牙膏。 改善：多吃高纤维的蔬菜水果，调整饮食习惯。 8． 下巴长痘： 原因：内分泌失调。 改善：少吃冰冷的东西。 9太阳穴： 太阳穴附近出现小粉刺，显示你的饮食中包含了过多的加工食品，造如果不严重的话可以用毛巾沾热水呼~多呼几次会消的~</t>
  </si>
  <si>
    <t xml:space="preserve">54服物价调查B顶书，黑光套。B法套装都介绍下。 </t>
  </si>
  <si>
    <t>什么书啊。？黑光套800+白的。ABD不知道。QL1800+。我自己也在收。不见过1880卖的。昨天打到一个手。准备一个一个的收。估计1900把。</t>
  </si>
  <si>
    <t xml:space="preserve">求一个惩戒骑士的宏我想把愤怒之锤，十字军打击，还有圣光审判做成一 </t>
  </si>
  <si>
    <t>首先当前版本的宏命令还是不可以进行状态的判断的，你的想法比较偏见因为惩戒7的操作现在比较单一，一共就那么几个技能循环放你还用宏~~?鍉~其次，谁叫你来问了呢，总不能不给你解答。状态的判断虽然不行，但我们可以利用一个简单的方法来间接的实现，请注意我写的宏：/castrandom xx审判,十字军打击,神圣风暴,风怒之锤这里我列出了 惩戒7常用的几个技能(最近我也玩了个小74 刚70呵呵),由于我们使用的 castrandom命令可以随机的选择后边我们写出的技能,又由于后边的几个技能没有公用的cd所以当我们使用这个宏的时候系统会自动的给出相应的技能 如果当目标的血量小于35%,且你的其他技能都在cd的时候你就会对目标释放愤怒之锤,当然了如果没有技能正在cd那就是概率事件了,不过基于当前版本来说使用愤怒之锤的时候一般会有两个或三个常用的技能正在cd,因此成功率可以接受...从此你杀人的时候就可以狂点这个宏了,当然别忘了补圣印呵呵~</t>
  </si>
  <si>
    <t>相爱</t>
  </si>
  <si>
    <t>时间可以改变一切,没有一样东西能持久不变!!!!就算回忆,也会随着时间变淡变浅,更何况感情呢!!!人的感情永远都会自动更新的!所以,我们就没有必要去强迫自己做一些让自己为难的事啦~~~开心活着,这就是对自己对最好的方式~~~</t>
  </si>
  <si>
    <t xml:space="preserve">求李白的《蜀道难》，最好是繁体的。先谢了。 </t>
  </si>
  <si>
    <t>蜀道難  李白噫籲?颍：醺咴眨∈竦乐y難於上青天。蠶?布棒~鳧，開?蚊Ｈ弧???硭娜f八千?q，不與秦塞通人??。西?太白有鳥道，可以?M絕峨眉?p。地崩山摧?咽克溃会崽焯菔?７姐^連。上有六?回日之高?耍掠?_波逆折之回川。黃鶴之飛尚不得，猿猱欲度愁攀援。青泥何盤盤，百步九折縈岩?n。???丫雒{息，以手?徕咦L?U！??君西遊何?r?？畏途?f岩不可攀。但?悲鳥?古木，雄飛雌?睦@林間。又?子?啼夜月，愁空山。蜀道之難難於上青天，使人聽此凋朱?！連峰去天不盈尺，枯松倒?煲薪^壁。飛湍瀑流?喧豗，砯崖轉石萬壑雷。其險也如此，嗟?遠道之人。胡?楹?碓眨?﹂w???V而崔嵬，一夫?關，萬夫莫開。所守或匪親，化?槔桥c豺。朝避猛虎，夕避長，磨牙吮血，?⑷巳缏椤?錦城雖??罚蝗缭邕?家。蜀道之難難於上青天，?壬砦魍L咨嗟！啊！多么险峻，多么高！蜀道难走，比上天还难。蚕丛和鱼凫两个蜀王，开国的事情多么渺茫不清。从那以后经过四万八千年，才和秦地的人有交通。西边挡着太白山，只有鸟道，高飞的鸟才可以横渡峨嵋山顶。直到地崩山塌壮士都被压死，然后才有了天梯与石栈相互连接。上面有即使是拉车的六龙也要绕弯的最高峰，下面有冲激高溅的波浪逆折的漩涡。高飞的黄鹤尚且飞不过去，猿猴想过去，发愁没有地方可以攀援。青泥山迂回曲折，很短的路程内要转很多弯，盘绕着山峰。屏住呼吸伸手可以摸到星星，用手摸着胸口空叹息。问你西游什么时侯回来？可怕的路途，陡峭的山岩难以攀登。只见鸟儿叫声凄厉，在古树上悲鸣，雌的和雄的在林间环绕飞翔。又听见杜鹃在月夜里啼叫，哀愁充满空山。蜀道难走啊，比上天还难，让人听了这话红颜衰谢。连绵的山峰离天不到一尺，枯松靠着陡直的绝壁倒挂着。急流瀑布争着喧嚣而下，撞击山崖使石头翻滚发出雷鸣般声响。就是这么危险，你这远道的人，为什么来到这里？剑阁高峻崎岖而突兀不平，一个人守住关口，万人也打不开。守关的如果不可靠，就会变成当道的豺狼。早晨要躲避猛虎，晚上要提防长蛇，磨着牙齿吸人血，杀的人数不清。锦城虽然是个安乐的地方，还是不如回家好。蜀道难走啊，比上天还难，侧过身向西望着，长长地叹息。</t>
  </si>
  <si>
    <t xml:space="preserve">爱一个人是什么感觉?处过很多的男朋友可是从来没有体验过什么叫做" </t>
  </si>
  <si>
    <t>那说明你还没有真正的爱过一个人!爱一个人就是你做什么的时候都会想着他,看见他就高兴,看不见他就心里难受,买东西时会想着他喜欢什么,吃东西时会想着他爱吃什么,总之一切都是他在前,是一种全然不求回报的付出.慢慢找吧,我相信老天辉给每个人一个他爱的人,你的那一位只是还没有出现就是了.祝你早日找到你爱并爱你的人,如果找到了要好好把握哦!!</t>
  </si>
  <si>
    <t xml:space="preserve">我的淘宝网支付宝交易记录怎么会消失了？？ </t>
  </si>
  <si>
    <t>打开支付宝帐户明细，点击查看就可以啦哟，因为你所买到的宝贝只能保存7天。</t>
  </si>
  <si>
    <t xml:space="preserve">在自家房顶上能发电吗？谢谢！在网上看光伏发电，我能在自家这么做吗 </t>
  </si>
  <si>
    <t>最近报道，上海一女中学生获奖“发明家用风力发电机，如一般空调室外机大小，可以供一家人正常用电”，其中提及关键是改革了一般风力发电机用的浆叶形式，未提及发电功率大小，是否除照明外，还能带个小冰箱，小电视机等。可以关注。</t>
  </si>
  <si>
    <t xml:space="preserve">强烈要求把帐号与电脑IP联系起来封外挂.把一个IP同时只有一个帐 </t>
  </si>
  <si>
    <t>你这个大白痴，一个IP只允许一个帐号登陆？那在网吧玩怎么办？白痴，一个网吧只有1个IP，问题有N台电脑，难道一个网吧只允许一个人玩天堂2？</t>
  </si>
  <si>
    <t xml:space="preserve">女朋友不理我了，我拿该什么拯救我们的爱情？我和女朋友恋爱不到一个 </t>
  </si>
  <si>
    <t>也许是她太敏感，你应该更好一点对她。毕竟女孩子都很善感，你们交往时间也不太长。给你几点分析：1。她对你们的感情也有一点怀疑，才会那么敏感。2。她对你呢感觉越来越不好，借此引火线，想对你说拜拜。3。她今天遇到了一些不顺心的事情，刚好遇到你说错一句话，就一起爆发出来了。4。她太爱你，觉得对你付出太多，而你不仅没有回报她，还说一些会引起误会的话，她也许伤心了。爱情的延续需要相互理解，相互沟通！彼此信任！好好跟她心平气和地谈谈，化解你们之间的误会，只要她还爱你，一定会成功化解这个危机的！越快越好，拖久了就越难化解。谢谢，祝你幸福！</t>
  </si>
  <si>
    <t xml:space="preserve">关于小龙虾的问题..听说小龙虾是在那些污染特别严重的水里生活的. </t>
  </si>
  <si>
    <t xml:space="preserve">    家在南方，小时候河沟里多的是河虾（草虾），后来河水污染了，河虾没了。出现了小龙虾，那时候是没人吃的。想不到现在成了气候。只是还想念清清的小河，乱蹦的河虾。</t>
  </si>
  <si>
    <t xml:space="preserve">不老实的老公，我该如何对付他？我的心情糟透了，老公突然不让我看他 </t>
  </si>
  <si>
    <t>1、离婚2、继续苦恼下去。</t>
  </si>
  <si>
    <t xml:space="preserve">一证贷和借贷宝为什么被人造谣攻击？ </t>
  </si>
  <si>
    <t xml:space="preserve">应该是动了某些人的利益吧。一证贷资料简单，成功率是很高的，简单申请就能批个几百到几千。但虽然成功率高，还是有很多失败的，失败的那些人就会生气愤怒，然后造谣攻击。借贷宝也是类似的，自从问世以来就遭受很多的攻击，造谣。平台做大了就会引人嫉恨。很正常的。 </t>
  </si>
  <si>
    <t xml:space="preserve">初三几何.急~~3如图,在三角形ABC中,D是BC的中点,E,F </t>
  </si>
  <si>
    <t>倍长FD至G,连结BG则三角形BDG全等于三角形CDF所以BG=CF,DF=DG因为DE垂直于DF,又DF=DG,DE=DE所以三角形DEF全等于三角形DEG所以EF=EG在三角形EBG中,EB+BG&gt;EG即EB+CF&gt;EF</t>
  </si>
  <si>
    <t xml:space="preserve">生育问题.急.....我连续使用试孕纸有4天.每次都是弱阳性.还 </t>
  </si>
  <si>
    <t xml:space="preserve">1、从你的描述来看，只要你的观察方法正确，你肯定是怀孕了。 同时，说明你对自己的生理知识还缺乏了解，建议多学习一点相关知识。 2、建议：到药店购买用“早早孕”测孕纸，严格按下列要求操作。 1)早晨测尿液，注意一定要按说明书操作！ 2）“早早孕”测孕纸每条约0.6~1.5元，而“早早孕”测孕棒每个要十多元，六角钱的产品与十多元的产品其灵敏度和准确性是一样的,二者的测试原理和效果完全相同，建议购买“早早孕”测孕纸。 3)受孕10--15天，检测结果才开始明显，太早检测没有意义。 4）结果判断 一条红线，是阴性，表示没有怀孕。 二条红线，是阳性，表示已经怀孕。 3、若发现怀孕，又不想要。最好在怀孕45天内，进行微管可视引产术，损伤小，恢复快，一般休息一天，可正常上班。成功率100%，远远好于药流。 其损伤面相当于皮肤被擦伤直径3cm左右的伤口。所以，对身体和心理损伤都小。 4、平时应该注意避孕，可以采用TT，口服常规的避孕药物，或者同房前15分钟采用避孕药膜或栓。实在不行也可以采用同房后口服米非司酮片进行紧急避孕（其副作用相对疏婷等其它紧急避孕药要小一些，紧急避孕药一年内最多只能吃三次，否则，极易引起内分泌失调）。 米非司酮片，同房后5天内口服一片（10毫克或25毫克），其副作用相对毓婷等其它紧急避孕药要小一些。 毓婷用法：同房后 72 小时内口服0.75毫克，12小时后重复一次）。但经常服用毓婷极易导致宫外孕！注意：紧急避孕药一年内最多只能吃三次，否则，极易引起内分泌失调。 5、建议你多学习一点生理常识，更有益于保障自身健康，希望引起你自己的重视！只有学会与你自己相关的生理知识，才能掌握好自己的生理周期，避免人流，掌握幸福的主动权。 学会计算自己的安全期，在你的安全期内同房是不会怀孕的。 1）安全期计算原理：女性的排卵日期一般在下次月经来潮前的14天左右。下次月经来潮的第1天算起，倒数14天或减去14天就是排卵日，排卵日及其前5天和后4天加在一起称为排卵期。例如，某女的月经周期为28天，本次月经来潮的第1天在12月2日，那么下次月经来潮是在12月30日（12月2日加28天），再从12月30日减去14天，则12月16日就是排卵日。排卵日及其前5天和后4天，也就是12月11-20日为排卵期。除了月经期和排卵期，其余的时间均为安全期。在安全期性交可不必采用任何避孕药物和避孕工具。 安全期月历因个人体质变异差异极大，因此仅供参考。 2）安全期的计算，你可以到下列网站  上去，输入你的数据就可以算出你的安全期了。 祝你顺利！ </t>
  </si>
  <si>
    <t xml:space="preserve">十二万文人无一存。（字） </t>
  </si>
  <si>
    <t>傲</t>
  </si>
  <si>
    <t xml:space="preserve">不是拿到金翎奖就下太阳雨吗?金翎奖投票的时候官方曾承诺一旦拿奖马 </t>
  </si>
  <si>
    <t xml:space="preserve">    您好，因您咨询的问题，目前并无开放相关内容，您可以留意官方消息，如有相关资讯我们会及时在主页公告，另感谢您所提供的建议，工作人员会慎重进行考虑，非常感谢您对天晴《机战》游戏的支持！</t>
  </si>
  <si>
    <t xml:space="preserve">请问清泉老师,600795国电电力和600631百联股份走势?谢? </t>
  </si>
  <si>
    <t>600795国电电力强势,已突破颈线位的压力展开,中线填权,持有为主.600631百联股份 30日均线附近有望止跌企稳,止跌后,补仓操作.后市反弹至10日均线时,可出局.</t>
  </si>
  <si>
    <t xml:space="preserve">午夜梦回,寂寞突然就来了.你们有过这样的感觉吗. </t>
  </si>
  <si>
    <t>有吧，尤其是夜深人静时不过，如果寂寞的回忆里有你曾经的爱情，曾经的欢笑，寂寞也会变得无足轻重。午夜梦回，牵动一下嘴角，入梦，都是甜蜜......</t>
  </si>
  <si>
    <t xml:space="preserve">拉姆提的契约坏了怎么办？已经显示“损毁”了，有可能用商城里那个黏 </t>
  </si>
  <si>
    <t>只要物品的图标没有变,就可以用商城里的东西修,如果变了就完了,即使用黑耀岩也不行.</t>
  </si>
  <si>
    <t xml:space="preserve">9点50播报：汇金出手，三大行带领上攻！！！ </t>
  </si>
  <si>
    <t xml:space="preserve">汇金跟你我一般,目前皆被套.正想如何补仓中..... </t>
  </si>
  <si>
    <t xml:space="preserve">热带水果存放冷库中怎么保存好 </t>
  </si>
  <si>
    <t>今天我们要说的是不同蔬菜水果在冷库中的储藏温度，或许这是一个冷库操作者不大清楚的，因为要是温度高的话会导致蔬菜水果变质变坏，所以一定要开到它适宜的温度最好，对此，现在就来看看各种蔬菜水果冷库的适宜温度是多少吧!　　一、适合10℃以上温度的果蔬：热带水果最好放在避光、阴凉的地方保存。如果一定要放入冷库，应置于温度较高的冷库中，保存的时间最好不要超过两天。香蕉、柠檬、南瓜等果蔬的适宜储存温度是13-15℃，低温储存容易使之变黑、腐烂。　　二、适合0℃左右温度的果蔬：绝大部分根茎、叶菜为喜凉果蔬(原产于温带、寒带的)，其适宜的存放温度为0-2℃，不能低于0℃。白菜、菠菜、菜花、芹菜、胡萝卜、桃、葡萄、苹果。这些果蔬刚采购回来时，最好不要立即放入冷库，因为低温会抑制果蔬的酵素活　　动，从而使残毒无法分解。所以，这些果蔬最好室温存放一天再放入冷库。　　</t>
  </si>
  <si>
    <t xml:space="preserve">癫痫发作一般最小的发病年龄是多小？ </t>
  </si>
  <si>
    <t>你好，癫痫的发病率与年龄有关。一般认为1岁以内患病率最高，其次为1～10岁以后逐渐下降。我国男女之比为1.15∶1～1.7∶1，种族患病率无明显差异。</t>
  </si>
  <si>
    <t xml:space="preserve">1960年第十七届奥运会在哪里举行 </t>
  </si>
  <si>
    <t xml:space="preserve">举办地: 意大利罗马1908年，罗马曾获得第四届奥运会主办权。可是由于经济等原因，后来不得不由伦敦接办。这次罗马尽险阻，战胜众多对手，赢得了第十七届奥运会承办权。开幕时间: 1960年8月25日 闭幕时间: 9月11日 应邀参赛的有84个国家和地区，共5348名运动员，其中女子610人。首次参加的有摩洛哥、苏丹、突尼斯和圣马力诺。特里尼达和牙买加组成了西印度联队、埃及和叙利亚组成了阿联队，两个德国仍以德国联队名义参加。参赛运动员人数最多的几个队是：德国联队－293人，美国－292人，苏联－284人，东道主意大利279人。英国253人、法国237人也派出了庞大的代表团。中国台湾派出了47名运动员，参加了田径、足球、篮球、游泳、拳击、射击、7个大项的比赛。奖牌榜 国家 金 银 铜 前苏联 43 29 31 美国 34 21 16 意大利 13 10 13 德国 12 19 11 澳大利亚 8 6 6 土耳其 7 2 - 匈牙利 6 8 7 </t>
  </si>
  <si>
    <t xml:space="preserve">谜语乌龟掉河里了打一种花 </t>
  </si>
  <si>
    <t>乌龟掉河里了 玫瑰（霉龟）</t>
  </si>
  <si>
    <t xml:space="preserve">进来吧挂机问题那个赤月版本是传奇3的不是传奇3G啊 </t>
  </si>
  <si>
    <t xml:space="preserve">应广大玩家要求,推出老传3版本41229,修正不能登陆验证服务器的问题以及修正一些BUG.41229下载地址 到这去下 </t>
  </si>
  <si>
    <t xml:space="preserve">小学研究对象是什么《小学》 </t>
  </si>
  <si>
    <t>小学研究对象应该是儿童少年及其心理教育因素，教育方法方面的</t>
  </si>
  <si>
    <t xml:space="preserve">白癜风植皮需要多少钱才行？ </t>
  </si>
  <si>
    <t>治疗的花费要根据你的病情而定，治疗的越早花费就越少，不要等到白癜风扩散才进行治疗，这样不耽误了治疗时间，还会加大花费，增加了治疗难度。白癜风患者的患病时间和病情，以及每个人的身体素质不同，所以治疗白癜风的费用也会不一样，有的患者花几千就可以治好，有的患者花了很多万也治不好。费用的收取主要和以下因素有关：第一：各个治疗医院费用会不太一样。第二：和患者的病情有关。第三点：和治疗方法的选择有关。白癜风的治疗费用是说不清楚的，但是有一点是很明确的，白癜风是一种很难治疗的皮肤病，每个患者都应该坚持治疗。祝早日康复！</t>
  </si>
  <si>
    <t xml:space="preserve">什么属土什么颜色属土?什么数字属土? </t>
  </si>
  <si>
    <t>五行分：金木水火土。 天干及五行属性 甲乙同属木，甲为阳木，属栋梁之木；乙为阴木，属花草之木。丙丁同属火，丙为阳火，属于太阳之火；丁为阴火属灯烛之火。戊已同属土，戊为阳土，属城墙之土；己为阴土，属田园之土。庚辛同属金，庚为阳金，属于斧钺之金；辛为阴金，属于首饰之金。壬癸同属水，壬为阳水，属于江 河之水；癸为阴水，属于雨露之水。 十二支与五行 寅卯属木，寅为阳木，卯为阴木。 巳午属火，午为阳火，巳为阴火。 申酉属金，申为阳金，酉为阴金。 子亥属水，子为阳水，亥为阴水。 辰戌丑未属土，辰戌为阳土，丑未为阴土。未戌为干土，丑辰为湿土。干土者其中藏火，湿土者其中藏水。 十二支藏干：子 — 癸，丑 — 已癸辛，寅 — 甲丙戊，卯 — 乙，辰 — 戊乙癸，巳 — 丙戊庚，午 — 丁已，未 — 已丁乙，申 — 庚壬戊，酉 — 辛，戌 — 戊辛丁，亥 — 壬甲。</t>
  </si>
  <si>
    <t xml:space="preserve">弟兄们,做什么FB任务经验多?我159级杀怪都没几个经验.... </t>
  </si>
  <si>
    <t>您好，有关于游戏具体内容和机制方面的问题，建议您可以在游戏中与其他玩家交流一下或者查看官方主页或玩家论坛的相关资料，谢谢。</t>
  </si>
  <si>
    <t xml:space="preserve">如何在喜欢的女孩面前说话成熟点如题 </t>
  </si>
  <si>
    <t>首先你要知道什么是成熟,成熟不是谁都有,就向楼是的朋友所说的,不是装出来的说话有很多的情景,不同的场合同样的话也不一定奏效你自己要掌握分寸和她的习惯.只可义授,无法言传啊!</t>
  </si>
  <si>
    <t xml:space="preserve">wifi和wlan有什么区别wifi和wlan的区别 </t>
  </si>
  <si>
    <t xml:space="preserve">WI-FI是WLAN的一个标准。WLAN最大（加天线）可以到5KM……不是WIFI可以比的…… WLAN是Wireless Local Area Network的缩写，指应用无线通信技术将计算机设备互联起来，构成可以互相通信和实现的网络体系。WLAN 通信系统作为有线 LAN 以外的另一种选择一般用在同一座建筑内。WLAN 使用 ISM (Industrial、Scientific、Medical) 无线电广播频段通信。WLAN 的 802.11a 标准使用 5 GHz 频段，支持的最大速度为 54 Mbps，而 802.11b 和 802.11g 标准使用 2.4 GHz 频段，分别支持最大 11 Mbps 和 54 Mbps 的速度。 Wi-Fi（wireless fidelity（无线保真）的缩写）实质上是一种商业认证，具有Wi-Fi认证的产品符合IEEE 802.11b无线网络规范，它是当前应用最为广泛的WLAN标准，采用波段是2.4GHz。IEEE 802.11b无线网络规范是IEEE 802.11网络规范的变种，最高带宽为11 Mbps，在信号较弱或有干扰的情况下，带宽可调整为5.5Mbps、2Mbps和1Mbps，带宽的自动调整，有效的保障了网络的稳定性和可靠性。 Wi-Fi标识 自从实行IEEE 802.11b以来，无线网络取得了长足的进步，因此基于此技术的产品也逐渐多了起来，解决各厂商产品之间的兼容性问题就显得非常必要。因为IEEE并不负责测试IEEE 802.11b无线产品的兼容性，所以这项工作就由厂商自发组成的非赢利性组织：Wi-Fi联盟来担任。这个联盟包括了最主要的无线局域网设备生产商，如Intel、Broadcom，以及大家熟悉的中国厂商华硕、BenQ等。凡是通过WiFi联盟兼容性测试的产品，都被准予打上“Wi-Fi CERTIFIED”标记。因此，我们在选购IEEE 802.11b无线产品时，最好选购有Wi-Fi标记的产品，以保证产品之间的兼容性。 Wi－Fi（WirelessFidelity，无线相容性认证）的正式名称是“IEEE802.11b”，与蓝牙一样，同属于在办公室和家庭中使用的短距离无线技术。虽然在数据安全性方面，该技术比蓝牙技术要差一些，但是在电波的覆盖范围方面则要略胜一筹。Wi－Fi的覆盖范围则可达300英尺左右（约合90米），办公室自不用说，就是在小一点的整栋大楼中也可使用。  </t>
  </si>
  <si>
    <t xml:space="preserve">请问毁灭王冠哪里出魔兽世界里的那个锁甲头,看样子不错啊,在哪能出 </t>
  </si>
  <si>
    <t>MC-熔岩之心的10号boss，RAG掉的。</t>
  </si>
  <si>
    <t xml:space="preserve">人类赖以生存的地球还能存在多久？ </t>
  </si>
  <si>
    <t xml:space="preserve">排除人为的不确定因素，我们只讨论从演化，对地球的影响，如下： 从原始太阳开始经过100亿年后，光度将比今天太阳的光度大约增大一倍。如果那时还有人类存在的话，早就会遇到困难的气候条件了，并且条件还要更坏。首先太阳球体，就比今天大约增大了一倍。 这期间在恒星内部已发生了本质的变化。在中心全部氢已经被耗尽。中心区域被一个氦球充满（比较图5-2(c)，但那里给出的是一个年龄为120亿岁的模型）。在那里最初没有核燃烧发生，因为全部氢已经耗尽，而温度又远低于能使氦发生聚变的温度。只有在氦球的表面，即在氦与氢两种物质交界的地方，还存在氢的聚变反应。氢在那里被燃烧，同时产生的物质不断并入到质量增大的氦球内。如果说我们的太阳过去一直有一个氢燃烧的中心区域，那么它现在就有一个氢燃烧的壳层。这个壳层还在不断向含氢丰富的外部吞食物质。所以随着时间的增长，中心氦球的质量在不断增大。 在赫罗图中恒星的演化程转向右上方，移动到红巨星区域，如图5-1所示。太阳球体不断地变大，同时稍许变冷。在130亿年后，太阳将变得比今天的太阳大约大100倍，光度增大2000倍，而它的表面温度则明显地变低，只有4000度，比今天的太阳低1800度。 但这还不能拯救我们，地球上的海洋早在这之前就已经蒸发完了。铅也在阳光中熔化了。地球变成了一个大火炉，这里不会再有生命存在。一个能占据大半个天空的巨大的红色太阳球体将照射着早已没有生物存在的地球表面。最后也许有人很想知道，由计算机预算出来的这一切能否是真的？ 我们的观测正确地描述了今天的太阳的一些主要性质。能否根据这点就正确地预言它的未来很可怕呢？为此我们还得到一个直接的证据。如果看一下图2-9中所示的一个球状星团的赫罗图，便可以看到大约在3个太阳光度，即相当于1.3个太阳质量以上的主序部分都是空的。这就是说，这个星团中比较亮的主序星的中心部分的氢已经燃烧完了。等于和大于1.3个太阳质量的恒星都位于一个分支上，这个分支是由主序向右上方伸入到红巨星区域的。这些恒星的演化和我们对太阳的计算完全相同，它们只是在质量上和太阳略有不同。 所以地球会在太阳演化到红巨星时面临毁灭，人类也将无法在地球上继续生存，但估计那是人类早就可以到别的星球上安家了。 </t>
  </si>
  <si>
    <t xml:space="preserve">问问各位亲，最近的MG3优惠活动是咋样的？买MG3具体都有些什么? </t>
  </si>
  <si>
    <t>亲，对MG3优惠我还是蛮了解的，刚陪朋友去4S店了解过MG3优惠，原来MG3上市两周年了，所以才有这次的MG3优惠活动吧。关于MG3优惠你可以去MG官网上了解下详细信息，也可以去你们那的4S店问问。这次优惠活动真的很不错，不仅可以贷款买车，而且还款2年0利率，还送价值万元的大礼包。除此之外，还有那个MG3限时扫描二维码活动，扫一扫活动二维码，车款立马减少3000元。这车油耗低不说，作为节油冠军，还有国家节能惠民补贴3000元呢，这车太有正能量了，给力。</t>
  </si>
  <si>
    <t xml:space="preserve">男友的心情我和他在一起没多久.相处还融洽.偶然知道他在本地论坛上 </t>
  </si>
  <si>
    <t>两个人在一起  不一定所有的事情都要一起解决的  他有自己的空间  也许不想让别人知道  男人爱面子的  有些事情要自己解决 你就好好的爱他  好好的呵护就够了  给他属于自己的空间  他会更加的爱你  想想  有时候女孩子想事情  是不是有望着窗外不说的 呆呆的时候呢？？这时候男朋友要是追问你 是不是心情不好  或许问你你在想什么的时候  你是不是有回答不上来的时候呢  也许什么都没想  只是发发呆  呵呵  人都有自己的空间的  哪怕只是发呆  好好爱 好好经营  他要是需要你的帮助来缓解的话 他会跟你说的  祝你幸福</t>
  </si>
  <si>
    <t xml:space="preserve">宝宝鹅口疮为何反复发作，不能根治？请帮忙！！！我家宝宝现在三个半 </t>
  </si>
  <si>
    <t>小儿口腔粘膜薄而嫩，易被过热食物烫伤、过硬食物擦伤或进食时咬伤，继而发生感染导致口腔溃疡。有的幼儿在腹泻或营养不良时也会发生口腔溃疡。一旦溃疡形成，所进食物的成分就会对溃疡面产生刺激，引起创面疼痛，此时，小儿会表现出拒食、烦躁甚至发热的症状，直接影响幼儿身体健康。 小儿发生口腔溃疡后，除做好口腔的清洁护理外，药物治疗是不可缺的。现介绍一种简易的药物治疗方法：取品服维生素c1片，放在一起研成细粉，用消毒棉蘸少量散粉敷于溃疡面上，每隔2小时一次，1-2天创面即可愈合。药粉刚敷上创面时有疼痛感，但很快会消失。 上述治疗方法之所以能够奏效，主要是：维生素c能促进伤口愈合；而人体缺乏核黄素时会发生口角溃疡。将这两种药物直接敷于创面，能使药粉较快发挥作用，缩短治疗时间。 口舌生疮是小儿，特别是婴幼儿常见的疾病。中医根据口疮的形状和发生的部位不同，分别叫做“鹅口疮”、“口疮”和“口糜”。若发生于口的两角者，又名 “燕口疮”。引起口疮的病因是多方面的，病情亦有轻有重，轻者仅影响小儿乳食的摄入，重者可出现全身不适的症状，所以对小儿的口疮病应早期发现及时治疗护理，并针对不同的病因，在平时应做好预防。 早期发现小儿出生后，应经常查看小儿的口腔，若见舌上布满白屑，其状如鹅口或雪片者，或似奶块而不易擦去者，即是患了鹅口疮病。对先天不足的早产儿，或久病体弱儿，特别是消化不良腹泻的患儿，更需经常查看口腔有无白屑或舌上、口颊两侧黏膜、口唇内侧、齿龈、上腭的咽部有无生疮。若婴幼儿突然不吮奶，不愿饮水，或拒绝喂食，或闻口臭，语音不出，或见流口水等时，要注意查看孩子的口腔是否有口疮。当幼儿诉口痛时，一般来讲口舌生疮为多（除牙痛外）。若孩子患其他的疾病，同时较长期服用两种以上的抗生素时，也要多查看患儿的口腔有无口疮发生。 及时治疗患儿口疮被发现后，家长也不要太着急，应想办法积极治疗，病情较轻的可以试用以下方法治疗： 单方口服 1.仙鹤草30克，一日一剂，分多次口服。2.板蓝根或大青叶15～3 0克浓煎服，一日一剂分多次服，亦可服板蓝根冲剂。3.黑芝麻15克咀嚼，治儿童口疮久不愈属虚者。 外用涂局部：1.柿霜，每日少许涂患处。2.百草霜、橄榄碳各等份，研成细末，撒患处，每日3次。3.野蔷薇花露涂拭患处，每日3～4次。4.养阴生肌散，先用 3％双氧水棉球洗患部，再用0.1％雷佛奴尔棉球洗去泡沫，擦干再涂用此药。5.冰鹕ⅲ咳丈傩恚劣诨即Γ咳?～6次。或用冰硼散药少许加蜜糖，调成糊状，涂布患处亦可。6.鹅口散，用于幼儿鹅口疮，外用少许涂口，每日3～4次。7.锡类散或青黛散，用于口疮溃疡者，少许涂口，每日3～4次。 西药：1.维生素B2口服，每次1片，每日2次。2.2％～5％碳酸氢钠液，2％硼砂溶液清洗口腔，每日2～3次。3.对服用抗生素引起的口疮，可用制霉菌素混悬液涂拭患处，一日3次。 思密达是一种消化道黏膜保护剂 ,其成分为双八面体蒙脱石微细颗粒。思密达对胃肠道黏膜有很强的吸附能力 ,服用后迅速形成一层保护膜 ,增加了肠道对细菌、病毒及其它刺激因素的抵抗能力 ,并可改善黏膜的通透性 ,减少了肠液的分泌 ,因此对腹泻及黏液便具有明显的缓解作用 ,临床上多用来治疗腹泻。近年来发现思密达治疗小儿口腔溃疡病也有明显效果。 据张芳报道 ,取 30例口腔溃疡病患儿作为治疗组 ,取同期患儿 30例作为对照组。治疗方法是 :两组中有发热及末梢血白细胞增高者均使用青霉素静滴 ;有口腔疱疹病变者给予病毒唑静滴 ,同时口服多种维生素。两组不同点是对于口腔溃疡局部处理 ,治疗组用思密达喷敷患处 ,每日 5～ 6次 ;对照组用西瓜霜喷敷患处 ,每日 5～ 6次。两组均以 7天为 1个疗程。结果 ,治疗组溃疡愈合率为 9 3.4% ,对照组为 59 .9 % ,两组疗效比较有显著性差异 (P &lt;0.05)。 思密达对黏膜屏障具有很强的覆盖能力 ,对消化道黏膜屏障起到保护作用 ,提高黏膜对攻击因子的防御功能 ,有利于黏膜水肿的消退 ,加快口腔溃疡愈合。该药对病毒、细菌及内毒素有较强的抑制和吸附作用 ,可减轻炎症反应 ,并具有促进受损细胞再生和抗酸止血作用。祝宝宝健康！</t>
  </si>
  <si>
    <t xml:space="preserve">我国的利率并未实现市场化吗 </t>
  </si>
  <si>
    <t>我国的利率并未实现市场化</t>
  </si>
  <si>
    <t xml:space="preserve">胸闷，左胸持久隐痛，无规律疼痛。两肋间感觉会痛，胸部好像石头压着 </t>
  </si>
  <si>
    <t>考虑肋间神经痛，另外考虑颈椎病，去骨科或者康复科。谷维素、维生素B6是针对植物神经功能紊乱的，你这个不象植物神经功能紊乱，肋间神经痛是明确的，但是还有交感神经受累，所以怀疑颈椎有问题．</t>
  </si>
  <si>
    <t xml:space="preserve">各位老师，我5.88进的600609金杯汽车，后市如何？ </t>
  </si>
  <si>
    <t>600609 近日明显是有基金建仓 建议不要管了 耐心持有 参考山鹰纸业前期拉高的走势 短期目标家看高至7元附近</t>
  </si>
  <si>
    <t xml:space="preserve">为什么我偏偏会是……？我现在变的更苦恼了我曾经就提过自己不自信的 </t>
  </si>
  <si>
    <t>多少人希望自己有秀气的外表呀！你已经从父母那里得到了，还嫌弃什么了呢？！你呀应该高兴才对哦。你还应该感谢你的爸爸妈妈和身边的同学朋友，他们都是在赞美着你的呀...希望你的秀气给你带来更多的自信！：）</t>
  </si>
  <si>
    <t xml:space="preserve">请问体格偏瘦是什么原因？本人23岁，身高172cm，体重56.5 </t>
  </si>
  <si>
    <t>首先要检查你是否偏食。不少人的瘦弱与饮食单一（偏食）有关。比如，有人只喜欢吃米饭，不爱吃面食和杂粮；有人只爱吃蔬菜，不喜欢吃荤腥等等。如果您也有偏食习惯，那就一定要改正了，注意增加食物品种，鱼、肉、蛋、奶、蔬菜、水果精心搭配，样样都吃，保证营养充足，还要保证每天摄人的食物含有足够的热量。 另外就是要注意锻炼身体，增强体质。有了健康的身体就是瘦也能给人健康的感觉，不会像你现在这样让家人朋友为你的身体担心。你可以选择早上起来跑跑步或者晚睡前做一些，对你的身体会大有帮助。 还有个最有效的方法是通过内服中药来调节肌体的内处环境，帮助消化吸收。你可以先到医院做一个全身检查，如果确实没有其他方面的问题再要求医生为你开个处方。 偶在健身房呆过不短的时间，这里面的一些原理是这样的 : 首先你要增肥,一般是要增加一些脂肪，女孩子很少想要很多肌肉的是吧?线条太明显对女孩子来说并不好,而适当的脂肪对女性的线条有很好的做用,所以你不适合用大运动量锻炼身体然后再吃饭的方法,那样得到的基本都是肌肉.你适当运动就行了. 第二点是生活习惯,首先是饮食,通常减肥的人要少吃多餐,所以你应该反过来，每顿吃的很多,一天少吃几顿,食物里面适当增加脂肪含量高的,但为了健康起见,也别吃太多高热食品,吃饭的次数少会使你的神经系统认为你不能按时提供能源,因此会做能源储备----积攒脂肪;然后是睡眠,你的睡眠不能太多,因为睡眠是人体分泌生长激素,它会引导人体肌肉的合成和骨骼生长并阻碍脂肪合成,所以小孩子才被要求睡眠充足,才能长的高.但也不能睡的太少,毕竟熬夜太消耗体力,呵呵，辛苦积攒的脂肪可能又会被消耗掉,最好每天睡5-6个小时就行了. 第三是最关键的，如同减肥要持之以恒一样，增肥同样是件极其痛苦的事情，没有坚强的意志很难实现,这个要看你自己的了,呵呵，能坚持个一年半载的才能有效果，凡事没有很轻松就能做好的,不要认为每天吃了睡,睡了吃就能变成自己想象的那个样子,那样只会导致脂肪在身体某些部分的堆积,比如，小肚子哈哈. 增肥和减肥一样，都需要合理的运动，合理的饮食以及生活习惯，只不过是把减肥的倒过来做了,最后希望楼主顺利增肥 增肥方法： 中国医学认为，体病多因脾胃功能低下，气血不足所致。脾为后天之本，气血生化之源。脾胃健，气血盛，则肌肉丰腴，肢体强劲。反之，则身体消瘦，肢软乏力。医治体瘦先要排除因甲亢、肝病、肾病以及肿瘤等多种慢性病。然后采用中药治疗，会有很好的效果。 瘦弱测试 一个人是胖是瘦不是凭眼睛看就能测算的，可以根据以下公式算出自己是否瘦弱了点：用身高的厘米数减去100后乘以0.9，得出的答案就是本人标准体重。如个人身高180厘米，标准体重就是（180-100）×0.9=72公斤，低于或高于标准体重10%都属于正常现象。如果你的实际体重低于标准体重10%以上，就要考虑自己是否偏瘦了。 特别提醒 一般情况下，体重过轻与遗传因素有关系，同时，一些情绪容易亢奋的人，由于内分泌的影响就可以加速热量的消耗。有些人容易紧张，结果可能是漏掉一餐或者食欲不振，一次损失上千卡热量自然不在话下，这样肯定不会胖。 如果发现自己的体重过轻，身体过瘦，首先要查一下是不是疾病的潜在影响。如甲状腺、糖尿病、肾上腺、消化系统疾病等，都容易造成体重过轻。排除了疾病的情况，才可以实施增肥计划。 身心愉快 瘦弱男女在饮食方面，有不少都存在挑食和偏食现象。因此，应改掉这些不良习惯，增加膳食的摄入量，膳食应丰富多样。多吃碳水化合物，面食最管用，此外，高蛋白食品、蔬菜和水果一样都不能少，平日里更要口不离那些健康的零食，如花生、奶糖等，喝完啤酒再喝点果汁也是不错的主意。 在摄入足够蛋白质的情况下，宜多进食一些含脂肪、碳水化合物（即淀粉、糖类等）较丰富的食物。这样，多余的能量就可以转化为脂肪储存于皮下，使瘦弱者体态健壮起来。胃肠功能较弱的瘦子，可选择鸡、鸭、鱼、羊的肝脏来食用，除此，鱼类也易消化和吸收。 饮食多样 要想增肥，首先应当做到科学增肥，为健康增肥。平衡饮食外，还应保持充足而良好的睡眠。人的睡眠若比较充足，胃口就比较好，而且也有利于对食物的消化和吸收。不少瘦人喜欢过夜生活，动不动就玩个通宵，第二天又要强打精神去上班，严重影响了睡眠的质量，这样下去不瘦才怪。 还要注意的是个人心理健康。工作中的紧张和压力、生活中一些小事的想不开、超出人体负荷的“疯狂”学习或工作等，都会使人愈加消瘦。相反，愉快的心理状态、和谐的人际关系则有助于增肥。 适当运动 对于那些长期坐办公室的瘦人来说，每天应抽出一定的时间来锻炼，这不仅有利于改善食欲，也能使肌肉强壮、体魄健美。人体的肌肉是“用进废退”，如果长期得不到锻炼，肌肉纤维就会相对萎缩，变得薄弱无力，人也就显得瘦弱。 在运动方式上，慢跑是个不错的选择，因为人在慢跑的时候肠胃蠕动次数明显增多，这样可以消耗人体能量，在进餐时胃口就好。一般来说，大运动量运动、短时间运动和快速爆发力运动都能起到增肥效果，也是欲减肥的人最应忌讳的。 附：食物增肥一方 山药粥 成分：山药、乳酪、白糖。 其制法可分为两种。一种是将鲜山药洗净，捣泥，待大米粥熟时加入拌匀，而后调入乳酪、白糖食用；另一方法是，将山药晒干研粉，每次取30克，加冷水调匀，置炉上，文火煮熟，不断搅拌，两三沸后取下，调入乳酪、白糖即可食用。 山药性味甘平，可补虚赢，长肌肉、润皮毛，为治消瘦、美容之妙品。乳酪可养肺润肤、养阴生津。两者合用，可健运脾胃，资助化源，故于虚瘦病人，效果甚佳。 常常听到体瘦者抱怨，现在减肥药满天飞，就是没有增肥药。其实，一般瘦弱欲增肥健身，无需求助于药物，只要恰当饮食，用食疗来调补，就能收良效。 体瘦之人，多有阴虚、血亏津少，故饮食上宜多食甘润生津之品，如牛奶、蜂蜜、鸡蛋、鳖（甲鱼）、海参、银耳等。常用有效食疗方有：核桃牛乳饮，蜂蜜饮料，海参膏，龟肉百合红枣汤，甲鱼滋肾羹，参麦甲鱼，银耳鸽蛋，百合鸡子黄汤等。 阴虚往往内心热，体瘦者多见烦躁易怒、口干咽痛、性欲亢进等虚热内生现象，故在滋养的同时，还要注意清虚火，可选食蛤蜊麦门冬汤、菊花肉片等。 1.均衡的饮食 可以使用奶油或其它食用油、果酱、糖类等高油脂、高糖类食物来增加热量，虽然体重增加较为快速，但长期或过量食用，会破坏食欲，并可能带来慢性疾病危及健康。采用均衡饮食及渐进式的增加食量，避免强迫性的供给，破坏食欲。 2.养成良好的饮食习惯 定时定量，少量多餐，细嚼慢咽。 3.改变进餐的程序 先吃浓度高，营养密度高的食物，再吃其它食物。 4.选择适度烹调的食物 选择经适度烹调的食物，如：蒸、炖、卤、炒、煮..等，避免因油炸、煎、烤..等导致食物坚硬，不易消化。 5.保持心情愉快，布置良好的进餐环境，集中精神用餐。 紧张和焦虑不但影响食欲，肠胃道消化吸收功能也不好，代谢率提高相对地消耗较多的热量。 如果还是没有办法改善您颀长消瘦的身材时，建议您还是请专业的医师帮您一起找出为什么肉肉长不出来的原因，用一个健康的方式长健康的肉肉喔！ 增肥可以考虑牛奶、杏仁、芝麻、腰果等食物，您可以将杏仁和芝麻粉加入牛奶来喝，腰果则可以当作零食来吃，如此会有不错的效果。 在社会的人口分布结构中，体重不足也是很常见的一个族群。只是目前社会一片减重风潮之下，那些体重过轻的人，反而是一般人羡慕的对象。可是，实际上体重不足者很容易发生营养不良、容易疲倦、抑郁、肌肉耗损等症状。严重者更会出现免疫力变差、容易生病，尤其对于患有慢性病的老人，还会增加并发症、愈后不良的机率。 ◎增重不增肥 在学理上增肥与增重的意义并不一样。因为“增肥”顾名思义是增加身体组织的脂肪比例，而“增重”除了脂肪的增加之外，应还涵盖肌肉组织的成长。我想您要问的应该是“增重”而非“增肥”吧？！ 人体的重量，大致上是来自于骨骼、肌肉、脂肪、水分以及其他内脏器官，有意义的“增重”应著重在肌肉、脂肪的比例增加。那么，我们要如何来进行身体的改造工程呢？答案仍然是“饮食”与“运动”！ 【饮食篇】 饮食方面，高蛋白质、高热量饮食，是增重的不二法门。浓缩的蛋白质与高热量食物，例如重乳酪蛋糕、小西点、小蛋糕等等，少量多餐、餐后适时补充帮助消化的木瓜酵素或综合酵素，以增加食物的消化吸收利用率。 ◎蛋白质的选择 选择优良的蛋白质来源，例如鸡蛋、牛奶、肉类、家禽类等，应占每日蛋白质总量的一半以上。植物性蛋白质则以分离萃取的黄豆蛋白粉末，效果会比较好，因为少了阻碍吸收的植物纤维。至于吃肉或喝牛奶那一种方法较好？讲求效率的人，可以尝试喝高蛋白奶粉（例如三多奶蛋白），会比喝一般鲜奶、吃肉的蛋白质摄取量来的高，吸收利用率也比较好。 ◎醣类的选择 醣类的摄取也是重要的一环，选择淀粉质较高的食物，例如白土司、馒头、白饭、地瓜、芋头、南瓜等。烹调时可以芶芡、羹汤、浓汤的型式，或在汤或果汁、牛奶中，加一些麦芽糊精（一般所谓的玉米水解淀粉，可直接加入食物中食用），增加热量的摄取。 ◎脂肪的选择 油脂部分，可适量使用吸收利用率较佳的中链脂肪酸（MCT），以增加浓缩热量的摄取。纯的中链脂肪酸（MCT）因不含“必须脂肪酸”，需搭配一般油脂使用。建议可选用已混合必须脂肪酸的中链脂肪酸产品（例如：三多高热能），避免必须脂肪酸的缺乏。一般建议中链脂肪酸占总油脂使用量，以不超过60％为原则。 【运动篇】 欲增重者的运动，以“重量训练”为主要方式，而非减重者所强调的“有氧运动”。因为“有氧运动”是促进能量消耗的，而“重量训练”则是用来增加肌肉比例的。借助哑铃、杠铃与训练器材的使用，配合大肌肉群的完全收缩与放松，可以达到肌肉的建造工程。 那什么叫大肌肉群呢？就是我们所谓的胸肌、腹肌、背肌、腿肌、二头及三头肌（手臂）。经由重量训练与饮食补充，可使大肌肉群成长，相对的便会累积一些体重。 目前在美国，已经在尝试对老人加以适当的重量训练，配合增重食品补充，来增加肌肉比例，以改善营养不良、容易疲倦、抑郁、肌肉耗损、免疫力变差、容易生病等症状。对于患有慢性病的老人，也会减少并发症、愈后不良的机率。</t>
  </si>
  <si>
    <t xml:space="preserve">美元兑日元目前是118左右，有谁看好到115，并附上您的理由和宝 </t>
  </si>
  <si>
    <t>看到117短线！115一定会到，实盘或有耐心建议等！祝好运！</t>
  </si>
  <si>
    <t xml:space="preserve">魔兽争霸亮度调不到游戏里图形选项的亮度条不能移动，但能玩，就是暗 </t>
  </si>
  <si>
    <t>那个调亮度的条是暗的,无法移动?我从前用的是RAGE 128 PRO的显卡,也遇到同样的问题.是因为显卡太烂了,所以不支持调亮度的功能.换个显卡吧.不换显卡的解决办法:把显示器的亮度调高!</t>
  </si>
  <si>
    <t xml:space="preserve">600330天通股份怎么办啊？所有均线都已跌破，我该怎么办？ </t>
  </si>
  <si>
    <t>已经企稳反弹，仍可继续持有。大盘在3000点上方要注意压力。</t>
  </si>
  <si>
    <t xml:space="preserve">宝宝牛奶蛋白过敏,如何减轻腹泻？宝宝母乳喂养下牛奶蛋白过敏，吃益 </t>
  </si>
  <si>
    <t>对于过敏，特别是食物过敏造成的腹泻，服用益生菌会有效果。但也是先去除过敏原因，服用含有LGG和BB12菌株的益生菌，至少3-6个月。此间，一定继续戒除引起过敏的食物。服用益生菌期间，即使腹泻好转或消失，仍然不能中断益生菌的治疗。益生菌治疗见效慢，但效果持续时间长。</t>
  </si>
  <si>
    <t>懂抓死灵的进!死灵一般多久出一只1级的?是不是像浅盾1小时出1</t>
  </si>
  <si>
    <t>我去抓绿鬼去了3次抓了4只，运气还算不错！每次大约2个半小时，第4次是我看没快魔了就丢卡抓骷髅玩谁知道刚丢完遇到只1的，气死我啦！以后去了2次就没再遇见过，4只中只有一只8D的其余垃圾还有个是19D的极品！哎~至于绿鬼出1级的阵势，和一个血骷髅一起，2个怪是在屏幕上边的位置还是挨着的，但是如果2只都是绿鬼那么恭喜肯定有只1的！</t>
  </si>
  <si>
    <t xml:space="preserve">关于铸具那些铸具到底是怎么来的？是打BOSS吗？或者下FB？黄昏 </t>
  </si>
  <si>
    <t>铸具都是FB里的BOSS掉的，也有一些是野外小怪掉，但几率小到几乎为0，19-109FB都掉，LZ没见掉可能是去的少吧，去的多了就会见到了剑魂是拆黄昏装备得到的，你看下黄昏装备就知道了，最下面有一行字，“未天人时可拆分为剑魂·***”做高级的装备就需要低级装备拆的魂，比如做70的武器就需要把60的武器拆了做魂，也有些是不需要魂的，类似90黄昏装备，还有些是不能拆魂的，黄昏黄金都不可以拆魂，而且以装备就自动天人了</t>
  </si>
  <si>
    <t xml:space="preserve">请问下广州到中山的路线?我知道在流花车站那附近有个东站&amp;lt;是 </t>
  </si>
  <si>
    <t>从流花车站出来，附近有省汽车站，那有去中山的车。如不出站，流花车站本身也可能有去中山的车，可以问一下</t>
  </si>
  <si>
    <t xml:space="preserve">2转是什么?2转就是转正邪吗?有什么具体任务?可以学习什么技能? </t>
  </si>
  <si>
    <t>2转是正邪，要30个人参，正派+防御，邪派+攻击</t>
  </si>
  <si>
    <t>Beijing______theone</t>
  </si>
  <si>
    <t>选C。Beijing作主语，用第三人称单数。后面是that引导的同位语从句，解释principle，其主语是 both Taiwan and the mainland ，用复数。</t>
  </si>
  <si>
    <t xml:space="preserve">为什么我绑了密保卡装备也被盗了一大清早我跑来网吧上网``~上去了 </t>
  </si>
  <si>
    <t xml:space="preserve">密保是这样被破解的……首先，中木马玩家一旦运行，就会自动激活盗号程序，关闭你的杀毒软件和防火墙，自动通知远方的盗号者准备开始行动。　　 一、虚假官方提示骗取　　木马先强行踢玩家下线，再发一个虚假官方提示，告诉玩家的密保卡已经损坏，被解除绑定之类，并要玩家输入三个密保卡字母对应的数字。　　其实这三个数字正是此时盗号者的登陆界面需要输入的三个数字（他已破解你的登陆密码），一旦玩家输入，号被盗也是情理之中了。这种木马的危害较小，只要不输入任何东西就可以了，这个木马也是官方介绍过的。　　 二、反复T下线记录　　这个是破解密保卡的“常规手段”，通过反复踢玩家下线让他不断输入坐标，再通过木马的截屏功能逐步搜集密保坐标及其对应的坐标数字。诛仙密保输入的数字是明码的，通过截屏就能知道你的A1、B2等等是什么数字。只需要知道60%以上的数字对应就可以完成破解，这种专破密保的木马叫“矩阵终结者”。 　 　三、长期“常规”记录　　短期反复踢玩家下线容易引起玩家警觉，若玩家长期没有更换密保卡，即使是平时的正常操作也会让马夫们逐步分析完你的密保卡对应数字，一旦达到60%就能实现盗号，所以这就是大多数游戏的密保卡只能保你30天的原因。我的到了第33天就顶不住了…… 　　一旦突破你的防范，用分类软件1分钟拿走你的所有东西，根本无须人工操作。　　 完美最近推出了电话密保，那么电话密保是否真的安全呢？且看这篇　　 破解之一：　　盗号者在盗到号（这里指账号和登陆密码）后做的第一件事是先去检查一下有什么密保　　如果是电话密保，OK了，开始破解　　打开电话密保的网页，用盗来的号登陆后，会显示出绑定的电话　　格式如1111***111 　　隐藏位数只有三位　　也就是只有1000种可能　　不要对我说电话在你的手里，盗号的号码和你不一样　　有一类软件叫做网络电话　　几年前我做**维护时曾有人给我推销过，并赠送了20元的话费　　当时我试着把本地电话设成某比较小的三位数字#17 　　然后给朋友打了个电话,说怀疑他与一宗绑架案有关#76 　　结果他吓得差点吐血#83 　　后来我往我自己手机上打了一个，电话号码只有三位数#83前两位的数字是同一个#76 　　不过电话密保打电话是免费的，所以盗号者没必要去交话费就可以直接操作　　你也别和我说试一千次会累死人，这世界上还有一种东东叫夕卜扌圭 　 破解之二： 　　 二、第二种方式解除电话绑定（客服已确认）：　　传真身份证复印件至完美，说明原因并要求解除电话绑定即可。　　方法简单吧，让你吃惊了吗？客服给的理由是如果你的帐号被别人恶意电话绑定，使用这种方式就可以解除。对于这种解释我彻底无语。　　关于以前有人使用“手机绑定”、“电子密保”绑定功能被盗的步骤，有人已经很详细的解说了。在此再重复说一次，并对一些认为盗号者不知道邮箱为什么能改密码等疑问一并解释。　　 三、盗取使用“电子密保”玩家的步骤：　　 1、通过种种渠道获取你的帐号与密码，登录官方网站，查看你的注册身份证，身份证号码隐藏部分可通过用户填写的出生日期获取；　　 2、PS一张假身份证至完美，要求解除密码绑定；　　 3、登录游戏（或者通过网页修改密码后再登录游戏）进行盗号操作。　　有人问为什么我在邮箱里看不到盗号者修改密码的信息，他们是怎么更改登录密码的？甚至还有人抓住这一点来怀疑是官方内部人员操作的。其实常混多玩的都知道，在修改游戏密码是可以绕过邮箱验证而直接更改密码的。操作步骤如下：　　1、登录通行证；　　2、直接输入http://XXXXXXXXXXXXXXXXX（屏蔽防止被别有用心者利用）网址即可修改登录密码。 　　 四、总结与建议　　综上所述，当你已经被盗号者获知你的有效身份证号码后，你就无法摆脱被盗的命运。因为完美所推出的这几种绑定服务，均可以通过传真身份证复印件到完美公司直接申请解除。　　由于不能修改注册时的身份证号码，又因为所有绑定都可以用身份证号码解除（客服只认得数字，不管是老人还是小孩，不管是男是女），所以只要别人拿到这个资料，就算电脑100%安全也没用。　　看了上面的分析，你就会知道你的所谓防范在中马之后是多么脆弱，俗话说不怕贼偷，就怕贼惦记，中了马之后贼开始惦记你的电话密保和密保卡了，破解只是早晚的问题，请相信，　　中了木马之后还能够保证你账号绝对安全的措施不存在，最好的办法就是提高警惕，重在预防。　　键盘录入的所有信息都是可以被记录的，软键盘输入的信息会被截屏，内存会被读取，密保卡有“矩阵终结者”、电话密保有“网络电话”，以上还不行，还能 PS一张你的身份证到完美解绑，只需知道你的身份证号码，而身份证号码只要知道你的账号密码就可以！　　最后，你的所有被盗物品都会很快出现在5173，这个最大的被盗虚拟装备销赃基地，被其他玩家迅速买走…… 　　防范办法还是说烂了的老三样：　　 1、装好杀毒软件保持最新，装好360之类的安全软件，及时修补漏洞，扫描木马；　　 2、只上正规大网站，多使用网页快照；　　 3、拒绝任何不明连接、不明软件，下载完毕之后立即扫描病毒木马。　　 4、做好以上三样还是会被盗的，特别是被盗过的玩家，由于盗号的掌握了你的信息比较多，再次破解的难度会大大降低，所以让我们　　求求额滴神，不要被盗吧！ 参考文献：  </t>
  </si>
  <si>
    <t xml:space="preserve">请问上海激光除皱花多少钱？效果好吗 </t>
  </si>
  <si>
    <t>如果皱纹比较浅，用黄瓜片就可以了。如果深一点的话，我还是建议你做注射除皱，效果好又快，价格大概在2～5万大城市的正规医院。如果皱纹比较浅，用黄瓜片就可以了。如果深一点的话，我还是建议你做注射除皱，效果好又快，价格大概在2～5万大城市的正规医院。这个价钱要根据楼主用什么方法吧，如果去美 容院做手术或者打针，恐怕价格要好几千，甚至会上万，如果用土豆片贴脸的话，只有几块钱而已。不过如果说性价比高的方法去除抬头纹，就一定是用注射除皱了，去除抬头纹效果又好，但是费用会相对贵一点了3～6万都有。地方不同价格就不同啊 我在长沙做的激光去鱼尾纹 4次7800，但是效果确实不错。</t>
  </si>
  <si>
    <t xml:space="preserve">兰蔻兰蔻男士须后水怎么样啊？用过兰蔻兰蔻男士须后水100ml/3 </t>
  </si>
  <si>
    <t xml:space="preserve">兰蔻 兰蔻男士须后水挺不错的~值得买~我是在那个抢鲜网（qxian）上买的，在抢鲜网那上面买，价格比其他地方便宜而且品质有保证，你可以上抢鲜网看看，兰蔻 兰蔻男士须后水介绍：无 </t>
  </si>
  <si>
    <t xml:space="preserve">大家觉得日立的挖掘机怎么样呢？由于工地的需要，我准备买一台挖掘机 </t>
  </si>
  <si>
    <t>很多的人都会选择日立的挖掘机，我觉得这个还是可以的，毕竟是日本产的，在这方面也有很多年的历史了。不过要我推荐的话，我会给你推荐斗山的挖掘机的，因为它的型号非常的多，在检修方面，每年会有15次免费的检修，这样对于这种大型的机器来说，是非常重要的，希望我的回答会对你有所帮助。</t>
  </si>
  <si>
    <t xml:space="preserve">呼市哪有卖昭贵芦荟鲜汁的？各位亲爱的JJMM，哪位知道呼市哪有卖 </t>
  </si>
  <si>
    <t>我也不知道，好象没见过。我就是去包头王府井百货买的。</t>
  </si>
  <si>
    <t xml:space="preserve">关于所得税的问题我们这里是采取季度预缴，年终清算的办法。第一、第 </t>
  </si>
  <si>
    <t>第四季度同样是预缴企业所得税：1、计提： 借：所得税 贷：应交税金-所得税 2、发生缴税： 借：应交税金-所得税 贷：银行存款 3、结转： 借：本年利润 贷：所得税等到来年所得税汇算完以后，才按照汇算的结果做会计分录。</t>
  </si>
  <si>
    <t xml:space="preserve">现在国内有没有缓解长期久坐引起的腰间盘突出的产品呢？ </t>
  </si>
  <si>
    <t>人体工学椅对长期久坐引发的疲劳等有很好的效果，像益巢就挺好的，特别适合长期久坐的工作者，缓解身体的疲劳有很好的帮助</t>
  </si>
  <si>
    <t xml:space="preserve">怎样在VISTA下安装WINDOWSXP？我的电脑预装的是VIS </t>
  </si>
  <si>
    <t>以前有过很多篇文章写到过任何安装xp和vista双系统.双系统如何卸载Windows Vista写在前面的话：最近很多人提到vista下安装老版本（XP/2000/98/ME等）后无法进入VISTA的问题，这是由于老版本的操作系统无法识别vista造成的。网上流传着很多解决办法，可是都很复杂，工程量大，这里给出简单的解决办法。具体解决方法：1、软件准备：.NET Framework 2.0      推荐下载地址： VistaBootPRO 3.1      推荐下载地址： 2、进入XP系统，先安装.Net Framework 2.00，再安装VistabootPRO 3.1（因为没有.Net Framework 2.00的支持VistabootPRO 3.1无法在XP下运行的，所以.Net Framework 2.00必须要安装）。3、运行VistaBootPRO 3.1，在Bootloader标签页中点击“Reinstall the Vista bootloader”,以重建Windows Vista的BootLoader,让系统能够启动进入Windows Vista。注意，仅完成这一步只能让系统启动进入Windows Vista,而无法启动Windows XP,接下来还要设置双重启动。4、点击“Diagnostics”菜单项中的“Run Diagnostics”，让VistaBootPRO 3.1找到系统中存在的除Windows Vista之外的其他OS（操作系统），待分析完成后即可看到除“Microsoft Windows Vista”外,还有名为“Earlier versions of Windows”的一项,此即是我们新安装的Windows XP,点击“Apply”即完成对Windows Vista与XP双重启动的设置。——当然,如果您愿意，也可以在此界面设置默认启动的系统,菜单延时等具体细节。如此，即完成在预装Windows Vista的PC上安装Windows XP及设置双重启动分别引导进入两个系统的操作了，您可以在享受系统预装的Windows Vista的同时,继续使用更习惯，操作更熟练的Windows XP。5、当然，有些用户按照我上面的操作之后，重启可能还是会只能启动Vista不能启动XP，那是因为安装XP的分区的根目录下没有ntldr文件，那么怎么办呢?很简单，我们在Vista下用XP安装盘(光盘)搜索一下几个文件,ntldr和ntdetect，找到之后复制到安装XP的分区的根目录下，比如你在D盘下安装的XP，那么就直接放在D盘下就可以了。注意，设置一下属性，选择隐藏文件，然后在Vista分区下找到 i，复制一份，保存到XP分区下，一切搞定，重启，随意选择吧，你现在已经拥有了xp和vista双启动了。</t>
  </si>
  <si>
    <t xml:space="preserve">月卡即将到来龙与地下城即将公测,个人认为那个游戏除了不能自由PK </t>
  </si>
  <si>
    <t>如果你真的玩过ＷＯＷ再去玩龙与地下城　　　你肯定不会去玩龙与地下城　　等公测了你就知道了　　本人玩过内测ＤＤＯ</t>
  </si>
  <si>
    <t xml:space="preserve">我女儿的智力有问题吗我女儿现在二岁零三个月了，长得挺可爱的，也挺 </t>
  </si>
  <si>
    <t>没有智力问题，只有兴趣偏好与父母要求不统一，对二岁零三个月的孩子你的要求超前了，教育方面可因势利导、不可强为或拔苗助长！</t>
  </si>
  <si>
    <t xml:space="preserve">在月经期间总是感觉右小腹部疼痛 </t>
  </si>
  <si>
    <t>经常是这样的话!应该是痛经和盆腔炎!你吃一点田七痛经胶囊看看。再吃点罗红霉素。按说明服用。</t>
  </si>
  <si>
    <t xml:space="preserve">如何养好水仙花？我从没养过，但哥哥喜欢水仙花！请问水仙花好养吗？ </t>
  </si>
  <si>
    <t xml:space="preserve">浸养水仙的关键在于掌握好水份、温度和光照。先把雕好的水仙头浸入水中一两天，洗净伤口粘液再移入瓷盆中，四周放小石或沙固定加水栽植，但小石不要过多，能固定即可。每隔1-2天换水一次，为不损伤其根，一般用冲水法来换水，把盆中的杂质冲走。球浸养后，适宜在15-20℃气温中生长。在15℃时，需要28天的时间才能开花。若是24℃时，只需20天的时间件就开花了。在广州从水仙落水至繁花盛放，约需21天至25天。如2002年春节在立春前8天，气温可能会比较低，预计水仙二十六、七天才能开花。所以种植水仙的的时间，应在2002年1月15、16日。如泥种则生长较慢，要提前4、5天。企头的水仙如到1月28日，花苞在叶腋的中心出现，即预示可能应节开花。如到2月4日花苞才露出，则要采取相应技术措施：一是白天放在太阳下爆晒，夜间安放在白炽灯泡下，以延长光照时间，或置放在炉灶旁；二是早晚两次用40℃以下温水注入盆内，一促其生长。若水仙下种过早或遇天气较暖，就要每天淋水后，将盆水倒去，只留少许以养其根，或加入冰粒，置于阴凉处，以抑制其生长。 欣赏水仙的花朵固然是一乐事，但对球茎下边的根须，也不可忽视。用一大竹筒，筒内放满水，上边盛放水仙头，让根须直插筒中，等长到一定长度时将水仙头连根须轻拔出，再置换在透明的玻璃容器里，用小竹枝固定，然后注入清水。这样上边绿叶香花，下边是根根玉柱，晶莹雪白，另有一番意趣。 水仙需要充足的阳光。每天爆晒，叶矮花高，叶呈碧绿色；阳光不足，叶高花矮，叶色带黄且容易倒状。水养水仙不用施肥，如施肥过多，会烂根。  </t>
  </si>
  <si>
    <t xml:space="preserve">带10岁小孩出去玩,北京有什么好玩的地,5环内就行如题 </t>
  </si>
  <si>
    <t>线路一北京动物园、海洋馆、天文馆、这三个地方离得不远可以玩一整天！线路二科技馆、中华民族园、百鸟乐园 这三个地方离得不远可以玩一整天！线路三石景山游乐园、军事博物馆、环球嘉年华、 这三个地方离得不远可以玩一整天！线路四自然博物馆、天坛公园、北京游乐园、 这三个地方离得不远可以玩一整天！</t>
  </si>
  <si>
    <t xml:space="preserve">痛苦的感情问题我暗恋一个女生，她和我在一个班上。每次上课我都不自 </t>
  </si>
  <si>
    <t xml:space="preserve">我以前也提过类似的问题   的确是很痛苦 爱一个人是痛苦的  我17岁少你1岁哦`！   我也想就这样默默看着她`一些美妙的东西当你要抓住的时候有时候就会消失`！ 所以 你要看她对你的感觉怎么样的~！~会不会主动和你讲话看你的眼神 一些细微的细节要注意然后才可以表白 不然被拒绝了以后见面都尴尬`    我是成功了！没想到她也喜欢我的  人生就是那么奇妙`  我可是暗恋了 3个 月呢`！     、  如果她拒绝了做为男人要有风度嘛 你就说以后还是朋友哦`   </t>
  </si>
  <si>
    <t xml:space="preserve">歇后语高山滚石头—— </t>
  </si>
  <si>
    <t xml:space="preserve">高山滚石头——大翻身高山滚石头——永不回头 </t>
  </si>
  <si>
    <t xml:space="preserve">谁能给哲学下一定义? </t>
  </si>
  <si>
    <t>是世界观和方法论,也就是们对世界的基本看法以及用什么样的方法论去认识改造世界,它是一门普便的,客观的,科学的科学.</t>
  </si>
  <si>
    <t>HF车系列二:VN</t>
  </si>
  <si>
    <t>全名VENA-GT，就是海王星（VENA）GT版，卖12000韩服点，合咱们的不到1000点。。自己掂量吧！看看韩服车是怎么卖的！另外往上数3辆就是这回垃圾警车的原形，CTR-S2！典型的花瓶！</t>
  </si>
  <si>
    <t xml:space="preserve">英雄萨姆1的有一关出来是一片大沙漠前方是一片金字塔可那进不去怎么? </t>
  </si>
  <si>
    <t>英雄萨姆1，我早就玩通关了，前方是一片金字塔啊，那就是怪物没有杀干净啊，我都记不清了，要不然，你找找水下面有东西要拿的吧。每一关都是有任务的。要不然就是出口不在那儿</t>
  </si>
  <si>
    <t xml:space="preserve">我怀孕快三个月了，总是烦躁我在这三个月中总是犯焦虑，所以总会和家 </t>
  </si>
  <si>
    <t>孕妇保持宁静恬淡，就是最好的胎教。无论做什么，听古静恬淡的心态。孕妇不能从事刺激性的活动，如玩麻将及电子游戏机，看惊险影视，跳激情舞蹈等。要多接触美好的事情，诸如听轻松优美的乐曲，欣赏秀丽的风景，观看花卉和美术作品，读有益身心的文艺作品，从而陶冶性情，旷怡心神，保持一份宁静恬淡的心情，这样就有可能生一个健康聪明的宝宝。   孕妇处于躁动不安或抑郁不快等负性情绪状态时，其胎动比平时多数倍甚至十数倍。若胎动长时间过频，可造成胎儿体力消耗过多，体重减轻，体质变弱，更重要的是孕妇负面情绪会影响胎儿的智力发育，使其智商降底。   大量的实验证明母亲如有较长时间的严重的精神波动，能激起植物神经系统和内分泌系统的活动加剧，释放大的乙酰胆碱类化学物质和肾上腺皮质激素，可以通过胎盘到达胎儿体内，从而干扰胎儿的正常的智力发育，同样，如果孕妇经常处于忧虑焦躁，过于悲伤，或长期置身于噪声环境中，都会不同程式度地连累腹中胎儿的身心健康。</t>
  </si>
  <si>
    <t xml:space="preserve">买哪一款婴儿理发器较好我上网搜索到很多款婴儿理发器，不知道买哪一 </t>
  </si>
  <si>
    <t>我给宝宝用的是"松下"的,是有三种头发长度可调的那种,可以根据季节给宝宝选择不同长度的发型,非常方便,主要是安全,不会夹到宝宝,噪音也不大.我家宝宝现在27个月,是从2个月开始用的,我每个月都会给他剪一次,宝宝非常喜欢剪.祝你家宝宝健康!!!</t>
  </si>
  <si>
    <t xml:space="preserve">怎么样才可以摇出个乌龟来?要求宝鼎是三个什么的?风格 </t>
  </si>
  <si>
    <t>据说是三个图案都必须是小灰！</t>
  </si>
  <si>
    <t xml:space="preserve">仓鼠生小BB.我的仓鼠仓鼠生小BB了.我可以怎么做 </t>
  </si>
  <si>
    <t>不要动小仓鼠，给仓鼠妈妈一个暗暗的地方，给她加一些营养，可以买面包虫给她吃或者给它白煮小虾吃。注意别惊了仓鼠妈妈。</t>
  </si>
  <si>
    <t xml:space="preserve">请问，大家觉得圆明园应该重建吗？ </t>
  </si>
  <si>
    <t>不应该,如果重建的话就是忘掉历史</t>
  </si>
  <si>
    <t xml:space="preserve">哪边看海是最好的呀！想去看海 </t>
  </si>
  <si>
    <t>海南、青岛、秦皇岛、大连、夏威夷、新西兰都很好</t>
  </si>
  <si>
    <t xml:space="preserve">怎么百战进不去啊？联接不上服务器是什么鸟意思啊？更新后没有验证码 </t>
  </si>
  <si>
    <t>草 死  这个游戏！《大概需要 10天 就可以解决线路问题》之类的话 不会说啊！害的玩家 天天对着没有 验证码的界面发呆吗？？你们是人吗？</t>
  </si>
  <si>
    <t>速求杨千??</t>
  </si>
  <si>
    <t>现在基本很难找到，腾讯就是为了收费，要么开绿钻，要么花Q币，没法子</t>
  </si>
  <si>
    <t xml:space="preserve">我的女朋友特别怕冷冬天手脚总是冰冷的总感觉比别人产热少，请问是不? </t>
  </si>
  <si>
    <t xml:space="preserve">1、平时要多多注意锻炼身体，增强体质。2、冬天时多穿衣服。睡觉时使用电热毯或者热水袋。3、合理地调整饮食，保证人体必需营养素的充足，对提高耐寒能力和免疫功能是十分必要的。 根据“虚则补之，寒则温之”的原则，在膳食中应多吃温性、热性、特别是温补肾阳的食物进行调理，以提高机体的耐寒能力。“食补”应供给富含蛋白质、维生素和易于消化的食物。 食补宜选用的食物和药物 1)补阳类食物。主要有：鸡肉、猪肝、猪肝、羊肉、羊肾、狗肉、鹿肉、鳊鱼、带鱼、海参、贻贝、洋葱、香菜、粳米、糯米、小麦、南瓜、红枣、茴香、姜等。 (2)滋阴益肾、填精补髓类食物。主要有：木耳、黑枣、芝麻、黑豆、火腿、猪脊、海参、龟肉、甲鱼、鲍鱼等。 (3)补肾壮阳类食物。主要有：小米、核桃、韭菜、虾仁、贻贝、麻雀肉、麻雀卵、羊肉、狗肉、羊肾、猪肾、牛鞭、鹿鞭、鹿肉等。 (4)常用药物。主要有：蛤蚧、当归、熟地、黄芪、天麻、虫草、锁阳、阳起石、海马、海狗肾、狗脊、鹿茸、人参、灵芝、山药、芡实、杜仲、续断、肉苁蓉、巴戟天、菟丝子、淫羊藿、补骨脂、紫河车等。下面向你介绍一些冬季滋补食谱： 1.百合鹌鹑汤 材料：食物：鹌鹑两至四只，红萝卜半斤药物：百合四钱，蜜枣六枚 功能：滋阴健肺，止咳补气，久咳虚喘者为合。 制作方法：鹌鹑托鸡鸭档代切洗净，去肠杂；红萝卜去皮洗净切件，加百合、蜜枣，放水五碗，煲三小时。 说明：清润滋补，合全家老少饮用，秋冬季更是合时汤水。 2.无花果杏仁汤 材料：食物：瘦肉四两药物：南北杏各三钱，蜜枣五枚，无花果十粒 功能：无花果清热、利呼吸道系统等器官；南北杏清痰止咳，润肺养颜；加蜜枣滋润成方。 制作方法：瘦肉洗净，成块落煲，加放以上各药材，放六碗水，煲二小时已成。 说明：此汤乃保健平安之汤剂，偶然感冒伤风、咳嗽、痰多，亦可以饮此汤，有益加速疗效。 3.芝麻益肤汤 材料：食物：黑芝麻一两，柠檬四片，雪梨一个，鸡蛋一只或鹌鹑蛋四只药物：红枣六枚 功能：芝麻有润肠润肌肤功效，能乌须黑发。组成上方可以防止皮肤乾燥、龟裂、脱皮，使皮肤光滑，幼嫩娇艳。 制作方法：洗净黑芝麻放置搅拌机搅匀，成糊状；柠檬切片；放两碗水，先煲红枣(去核)，后下雪梨(切块)，十分钟后放入鸡蛋(全只)，片刻加入黑芝麻、少许糖，混成汤可进食。 说明：此汤为时下美容人士最为多用，经济而简单，清润通便，益肤防老。 4.莲子百合汤 材料：食物：瘦肉半斤药物：莲子一两，百合五钱，蜜枣四枚 功能：莲子乃著名滋养药食物，养神安宁，降血压。百合能补中益气，温肺止咳；鲜品有镇咳、止慢性支气管炎、疗肺病止咯血之效；乾品作粉煮食，有滋补多营养之功效。以上两药一齐再加上瘦肉，组成一汤，既滋补中气，健肺养颜，养神平压，而且味道相当可口。 制作方法：莲子百合大多都采用乾品，将以上各食物药物洗净，一齐放入煲，加瘦肉，水六碗，煲三至四小时，莲子松化，百合出味。 说明：莲之全身皆可入药，莲藕、莲子、莲叶、莲心、莲花、莲蓬、莲茎乃最普遍而最实用之植物药材。 5.冬菇螺肉汤 材料：食物：冬菇六粒(中等大)，响螺肉一只，鸡脚六只，生姜两片功能：滋润温补，健肺清痰，补膝脚力。 制作方法：冬菇先浸软；响螺用滚水拖过，取肉切片，加鸡脚生姜，放水四至五碗，煲四小时。 说明：秋季，天气乾燥，此汤合家人饮用，既滋润又补益。 6.塘蒿三鲜汤 材料：食物：塘蒿菜一斤，新鲜鱼片、猪肝、猪腰片各二两，姜丝少许或用红辣椒一个 功能：营养丰富，味道鲜美，全家适合，维生素高。 制作方法：塘蒿菜洗净，三鲜洗净切片摆好，先煲好一锅上汤，落足油盐调味，沸开落菜，鱼片、猪肝片、猪腰片生灼，加姜丝或红辣椒(切碎丝)。 说明：此法如打边炉火锅，但视乎人多少而用料，三两个人按以上份量已足，冬天自己一家几口做这个汤，生灼很不错。 7.雪耳鸡汤 材料：食物：鸡半只或一只，随人多少而定，姜片少许药物：雪耳一两，蜜枣六枚功能：雪耳能润肠胃、和血止血，不含胆固醇，配鸡煲汤，补益兼滋润，配蜜枣，清润。 制作方法：切洗净之鸡原只与雪耳、蜜枣齐放煲内，放六至八碗水，煲三至四小时，汤成。 说明：如将雪耳加乳鸽或鹌鹑、水鸭、鸭等，都有以上功效，制作相同，悉随尊便。 8.乳鸽银耳汤 材料：银耳(又名雪耳)三钱，乳鸽一只，瘦肉四两，蜜枣四枚 功能：清润，滋养和血，通便。木耳又能降压、防血管硬化、治痔疮出血和妇女月经过多，加瘦肉乳鸽，滋补温和。 制作方法：银耳浸发透洗净，将切洗好之乳鸽和蜜枣、瘦肉先煲约两小时，后下银耳再煲半小时，加少许盐调味，汤成。 说明：此汤全家合用，家有老人者更加适合，常饮银耳亦有美容健肤之功效。 9.猪尾黑豆汤 材料：食物：猪尾一条，黑豆四两，木耳一两 功能：猪尾壮腰补脊椎之胶质；黑豆滋阴，补中益气；木耳(黑木耳)同白木耳所含营养相近，含蛋白质、多糖类、灰分，灰分之中还有很珍贵之硫、磷、镁、钙、钾、钠等，滋养益胃，防血管硬化，止血，治妇女月经过多。 制作方法：买猪尾一条，刮净皮毛，冲洗乾净，斩件；木耳先浸发廿分钟，加黑豆一齐放入煲，水四至五碗，煲三至四小时。 说明：黑木耳煲片糖可止妇女血崩、月经血量太多等。 10.北杏鹧鸪汤 材料：食物：鹧鸪一只药物：北杏仁三钱，元肉二钱，远志三钱 功能：益心智，壮腰肾，润肺清痰，补脑力，长服使人聪明益智、补肺养气。 制作方法：鹧鸪可托卖雀铺代切，去肠杂，洗净，加上三种药材，煲三小时已够火路，捞起鹧鸪药渣，只饮汤。 说明：初冬起鹧鸪大量应市，只只肥美，脑力工作者、学生、老人气喘咳等最适宜饮此汤补益。 11.桑椹瘦肉汤 材料：食物：柚皮乾二两，瘦肉半斤，片糖一块药物：桑椹四钱 功能：补虚益气，清肝明目，降血压，通便，常饮此汤必无便秘。 制作方法：柚子皮去外皮留囊皮晒乾备用，每次用二两，加瘦肉及桑椹四钱，注水四碗，煲三小时，放片糖，片刻即成。汤鲜甜，瘦肉亦可食。 说明：桑椹能止头晕兼便秘，含维生素B1、B2、C、烟酸、琥珀酸；柚皮及柚肉均为润肠通便而不伤脾胃之润肠食物，将此两样组成一汤，各有所长兼收通肠去便补气明目之功。 12.瑶柱鸭汤 材料：食物：冬菇六粒，瘦肉四两，光鸭半只(人多用一只)，江瑶柱六粒(大) 功能：鸭肉味鲜，蛋白质丰富；瑶柱乃海产食物，滋阴入肾；元肉为温补要药，温中逐寒。凡上热下寒者饮此汤相当适合，配瘦肉、冬菇使此汤更加清甜而温补。 制作方法：鸭托鸭商代切洗净，去肠杂，瑶柱冬菇先浸至透，将以上各物一齐放入瓦煲，六至七碗水，煲四小时以上。 12、人参鸡火锅 原料：母鸡肉1000g，猪瘦肉、猪舌头各150g，水发海参、猪环喉各200g，莴笋、胡萝卜各150g，豌豆苗尖、葱各lOOg，人参20g，醪糟汁1OOg，鲜汤2000g，猪油200g，花椒、胡椒粉、精盐、味精、冰糖、料酒、酱油各适量。 制法：将母鸡肉洗净，搌干水分，剁成4cm见方的块，入开水锅中氽一下，猪瘦肉、猪舌头亦入开水锅中氽片刻，捞出切片；海参洗净，片成大片，用水泡上；猪环喉撕去皮、筋，剞花刀，剖开，切成约8cm的条；胡萝卜、莴笋削去皮筋，切成片；豌豆苗洗净；人参洗净，用少许水煮一下，捞出切片，再放入原锅内煮15分钟，捞出仍以原汤泡好待用。以上各料分别装入盘中上桌(人参、母鸡块除外)。炒锅置火上，下猪油烧至五成热，先放葱、姜、花椒炸香，再放料洒、酱油、冰糖、鸡块、醪糟汁、盐炒一会，加鲜汤烧沸，调入胡椒粉、味精，舀入火锅中上桌；加入人参片煮10分钟，即可烫食各种原料。蒜泥、盐、醋加香油调匀蘸食。 13、羊肉汤 滋补功效：羊肉汤属热性，可以温胃御寒，但喝多了容易上火。 特点：色泽光亮，呈乳白色；汤质优美，营养丰富；不膻不腥，味道鲜美异常。 制法：先把羊肉、羊骨架洗一下，羊杂做些处理，把羊肉、羊杂放一个锅内煮，可放些葱姜等，（不宜放大料，串味），等羊肉、羊杂煮熟，捞出切成片，备用。 把羊骨架放锅里，加满清水，好了，开火，熬吧，熬一个小时左右，把漂浮在上面的一些杂质舀出去，这时的汤就比较纯净了，放些葱姜，继续熬吧，什么时候熬的汤成乳白色，象牛奶一样就可以了。熬汤一定要舍得花时间。 把切好的羊肉、羊杂放碗里，放些葱花、香菜，蒜黄之类的菜，放适量精盐，把熬好的羊汤趁热倒入碗里，好了，一碗色泽乳白，口味鲜香醇正的羊肉汤就做好了配上千层饼或火烧，味道真的好极了。如果喜欢辣椒，可以放些辣椒。 14、萝卜烧排骨 特点：成菜色泽红亮，肉质酥嫩，味道鲜美。 原料：猪排骨500克，萝卜500克，酱油20克，料酒5克，盐4克，味精3克，白糖5克，葱8克，姜5克，淀粉5克，油50克。 制法：萝卜切绞成块，葱切段，姜切片。炒锅上火，放油将葱、姜和萝卜放入，煸炒至上色加入料酒、酱油、盐、味精、白糖和清水，放入排骨坯料，用火烧开锅后，转用小火烧25分钟，待汁收浓且口味浓香时，加入水淀粉，把汁全部挂在原料表面即可。 15、清炖马蹄鳖 主料：甲鱼1只(重约750克)，火腿骨1根，火腿肉100克。 辅料：葱结、姜片、冰糖、熟猪油各10克，精 盐1克、绍酒25克，白胡椒粉1克，鸡清汤750克。 制作：1)将甲鱼宰杀，用开水烫泡后，剥去外层内膜，用刀沿甲壳四周剖开，掀起甲盖，去掉内脏(留下甲鱼盖)，剁成约3.5厘米长、1.7厘米宽的块(尾和脚爪不用)； 2)放入开水锅中煮至水再开，捞出沥水； 3)火腿切成4 大块； 4)将甲鱼块整齐地码在沙锅中，把火腿、葱、姜和火腿围在甲鱼四周，加入鸡清汤和绍酒，盖锅焖住； 5)旺火烧开后，去除浮沫，放冰糖，转用微火炖1小时左右，拣出姜和火腿骨，放盐； 6)再将火腿捞出切成片放入锅里，淋上熟猪油，撒入白胡椒粉即可。 16、黄芪炖乌鸡 原料：黄芪50克，乌骨鸡1000克，葱10克，姜10克 制法：1.清洗干净，放入沸水锅中焯一下，捞出洗净。 2.将黄芪洗净，放入乌骨鸡腹中，放入沙锅，注入鸡清汤，放入料酒、盐、葱段、姜片，用小火炖至乌鸡肉烂入味即成。 功效：一说、补肝肾、益气血、男子遗精、早泄有辅助治疗作用。 二说、黄芪，是一味中药，功能补脾益气。乌鸡，含有丰富的蛋白质和脂肪、钙、磷、铁和核黄素、尼克酸等。功能养阴益血、治妇科疾病。黄芪炖乌鸡，有补脾益气、养阴益血的功效。榆次民间用这种传统保健食品治疗月经不调、白带过多、月经痛、血虚头晕等妇科疾病。黄芪，性味甘、微温，入脾、肺经。乌鸡，性味甘、平，入肝肾经。 17、杞精炖鹌鹑 原料：鹌鹑1只， 枸杞子、黄精各30克，盐、味精少许。 制作：将鹌鹑宰杀，去毛及内脏，冼净，枸杞、黄精装鹌鹑腹内，加水适量，文火炖酥，加盐、味精适量调味即成。 服法：弃药，吃肉喝汤，每日1次。 功效：滋养肝肾，补精益智。鹌鹑是良好的益智食品，含有丰富蛋白质、无机盐、维生素等，有助于小儿发育、增进食欲、提高记忆力。脑力劳动者常食，能消除眩晕健忘症状，能提高智力，有健脑养神之作用；枸杞子能补肾益精、养肝明目、抗疲劳、增强体力和智力；黄精能补脾润肺、养阴生津、强化筋骨、益智强身。几味同用更增加其滋补和益智作用。适宜于肝肾不足、精血亏虚而见神疲乏力、腰膝酸软、眩晕健忘者服食。 18、素笋汤 取冬笋200克， 鲜汤250克，香菜梗、水发黑木耳、葱姜汁、精盐、味精、麻油各适量。先将冬笋去皮洗净，切成长8厘米、宽1厘米的薄处，放沸水中略烫捞出，放凉水中过凉后捞出控水。黑木耳择成小朵，香菜梗洗净后切成3厘米长的段。炒锅上旺火，放入鲜汤，加入葱姜汁、精盐、味精，再放入竹笋片、黑木耳片，待汤煮沸时，用后勺撇去浮沫，放入香菜梗，淋上麻油搅匀后盛入碗中。本品特点为素雅清淡，鲜美可口，消痰利肠，通脉化食。 19、冬笋鲫鱼汤 取冬笋100克， 鲫鱼1条（250克），黄酒、生姜片、精盐、味精、精制植物油各适量。先将冬笋剥完后切成长丝，洗净，然后用沸水煮一下，以除去涩味。鲫鱼去鳞除去内脏洗耳恭听净，锅中放油烧热，放入鱼煎两面至皮微黄，烹入黄酒，加清水及笋丝、生姜片烧开后，略焖煮一会，加入精盐、味精即成。本品特点为汤鲜醇浓，肉嫩笋脆弱，利水下乳，健脾益气。 20、三丁豆腐羹 取豆腐250克， 猪肉丁150克，番茄250克，青豆米50克，精盐、味精、湿淀粉、麻油、鲜汤各适量。先将豆腐切成丁，下沸水焯一下，沥干水待用。番茄烫去皮，去籽，切成小丁，烧热油锅，下葱略煸一下，放入鲜汤、豆腐、肉丁、番茄、青豆米、精盐、烧沸，再加味精，淋上湿淀粉，出锅装碗，淋上麻油即成。本品特点：味道鲜美，滋阴润燥，补中益气，补脾健胃。 21、骨头汤 原料：脊椎骨1000克， 棒子骨500克，适量清水。 调味佐料：姜片、葱段、酱油、料酒、花椒、大料、桂皮、盐。 制法：切记酱油要少放，以汤略显酱色即可。熬制时间为40-60分钟。骨头汤做好后，盛入小盆内，放入冰箱冷冻室储存，随吃随取。 22、胡椒茴香牛肉汤 用料：胡椒10克， 大茴香10克，牛肉500克，大蒜1条。 制作：胡椒、大茴香洗净；大蒜洗净切节；牛肉挑去筋膜，洗净，切成大块。把全部用料放入锅内，加清水适量，武火煮沸后，文火煲2小时，调入酱油、味精即可，饮汤吃牛肉及大蒜。 </t>
  </si>
  <si>
    <t xml:space="preserve">今天银行工作人员通知我购车贷款审批通过，上沪C牌照，那我多久可以? </t>
  </si>
  <si>
    <t>要不了多长时间,全部办下来也就几天</t>
  </si>
  <si>
    <t xml:space="preserve">英国贵族中学有什么特点？传说中的英国贵族中学和普通中学比有什么特 </t>
  </si>
  <si>
    <t>.贵族中学首先教育质量好，升入牛津剑桥的比例很高。另外之所以叫贵族中学是因为这里上学的有很多是在有爵位的，还有一部分是世界各地的富豪名流子弟。这里校风严谨，男生强调英式的绅士精神，在生活方面对学生的着装仪表都有要求。一般不允许外人随便进入更不允许拍照。这些中学一般申请的要求都很高，学费也都很高。2.比如 Sevenoaks 的创始人就是英国国王威廉二世的近臣，功勋卓著。这个学校要提前两年申请。赫斯菲尔德圣玛丽学校也不错。可以参考学学教育的网站，也可以打电话咨询下你想知道的问题。</t>
  </si>
  <si>
    <t xml:space="preserve">化学共存问题4钠离子,钾离子,碘离子,硫酸根离子能大量共存吗?答 </t>
  </si>
  <si>
    <t>有氢离子时，硝酸根有氧化性，而且无论浓度大小。而硫酸根必须在浓度大时才有氧化性，低浓度不体现氧化性。</t>
  </si>
  <si>
    <t xml:space="preserve">它们是同一种鸟吗？就象布谷和杜鹃是一种鸟一样黄莺和黄鹂是同一种吗 </t>
  </si>
  <si>
    <t>鸬鹚和鹈鹕是肯定不是一种，鹈鹕有带囊分布的地区不在亚洲。鸬鹚又叫鸟鹰在亚洲地区有分布，至于黄鹂和黄莺，据我所知黄莺是学名，体形较小，黄鹂只是古诗中说过。我想可能和黄莺是一种鸟。善鸣。</t>
  </si>
  <si>
    <t xml:space="preserve">请问用爱问的积分换礼品,若礼品已换完,积分还退还吗?谢谢! </t>
  </si>
  <si>
    <t>如果礼品已兑换完，你等于是兑换没有成功，系统会提示礼品已兑换完毕，没有成功你的积分自然就不会扣除。</t>
  </si>
  <si>
    <t xml:space="preserve">周杰伦,陈冠希,余文乐,黄秋生等主演的电影,根据日本慢画改编的电? </t>
  </si>
  <si>
    <t xml:space="preserve">...《头文字D》中文片名： 《头文字D》 编　　剧： 麦兆辉、庄文强 导　　演： 刘伟强、麦兆辉 上映日期： 2005年6月 出品公司： 寰亚、银都 制　　作： 寰亚电影公司 发　　行： 寰亚电影公司 领衔主演：  周杰伦--饰藤原拓海铃木杏--饰茂木夏树陈冠希--饰高桥凉介 </t>
  </si>
  <si>
    <t xml:space="preserve">出游申请怎么写我是北京某国企的正式职工想利用这次春节长假离京出游 </t>
  </si>
  <si>
    <t>这种申请把事由写清楚就行，记得申请书格式小学三年级就教了的</t>
  </si>
  <si>
    <t xml:space="preserve">我体重160，有什么减肥的药品只要减到130就OK了，有什么方法? </t>
  </si>
  <si>
    <t>减肥要持之以恒，多运动，健康减肥，管住自己的嘴，加上适当的减肥药左旋肉碱，效果会更佳。注意减肥药一定要在正规的药店买，我就是在同生药房网买的，国家认证得网上药店</t>
  </si>
  <si>
    <t xml:space="preserve">和天蝎交往是不是很容易伤心！ </t>
  </si>
  <si>
    <t>比较多的情况是----"是"冷漠,是他给你的感觉.你永远不知道他在想什么,准备做什么.他是那种令人琢磨不透的神秘派.爱上蝎子是很辛苦的,因为你很难知道他还喜不喜欢你.他往往会在不经意间给你一刺,这也是他敏捷的观察所决定的.我也正喜欢着一只蝎子,我清楚得明白,爱上上蝎子~~好累好累~~~~</t>
  </si>
  <si>
    <t xml:space="preserve">为什么我的苹果电脑插上耳麦时音量很低没法调？求解决。（显示器是求? </t>
  </si>
  <si>
    <t>既然主板音量你调到最高了，那肯定耳麦自身你也调到最高了，还有就是播放软件也调最高，如果这三者都调到最高，你又换了各种型号耳麦，肯定不是耳麦问题，极有可能是耳麦接口有问题，台式电脑就时常遇到，这种一般我们都是帮他们换一个PCI扩展声卡。你的可能得送修检测</t>
  </si>
  <si>
    <t xml:space="preserve">请问空调制冷剂加过多，对空调系统有什么影响，对发动机有影响吗？谢? </t>
  </si>
  <si>
    <t>对发动机没有影响，加多了会使系统压力过高，对电磁离合线圈不好，而且空调制冷效果不好</t>
  </si>
  <si>
    <t xml:space="preserve">请问：如何用VB修改注册表我想用VB编辑一个电脑优化的工具，那么 </t>
  </si>
  <si>
    <t>建议买一些关于注册表修改的书看看，一定学会API函数</t>
  </si>
  <si>
    <t xml:space="preserve">胆结石如何治疗好？我老婆今年35岁，3年前就有胆结石，时有右上腹 </t>
  </si>
  <si>
    <t xml:space="preserve">所说“胆结石”可能是胆囊结石，如结石较大或经常性胆囊炎发作，胆囊功能不好，碎石和排石、溶石都不是好办法，易将结石排到胆总管嵌顿，造成急性胆管炎，使病情复杂化。应及时到有条件医院作腹腔镜胆囊切除术，简单、安全。胆囊切除后对生活是会有一定影响，只要按医生要求去做会很快适应的，不手术治疗，如经常胆囊炎发作病人是很痛苦的，而且每次发作花费也很大。如不经常发作到可以继续观察，注意清淡饮食，不要乱用溶石、排石药。 </t>
  </si>
  <si>
    <t xml:space="preserve">傲剑游戏介绍有的吗 </t>
  </si>
  <si>
    <t>　　《傲剑》是国内首款以穿越为题材的网页游戏，也是一款完全在国人自主研发的引擎支持下所打造的网页游戏精品。《傲剑》的游戏世界架设在中国古代南宋的绍兴年间，汲取了中国武侠文化精髓，以注重操作和竞技体验为主要游戏思想，其中互动交友也是《傲剑》的亮点之一。 　　《傲剑》是一款融合了中国武侠文化精髓的作品，它的背景故事架构在南宋绍兴年间，集合了官、匪、侠、爱、恨、义、仇、孝等元素，旨在渲染大腕酒大腕肉的豪迈情怀，令人体会生死路相随的儿女情感，体验铲凶除恶的浩然正气，感受世道荒凉的人心不古，以穿越的手法，让玩家回到了南宋的绍兴年间。 　　穿越是《傲剑》除PK外的另一个主题，玩家将以现代人的身份在因缘巧合之下回到了南宋，作为一个现代人，将会为南宋带来什么，将会如何在南宋内忧外患的时局下闯荡，又是否会和南宋名将岳飞产生交集？这是《傲剑》留给玩家的期待。</t>
  </si>
  <si>
    <t xml:space="preserve">怎么进入游戏一进游戏就是密码错误,请再次检查您是否输入正确.如您 </t>
  </si>
  <si>
    <t>你有没有激活游戏啊．要先把“小鱼儿与花无缺”激活。办法是先进YOYO帐号，里面激活</t>
  </si>
  <si>
    <t xml:space="preserve">汽车改装后或有什么特殊配置一般有什么标志贴在后面汽车改装后一般有 </t>
  </si>
  <si>
    <t xml:space="preserve">哈鲁小波，你的问题有点叫人误解了，我知道的不多，但是也想给你说说： 一.V8的意思就是V型8缸的发动机，发动机的布局有这几种：1.直列式发动机。像一般的轿车上的，夏利啊，直列三缸的，桑塔纳，直列四缸的，沃尔沃，直列五缸的，都是用“L”表示，你如果看到L6，就是说，这台发动机是直列六缸的。2.水平对置的发动机。这种形式的不多见，据我所知就在富士车上用过（现在叫斯巴鲁subaru），特点是发动机的性能很好，见得不多，也就不多说了，用“H”表示，例如：H6，就表示是水平对置6缸发动机。3.V型发动机。顾名思义，就像“V”字一样，如果是V6，就是一边三个汽缸，成夹角状排列，这个夹角有大有小，有45度的，有60度的，有90度的，很多豪华车上配的都是V型的发动机，也有很多是装在型车上的，有V6，V8，V10，甚至还有V12，恐怖吧，想想12个汽缸一起做功的样子，嘿嘿……还有就是W型的发动机，这种的太少了，比大熊猫还稀有，我都不是太了解，也就不介绍了。 二.汽车的特殊装置。那就要看是那方面的了，特殊一点的，例如越野车上有的装有绞盘，就是在车子无法行驶的时候，借助绞盘的力量把车拖出来，这算一个吧。竞速车上有的有气瓶，就是把可燃的气体压进汽缸内，使燃烧的更剧烈些，我也不是太清楚，只是在某些电影上看到过。 </t>
  </si>
  <si>
    <t xml:space="preserve">我老是嗳气,好几个月了.中药疏肝理气、健脾舒胃的西药也吃过。最近 </t>
  </si>
  <si>
    <t>建议采用以下方法，去病建身，延年益寿。祝身体健康。1、通周辅助法体态、呼吸、意念：采用高位撑的体态，在沙发扶手、桌子、床头等两尺高以上的地方均可以习练，开始只做简单的机械，不管呼吸，不加意念，待两臂感到微酸，累的时候，开始加意念并配合呼吸。身体向下时吸气，用全身的毛孔往里吸，要吸满。起身时，双手支住身体，全身放松，不要急于做连续动作。在支起的过程中休息一会儿，起身时呼气，意想体内的真气顺尾闾往上走，经督脉，百会降入下丹田、会阴。一呼呼一圈，连续撑一阵后放松站立一会，便可收功。功效：1、增强内气，经常练这一式，会感到内气沿着后背一片片地往上运行。平时坐站的时候，也经常出现尾闾处有气往上升，且面积很大，这都是真气充足的表现。2、治疗督脉上的疾病，因气足时要冲击两侧俞穴，故又是对上半身的全面调理。2、睡觉锻炼体态、呼吸、意念：开始是仰卧，全身放松，两手置于身体两侧，进行体呼吸，吸气时，意想宇宙间真气通过全身毛细孔吸进来，呼气时，意想全身的病气、浊气通过全身的毛细孔射出去射透天边。做一阵以后，放弃吸射的意念，一切顺其自然，只知道自己还在练就可以了，也可用侧卧方式习练，身体向右侧卧，右手心向上，置于头侧，左手放在左胯上，两腿自然弯曲，进行体呼吸，意念同上，。可在练习态中入睡，睡醒时不要急于起床，可在床上闭目习练体呼吸，待全身有了气感后，再起床，这种在练习态中睡着，又在练习后起床的功法，等于一宿都在练，凡各此类情况均为好现象，不必惊慌害怕，也不必欣喜，，要注意保持平静，一切顺其自然。功效：对神衰、失眠、多梦的病症有特殊疗效，长期习练易入定。3、行走锻炼：体态、呼吸、意念：行走时脚跟先落地，要一步一个脚印的走，呼吸时采用体呼吸，即吸气时，意想宇宙中真气通过全身的毛细孔吸入体内，呼气时，意想全身的病气，浊气，疲劳之气通过全身的毛细血管射出去，射透天边，呼吸要与走路的速度相结合，不宜快行。功效：练出自然换气的功能，脚跟先落地，可以调动肾经，故有强肾固本的作用。4、跑步锻炼：体态：慢跑，呼吸、意念：体呼吸，即吸气时，意想宇宙中真气通过全身的毛细孔吸入体内，呼气时，意想全身的病气，浊气，疲劳之气通过全身的毛细血管射出去，射透天边，呼吸要与跑步的速度相结合，不宜太快。注意事项：练跑时，舌尖始终抵住上齿龈，口中出现口水时，标志内分泌系统已经活跃，可将口水分几口咽入肚内。慢跑时，身体上下起伏不要太大，注意平缓。功效：主治干燥综合症，加强内分泌系统功能；全身性调理。5、颤抖法：体态、动作、意念：两脚踏地与肩同宽，两手自然下垂，两腿微曲，全身松立，眉心舒展，面带微笑，全身做有规律的上下颤抖。颤抖一阵以后，身体松立，意想全身的病气、浊气、疲劳之气顺着已经通畅的经络排入地下，排一阵病气之后，放弃排病气的意念，意守下丹田静养一会儿，内视真气再体内运行的情况，最后深呼吸三次，将气沉入下丹田做为收功，此功可以随时随地练，不受场地限制。呼吸：自然呼吸。功效：排病气；主治神经衰弱、头晕、头胀，习练之后有一种形象高大的感觉，头脑清醒。尤其适合脑力劳动者习练；是一种全身性的调理，练后周身轻松。6、以音助气立掌法：体态、呼吸“两臂向下伸直，指尖向上抬起，掌根下按，呼气时发出鼻音，同时放松两臂、两手，以音催气，沿两臂下行，体会手心感觉。也可将两手立掌向前推出，两臂平举。功效：疏通两臂经络，帮助发放外气，用劳宫发出的气为热气，对治疗寒症效果较好；可治疗两臂上及与手三阴手三阳有关的脏腑疾病。</t>
  </si>
  <si>
    <t xml:space="preserve">关于CompTIALinux+（PoweredbyLPI）认证我 </t>
  </si>
  <si>
    <t>ompTIA Linux+（Powered by LPI）认证是对初级Linux系统管理员应具有的基础知识技能的考核。它是厂商中立的国际认证。Linux+包括两门考试：LX0-101 和LX0-102。考试涵盖以下内容：•system architecture（系统架构）•Linux installation and package management（Linux安装与包管理）•GNU and Unix commands（GNU和Unix命令）•devices, Linux file systems, and the File system Hierarchy Standard（设备，Linux文件系统和文件系统层次标准）通过CompTIA Linux+ 认证的专业人员能从事Linux命令行，执行维护工作并安装和配置工作站。CompTIA Linux+ 国际认证是获取如Oracle Certified Associate和Novell SUSE Linux programs等厂商认证的基石。CompTIA Linux+ 考生最新的好处是他们参加考试时可以选择将他们的考试分数转发到the Linux Professional Institute。获得CompTIA Linux+（Powered by LPI）认证考生同时也能获得LPIC-1认证，同时考生可以选择参加进一步的LPI项目。请注意，CompTIA对所有考生的考试分数保密，只有考生本人能选择将CompTIA Linux+考试分数转发给LPI，CompTIA才会将其分数转出。</t>
  </si>
  <si>
    <t xml:space="preserve">请问“ZYQ135333”收到租金违约金，交营业税，请写整个会计? </t>
  </si>
  <si>
    <t>1、《营业税暂行条例》第五条规定，纳税人的营业额为纳税人提供应税劳务、转让无形资产或者销售不动产收取的全部价款和价外费用。《营业税暂行条例实施细则》第十三条规定，价外费用包括收取的手续费、补贴、、集资费、返还利润、奖励费、违约金、滞纳金、延期付款利息、赔偿金、代收款项、代垫款项、罚息及其他各种性质的价外收费，但不包括代为收取的政府性基金或者行政事业性收费。 综上，你公司收取的违约金属于营业税价外费用的范畴，要并入营业额计算缴纳营业税。2、账务处理（1）收到违约金时借：现金等贷：营业外收入（2）提取税金时借：主营业务税金及附加贷：应交税金--营业税贷：应交税金--城建税贷：其他应交款--教育费附加（3）交税时借：应交税金--营业税借：应交税金--城建税借：其他应交款--教育费附加贷：银行存款等注：如果你单位执行了新准则，将应交税金、其他应交款科目改为“应交税费”科目。3、税务申报怎样填写？ 滞纳金并入营业收入一起申报。4.所得税清算可以税前列支？可以税前扣除。</t>
  </si>
  <si>
    <t xml:space="preserve">幽默的人和和尚谁活得久？谁能长命百岁？理由！ </t>
  </si>
  <si>
    <t>幽默的人活不过和尚，理由：1、幽默的人有七情六欲；和尚四大皆空。2、幽默的人有人事往来，鱼水之欢；和尚六根清净，与世无争。3、想不出啦，呵呵！高人接</t>
  </si>
  <si>
    <t xml:space="preserve">介绍一下我国潜艇的武器介绍一下我国潜艇装备的鱼雷（什么鱼一，鱼二 </t>
  </si>
  <si>
    <t xml:space="preserve">　　中国海军的鱼雷研制从60年代初开始，首先是仿制两种苏制鱼雷，即鱼一型 潜射和鱼二型空投反舰鱼雷；70年代开始独立研制鱼三型深水反潜和鱼四型潜射 反舰鱼雷；到80年代又仿制了轻型反潜鱼雷，并开始 研制新一代的鱼五型线导反 潜鱼雷和火箭推进反潜鱼雷（RAT）。到90年代，中国海军已先后装备了自制的热动力导引鱼雷，潜对潜/潜对舰电动声导鱼雷，空投反潜鱼雷，火箭助推鱼雷，潜对潜线导反潜鱼雷等。 　　另外，在有关鱼雷的重要技术领域中，如组合式电动陀螺仪，高强度铝镁合 金新材料，可编频引信，新型声导技术，线导技术以及能源等方面都奠定了技术 基础。整体而言，中国鱼雷武器的发展基础虽短，而且已取得一定的成绩，但与 现代高科技海战的要求仍有一段距离。造成这种状况的根源，既有经济技术落后 的实际，也有战略重点选择的原因。所以，80年代后，中国又开始从国外引 进先进鱼雷。目前，已知引进的有意大利的白头轻型反潜鱼雷，俄罗斯的533毫米 系列鱼雷。 #基本性能 　　目前，中国海军现役装备6种仿制或自制鱼雷，以及数种从国外引进的鱼雷。 　　鱼一型：中国海军第一种自制大型反潜鱼雷，代号YU-1。该型鱼雷虽技术颇 为陈旧，但目前仍是潜艇和鱼雷快艇的主要反舰装备之一。50年代后期，中国决 定仿制苏制氧气热动力鱼雷，为此引进了蓝图和样品鱼雷。该型鱼雷欲用高压氧 气，动力大，航程远，但安全性较差，易发生爆炸和沉雷事故，而且生产，使用 维修也很复杂。经过分析研究，又决定改为仿制苏制53型瓦斯热动力鱼雷。这种 鱼雷虽然航程较短，但航速与氧气鱼雷相同，且使用简便，安全。当时，中国只 有样品鱼雷而无蓝图，而且与苏联关系已经紧张，再引进蓝图已无可能，只好通 过拆解手头鱼雷样品，进行逆向设计仿制。研制任务由舰船研究院705所负责，1 971年定型。鱼一型直径533毫米，长7。8米，战斗部400千克，采用瓦斯热动力推进系统，最高航速50节，最大航程10千米，潜艇和水面舰艇均可配备。鱼一型鱼雷为一种自控直航鱼雷，虽然航速较高威力较大，但导引方式比较落后，因而不符合现代海战需要。80年代中期，中国海军装备论证研究中心改良研制出声导系统，使其作战能力大幅提高，次为鱼一型改良型。 　　鱼二型：中国海军第一钟自制空投反舰鱼雷，代号YU-2。1954年，中国海军 从苏联进口了固体燃料推进的短程空对舰鱼雷，用以配备海军航空兵轰炸机。19 58年中国决定加以仿制，因进了全套蓝图，并聘请两位苏联专家。仿制任务最初 由三机部123厂承担。1964年，专门生产鱼雷的374厂建成后，由705所为主再度仿制。1971年6月定型。鱼二仿制的样雷是苏制RAT-52型空舰鱼雷。该型鱼雷直径450毫米，使用固体燃料喷气推进，长约3米多，最高航速40节，最大航程5千米，战斗部重200千克。但该型鱼雷在导引方式上也为自控直航式，没有导引能力。以后该型鱼雷是否曾加以改进不得而知。中国海军航空兵可空投鱼二型鱼雷的飞机为轰五型轰炸机和强五型强击机，前者可携带两枚，后者可携带一枚。关于鱼二型鱼雷的作战性能，可根据苏联对RAT-52的描述略知一二。1995年，苏联海军的一份研究资料表明，8枚RAT-52可击沉一艘5万吨级的航空母舰，不过，要命中8枚鱼雷平均要29架轰五或58架强五投放58枚鱼雷才有可能达到这一概率。这还是指已突破对方空防，能够对目标投下鱼雷的飞机。如果没有改进的话，面对90年代的现代舰艇及防空能力，鱼二性的作战能力颇让人怀疑。所以，随着轰五的逐渐退役，鱼二型鱼雷也将完成历史使命。 　　鱼三型：中国海军的第一种自制大型声导深水反潜鱼雷，代号YU-3。目前， 该型鱼雷为汉级攻击潜艇的主战装备，夏级弹道导弹潜艇的自卫装备。60年代中 期，中国海军开始研制核潜艇，决定研制一种深水反潜鱼雷作为匹配武器装备。 在设计上，该型鱼雷采用电动推进系统和被动声导系统。在战术上，以能在深水 攻击敌方潜艇，尤其是核潜艇作为基本作战要求。1964年冬，705研究所开始论证 这种电动声导反潜鱼雷。1966年3月，国防科工委批准了研制方案，并命名为鱼三反潜鱼雷。在研制中，先后突破了高性能银锌电池，铝合金焊接鱼雷壳体，相位 多波束导引装置等关键技术。1969年制出样雷，1984年研制成功。1988年5月，汉级核潜艇在海南深水实验场成功地进行了鱼三鱼雷水下深海发射试验。该发射系 统能捕获目标并自动跟踪，一次过靶失掉目标后，仍可再次搜索与再次攻击。80 年代后期，705研究所又对鱼三型加以改良，1991年试验成功性能更优良的鱼三改 良型，亦称为中华鲟二型反潜鱼雷。鱼三改的最大特点，推测是导引系统由单一 被动声导改为主被动联合声导，攻击导引精度和稳定性有较大提高。 　　鱼四型：中国海军装备的第一种自制大型潜艇声导反舰鱼雷，代号YU-4。该 型鱼雷为中国海军柴电潜艇的主要反舰武器之一，为035型R级和037明级潜艇的主战装备，最新的039型宋级潜艇也配备有该型鱼雷。鱼四型是以苏制SAET-60型电动声导鱼雷为基础仿制改良而成。50年代后期，中国海军从苏联引进了样雷和图纸以便进行仿制。60年代初，中国决定集中力量首先研制鱼一型鱼雷，因此延迟了电动声导反舰鱼雷的研制。最初，负责导引系统研制的东风仪表厂和西北工业大学分别提出不同的方案。最后决定两个方案同时采用，前者为被动声导型，命名为鱼四甲型，代号YU-4A；后者为主被动联合声导型，命名为鱼四乙型，代号YU-4B。鱼雷总体设计制造和全雷总装协调，则由平阳机械厂承担。经过近10年的努力，鱼四甲型首先研制成功，航速比苏制同型鱼雷提高1/4，导引及引信的稳定性与可靠性也有很大提高，1984年2月设计生产定型。鱼四乙型的研制有许多突破，采用了新型战雷头，排水装置，腹鳍尾等设计，特别用小型电力控深装置取代了原来的机械控深装置，大大改善了鱼雷的航行性能。该型鱼雷在1984年2月设计定型。鱼四乙型的研制成功，填补了中国海军主被动联合声导反舰鱼雷的空白。鱼四型的作战性能到底如何，因无实战经验，很难加以判断，但根据研制时间及仿制的苏制鱼雷来看，其技术性能最好可能仅为70年代水准。这在导引系统上表现最为明显，目前反舰鱼雷以多采用线导和尾流导引技术，因为音响声导技术对 水面目标的探测和追踪有一定的局限性。而鱼四型是否已经改进，增设了线导或 尾流导引技术，目前还无法证明。不过从鱼五线导鱼雷的研制成功，以及从俄罗 斯引进尾流导技术来看，尾流导引或线导技术可能会用于改良的鱼四型鱼雷。 　　鱼五型：中国海军第一种自制热动力声线联导反潜鱼雷，代号为YU-5。目前 ，该型鱼雷装备在中国海军最新型039型柴电潜艇上。80年代中期，中国决定研制大型线导反潜鱼雷，作为039型新一代柴电潜艇的配套武器装备。在设计上，要求采用大功率，远航程的OTTO热动力系统，导引则是中途线导，末段主被动联合声导的混合模式。在研制过程中，据信运用了许多美国和日本的科技。1990年初中国宣布成功地测试了一种新式大型鱼雷，应是鱼五型的初步研制成功。鱼五型的研制成功，对于中国鱼雷武器的发展具有极为重要的意义。在技术上，鱼五型是 中国海军柴电潜艇装备的第一种反潜鱼雷。它的研制成功显示了中国鱼雷在热能 源动力技术放面的突破，将会大幅度提高中国海军的反潜作战能力。过去，中国 海军仅配备一种可供潜艇使用的反潜鱼雷，即鱼三型。但这种鱼三型鱼雷只能配 备在夏级和汉级核潜艇上，柴电潜艇无法使用。因此，中国海军庞大的柴电潜艇 部队，事实上只配备有反舰鱼雷而没有反潜鱼雷。也就是说，这些柴电潜艇只能 进行反舰作战而不能进行反潜作战。由此看来，鱼五型的研制成功，是中国海军 常规潜艇第一次具备了反潜作战能力。 鱼五型反潜鱼雷是中国海军装备的第一种线导鱼雷，也是中国常规潜艇装备的第一种反潜鱼雷。该型鱼雷弹径533毫米，使用先进的奥图式热动力推进系统，采线导加主被动声导联合制导方式，最高航速达50节，最大航程30公里，战斗部205公斤，可有效对付核潜艇。 #仿制MK46 (YU-7) 　　中国海军仿制美制MK46型反舰鱼雷，其内部型号不详。目前，该型鱼雷已大量装备中国海军的水面舰艇和海军航空兵，并作为反潜导弹的弹头使用。自50年代以来，中国海军一直没有轻型反潜鱼雷。80年代时，中国耗资800万美元购买了一批MK46II型反潜鱼雷，这种鱼雷直径324毫米，长2。6米，全重324千克，战斗部重44千克。它采用先进的OTTO热动力推进系统，最高航速45节，最大航程14千米。导引系统为主被动联合声导模式，极为灵敏可靠，既可在深水也可在浅水发挥作用，甚至能搜索出装消声瓦的潜艇。与其它轻型鱼雷相比，该型鱼雷具有速度高，航程远，威力大等特点，而且载具灵活，水面舰艇，飞机和直升机均可配备使用。MK46型鱼雷的仿制工作，对中国海军意义重大。其中最主要的是对OTTO热动力技术的掌握，并由此促进了鱼五型的研制。此外，也解决了中国海军发展反潜导弹的重大问题。不过，中国仿制的MK46属早期型号，到目前为止，MK46已发展出5种衍生型号，最新型的更演进成MK50。所以，中国海军所装备的MK46型鱼雷， 在性能上与最先进的型号仍有一段差距。 #白头式鱼雷 　　80年代初，中国向意大利购买了40枚A-244S型白头式反潜鱼雷及发射系统。目前，海军航空兵的直8和直9型直升机，所配备的反潜鱼雷主要是白头式鱼雷。白头式鱼雷为国际上先进的轻型反潜鱼雷之一，动力为铅酸电池，采用三频脉冲的主被动双重音响导引系统，并装有可程式预先设置搜索及运动模式的寻标器。 鱼雷直径324毫米，长2。6米，最高航速30节，最大航程6千米，战斗部重34千克。该型鱼雷体积小，重量轻，使用灵活，既可由水面舰艇发射，也可由飞机和直升机空投，亦可做反潜导弹的弹头。 #K级潜艇的鱼雷 　　1993年，中国向俄罗斯订购了4艘K级潜艇，同时也订购了为潜艇配套的俄制鱼雷。这些俄制鱼雷，包括TEST-71，TEST-96和53-65三种型号。TEST-71型直径533毫米，长8。2米，战斗部重205千克，采用电池动力，最高航速45节最大航程19千米，导引为中途线导加终端主被动联合声导模式。潜艇与水面舰艇均可使用，任务为反潜作战。TEST-96型是TEST-71型的改良型，性能更加先进，既可反潜也可反舰，导引除中途线导终端主被动联合声导外，还增加了尾流导引装置，可增强反舰作战能力。53-65型也是533毫米口径，但推进系统也为热动力装置，长7。8米，最高航速50节，最大航程19千米。任务为反舰作战，导引采用尾流自动模式，潜艇或水面舰艇均可配备使用。该型鱼雷速度快，航程远，威力大，导引精确，还可配备核弹头，是一种威力强大的反舰武器。以上三种俄制鱼雷，性能比中国海军装备的现役鱼雷优越。引进这些鱼雷后，籍由引进技术或通过仿制，将可以促进自己的鱼雷技术发展，尤其是热动力推进，尾导流等技术，对中国海军鱼雷武器的发展更具有重要意义 </t>
  </si>
  <si>
    <t xml:space="preserve">作图问题已知质点的运动速度,xy为质点在坐标轴上的位置,如何在x </t>
  </si>
  <si>
    <t>假设运动曲线已经画出来，那么任取一点，其切线则为该点处的速度。因而可以根据这样的思路进行反推，通过速度方程进行积分，得到含有常数的y=f(x)的方程，再根据一些初始条件那么就可以把运动方程求出，那么根据运动方程，就可以把运动曲线给描绘出来，这是我的理解(不知道这是初中、高中还是大学的题目，所以不好有所针对性)，望有所帮助。</t>
  </si>
  <si>
    <t xml:space="preserve">我心里拥有一股无名之火如何办啊? </t>
  </si>
  <si>
    <t>可能现在工作或的节奏不断加快给你带来极大的精神压力，感觉心里有无名之火，需要调节好自己的心态。适当调整工作与休息的时间，定好锻炼身体的时间，经常散散心，放松绷紧的神经。如何缓解和消除精神压力呢？缓解压力的方法：回家后先大声吼 5 分钟要将心里的怨气发泄出来；再坐在沙发上静静地听轻音乐 15 分钟，过后你就会觉得心里舒服多了。或者你将自己心中的不满向家人或好朋友倾诉，你也能得到解脱。希望通过心理调节，你能正确对待类似情况，使自己身心愉快。你平时应该多听音乐，让优美的乐曲来化解精神的疲惫。轻快、舒畅的音乐不仅能给人美的熏陶和享受，而且还能使人的精神得到有效放松。开怀大笑是消除精神压力的最佳方法，你就忘掉忧虑，笑口常开。你还应该有意识的放慢生活节奏沉着、冷静地处理各种纷繁复杂的事情，即使做错了事，也不要责备自已，这有利于人的心理平衡，同时也有助于舒缓人的精神压力。勇敢地面对现实，不要害伯承认自己的能力有限，而不能正确处理事务。你要广交朋友，经常找朋友聊天，推心置腹的交流或倾述不但可增强人们的友谊和信任，更能使你精神舒畅，烦恼尽消。相信自己一定能减轻压力，振作精神，心情舒畅，身体健康，就能以良好的心态，增进友情，工作顺利，生活愉快！</t>
  </si>
  <si>
    <t xml:space="preserve">童年宋丹丹（网友昵称一） </t>
  </si>
  <si>
    <t>小红红 ！！</t>
  </si>
  <si>
    <t xml:space="preserve">以色列什么时候才会罢手为了二个士兵可以屠杀临国百姓,他们的目的真 </t>
  </si>
  <si>
    <t xml:space="preserve">　　　首先，在政治目标和意图综合考量的基础上，以色列有计划、有步骤地展开了对黎军事行动。从16日开始，以军对黎巴嫩的公路、桥梁、机场等基础设施的军事打击逐步减弱，转而重点打击黎真主党武装的军事设施和权力核心，如前沿阵地、武器储备地点，以及深藏于地下掩体中的真主党高层领导机构。有分析人士指出，以色列军事打击重点的这一变化意在切断真主党的对外通道，进而向黎政府施加政治压力，逼其下决心阻止真主党武装袭击以色列。自这场冲突爆发起，以色列就以黎巴嫩政府应对黎真主党挑起冲突负责为由，将以军与真主党之间的军事冲突上升为黎以之间的国家行为，其意图在于，一方面为以色列对黎巴嫩实施大规模军事行动寻找借口，另一方面，为以色列日后通过外交和政治途径解决危机埋下伏笔。 　　其次，吸取1982年黎巴嫩战争的教训，以色列在这次军事行动中以空中打击为主，避免地面部队大规模介入，以免再次陷入"黎巴嫩泥潭"。据报道，17日下午，以军地面部队进入黎南部边境地区，在袭击真主党武装的阵地之后又迅速撤离。据以色列军方人士透露，以军无意长期入侵黎南部地区，地面行动将是"有限"的，以快进快出，实施"外科手术"式打击为主。 　　第三，将外交和宣传攻势与军事行动相配合，以减轻国际压力，争取时间实现其既定的军事和政治目标。连日来，以色列展开大规模外交活动，四处游说，抓住黎真主党首先挑起冲突的把柄，将以色列的军事报复行动描述为"自卫行为"。16日，八国集团首脑会议发表联合声明，要求"极端分子"立即停止对以色列的"恐怖袭击"。在以色列看来，这是其外交宣传战的一次胜利。 　　对于国际社会的调解努力，以色列政府一方面表现出开放的姿态，另一方面又提出苛刻条件。鉴于黎政府对实力强大的真主党控制力有限，联合国及英国、 意大利等国近日提出在黎南部部署维和部队，作为解决黎以危机的出路，但以色列却坚决要求黎巴嫩政府军进驻黎南部。以色列军方人士宣称，必须赶在国际社会强力介入之前，继续加紧军事行动，以实现以色列既定的军事和政治目标。 　　第四，谨慎控制黎以冲突规模，避免将其扩大为地区战争。自冲突爆发起，以色列就将矛头对准与真主党关系密切的叙利亚和伊朗，指责它们对黎以冲突爆发负有不可推卸的责任，并向真主党提供武器。但是，以色列对叙利亚和伊朗多采取"隔山喊话"式的威胁和警告，并无意开辟一条新战线，将叙利亚和伊朗拖入军事冲突。不过，分析人士指出，从长远来看，此次黎以冲突将导致以色列重新审视自己的周边安全环境。 </t>
  </si>
  <si>
    <t xml:space="preserve">急急急快来帮我回答下我前写天买了个武林账号但账号密码叫我忘了我想 </t>
  </si>
  <si>
    <t xml:space="preserve">尊敬的客户:    您好！5173回复客服03号很高兴为您服务！    如您的游戏帐号是在一个月之内购买的，请提供相应的订单号，以便我联系相关的人员处理您的问题。    感谢您对5173的支持！！愿您一年365天快快乐乐，平平安安!愿您度过温馨浪漫的每一天！                                            </t>
  </si>
  <si>
    <t xml:space="preserve">现在还有人听磁带吗?谁知道哪里有把磁带转换成CD保存的地方?我收 </t>
  </si>
  <si>
    <t>对。我也不建议你转cd。因为1：磁带有一定的收藏价值。现在磁带已经面临淘汰。但是还有存在。所以收藏会有价值。2：磁带音质不一定比cd差。如果你有专业的录音机+音响+供放.听到的效果非同寻常.3:磁带方便保存.体积小.不像cd要保护很好.不然就会花.而磁带只要远离磁场就可以.其实一台好的播放机器才是最重要的.只要你的播放设备好.磁带一样可以达到cd的音质.如果你要把磁带这个模拟音频转化成cd数字音乐音频,那么你需要的步骤会很麻烦.想完美保证音质的话.你可以求助相关部门.比如电视广播电台.他们有专业设备.愿你好运!</t>
  </si>
  <si>
    <t>这个战士好卖吗？</t>
  </si>
  <si>
    <t>不太好卖,90多的战士多的是啊</t>
  </si>
  <si>
    <t xml:space="preserve">北京服装展销会信息如何提前预知及联系主办方？我想在服装展会上卖衣 </t>
  </si>
  <si>
    <t>2008年的展销会CHIC将作为国展新馆的揭幕展，于2008年3月28日全新开展，已经过期了。2009年的展会信息邀请函      春节是中国民间最隆重最富有特色的传统节日，是热闹、欢乐和万象更新的日子。寒假是企业进行产品促销和形象推广的绝佳时机。据调查显示，北京市民春节前消费超过9.23亿元，人均节前消费3千到4千元左右，有的甚至超过1万元。消费产品从旅游、运动到娱乐、休闲；从教育、培训、咨询到服饰、鞋包、餐饮；从数码产品、动漫游戏到文具图书、音像发行等，无不涉及。      全国农业展览馆作为首都十大建筑之一，紧靠三环，交通便利，优越的地理位置使其成为举办展销会的首选之地。历年来，在农展馆举办的新年展销会都取得了巨大的成功。经过多年的沉淀，现在，到农展馆采购年货，购买礼品已经成为北京市民过年前的习惯。 针对如此巨大的商机，我们为此量身定制了节前精品促销展销会“2009北京寒假商品促销节”。 此次展销会的预计展示面积20000平米，参展企业将超过400家， 届时将有5万余市民到场参观采购。如果庞大的消费群体必将带来巨大的商机。这是树立企业形象、赢取假日经济、提高品牌知名度的绝佳选择！相信它一定会赢得广大市民和商家的大力支持和参与！诚挚欢迎您的加盟！● 组织机构1、主办机构：全国农业展览馆    中德联盟国际会展（北京）有限公司2、承办机构：农展馆展业开发中心    中德联盟国际会展（北京）有限公司3、合作媒体：北京电视台  北京交通广播  京华时报  北京娱乐信报  北京晚报  《精品购物指南》 ● 时间、地点和规模1、时间：2009年1月16日—18日2、地点：全国农业展览馆3、规模：20000平方米● 宣传推广1、京华时报、北京娱乐信报、北京晚报、《精品购物指南》2、行业媒体合作推广3、门户网站合作推广4、户外广告5、10份万DM直投广告，直接进入社区宣传● 参展范围：1、数码产品（照相机、摄像机、MP3、MP4）、电子产品（电脑、手机、学习机、游戏机、动漫制品、航模产品等）2、服装服饰、鞋帽、箱包、户外用品等3、营养品、保健品等4、工艺品、礼品等5、农副产品、食品、饮品等6、教育培训咨询（学校、出国咨询、培训、辅导、教学软硬件等）●展位费用：1、标准展位：3800元/9M2（每个标准展位为3M×3M铝合金标准展架，包括一个洽谈桌、二把椅子、二个射灯、一个插座、地毯、楣板、围板等）2、光地价格：380元/M2（36平方米起租）●联系方式：2009寒假商品促销节组委会地址：北京市朝阳区麦子店街农业部北办公区18号楼B117室邮编：100125电话：010-59195027 转分机666联系人：陈先生      联系电话：13120422366官方网站： 电子信箱：wvp2009@    2009寒假促销节组委会办公室</t>
  </si>
  <si>
    <t xml:space="preserve">今天还能购买什么？今天还能购买易货币基金？广发货币呢？都不让购买 </t>
  </si>
  <si>
    <t>这两只基金不能买，博六和华安货币可购。</t>
  </si>
  <si>
    <t xml:space="preserve">液晶面板的电视，请大家推荐42寸寸的液晶电视 </t>
  </si>
  <si>
    <t>消费调研中心（ZDC）前不久发布的9月份液晶电视市场关注度研究报告显示，42英寸液晶电视的关注度高居榜首，达到28%，领先位列次席的32英寸液晶电视有6.2个百分点。42英寸与32英寸液晶电视的关注度之和为49.8%，占据近五成市场份额。由此不难看出42英寸和32英寸产品为液晶电视市场的关注主流。42英寸液晶电视已经连续多个月蝉联关注榜首。这令人不禁产生出这样的疑问：是什么样的魅力使得42英寸液晶电视长期受到市场的持续关注，该尺寸产品缘何万千宠爱于一身呢？使用韩国原装IPS硬屏 质量保障赢得信任    卖场导购人员介绍，目前市场上热销的42英寸液晶电视，特别是高端机型、著名品牌的产品大多选用韩国原装的IPS硬屏。这种面板显示技术领先，可以最大限度的杜绝动态画面拖影和抖动的问题，实现了真正意义上的静态全高清和动态全高清，更适合观看体育比赛、动作电影和玩电视游戏。这一差异化优势使得IPS硬屏在与软屏、台湾屏和山寨机的竞争当中脱颖而出，迅速得到了消费者的关注和认可。    来自权威机构的测试报告给IPS硬屏液晶电视的热销提供了理论支持。国家广播电视产品质量监督检验中心（第三研究所）近期发布了对IPS硬屏液晶面板的测试报告。报告表明，IPS模组完全符合“SJ/T 11343-2006 数字电视液晶显示器通用规范”的要求。此外，根据测试报告中国电子学会消费电子分会还组成专家组对IPS模组进行了鉴定，专家组一致认为IPS液晶显示模组响应时间快，运动图像拖尾时间短；视角宽，色彩失真小，显示图像清晰。在此之前，国家数字音视频及多媒体产品质量监督检验中心（第四研究所）的专家也明确表示，IPS硬屏液晶电视增强了动态显示效果，在观看体育赛事、动作片等运动速度较快的节目时能够获得更好的画质。     时下家电卖场里“买液晶、看面板、摸一下”鉴别硬屏的选购理念正逐渐深入人心。尺寸适合 满足大屏化需求    现在人们的生活水平提高了，房子逐渐变得更加宽敞，客厅里的电视也在慢慢地改朝换代。而伴随着平板电视日益普及、大众化，如今购买一款高品质的液晶电视已不再是奢望。电视的功能也不单纯局限于收看节目，更成为客厅里一道亮丽的风景。在明亮的客厅摆放着一款出色的液晶电视，不仅能体现出主人与众不同的生活品位，更是能表现出主人追求高品质享受的生活态度。在奥运热潮席卷的今天，数字电视逐步普及，从看电视到用电视的转变使大屏幕的液晶电视成为主流。大中型客厅里，42英寸液晶电视最为适合，从而使该尺寸产品积聚了大量的人气。新一轮促销降价 42英寸液晶电视性价比凸显    目前，硬屏阵营品牌如LG、飞利浦、海尔、创维、康佳、海信等42英寸液晶电视都是重点推广的旗舰产品。面对愈演愈烈的市场竞争，各品牌都发力以提供给消费者高性能、低价格的优势产品。近期液晶面板价格的下调，42英寸液晶电视的价格也随之进行了价格调整。这无疑对那些青睐42英寸IPS硬屏液晶电视，却因为价格波动一直持币观望的理性消费者是利好的消息。业内专家认为，液晶电视市场新一轮的价格调整已接近尾声，液晶电视的价格将趋于稳定。目前，42英寸液晶电视已经具有很高的性价比，消费者可以抓住时机选购心仪的产品。</t>
  </si>
  <si>
    <t xml:space="preserve">下列软件不属于数据库管理系统的是_____A.UNIXB.ORA </t>
  </si>
  <si>
    <t>A.UNIX 是一种操作系统其他三个是数据库管理系统</t>
  </si>
  <si>
    <t xml:space="preserve">请问是不是双方父母同意谈恋爱了，就表示你们两个就可以结婚了？ </t>
  </si>
  <si>
    <t>当然不是，双方父母的意愿只能代表一点，最重要的是要看你们的爱去到哪里，有没有到要结婚的地步，有没有确定你们真正相爱，愿意相守一辈子，如果是的话，才能结婚的，结婚不是儿戏，一定要慎重考虑的，要不会后悔一辈子。</t>
  </si>
  <si>
    <t xml:space="preserve">问大家知道平安记化湿膏吗？身边有朋友知道吗，了解下效果如何，好像 </t>
  </si>
  <si>
    <t>知道这个，我给我家小宝用的是平安记的小儿化湿膏，你说的这个是大人用的那种。我感觉比其他的湿疹的产品要好用。当时我家小宝胸前和脖子前都起了成片的疹子，被他挠的发红，还有小的水泡。涂上这个第三天发红发肿的地方就开始慢慢的消了，一周多疹子就明显的减少了。小宝从那次之后再也没起过湿疹。</t>
  </si>
  <si>
    <t xml:space="preserve">是不是得了妇科疾病　　我一个多月以前做了药物流产，8天之后不再流 </t>
  </si>
  <si>
    <t>　　到医院复查诊治。</t>
  </si>
  <si>
    <t xml:space="preserve">SOS谁有最好的杀毒软件?我家电脑现在大不开了,一开始是个叫:蓝 </t>
  </si>
  <si>
    <t>恐怕没有比我这个更正宗的了。  卡巴斯基掀起正版普及风暴 KAV6.0个人版半年免费体验：7月27日 ，卡巴斯基公司正式宣布，将为奇虎旗下的“360 安全卫士”免费提供杀毒功能。网友只需使用奇虎“ 360 安全卫士”,就能免费轻松获得卡巴斯基提供的最新软件 KAV 6.0 个人版正版软件，而此版本对外公开售价是 320 元人民币。网民无需购买，就可以随时免费获得半年专业杀毒软件服务。 卡巴斯基与奇虎公司公司同时宣布，双方正式结成战略合作伙伴，联手打造国内顶级电脑安全平台。与此同时，在中国互联网协会的支持和倡导下，两家公司还发起了“ 净化网络生存空间，从我做起 ”的网络百日大扫除活动，倡导网民增强上网安全意识，普及安全知识，鼓励网民共同参与制定绿色软件标准，针对出现安全问题的电脑，提供全方位电脑安全保护解决方案，还将邀请业内专家就网民反馈的各类安全问题在线回答和指导。两家公司郑重承诺，免费、安全行动将长期进行下去。 卡巴斯基 KAV 6.0 个人版结合了传统的反病毒防护方式与最新的主动防御技术提供实时的防御机制， 让用户防患于未然。最新版的奇虎 “ 360 安全卫士 ” 将提供恶意软件查杀、系统诊断及修复、病毒查杀、高级工具四大功能，可以为电脑用户的安全防护提供整套解决方案，是功能最为强大的电脑安全辅助工具之一。 卡巴斯基实验室有限制股份公司 (Kaspersky Lab ，以下简称卡巴斯基公司 ) 成立于 1997 年 6 月， 是国际信息安全软件研发销售商，总部位于俄罗斯莫斯科。卡巴斯基公司的反病毒数据库是世界最大的病毒数据库之一，拥有超过 200,000个病毒样本，同时卡巴斯基实验室对最新网络威胁的反应速度也是最快的,反病毒数据库能达到平均每小时更新一次。由于卡巴斯基技术的持续领先，其反病毒核心技术已被国际著名软件开发商 Aladdin 、 Nokia ICG 、 F-Secure 、 Sybari 、 GData 、 Deerfield 、 Alt-N 、 Microworld 和 Borderware 等作为产品的安全解决方案集成到各自的产品中。 奇虎公司是目前国内领先的社区搜索引擎厂商，此次推出“ 360 安全卫士”的免费杀毒行动，是奇虎公司继近期陆续推出蜘蛛计划、博客搜索、 Mp3 搜索之后再度挥出的一计重拳。奇虎公司 CEO 齐向东表示： “ 奇虎力图将 ‘ 360 安全卫士 ' 打造成安全助手第一品牌，我们会持续的为广大网民免费提供高质量、高效率的全方位电脑安全服务平台。 ” 据不完全统计，中国有超过 130 种以上的各色恶意插件，在大多数共享软件中，默认捆绑了这些插件 5 个以上，更有部分诱饵软件，一经安装会装上多大十几种各色恶意插件，让人防不胜防， iResearch 的调查数据也证实了这一点，根据其统计显示， 2006 年上半年，杀毒软件厂商共截获近 12 万个病毒，比去年增加了 5 倍，而以商业公司的 “ 恶意推广 ” 为代表的新型恶意软件的受害用户数首次超过了病毒。而根据国外某调查公司的报告， 2005 年间谍软件的种类比 2004 年增长了 213% 。微软的报告也显示， 60% 以上的 Windows PC 都感染了或者感染过新型恶意软件。 针对此现象，中国互联网协会秘书长黄澄清表示： “ 安全现状不容乐观，虽然 “ 恶意软件 ” 已成过街老鼠，人人喊打，但是安全状况并未因此有所改观，甚至给人以每况愈下的感觉，网络百日大扫除活动，就是要解决这个问题，不仅提高网民的自我保护的安全意识、呼吁更多的互联网厂商自律，还能够提出切实的解决方案，让网民对网络安全的态度从 ‘ 警惕 ' 到 ‘ 重视 ' ，进而到 ‘ 积极解决 ' 上来。 ” 北京卡巴斯基科技有限公司总裁张立申在对双方的合作发表评价时指出，互联网技术与服务的迅速发展，正在使反病毒技术的发展与服务的供给方式发生着革命性的变化。虽然卡巴斯基进入中国的时间并不长，但是作为全球顶级的反病毒技术厂商，希望通过此次活动能让更多的中国用户使用到正版杀毒软件，为中国的网络市场净化贡献一份力量。  Ewido V c┊附带Ewido病毒库升级程序V3.0 RC┊汉化绿色特别版许多的反木马程序中，Ewido 是最好的。国内的木马x星等和它比简直是小儿科了。最近在  或Trojan Hunter有效.但TDS-3目前还没推出支持中文操作系统的版本，Trojan Hunter是英文的没汉化版。但对于个人而言Ewido足够强大了，和kaspersky结合使用加上ZoneAlarm防火墙，可以使得系统坚若磐石。推荐所有没有安装反木马扫描器的个人计算机用户下载这个软件，并每周定期扫描。我猜你可能在你会为所得到的结果感到惊讶，看见评论中有的朋友需要支持右键的，就做了个放上！想打开常驻护盾（实时监控）的朋友，请先运行!)设置.bat Webroots Spy Sweeper v4.5.9 汉化版（强大的木马、键盘纪录和广告程序）Spy Sweeper 可以自动检测并清除系统的间谍软件，如：木马、键盘纪录和广告程序；还你个人隐私、删除所有个人纪录；解释间谍软件的所作所为，以及增长你对间谍软件的认识。 Code: SSDA-ONLN-AAAA-MZKS-UOVO Spybot - Search &amp; Destroy 能够检测并清除多种间谍程序。间谍程序是近年来新出现的一种威胁，许多杀毒软件目前还没有涉足这一领域。如果你发现你的 Internet Explorer 上出现了新的工具条，而你并有安装；如果你的浏览器经常崩溃；如果你的浏览器主页突然被更改，那么你的电脑上很有可能存在间谍程序。甚至在你没有发现任何现象的情况下，你的电脑仍然有可能已经被感染，因为越来越多的间谍程序在不断出现，它们悄悄地跟踪你的上网行为，并据此建立你的个人档案，这些档案则有可能会被卖给广告公司。 Spybot-S&amp;D 是免费的，因此用它来检测一下你的电脑至少没什么坏处 :)要查看 Spybot-S&amp;D 能够清除的威胁列表，请点击左边导航条上的支持，然后在出现的页面上点击威胁。如果你想了解 Spybot-S&amp;D 如何工作，请阅读教程。如果你怀疑本软件和你正在使用的其它软件会不兼容，我们可以保证不会出现这样情况，不过我们仍然制作了兼容性概述，列出了在兼容性方面已经问过的问题。Spybot-S&amp;D 还可以清除用户操作跟踪程序。如果你是和别人共用一台电脑，那么这个功能可以保护你的隐私。对于专业用户，本软件还提供了修复注册表等其它一些扩展功能，要了解本软件特点的详细列表可以点击特点。作者的话：很长一段时间以来，Spybot-S&amp;D 已经成为了我的全部工作，也花费了我们的志愿者们大量的时间和精力。我一直在努力的工作，并且沉醉其中，然而编写和维护这个软件的一切都需要不菲的开支，我们确实需要有一定的经济来源。不过同时我也是一名免费软件的践行者，因此我决定 Spybot-S&amp;D 将始终作为一款免费软件，并且由您自行决定这款软件是否有价值，或者有多少价值。此次更新了改进的查杀模块，对3721等间谍流氓软件可以斩草除根，查杀时如发现间谍流氓软件侵入内存，可以设置下次系统启动时优先于间谍流氓软件启动软件自动查杀！推荐各位下载更新。 安全防护 木马克星向所有未购买用户提供免费更新病毒库</t>
  </si>
  <si>
    <t xml:space="preserve">今天总进球四串1能开和吗荷兰345巴西345巴拉圭123西班牙2 </t>
  </si>
  <si>
    <t>荷兰 345 --234巴西 345 --123巴拉圭 123 西班牙 234今晚两场都出大球比较难，谨慎参考！</t>
  </si>
  <si>
    <t xml:space="preserve">醇羟基和碳酸钠反应吗???谢谢各位~~~~有机官能团中什么和碳酸 </t>
  </si>
  <si>
    <t>不能和醇羟基反应，因为醇羟基是基本不显酸性的。酸性比碳酸弱。而酚羟基可以，但只生成碳酸氢盐。原因是酸性不够强。能与碳酸氢根反应的有羧羟基，这个机团酸性比碳酸强。还有就是其他比碳酸强的酸。在有机物中有苯环酸等。无机酸就多了，这些要自己归纳。</t>
  </si>
  <si>
    <t xml:space="preserve">求一岁以上宝宝食谱! </t>
  </si>
  <si>
    <t>一岁左右食谱： 一、香椿芽拌豆腐：选嫩香椿芽洗净后用开水焯5分钟，挤出水切成细末；把盒装豆腐倒出盛盘，加入香椿芽末、精盐、香油拌匀即成。此菜清香软嫩，含有丰富的大豆蛋白、钙质和胡萝卜素等营养，很适合宝宝食用。 二、 虾皮紫菜蛋汤：虾皮洗净，紫菜撕成小块，香菜择洗干净切小段；鸡蛋一个，打散备用。用姜末炝锅，下入虾皮略炒，加水适量，烧开后淋入鸡蛋液；随即放入紫菜、香菜，并加香油、精盐、葱花适量即可。此汤口味鲜香，含有丰富的蛋白质、钙、磷、铁、碘等营养素，对宝宝补充钙、碘非常有益。 三、 鸡血豆腐汤：把豆腐和鸡血切成细条，黑木耳、熟瘦肉、胡萝卜切成细丝，下入的鲜汤中烧开，加入酱油、精盐、料酒适量，用水淀粉勾薄芡，淋入打好的鸡蛋液，加香油、葱花即成。此汤颜色美观、味道咸鲜，含丰富的蛋白质、铁、胡萝卜素和纤维素，有助于提高宝宝血色素。 四、 炒青椒肝丝：把猪肝、青椒洗净切丝；猪肝丝用淀粉抓匀，下入四五成热的油中滑散捞出；锅内留少许油，葱、姜炝锅，下入青椒丝，为料酒、白糖、精盐及少许水，烧开后用水淀粉勾芡；倒入猪肝丝，淋入香油、醋少许即可。此菜含有丰富的铁、蛋白质、及维生素A，经常食用可补血，对患缺铁性贫血的宝宝效果极佳。 （一） 早7：00——牛奶200克、稠粥1小碗、肉松或鱼松适量 上午11：00——软米饭一小碗、瘦肉或肝泥菜泥、肉汤，饭后水果或果汁 下午3：00——牛奶或糖开水一杯，饼干或面包适量 晚6：00——馒头50克，蒸蛋糕一小碗，碎菜炒豆腐末 晚9：00——牛奶200克，蜂蜜一匙 （二） 早8：00——牛奶或豆浆180克，鸡蛋一个，粥半小碗 上午10：00——瓶装原橘汁150毫升或鲜橘一个 午12：00——花卷75克，大米粥半小碗，碎土豆肝泥（肝泥30克，碎土豆50克，油10克），饭后苹果一只 下午3：00——牛奶180克 晚6：00——软米饭50克，鸡蓉翡翠汤（鸡肉15克，蛋清一个，菠菜泥30克，油5克）</t>
  </si>
  <si>
    <t xml:space="preserve">求藏头诗，赵欣颖《女》朋友喜得千金，在下小作几首，均不称心。望各 </t>
  </si>
  <si>
    <t>百家姓里赵称王，家添一女欣若狂，眼如明眸颖聪慧，迷煞多少好儿郎。</t>
  </si>
  <si>
    <t xml:space="preserve">增肥药可以吃吗?有没有什么复作用,对身体有害吗?我想了解一下!! </t>
  </si>
  <si>
    <t>如果你的体重低于标准体重的20％以下，请在医生指导下使用增肥药增肥药主要含有一些激素成分，长期服用会导致内分泌失调，失眠，神经衰弱，记忆力减退等症状。最好不要轻易尝试，一定要遵医嘱。</t>
  </si>
  <si>
    <t xml:space="preserve">手机维修我的手机是诺基亚32301.手机给他们越修越烂了.就连开 </t>
  </si>
  <si>
    <t>你好,诺基亚指定维修店只修小毛病,大毛病统统换主板.建议把手机拿到当地有信誉的维修店去修理.</t>
  </si>
  <si>
    <t xml:space="preserve">问道什么时候出骑宠我玩过很多游戏都有可以骑的宠物``不知道问道什 </t>
  </si>
  <si>
    <t>问道什么时候出骑宠   我玩过很多游戏都有可以骑的宠物``不知道问道什么时候出啊？ 目前问道还没有骑宠系统以后会不会有，就要问他们公司拉</t>
  </si>
  <si>
    <t xml:space="preserve">痔疮病又犯了，谁知道北京哪位医生手术做的最好？实在是疼得受不了了 </t>
  </si>
  <si>
    <t xml:space="preserve">呵呵，找对人了，我可是亲身感受者。痔疮手术虽然是小手术，但是要让病人不受痛苦，这样的好医生不多。我找的是原北京平安医院肛肠科主任荆建华医生，三分钟手术完成，休息一会就可以回家了。不是给荆大夫打广告啊，那确实是真的一点儿都不痛。百度百科有荆建华医生的介绍，大家可以看看：  </t>
  </si>
  <si>
    <t>初三英语（选择题）（）1.</t>
  </si>
  <si>
    <t>）1.--- How many ople are there in your city? --- About _____B_______ .  omillionsof（ ）2. The rest of the text _______D_______ yet. A. has been read B. hasn’t read C. haven’t been read D. hasn’t been read （ ）3. Do you really think Spiderman has _______A_____ power?  azedly（ ）4. ----What is the cat called, Sam? ---- ______D______ Mimi. A. We call it is B. It called C. It called is D. We call it （ ）5. _______C_(Read)_____ English loudly! ______C_Reading)_____ loudly is good for your study. A. Reading , Read B. Read, Read C. Read, Reading D. To Read, Reading () hepaperontime.这里怎么没......?A.ifB.if… （ ）7. What do you plan to do in the coming New Year’s Day? --- We will climb a mountain if it _____B______.  n’ esn’trainy（ ）8. It is just a ______C_(rough)____ report, can you add some ___C_(detailed)_____ ideas?  ugh, parate,detailed ugh, tailed,rough（ ）9. The cook tasted the soup ____D(happily)____. It really tasted ___D(_wonderful)__! A. happy, wonderful B. happily, wonderfully C. happy, wonderfully D. happily, wonderful （ ）10. All of us like Peter. He is _____A_(_friendly)_ and _____A_(_easily)_ to get on with.  iendly, vely,easyC.easy, vely,easily（ ）11. It is impolite _____D_____ laugh at poor people.  rthemto（ ）12. My father is ________D________ your father.  esameweightas（ ）13. Air pollution cause people _____B_____.  ill（ ）14. I missed the early bus. That is _____A______ I was late for class.  nce（ ）15. The topic is ______B_____ about environment.  tal</t>
  </si>
  <si>
    <t xml:space="preserve">这是什么果实求解快快告诉我 </t>
  </si>
  <si>
    <t>带皮的核桃啊！</t>
  </si>
  <si>
    <t xml:space="preserve">行驶的车辆2挡挂3挡，踩下离合挂上3挡后，还需要油离配合吗？（即 </t>
  </si>
  <si>
    <t>行进过程中的升挡，也需要油门离合的配合，但比较快速，即快速抬起油门踏板的同时，适度踩下油门，配合好了，不会出现车子发撞现象。这是的油门离合配合，比起步时的要快的多，通常，同时如果你不做配合，直接象你所讲的迅速松掉离合，然后加大油门，车子会出现一到两次的发撞，但也不是根本性的缺点。</t>
  </si>
  <si>
    <t xml:space="preserve">婴儿如何补锌？六个月大的婴儿缺锌如何补充？六个月大的婴儿可以吃盐 </t>
  </si>
  <si>
    <t>　　1、补锌：A、硫酸锌糖浆：0.4ml/kg/日，分三次口服B、基酸锌咀嚼片：每天4mg，用水化开口服2、吃盐：可在辅食中加少许盐、提提味即可，万勿过量，以免加重肾的负担。</t>
  </si>
  <si>
    <t xml:space="preserve">电脑服务器中的AdaptecSCSI卡是一种什么卡？ </t>
  </si>
  <si>
    <t>Adaptec SCSI 卡是一种控制卡，SCSI (Small Computer Systems Interface) （小型计算机系统接口） 一种PC总线接口标准，规定了标准的物理和电气连接参数。SCSI为多种不同类型的设备如硬盘、磁发电机光驱、CD-ROM和磁带机提供了与电脑主机交流的一个标准界面。适用类型：服务器总线速度：320MB/S接口类型：内;1个32针 x 4 串行连接SCSI（SFF8484）,外：1个4 Infiniband串行连接SCSI（SFF8470）适用范围：兼容串行连接SCSI硬盘和SATA硬盘</t>
  </si>
  <si>
    <t xml:space="preserve">和尚问价维护，所以没图。昨天1000W买了只72级物攻105的全 </t>
  </si>
  <si>
    <t>头陀要是加点没错的话就赚了 转手卖个2000都可以。黑水卖1500万左右也不难，至于枪的话，要是没有高改的，基本上是亏了，强化是很费钱的，像这样的枪怎么也得强化到2400左右才值钱，110级强化一次要1000万左右，那投入就像无底洞啊</t>
  </si>
  <si>
    <t xml:space="preserve">双色球红区中一个有钱吗？ </t>
  </si>
  <si>
    <t>奖级 中奖条件 奖金分配1等奖 6红1蓝 当期高等奖奖金的70%和奖池中累积的奖金之和。2等奖 6红 当期高等奖奖金的30%3等奖 5红1蓝 单注奖金额固定为3000元4等奖 5红 或 4红1蓝 单注奖金额固定为200元5等奖 4红 或 3红1蓝 单注奖金额固定为10元6等奖 1蓝 单注奖金额固定为5元以上仅供参考，请根据福彩中心为准。。 祝你中大奖。。呵呵</t>
  </si>
  <si>
    <t xml:space="preserve">欧莱雅的东东怎么样呀我想用一套欧莱雅的护肤品，不知道效果怎么样？ </t>
  </si>
  <si>
    <t>其实选化妆品要看适不适合自己。我用过许多品牌的化妆品，感觉欧莱雅紧肤那一套很适合我，我已经用到第三套了，因为我的皮肤是混合型的，毛孔较大。 用了之后觉得毛孔小多了，清清爽爽得很舒服。但是我用过欧莱雅去豆那一套，就是蓝色瓶子那一套，感觉不好，什么效果都没有。美白那一套也还行，挺舒服，但美白化妆品的效果都不会很大。我觉得因为欧莱雅是西方品牌，混合型皮肤和西方皮肤接近，所以感觉很好。如果是南方女孩特别细腻得皮肤，是不是用日韩化妆品较好呢？仅供你参考。</t>
  </si>
  <si>
    <t xml:space="preserve">强烈要求爱问管理员封掉闹事的家伙爱问联合军 </t>
  </si>
  <si>
    <t>爱问联合军，念你在“爱问”这么久了，一忍再让。你怎么给脸不要脸啊？</t>
  </si>
  <si>
    <t xml:space="preserve">3V3竞技场，什么组合比较啊？3V3竞技场，什么组合比较好啊？我 </t>
  </si>
  <si>
    <t>按你的配置的话,战德猎,或者法猎萨33的话,德很强大基本概念就是1DPS,1控制型职业,1奶德自身可以兼顾控制和奶,所有可以额外多出一个位置选择多一个控制型DPS,也就是FS</t>
  </si>
  <si>
    <t xml:space="preserve">好看的脚一个正常男生的脚怎样才算好看，是二脚趾比大脚趾长好看，还 </t>
  </si>
  <si>
    <t>说明一下二脚趾比大脚趾长的话具有最稳的抓地力.我就是那种平衡很好.从外观上说也挺美观是吗.</t>
  </si>
  <si>
    <t xml:space="preserve">高一化学A、B、C、D代表四种短周期元素，其原子序数依次增大。A </t>
  </si>
  <si>
    <t>短周期元素:H 氢 He 氦 Li 锂 Be 铍 B 硼 C 碳 N 氮 O氧 F 氟 Ne 氖 Na钠 Mg 镁 Al 铝 Si 硅 P 磷 S 硫 Cl 氯 AR 氩 他们能组成化合物所以先把惰性气体排除那么同主族元素质子数的和分别为（4、12、14）、16、18、20、22、24、26只有１２和２４符合题意B与D的质子数之和为A与C质子数之和的2倍所以ＡＢＣＤ分别为H、O、Na、S甲物质由两种元素组成，具有很强的氧化性所以甲可能是H2O2、Na2O2甲、乙含有相同的阳离子，且乙能形成溶液所以乙可能是H2SO4、Na2SO4又因为乙的水溶液为中性所以乙是Na2SO4甲是Na2O2乙、丙的水溶液含有相同的阴离子所以丙是H2SO4</t>
  </si>
  <si>
    <t xml:space="preserve">我是个胆小，懦弱，不自信，嘴笨的人，脑子也不机灵，工作上打不开局? </t>
  </si>
  <si>
    <t>当然要有，但霸气不一定要锋芒必露，有时候，它更多的是对待失败的从容、潇洒和永不放弃。学会如何隐藏这种霸气但不至于使它消失是你我一生必修的功课，与君共勉。</t>
  </si>
  <si>
    <t xml:space="preserve">WIFI下手机APPSTORE无法下载软件，好几天了，上网是正常? </t>
  </si>
  <si>
    <t>你注销一下账号，然后重新登录看看亲，把路由器的配置重新设置一下，把apple id注销，重新登陆下载试试。仅供参考，希望可以帮到亲。</t>
  </si>
  <si>
    <t xml:space="preserve">dos下给xp系统备份如何利用电脑迷光盘上dos工具给xp系统备 </t>
  </si>
  <si>
    <t>建议下载备份软件进行备份系统。备份C盘你安装完系统后，打全补丁，下载好程序软件，如果现在系统运行很好，现在就可以使用下面的软件进行备份。建议下载“一键GHOST硬盘版V11.5”安装、备份、恢复备份，一键即可十分方便。下载网址：  用一键GHOST备份C盘（当然也可以备份其他盘），在出现系统故障而无法恢复时就不用安装系统了，首先用一键GHOST恢复系统，这样你C盘的存储的文件和下载的程序软件就不会损失了（备份时的文件和程序软件，如果后来又加进了新的文件，可以重新备份C盘）。</t>
  </si>
  <si>
    <t xml:space="preserve">济南到徐集，走高速路怎么走？从济南西去徐集（梁山），走高速路怎么 </t>
  </si>
  <si>
    <t>济南西上京福高速，泰安方向，然后转济广高速（济菏高速），梁山出口下，然后右拐，大约4公里到达徐集镇！</t>
  </si>
  <si>
    <t xml:space="preserve">搞什么现在服务器又关了气死人了刚上线就关服务器是不是不想让人玩啊 </t>
  </si>
  <si>
    <t>你上完是服务器维护中还是无法连接？</t>
  </si>
  <si>
    <t xml:space="preserve">这种病毒怎样查杀？请问各位高手，我的计算机感染了w32.spyb </t>
  </si>
  <si>
    <t>病毒名称：Win32.Spybot 别名：W32.Spybot.Worm (Symantec), W32/ n (McAFee), n, Win32/P2P.SpyBot.Variant.Worm 种类：Win32 类型：蠕虫 疯狂度：低 破坏性：中普及度：中特性　　Win32.Spybot 是一种在线聊天系统机器人（BOT）的开放性源代码蠕虫病毒，由于它的开放性和管理方式都来源于这些分布的机器人，这些广泛的机器人变量都有一些很微小的不同，通过远程用户在线聊天系统可以最多控制一台计算机的一些管理功能，同时它也有能力传播到点对点网络（P2P Networks）。除这些标志的隐蔽功能外，它还具有以下功能：■ 集合了关于本地计算机的配置信息，包括连接的类型、CPU速度和本地驱动的信息说明；■ 在本地计算机安装和删除的文件；■ 在本地计算机执行各色各样的命令；Win32.Spybot还具有以下的能力（依靠不同的变量）■ 传播途径：点对点网络、后门木马系统、Kuang木马和Sub Seven木马■ 键盘操作记录（例如：计算机键盘敲击日志）■ 毁掉防火墙和杀毒软件程序避免被察觉■ 担当一个程序服务协议Spybot通过安装它自身到注册表，以下就是默认的修改列表：HKEY_CURRENT_USER\Software\Microsoft\Windows\CurrentVersion\RunOnceHKEY_LOCAL_MACHINE\Software\Microsoft\Windows\CurrentVersion\Run　　这些机器人（Bots）通常是为了引导拒绝分布服务程序，尽管它也可以使用数字和做出一些不合逻辑的做法，例如：端口扫描、兜售信息（垃圾邮件）、传播一些不可信任的对象。这个病毒Symantec 定为2 级，没有专杀工具，这段时间不少人感染，而且Symantec 只能发现无法清除。（要在安全模式下才能清除）。但注册表中的垃圾需要手工清除。W32.Spybot.Worm 是透过 KaZaA 文件共享和mIRC 扩散的蠕虫，也会透过受感染计算机的后门而扩散。藉由连上特殊设定的IRC Server，W32.Spybot.Worm 可以执行不同后门功能，加入不同的频道倾听指令。中文：W32.Spybot.Worm 的变种会使用下面的漏洞进行传播：•MS03-026(   )使用 TCP port 135 的 DCOM RPC 弱点。•MS04-011(  微软本机安全性认证服务远程缓冲区弱点•MS02-061(   )使用 UDP port 1434 MS-SQL 2000 或MSDE 2000 验证弱点•MS03-007(   )使用 TCP port 80 的 WebDAV 弱点•MS01-059(   )UPnP 通知缓冲区弱点•MS03-049(   )使用 TCP port 445 的工作站服务缓冲区溢位弱点，Windows XP 的使用者只要有安装MS03-043  )就可以避免此弱点，Windows 2000 用户必须安装 MS03-049类型： 蠕虫感染长度： 不一定受影响系统 Windows 2000, Windows 95, Windows 98, Windows Me, Windows NT,Windows Server 2003, Windows XP不受影响系统 DOS, Linux, Macintosh, Novell Netware, OS/2, UNIX, Windows3.x危害：1. 将个人数据送到 IRC 频道2. 在受感染计算机上执行未经认证的命令3. 会造成本地局域网网络拥塞二、清除步骤1、隔离计算机：断开所有计算机的网络连接，逐一清除每一台计算机，必须要做到网络中的每一台计算机都不放过。2、清除病毒：（1）关闭WINXP 和WINME 系统的“系统还原”功能，右键点击“我的电脑”——〉属性——〉系统还原——〉关闭所有盘上的系统还原功能（2）更新Symantec 防毒软件到最新的病毒定义码（3）重新启动计算机到安全模式（4）对计算机做手动完全扫描（5）记录被感染的文件名，并删除受感染的文件（可能防毒软件会删除，也可以手工删除）关键一步这就是删除感染病毒体的文件（6）备份注册表：开始——运行——〉输入“regedit”——〉注册表——〉导出注册表文件（7）检查注册表中的一下各项HKEY_LOCAL_MACHINE\SOFTWARE\Microsoft\Windows\CurrentVersion\RunHKEY_LOCAL_MACHINE\SOFTWARE\Microsoft\Windows\CurrentVersion\RunOnceHKEY_LOCAL_MACHINE\SOFTWARE\Microsoft\Windows\CurrentVersion\RunServicesHKEY_CURRENT_USER\SOFTWARE\Microsoft\Windows\CurrentVersion\Run删除刚才记录的文件名键值（8）针对不同的操作系统，安装我列出的补丁，这一点是这样的虽然上面提到这么多补丁，但实际上安装的时候按照以下方式安装即可：Win2k:先安装sp4 然后安装下面的HOTFIX，具体可供过微软站搜索下载Windows2000-KB824146-x86-CHS.exeWindows2000-KB835732-x86-CHS.EXEWindows2000-KB828749-x86-CHS.exeWindows2000-KB828035-x86-CHS.exeWinXP：先安装SP1 然后安装下面列出的HOTFIX（SP2 出来了可以直接安装SP2 省去很多麻烦）:WindowsXP-KB824146-x86-CHS.exeWindowsXP-KB828035-x86-CHS.exeWindowsXP-KB835732-x86-CHS.EXE（9）将具有系统管理员权限的用户的口令设置为7 位以上的复杂密码需要注意的是：安装了所提供的补丁仅仅可以防止这个蠕虫病毒的传播，但系统仍然不安全，非常有必要通过windows update 更新其它关键的更新。注：主要参考Symantec 对该病毒的分析。</t>
  </si>
  <si>
    <t xml:space="preserve">这两天周围有不少人网购吉德minij洗衣机，吉德电器是不是在做促? </t>
  </si>
  <si>
    <t>不含DOP，不用回料。全重仅7.5KG，便携设计，随时移动。</t>
  </si>
  <si>
    <t xml:space="preserve">帮忙帮隆姓男孩取名宝宝生于2006年5月12日11时30分，男孩 </t>
  </si>
  <si>
    <t>隆岱延（兴隆的日子代代相延，岱中有代，含父母姓，岱中有山，山必有土且含而不露，更为平安）参考：隆培基、隆万基、隆培增隆定桂、隆桂欣、隆定坤、隆定均隆世堂、隆士堂、隆士坤</t>
  </si>
  <si>
    <t xml:space="preserve">2012五一假期放几天五一假期放几天 </t>
  </si>
  <si>
    <t xml:space="preserve">4月29日至5月1日放假调休，共3天。其中4月29日（星期日）为公休、4月28日（星期六）公休调至4月30日（星期一）、5月1日（星期二、“五一”国际劳动节）为法定节假日，即4月29日（星期日）、30日（星期一）、5月1日（星期二）放假三天，4月28日、5月2日（星期三）照常上班。 </t>
  </si>
  <si>
    <t xml:space="preserve">请问调皮老师:老师:601168西部矿业,您对此股的看法分析.有 </t>
  </si>
  <si>
    <t>601168 西部矿业  仍有可能继续震荡调整寻找支撑,短线需等它占上五日均线(14.57)再出现?M向穏固之后,才考量介入较妥.601168西部矿业的相对备用股是002182云海金属.</t>
  </si>
  <si>
    <t xml:space="preserve">是一款啥类型的游戏啊？ </t>
  </si>
  <si>
    <t>游戏类型2D、 角色扮演、 Q版卡通</t>
  </si>
  <si>
    <t xml:space="preserve">早教APP是不是分很多类别啊？我该如何选择呢？ </t>
  </si>
  <si>
    <t xml:space="preserve">当然很多分类，不同年龄阶段的、不同的能力培养，都是有针对性的。所以得看你要要哪方面的。可以试试宝宝巴士，有很多不同年龄阶段的能力培养，简单的操作，完善的建立机制，挺吸引宝宝的。 </t>
  </si>
  <si>
    <t xml:space="preserve">SSDOT问题SS除献祭以外的DOT是否随暗影伤害效果的提高而提 </t>
  </si>
  <si>
    <t>DOT都是暗影伤害。也就是说随暗影伤害的提高而提高。所谓的所有痛苦系DOT受暗伤120%加成的说法,我是不知道从哪儿看来了.每个DOT的法伤加成都是不一样的.什么时候统一成120%了?</t>
  </si>
  <si>
    <t xml:space="preserve">高手们帮帮忙在制造原子弹中，核裂变后，轻水是最好的减速剂，这个时 </t>
  </si>
  <si>
    <t xml:space="preserve">用轻水作为慢化剂和冷却剂的核反应堆被称为轻水反应堆，包括沸腾水堆和加压水堆轻水也就是一般的水，广泛地被用于反应堆的慢化剂和冷却剂。与重水相比，轻水有廉价的长处，此外其减速效率也很高沸腾水堆的特点是将水蒸汽不经过热交换器直接送到气轮机，从而防止了热效率的低下，加压水堆则用高压抑制沸腾，对轻水一般加100至160个大气压，从而热交换器把一次冷却系（取出堆芯产生的热）和二次冷却系（发生送往蜗轮机的蒸汽）完全隔离开来。 </t>
  </si>
  <si>
    <t xml:space="preserve">Asnowyear,arichyear. </t>
  </si>
  <si>
    <t>瑞雪兆丰年.</t>
  </si>
  <si>
    <t xml:space="preserve">关于摄相头的你们安装摄相头时是先安碟还是先插摄相头 </t>
  </si>
  <si>
    <t>好象是先安装驱动,安装完驱动后再安装摄相头.如果你搞不清楚该怎么安装也可以让它自己寻找安装.然后重起电脑就可以了!</t>
  </si>
  <si>
    <t xml:space="preserve">为什么我总是受到过敏性鼻炎的伤害？过敏性鼻炎3年了，一直没有好， </t>
  </si>
  <si>
    <t>这个和遗传有很大关系，保守治疗，不要乱投医，这个病不好去根。不要被骗了，平时犯病的时候吃点治疗鼻炎的药就行，好多便宜的，注意别着凉了鼻子</t>
  </si>
  <si>
    <t xml:space="preserve">如何收拾勾引我老婆的男人？？有个男人总是用各种方法瞎逗我老婆，他 </t>
  </si>
  <si>
    <t>回答者：shanghaiod422   级别：新手 (2005-11-17 17:21:12) 问题不用你解决，应该由你老婆去拒绝，如果你老婆愿意被这个张三逗，你报复了他明天还有李四来逗，网络就是这样，靠自己自律！ ＝＝＝＝＝＝＝＝＝＝＝＝没错！苍蝇不叮无缝的蛋！偶觉得问题在你和你的LP这里。你今天教训了张三，说不定明天又冒出个李四来，你能忙得过来吗？</t>
  </si>
  <si>
    <t xml:space="preserve">车联网跟互联网相比，有什么特点？ </t>
  </si>
  <si>
    <t>你好，车联网就是针对车与车、人与车、人与人的互通，互联网应该是联通一切，而车联网是针对车的，它也是通过app和硬件增加汽车智能，如golo盒子、路宝盒子等。</t>
  </si>
  <si>
    <t xml:space="preserve">请问:金鱼身体倾斜不动,但看到人会游动,应该怎么抢救? </t>
  </si>
  <si>
    <t>勤换水，加适量食盐。加氧泵加氧。</t>
  </si>
  <si>
    <t xml:space="preserve">满腹才华不外露(打物理名词一) </t>
  </si>
  <si>
    <t>内能</t>
  </si>
  <si>
    <t xml:space="preserve">电脑也怕雷击吗? </t>
  </si>
  <si>
    <t>当然怕了，电脑使用说明书就写了，打雷下雨时应断掉电源和网线避免发生事故。在初夏的时候，我们这儿的网通公司还特意打电话给用户下雨天要上网要注意!</t>
  </si>
  <si>
    <t>买次R8试试0901纽卡斯(14)&amp;西汉姆(10)</t>
  </si>
  <si>
    <t>你这单真不错 跟</t>
  </si>
  <si>
    <t xml:space="preserve">大家说说本届奥运会中国男篮会走多远 </t>
  </si>
  <si>
    <t>有老邓这样的教练，就别指望八强了，首轮打道回府</t>
  </si>
  <si>
    <t xml:space="preserve">在淘宝开店供货商通过什么渠道和方式去选择,怎么和他们联系合作事宜? </t>
  </si>
  <si>
    <t>你好！如果你在淘宝网上开店，你可以直接到阿里巴巴网站上和相关的产品供货商取得联系，非常方便！大部分的厂商在阿里巴巴上都有设立联系窗口，专门批发商品。希望上述说明对你有所帮助！</t>
  </si>
  <si>
    <t xml:space="preserve">紫星石问题紫星石到底怎么得到的啊..有人说做任务,可我做了N次得 </t>
  </si>
  <si>
    <t>紫星石在各地图的任务管理员那里接试炼（白色）任务得到，当然，要碰运气，是有一定几率的，比较低，有时候做几百个任务才有十几个紫星石。耐心点吧，紫星石机率是很低的，要不然市场上怎么会卖到30多Y一个呢？实在不行只能收了，大概多Y收一个，祝你好运吧！</t>
  </si>
  <si>
    <t xml:space="preserve">我喜欢上了一个男孩,怎么办最近我发现我喜欢上了隔壁班的一个男孩, </t>
  </si>
  <si>
    <t>青春期的好朋友啊:遇到了这样的事很正常,如果真正喜欢他,并且他值得你喜欢,就对他说吧毕竟,一生能遇到自己爱的人并不多</t>
  </si>
  <si>
    <t xml:space="preserve">完美国际版帮派怎么联盟知道的请回答下谢谢 </t>
  </si>
  <si>
    <t>..口头联盟而已...不过以后有什么国家系统的可能就会正式化了</t>
  </si>
  <si>
    <t xml:space="preserve">临时工劳动争议问题我从99年年开始一直在一个镇乡卫生院上班,当时 </t>
  </si>
  <si>
    <t>1.你和乙医院属于事实劳动关系，劳动期应从借调协议期满，你留在乙医院工作开始。2.乙医院无权要你交2万元保证金3.乙医院如要与你解除劳动关系，需与你协商，并需支付经济补偿金（标准为工作每满1年，给与1个月的经济补偿金）4.你与乙医院的争议，可以通过向当地的劳动争议仲裁委员会提出仲裁申请来解决。4.</t>
  </si>
  <si>
    <t xml:space="preserve">K2清水湾是精装的吗？具体怎么样？ </t>
  </si>
  <si>
    <t xml:space="preserve"> 是毛坯和精装都有的，K2清水湾和K2海棠湾应该是差不太多的，毕竟一个牌子的嘛，有个朋友是做房地产媒体的，告诉我说是海棠湾的升级产品哦</t>
  </si>
  <si>
    <t xml:space="preserve">请教一下哪个网站有公示上海所有正在进行的拆迁的地址信息的？ </t>
  </si>
  <si>
    <t>你好，可以到上海城市规划部门官方网站查询。</t>
  </si>
  <si>
    <t xml:space="preserve">最近我的喉咙总是有一股臭臭的味，鼻子就是起床后？最近我的喉咙总是? </t>
  </si>
  <si>
    <t>病情分析：你好，根据你描述的情况主要考虑为鼻炎。指导意见：像你这种情况如果已经有很久了，建议应该去医院耳鼻喉科检查一下，如果是鼻炎就要及时服用鼻炎康片阿莫西林胶囊炎可宁片维生素C片等药物。注意休息，多喝开水，饮食以清淡为主，禁辛辣刺激性食物和油腻煎炸食物。注意保暖，避免着凉。</t>
  </si>
  <si>
    <t xml:space="preserve">人造石和花岗石做灶台哪个好些?有什么区别?听说花岗石有幅射,容易 </t>
  </si>
  <si>
    <t>心只有你：你好人造石和岗石做灶台哪个好些一般我们不提倡用花岗岩做厨柜台面，到不光是他有污染的问题，主要是因为它的长度有限，需要拼接不好看..人造石和花岗石有什么区别人造石材和天然石材主要区别就是天然特点。天然石材在颜色花纹、质地和结构上都具有明显的天然特征，它会有色差，强度和硬度也会有差别；人造石材不具有天然石材的这些天然特点，颜色和纹路比较均匀，透气性较差，强度较好。天然石材的天然特性和自然美是任何人造石材所无法替代的..听说花岗石有幅射,容易引起胎儿畸形是吗什么东西都有辐射，只要是自然界的。关键是辐射的量是否在合理的范围。历史上最爱用大理石的是罗马人,没听说罗马帝国是被幅射给灭了的。北京的人民大会堂哪不是石头,如果真对身体有害,咱们的领导人不是要先倒下了么。因为大理石有放射性物质氡，对人体有害，所以，现在室内装修中比较慎用大理石。不过，只要选择符合标准的大理石还是可以选用的。因此，如果选择大理石作为室内装修的材料，可以委托检测机构进行检测，以查明究竟是否超标，不超标就可以使用.. 花岗石裂了能补吗?听说人造石能补是吗?天然的东西当然不可以接，接了也是假的；所以人造石可以接..人造石准确叫法是高分子人造石，美国可耐丽、威盛亚、富美家等是国内市场上出现档次最高、品质最好、价格最贵的原材料。价位在1500以上。乐家石、欧宝石、富丽石、蒙特丽、雅丽特为中档品牌台面石，性能与高档进口材料差别不大，优点是耐磨、耐酸、耐高温、抗冲、抗渗透；可任意长度无缝粘接，适合需要较长台面的橱柜。价位在900左右..现在市面上有很多小厂出的人造石，质量极差，污染极大，建议选购时要注意..</t>
  </si>
  <si>
    <t xml:space="preserve">清泉老师600654今天应如何操作 </t>
  </si>
  <si>
    <t>参与震荡,谨慎待高.</t>
  </si>
  <si>
    <t xml:space="preserve">我知道她不爱我，她的眼神说出他的心，这是什么歌呢？ </t>
  </si>
  <si>
    <t>他不爱我歌手：莫文蔚 专辑：karen more 歌手名称:莫文蔚词曲:作词:杨立德作曲:陈小霞编曲:王豫民他不爱我牵手的时候太冷清拥抱的时候不够靠近他不爱我说话的时候不认真沉默的时候又太用心我知道他不爱我他的眼神说出他的心我看透了他的心还有别人逗留的背影他的回忆清除得不够乾净我看到了他的心演的全是他和她的他不爱我尽管如此他还是赢走了我的心 他不爱我牵手的时候太冷清拥抱的时候不够靠近 oh 他不爱我说话的时候不认真沉默的时候又太用心我知道他不爱我他的眼神说出他的心我看透了他的心还有别人逗留的背影他的回忆清除的不够乾净我看到了他的心演的全是他和她的电影他不爱我尽管如此他还是赢走了我的心我知道他不爱我他的眼神说出他的心我看透了他的心还有别人逗留的背影他的回忆清除的不够乾净我看到了他的心演的全是他和她的电影他不爱我尽管如此他还是赢走了我的心我看透了他的心还有别人逗留的背影他的回忆清除的不够乾净我看到了他的心演的全是他和她的电影他不爱我尽管如此他还是赢走了我的心</t>
  </si>
  <si>
    <t xml:space="preserve">怎样适应新环境？？我是一个刚入学不久的大学生，因为第一次出远门， </t>
  </si>
  <si>
    <t xml:space="preserve">    第一次离家远行的入学旅程，是大学生独立处理事情的开始。入校后能否迅速地了解和熟悉校园环境，将决定大学新生能否在这个环境中自如的、学习。     从高中升入大学的新生，绝大多数年龄在十七八岁左右，很少有单独外出旅行的经验，所以入学旅程中一般由父母或亲戚陪同。随着近年来大学新生中独生子女的比例的增大，由家长专程护新生送上大学的现象越来越普遍，有的学生甚至有数位亲友陪同：在北京一所最著名的师范类院校中，曾经有过一名入学新生由6名家长“护送上学”的记录。     相比之下，那些家庭经济条件不好，出不起太多的路费或是希望锻炼独立处事能力的学生，反而上了人生有益的一课。很多大学生在谈到入学旅程时认为，第一次独自离家远行，的确对自己没有多大的信心，但是经过这第一次独立处理事情的锻炼，如买车票、转车签票、托运行李等等，就觉得自己有点儿像个大人了。而这种感觉正是他们走向成熟的良好起点。     如果说入学旅程是大学生独立处理事情的开始，那么入校后能否迅速地了解和熟悉校园环境，则决定了大学新生能否在这个环境中自如的生活、学习。     首先要尽快熟悉校园的“地形”。有的新生入校后一安排好行李，马上就到校园的各处熟悉情况，例如，了解教室、图书馆、商店、电话亭在什么地方，食堂什么时候开饭，如何购买澡票，甚至学校有几个门等等，都在短时间内了解清楚。这样，在办理各种手续、解决各种问题的时候就会比别人更顺利、更节省时间。     与此相反的是，某些大学新生显得非常拘谨，生怕走远一点儿就会迷路，又不好意思开口向别人寻求帮助，最后不得不尽量少走动、少说话，实在迫不得已就跟在别人的后面。     其次，要多向高年级的同学请教。直接向高年级的同学请教是熟悉校园环境的一个最快捷的方法，一般来说，多数高年级的同学都比较愿意把他们的经验传授给新生，以帮助他们尽快适应校园生活，尽量少走弯路。另外，向自己的同乡请教也是不错的选择。     最后，在班级中担任一定的工作，也能帮助你尽快适应校园生活。对环境适应快的大学新生，很快就能成为班级中的核心人物，并担任一定的班级工作。这样与老师、同学接触得越多，掌握的信息越多，锻炼的机会也越多，能力提高很快，自信心也就逐渐建立起来了。</t>
  </si>
  <si>
    <t xml:space="preserve">单场晚餐（二）伊朗甲19:00弗兰德亚兹德2阿鲁密尼曼大球 </t>
  </si>
  <si>
    <t>骚门 骚门 骚门</t>
  </si>
  <si>
    <t xml:space="preserve">“新宝”和“皇冠”是什么关系？请各位高手，详细解答！ </t>
  </si>
  <si>
    <t>皇冠是新宝的附属盘口公司，新宝是全世界交易量最大的菠菜。</t>
  </si>
  <si>
    <t xml:space="preserve">一级建造师考试那个科目最难？好像3门是选择题，一门全部要写的，去 </t>
  </si>
  <si>
    <t>难和容易是相对的，我去年全部考过了，对于工民建专业毕业的并且在施工现场人事施工管理5年以上的人来说，工程经济这门课较难。对于刚参加工作及基本未从事施工现场管理的人来说，工程实务这门课较难。</t>
  </si>
  <si>
    <t xml:space="preserve">起名的手机网站有吗？ </t>
  </si>
  <si>
    <t>有域名一样,只不过是WAP开头的,WAP.CMFU.COM</t>
  </si>
  <si>
    <t xml:space="preserve">心里很难过,请帮帮我.要毕业了，突然觉得心里很难过。回想这些年， </t>
  </si>
  <si>
    <t>知道难过就要想一想为什么现在会难过，成绩一般，碌碌无为。都是自己造成的。也许你此时看到这些话会更加难过，但我还是想要说。想你知道意识到难过就要开始努力的实现自己的人生价值，让自己不再碌碌无为。起码自己不会这样想自己。再次回首的时候不会再有悔恨。一步一步的做好自己，爱情一定会在不久的将来到达的。定好自己的人生目标，下定决心好好努力。加油。祝你幸福！</t>
  </si>
  <si>
    <t xml:space="preserve">玄牝珠这东西到底有什么用啊?我都有好几个了,可就是没发现有什么用 </t>
  </si>
  <si>
    <t>人家 门派灵气任务用的有人收1金左右，可以再便宜点</t>
  </si>
  <si>
    <t xml:space="preserve">公务员试题9，1，4，3，40，()A．81B．80C．121D </t>
  </si>
  <si>
    <t>除3余0，1，1，0，1，1只有121除3余1C</t>
  </si>
  <si>
    <t xml:space="preserve">什么是知识交易？国内有哪些知识交易平台？ </t>
  </si>
  <si>
    <t xml:space="preserve">      就是出卖知识产权，将知识产权授予他人，再收取相当的利益。</t>
  </si>
  <si>
    <t xml:space="preserve">开学了吗？开学了，我和她见面不说话，大概是一个假期让我们都不好意 </t>
  </si>
  <si>
    <t>那有什么呀，找理由约她出来呀，你要一直这样的话，到时候她会以为你不喜欢她了，小心变成了别人的女朋友。</t>
  </si>
  <si>
    <t xml:space="preserve">戴耳机听音乐时如何保护耳朵？ </t>
  </si>
  <si>
    <t>戴耳机听时为了保护耳朵，避免听力受损，应注意以下几点：1、控制聆听的音量：用耳机音乐应注意减小音量，以柔和不刺耳为宜。用耳机收听音乐时应遵循“60—60”的法则。以使用MP3为例，即听MP3时不要把音量放到最大音量的60%以上，尽量把声音调至40～60分贝（一般谈话声或略小）。2、控制听音乐的时间：每次听MP3的时间不要超过60分钟。长时间使用随身听后，应让耳朵休息一会儿，避免听觉疲劳。有关专家建议：成人每天用耳机不超过3～4小时，青少年因听觉器官还未发育成熟，每天不宜超过1～2小时，以间歇收听为宜3、戴耳机听音乐时，可咀嚼食物或嚼口香糖，耳鼻喉科专家认为，戴耳机听音乐时嚼口香糖可缓解中耳与外界的大气压力，起到保护听力作用。4、运动最好也别用随身听，因为有氧运动使得血液流向四肢，内耳更容易受到高声的伤害。5、在交通繁忙的街道上听随身听时，为把周围的噪音盖住，往往把音量调得很高，更易损害听力，所以专家建议不要在大街上使用随身听，如果非听不可，建议使用封闭式或耳塞式耳机。 6、选副好耳机，也是最好的预防方法。</t>
  </si>
  <si>
    <t xml:space="preserve">《掷铁饼者》是谁雕塑的? </t>
  </si>
  <si>
    <t>《掷铁饼者》（作者：米隆）高约152 厘米，罗马国立博物馆、梵蒂冈博物馆、特尔梅博物馆均有收藏，原作为青铜，米隆作于约公元前450 年。原作已佚，现为复制品。雕像选取运动员投掷铁饼过程中的瞬间动作，这正是铁饼出手前一系列瞬间万变动作中的暂时恒定状态，运动员右手握铁饼摆到最高点，全身重心落在右脚上，左脚趾反贴地面，膝部弯曲成钝角，整个形体有产生一种紧张的爆发力和弹力的感觉。形体造型是紧张的，然而在整体结构处理上，以及头部的表情上，却给人以沉着平稳的印象，这正是古典主义风格所追求的。</t>
  </si>
  <si>
    <t xml:space="preserve">除了可转债请问现在还有什么债券品种可以推荐购买的呢？谢谢 </t>
  </si>
  <si>
    <t>如果认定加息周期一定会发生，那现在可以买进010004，这两天该券走势最好。如果对加息周期的到来并不以为然，那九月一日将要发行的凭证式国债5年期的3.81%也不错。目前交易所长债的最高收益率也只有107的3.63%。</t>
  </si>
  <si>
    <t xml:space="preserve">帮我找一下国外股票指数软件帮我找个软件，中文版的。能看美国指数、 </t>
  </si>
  <si>
    <t xml:space="preserve">国外的交易所或者指数编制商一般不免费提供实时行情，大多数网站上提供的免费行情都至少延后10分钟以上。如果你要看指数或者金融产品的实时交易行情，就必须要给交易所交钱。所以免费在网页上看到这些实时行情是不实际的。 不过finance.yahoo.com上的道琼斯和sp500等其他美国指数都是实时的。 </t>
  </si>
  <si>
    <t xml:space="preserve">初三化学请教：请写详细些，谢谢！ </t>
  </si>
  <si>
    <t>(1)化学(2)液态二氧化碳 氟里昂 会破坏臭氧层 不能</t>
  </si>
  <si>
    <t xml:space="preserve">小孩子吃下了口香糖怎么办 </t>
  </si>
  <si>
    <t>没有关系的，如果一次两次没事</t>
  </si>
  <si>
    <t xml:space="preserve">烫伤后留疤医生，您好。我家小孩去年被开水烫伤了胸前，现在一年多了 </t>
  </si>
  <si>
    <t>可以的，建议到专业的整行医院（正规大医院）去做疤痕切除修复手术。</t>
  </si>
  <si>
    <t xml:space="preserve">怎么样转装备？？请问各位。首先是单机，怎么把一个人物的装备转到另 </t>
  </si>
  <si>
    <t>用修改器，比如ATMA，在里面把两个人物存档都打开，将你要的装备从一个人物的物品栏拖动到另一个人物的物品栏中，保存存档，再进游戏。 双开游戏窗口。连接上网络，只要分配到IP地址即可，选择多人连线的TCP/IP游戏，可以看到自己电脑的IP地址，是四组数字，记住它，然后选择主控游戏，用一个人物创建游戏。再开一个游戏窗口，同样选择多人连线的TCP/IP游戏，选择加入游戏，输入你记住的IP地址，然后选另一个人物进入游戏，之后两个人就在同一个游戏中了，把装备导一下，加入游戏的人物先退出，创建游戏的人物后退出。</t>
  </si>
  <si>
    <t xml:space="preserve">花冠EX右前轮处起步有响声。什么问题.4X店说是ABS泵响的。没? </t>
  </si>
  <si>
    <t>正常的，我的车也是这毛病，昨天去4S店询问过，有对车系统检测了一下，没发现问题。但起步还有ABS的声音，后回来查看了用户手册中第125页，丰田公司对ABS的发出声音有明确的说明。</t>
  </si>
  <si>
    <t xml:space="preserve">酒后第二天有吐血颜色鲜红晚上喝酒过量，喝的是啤酒，但没有吐。第二 </t>
  </si>
  <si>
    <t>不管是否喝过酒，吐出张血样的东西或者咖啡色物(没有喝咖啡可乐等咖啡色食品时)，属于看急诊的指征，尽管有部分人属于急性胃粘膜损伤，能自行好转，但这种情况应该马上到医院看病。</t>
  </si>
  <si>
    <t xml:space="preserve">那首和弄你(lonely)旋律很相似的英文歌叫什么名字? </t>
  </si>
  <si>
    <t>那首和弄你(lonely)旋律很相似的英文歌叫什么名字? 你到网络上去找找看看</t>
  </si>
  <si>
    <t xml:space="preserve">请问各位她不同意我该怎么办？我很久都没有和我的女朋友ML了，我总 </t>
  </si>
  <si>
    <t xml:space="preserve">可能她很保守吧。有这样的女朋友是你的福气啊。至少你不用担心她还会跟别的男孩子在一起。性欲应该是可以自己克制的吧。你们两个人的感情难道就建立在性上吗？多关心她一些。感情再深些时她会很愿意为你付出的。 </t>
  </si>
  <si>
    <t xml:space="preserve">中央银行的职能有哪些？与中央银行职能相对应的主要业务有哪些 </t>
  </si>
  <si>
    <t>中央银行具有三项主要职能，这就是制定和执行货币金融政策、对金融活动实施监督管理和提供支付清算服务。 4.2.1制定和执行货币金融政策    中央银行作为一国货币政策的制定和执行者，通过对金融政策的制定和执行，运用金融手段，对全国货币、信用活动进行有目的的调控，影响和干预国家宏观经济，实现其预期货币金融政策的目标和职能。   中央银行调节的主要对象是全社会信用总量，它不仅包括货币供应量，还包括信贷总规模。中央银行根据货币金融政策目标的要求来调节全社会信用总量，即调节社会的总需求和总供给，从而有可能为国民经济的发展创造一个良好的货币、金融环境，进而达到调节宏观经济，促进国民经济发展的目的。中央银行通过调节全社会信用总量直接调节社会总需求和总供给，这有其必要性，又有条件和可能。    4.2.2金融监管    中央银行的管理职能，是指中央银行作为全国的金融行政管理机关，为了维护全国金融体系的稳定，防止金融混乱对社会经济的发展造成不良影响，而对银行和其他金融机构以及全国金融市场的设置、业务活动和经济情况进行检查监督、指导、管理和控制。简单的说，也就是中央银行通过其对商业银行以及其他金融机构的管理，对金融市场的管理，达到稳定金融和促进社会经济的正常发展的目的。 金融监管是随着商业银行的产生而产生的，而中央银行则是商业银行发展到一定阶段后，从商业银行中分离出来的。也就是说，金融监管制度是先于中央银行制度而出现的。金融监管并不是中央银行的产物。最早的金融监管是各国政府当局的职能，管理的主要内容是银行的注册登记和控制商业银行对银行券的发行。中央银行逐渐由商业银行中分离出来，并不断接受政府的授权，逐步演变成一个特殊的金融机构后，金融监管才逐渐成为中央银行的重要职能。在不同的历史阶段，各国中央银行金融监管的目的、内容、方式、方法和要求不尽相同。中央银行最早的金融监管也是集中在货币发行上。 4.2.3提供支付清算服务    现代市场经济，实质是货币信用经济即金融经济，每个市场的参与者从各级政府、金融机构到各类企业和家庭，为了生产和生活的需要每天都在进行大量的交易活动，这些活动是在特定的货币信用体系框架中进行的，交易中所牵涉的商品与劳务的转移，必须得到一个清算支付体系的支持，而所谓支付体系就是对市场参与者债务活动进行清算的一系列安排。一般而言，市场活动越发达，对债务清算安排的要求就越高，而一国支付体系的构造特别是中央银行在支付体系中所发挥的作用如何又直接影响一国经济运行的效率。    经济体系中的债务清算过程就是货币所有权的转移过程。现实经济中的支付货币有三种形式，一是现金，二是存款，三是中央银行货币。其中中央银行货币是商业银行体系在中央银行拥有的储备账户存款，是商业银行间用于清算同业债务关系的最终货币手段。与支付货币的三种形式相适应，经济体系中的支付系统也可以分为三个层次：    第一个层次是现金支付；      第二个层次是由商业银行帮助微观经济主体进行的存款支付；     第三个层次则是由市场参与者交易行为产生的债务关系以及商业银行本身在市场活动中产生的债务关系造成了商业银行之间的债权债务关系的清算支付。</t>
  </si>
  <si>
    <t xml:space="preserve">如何去掉PS做过的图片属性里的参数图片用PHOTOSHOP做过之 </t>
  </si>
  <si>
    <t>你可以试一下“光影魔术手”这个软件，当你用它打开后点击“另存为”，有一个对话框，“保存图像文件”，下面有EXIF选项，在“删除EXIF信息”前打钩，应该就没有问题了。</t>
  </si>
  <si>
    <t xml:space="preserve">“统一”来一桶泡面的叉子今晚买了个统一来一桶泡面，泡了以后正准备 </t>
  </si>
  <si>
    <t>最好不用塑料叉子。别忘啦，加热时会有大量塑化剂。</t>
  </si>
  <si>
    <t xml:space="preserve">问题中断小便法能提高或者控制射精时间吗？对身体有害吗？有经验的请 </t>
  </si>
  <si>
    <t>“中断小便法”，不仅对提高或者控制射精时间无益，而且对身体是有害的，会引起尿道失畅的。要使做爱时间延长，主要是控制你自己的做爱动作，应该是力求轻缓，切勿猛打猛冲。逐步学会掌握“九浅一深”的操作方法。</t>
  </si>
  <si>
    <t xml:space="preserve">为什么还是看不到视频？已装了最新版本的MacromediaFla </t>
  </si>
  <si>
    <t>您好：按以下方法可以解决。缺少flash插件或版本太老或被拦截所致1、点击工具－internet选项－点击高级页－在多媒体栏里构选（显示图片）和（在网页中播放动画）2、请下载安装flash插件即可： 3、----桌面开始----运行输入regedit-----弹出注册表---按以下方法修改打开注册表，找到[HKEY_LOCAL_MACHINE\SOFTWARE\Microsoft\Internet Explorer\ActiveX Compatibility]，将其下面的{D27CDB6E-AE6D-11CF-96B8-444553540000}项或{D3f97240-C9f4-11CF-BFCr-00A0C90-00A0C90C2BDB}项删除，重启ie</t>
  </si>
  <si>
    <t xml:space="preserve">银行卡挂失有限期吗我银行卡与身份证一起丢了，我已挂失，但要身份证 </t>
  </si>
  <si>
    <t>口头挂失有效期5天，书面挂失目前农行没有期限。只要你拿当初银行给你的挂失申请书、身份证什么时候回去都可以。　　</t>
  </si>
  <si>
    <t xml:space="preserve">眼保健操什么时候做效果最好？ </t>
  </si>
  <si>
    <t>早上或者晚上</t>
  </si>
  <si>
    <t xml:space="preserve">这是嫉妒心理吗嫉妒心理是在自己不如别人优越而有了失落感时才会产生 </t>
  </si>
  <si>
    <t>怎么会不相符呢？不是得到的多少的问题吗？被宠爱的少的嫉妒被宠爱的多的。都一样，人类的正常心理</t>
  </si>
  <si>
    <t xml:space="preserve">压缩文件解压后怎么安装？急我下载了压缩文件，解压后有好多文件出来 </t>
  </si>
  <si>
    <t>网上下载的压缩名文件一般有二种：一是下载后找setup.exe安装文件进行安装后才可以使用；一种是直接解压后就可以直接使用，不用安装 ，建议查看你的压缩文件解开后是哪种的，如果找不到安装文件，应该是解开后就可以直接用的。</t>
  </si>
  <si>
    <t xml:space="preserve">数学急!!!!!甲乙丙三个仓库存放一批抗洪救灾物资,甲仓放了12 </t>
  </si>
  <si>
    <t>乙x件，丙x-120件，x-120=（x+120)/2, x=360,共120+360+240=720件。</t>
  </si>
  <si>
    <t xml:space="preserve">您好想问下现在国3标准的车还能转籍到大连吗？ </t>
  </si>
  <si>
    <t>车辆转籍是看年限的，超过五年就转不了</t>
  </si>
  <si>
    <t xml:space="preserve">同志们，女足和韩国这场给点意见，分析一下3还是31 </t>
  </si>
  <si>
    <t>我选10，中国女赢不了</t>
  </si>
  <si>
    <t xml:space="preserve">富勒姆vs纽卡斯如果判断本场为30，那么你是选3还是选0？ </t>
  </si>
  <si>
    <t>判断本场为3</t>
  </si>
  <si>
    <t xml:space="preserve">卧室床风水问题床应该摆在屋子的哪边，冲那边？ </t>
  </si>
  <si>
    <t>我的建议：床的位置与卧床者的家庭身份有关。如儿子最好睡在正东，女儿最好睡在东南，老人最好睡在西北，主人最好睡在西南。你可以家庭情况和住宅情况合理安排。</t>
  </si>
  <si>
    <t xml:space="preserve">我怀孕两个月了，现感腰很疼了，请问是怎么回事 </t>
  </si>
  <si>
    <t>是正常的,我那时腰也特别疼.过一个月就会好了</t>
  </si>
  <si>
    <t xml:space="preserve">上火怎么办？天气一热我就容易上火，一上火就会便密，我该怎么办？求 </t>
  </si>
  <si>
    <t>以下给你找到的资料,供参考进行上火时，应当注意遵循下列一般原则： （1）饮食品种要以松软稀酥、易于消化和吸收的食品为主，副食菜肴以蒸炖煮烧的品种为主，少食爆烤煎炸一类难消化的油腻之物。 （2）多摄入水分，以补充机体上火发热时水分的丧失，并可促进新陈代谢，生津利尿，加速毒素的排泄和热量的散发。 （3）不吃辛辣燥热的食品，如辣椒、干姜、生蒜、胡椒、浓茶、烟草、烈酒、咖啡、大葱等，以免生热助火、灼伤津液、加重病情。 （4）实火者宜多食寒凉清热食物，如绿豆、茄子、冬瓜、丝瓜、苦瓜等，忌讳助阳兴热的食物，如韭菜、羊肉、狗肉、雀肉、高梁、龙眼、樱桃、杏子等。 （5）虚火者应注意补充银耳、百合、桑椹、蛤蜊肉、龟肉等补益滋阴食物，不宜多食生冷瓜果以及各种寒凉食物。 （6）要重视“辩证施食”，分析上火虚实，有针对地进行食疗，选择清热败火的食物。 如果不分实火还是虚火，一概而论，则往往得不到好的疗效，有时甚至还会加重病情，“火上烧油”。这就是一些患者不注意辩证施食，盲目自诊自疗而效果不佳的原因所在</t>
  </si>
  <si>
    <t xml:space="preserve">求各金版武器上升值及最好刻印（或推存刻印）共0条评论... </t>
  </si>
  <si>
    <t>如图</t>
  </si>
  <si>
    <t xml:space="preserve">经典再现：9月19日竞彩用心推荐，追求经典17：00准时推出今天 </t>
  </si>
  <si>
    <t>008没有冷门，再仔细看看把你！</t>
  </si>
  <si>
    <t xml:space="preserve">成都老年人癫痫病的病因是什么 </t>
  </si>
  <si>
    <t>你好，引起癫痫的病因有很多，包括脑外伤：脑部损伤后遗症，有的在数周，数月数年才开始发癫痫，损伤的成程序不一样，发作类型也各不相同严重者CT或磁共振检查多数有软化灶。脑血管疾病：常见于中老年人，如脑栓塞，脑血栓，高血压脑肿瘤等均可引起癫痫病、痴呆这个很多的，比如脑部撞击留下的后遗症、长期压力、情绪受到很大激发等等，也可能是遗传。以上原因导致大脑异常放电，然后癫痫就发作了。你好，导致癫痫发病的原因有很多。如先天性疾病、产前和围生期疾病、高热惊厥史、颅脑外伤、颅内感染、颅内肿瘤、脑血管疾病、中毒、营养代谢性疾病等</t>
  </si>
  <si>
    <t xml:space="preserve">第一次作爱是需要戴避孕套吗? </t>
  </si>
  <si>
    <t>简单的说，可以不带，好处是，感觉特别真实，双方完全熔化为一体的感觉是无法用言语形容的；不过，如果你不想出危险，让女方怀孕，我觉得还是带上比较安全。另外，此类问题已经在IAsk上面出现多次，下次请搜索之后再发问。</t>
  </si>
  <si>
    <t xml:space="preserve">大兴黄村镇蔡村有知道的吗，怎么走，我在新华大街附近。 </t>
  </si>
  <si>
    <t>约45.8公里/57分钟显示全部详情新华大街收起 1. 从起点到京通快速1) 从起点向正东方向出发，沿新华东街行驶80米，调头2) 继续沿新华东街行驶260米，稍向左转3) 继续沿新华东街行驶340米，过右侧的京杭广场，稍向左转进入新华西街4) 沿新华西街行驶1.8公里，稍向右转进入京通快速公路收起 2. 京通快速公路1) 沿京通快速公路行驶560米，直行2) 继续沿京通快速公路行驶6.9公里，朝东五环/机场高速/G1方向，稍向右转进入远通桥部分路段收费3) 沿远通桥行驶540米，过远通桥约420米后直行进入五环收起 3. 五环到终点1) 沿五环行驶29.5公里，朝京开高速/黄村/开封/南四环方向，稍向右转进入西红门南桥2) 沿西红门南桥行驶1.0公里，在西红门南桥右前方转弯进入京开高速公路3) 沿京开高速公路行驶1.5公里，过金星桥约1.8公里后直行全路段收费4) 继续沿京开高速公路行驶230米，从大兴城区/黄村出口离开稍向左转进入京开路部分路段收费5) 沿京开路行驶250米，右转进入清源路6) 沿清源路行驶370米，到达终点黄村镇</t>
  </si>
  <si>
    <t xml:space="preserve">我的录取通知书我今年被厦门大学录取了国防生，但是至今录取通知书还 </t>
  </si>
  <si>
    <t>只要在网上能查到，就没问题</t>
  </si>
  <si>
    <t xml:space="preserve">请问喜欢和爱的区别吗?喜欢一个人和爱一个人最根本的区别是什么 </t>
  </si>
  <si>
    <t>喜欢只是对一个人的爱慕,爱则是在感情方面的,爱的人喜欢被爱的人的任何东西,包括缺点!!!可以说爱包括喜欢,喜欢不表示爱!!!</t>
  </si>
  <si>
    <t xml:space="preserve">vipabc如何收费？想去提升一下英语，然后找个好的外企工作！ </t>
  </si>
  <si>
    <t xml:space="preserve">按照的你英语程度分级，随后会结合你当前的英语能力制定专门的学习计划，可能就是英语能力较差的，会从学习词汇量开始，有一定基础的学习一些日常语句这样的 </t>
  </si>
  <si>
    <t xml:space="preserve">淘宝中如何查看买家对当前商品的评价在淘宝中点进去一个商品后，看到 </t>
  </si>
  <si>
    <t>点进你想要的产品，下面有个本期出售，和累积出售，如果这件宝贝有客户给评价，就在累计售出后面有个： 14件(一个月内累计) (已有 10 条评价) ，就在(已有 10 条评价)，哪里，点10就可以直接看对客户对这个产品的，评价了。希望你能看的懂。</t>
  </si>
  <si>
    <t xml:space="preserve">血粘稠怎么办？经体检发现有轻微血粘稠，不知是什么原因造成的？该注 </t>
  </si>
  <si>
    <t>血液黏稠如何稀释陈文贵人的血液在血管中循环流动，血液过于黏稠，血流速度必然减慢，严重时可影响人体重要器官的血液供应，引发心脏病和中风。因此，人们不禁要问：是什么原因使血液黏稠？有什么办法让它“稀稠”适宜？      水是血液黏稠的即刻因素，众所周知，水是人体中的重要物质，流动着的血液，90％以上由水组成。大量出汗、服用利尿剂、腹泻等引起的身体失水，都可使血容量减少，此时血液中的有形成分（红细胞等）相对增多，血液黏稠度自然增加。一旦饮水充足，体内水分得到补充，黏稠的血液便立刻被稀释。      有形成分是血液黏稠度的物质基础，能使血液变稠的有形物质有血液中的红细胞以及蛋白质等。红细胞数量越多、脆性越弱，血液黏稠度越高；血浆中的蛋白质、脂肪、糖越多，血液越黏稠；血液中纤维蛋白原的含量，对血液黏稠度的影响不容忽视，当纤维蛋白原增高时，血液黏稠度会明显升高。      使血液变稠的非血液因素，在同样条件下，有些环境因素可以影响血液的黏稠度，如夏季血黏稠度高，冬季低；清晨和上午高，傍晚和下午低；阴雨、闷热、低气压时高，风和日丽时低；厚味饮食后高、清淡饮食后低；腹泻、出汗后高，足量饮水后低。      这些因素中，有些与水平衡有关，有的与血液有形成分增加有关，有的则与人体生物钟的运行规律有关。了解这些规律，有利于防治血液黏稠，预防发生有关疾病。      速效稀释剂——水一夜沉睡后的失水、消化食物时耗用的水，都是血液变稠的相关因素。饮水可使血液立刻变稀。      饮水首先要掌握时机。早晨起床后、三餐前（饭前1小时）和就寝前，最好饮水200毫升。      还应饮用稀释效果好的水。盐水会促进细胞脱水，不足取；冷水会刺激胃肠血管收缩，有碍水吸收进入血液，不宜饮；纯净水，因为太“纯”，其低渗状态会使水很快进入细胞内，对稀释血液也不理想。理想的稀释水是20～25℃的白开水或淡茶水，其张力、密度等都接近血液和组织细胞。      多吃具有稀释血液功能的食物医学家推荐以下具有血液稀释功能的食物：抑制血小板聚集、防止血栓形成的有黑木耳、洋葱、柿子椒、香菇及草莓、菠萝、柠檬等；具有类似阿司匹林抗凝作用的食物有西红柿、红葡萄、橘子、生姜；具降脂作用的有香芹、胡萝卜、魔芋、山楂、紫菜、海带、玉米、芝麻等。      血液过于黏稠的人，日常饮食宜清淡，少吃高脂肪、高糖饮食，多吃些鱼类、新鲜蔬菜和瓜果、豆类及豆制品。上述医学家推荐的能稀释血液的功能性食物，可根据情况选择食用。也可服用阿司匹林40毫克，一日1次；维生素C100毫克，一日3次；潘生丁片50毫克，一日3次；中成药复方丹参片3片，一日3次。上述药物有改善血管壁功能，抑制血小板聚集和黏附，降低血液黏稠度，从而增加血液流速，防止血栓形成的作用。</t>
  </si>
  <si>
    <t>2007(2.12</t>
  </si>
  <si>
    <t>600837都市股份</t>
  </si>
  <si>
    <t>说两场圣伊天VS奈斯</t>
  </si>
  <si>
    <t>不出意外应该红了</t>
  </si>
  <si>
    <t xml:space="preserve">任务怎么样才能快速的得到甜果？ </t>
  </si>
  <si>
    <t>去百兽或者兽王谷,那里看到野果就采集，基本每次都会有甜果出来的</t>
  </si>
  <si>
    <t xml:space="preserve">急求BB本人是龙腾渤海的小木，急求老板卖我一只普通的猪或者羊，诚 </t>
  </si>
  <si>
    <t>我们区猪要1E啊，羊好像便宜点</t>
  </si>
  <si>
    <t xml:space="preserve">平面直角坐标系将平面分为几个部分？有人说分成四个部分，那么坐标轴 </t>
  </si>
  <si>
    <t>平面直角坐标系将平面分为4个部分,坐标轴不属于任何一个部分。从几何概念上讲，数轴是特殊的直线（具有原点、正方向、单位长度的直线叫数轴）。所就是说数轴的本质是直线。而在几何领域中，直线是既没有粗细，也没有质量，还没有长度。所以数轴或者说坐标轴（两条直线）并不占有空间，所以它只是平面中四个部分的分界线，而不属于任何一个部分。</t>
  </si>
  <si>
    <t xml:space="preserve">几个关于天堂比较弱智的问题１．在古鲁丁村庄的卖魔法书的在什么地方 </t>
  </si>
  <si>
    <t>魔法书在卖药水的店有得卖D晶是打出来的,或者D装备敲出来的.,.所以没店卖</t>
  </si>
  <si>
    <t xml:space="preserve">有正版轩辕4外传苍之涛的进,跪求序列号我光盘序列好错误,进不了谢 </t>
  </si>
  <si>
    <t>光有序列号没用，如果是盗版的，那么还是要按照方法慢慢破解，我给你我的正版光盘序列号，你试试：5ZM5MF-QC62X9-M7R4PC-8H8MXV还是支持一下正版吧，马上就出轩辕5了。</t>
  </si>
  <si>
    <t xml:space="preserve">佩戴的玉佛被摔了一角，还可以继续佩戴么？该怎么处理好呢？我在寺庙 </t>
  </si>
  <si>
    <t xml:space="preserve">没关系的，是玉佛为你挡灾的。一般情况看不出来是不要紧的，能用就可以，心诚则灵。如果外观影响严重的话，那就要处理了。 </t>
  </si>
  <si>
    <t xml:space="preserve">我的语音能听到别人讲话，对方却听不到我讲话你好，看了你回答的一些 </t>
  </si>
  <si>
    <t xml:space="preserve">这可能是你的话筒没有设置好造成的。首先检查你的话筒是否和电脑连接好，然后按照下面的方法去进行设置和检测：首先用鼠标选择桌面右下方的扬声器图标，右击鼠标，在出现的快捷菜单中选择“打开音量控制”，会出现“主音量”窗口，在“选项”菜单中，点击“属性”，在出现的“属性”窗口中将“麦克风音量”选项前的方框中打√，然后按“确定”。返回“主音量”窗口，将“麦克风音量”按钮往上调大，并注意在下方的“静音”选项前是否有√，如有，应将此√去掉。然后进入“控制面板”（从“开始菜单”-“设置”-“控制面板”），在“控制面板”窗口中 选择“声音和音频设备”，打开此窗口，选择“语声”，在该窗口的下方点击“测试硬件”按钮，再按照提示，一步一步进行，如果你的话题连接正常的话，通过此测试，应该可以会有声音的。 </t>
  </si>
  <si>
    <t xml:space="preserve">脸上，脖子上长疙瘩。晒太阳，流汗会痒。脸上，脖子上会长小疙瘩，晒 </t>
  </si>
  <si>
    <t>脂溢性皮炎，还有粉刺，还有点过敏，建议口服维生素b6及葡萄糖酸，口服抗过敏药如皿治林，开思停，开瑞坦等，用医学护肤品舒缓系列调理皮肤如雅漾、薇诺娜。</t>
  </si>
  <si>
    <t xml:space="preserve">上海推土机二手市场在什么路上 </t>
  </si>
  <si>
    <t>地址：上海市青浦区嘉松中路与北青公路交叉口　上海青浦区嘉松中路4188号 上海宏盛二手工程机械 手　机:(0)13816974887 联　系　人：程经理</t>
  </si>
  <si>
    <t xml:space="preserve">打开网页时提示411系统正忙请稍后再试是什么意思啊？ </t>
  </si>
  <si>
    <t xml:space="preserve">尊敬的客户:    您好！5173回复客服05很高兴为您服务！    很抱歉！请您提供用户名再次提问，客服将联系您查询原因。                                                  </t>
  </si>
  <si>
    <t xml:space="preserve">2008南京房价不要预测什么的.我只想知道现在的房价..要是能把 </t>
  </si>
  <si>
    <t xml:space="preserve">城中如新街口鼓楼一线新房14000元左右，主城区（城墙内）1万元左右。河西南部7000元左右，江宁6000元或5000元左右。 </t>
  </si>
  <si>
    <t xml:space="preserve">请问我的FKS1.8手动经典型起动时有时经常打不着火,四S店电脑? </t>
  </si>
  <si>
    <t>您好，需要检测的点较多，供油、点火、雾化性、传感器信号等。</t>
  </si>
  <si>
    <t xml:space="preserve">护体乳能不能擦脸呀？当护手霜呢？身体的皮肤和脸的皮肤有什么区别呢 </t>
  </si>
  <si>
    <t>脸上毛细血管分布更加密集，脸部皮肤所受的风吹日晒更多。真的要讲皮肤有没有差别，那倒是没差别，皮肤的构成反正都是一样的。有些乳液和护肤霜是可以全身通用的，比如sisley的全能，EA的8小时润泽霜。如果单单是护体乳的话，对于脸上或手上的皮肤可能就会显得太干或者太油。如果你觉得你的护体乳涂在脸上也不错，我觉得那完全可以用。</t>
  </si>
  <si>
    <t xml:space="preserve">叫卖录音叫卖光盘叫卖一元店九块九店用的叫卖碟那里可以买到？叫卖录 </t>
  </si>
  <si>
    <t>那些是先录下来然后刻到碟里面的。去一般的维修店都能作这个，你先录好音，花1.5买空碟刻进去就行</t>
  </si>
  <si>
    <t xml:space="preserve">为什么游戏中老被弹出来（内详）弹出对话框：请懂得的朋友帮看看，谢 </t>
  </si>
  <si>
    <t xml:space="preserve">您更新下您的显卡驱动就可以了 </t>
  </si>
  <si>
    <t xml:space="preserve">服务器上不去了。身上装备都没了。仓库东西也没了。诛仙没搞头了。。 </t>
  </si>
  <si>
    <t>晕~~~我是~~~但小号上的什么小流帽还到~~~~~~~~大号钱没了。小号又有~~是什么意思啊？？？？？？？</t>
  </si>
  <si>
    <t xml:space="preserve">会计分录编制1.有银行存款1w，归还前欠某公司的贷款，国家增加对 </t>
  </si>
  <si>
    <t>1.有银行存款1w，归还前欠某公司的贷款，借：应付帐款　　1万　　贷：银行存款　1万国家增加对本企业的投资，给银行拨款投资90w 借：银行存款　90万　　贷：股本　　90万2.经董事会批准案原价出售一台价值40w的机器，款项40w存入银行假设该机器未计提折旧及减值准备借：固定资产清理　40万 　　贷：固定资产　　40万借：银行存款　40万　　贷：固定资产清理　40万3.用银行存款支付本期利息5000w 借：财务费用　　5000万　　贷：银行存款　5000万4.本公司购进机器一台价值40w 款项未付 借：固定资产　　40万　　贷：应付帐款　　40万5.本公司平价发行股票 面值1元 总共100w股，受到的款项全部存入银行 借：银行存款　　100万　　贷：股本　　100万6.本公司用银行存款支付机器款项40w借：应付帐款　　40万　　贷：银行存款　　40万</t>
  </si>
  <si>
    <t xml:space="preserve">北京工业大学宿舍怎么样？ </t>
  </si>
  <si>
    <t>您好，我校住宿条件很好。</t>
  </si>
  <si>
    <t xml:space="preserve">断桥会许仙——打《水浒》人物绰号一 </t>
  </si>
  <si>
    <t xml:space="preserve">白面郎君 </t>
  </si>
  <si>
    <t xml:space="preserve">130级彻夜不眠给多少经验 </t>
  </si>
  <si>
    <t>90级一共是310w多</t>
  </si>
  <si>
    <t xml:space="preserve">花胶怎么煮啊？家里有块花胶，两个巴掌大，一厘米厚。硬硬的，刀都劈 </t>
  </si>
  <si>
    <t>试一试我的方法吧:先用清水发12小时,再煲一锅80--90度的水把花胶放于水中,关火,盖锅盖,浸6--8小时,然后飞水4小时后再将其放于60--70度水中浸5--6小时.盖锅盖.这样就发好了.届时做怎样的菜都可以啦!记住花胶不宜煮太长时间,炒几下即可.</t>
  </si>
  <si>
    <t xml:space="preserve">哪种牌子的奶瓶适合新生儿用？ </t>
  </si>
  <si>
    <t>奶瓶其实没什么关系，NUK、贝亲什么的都可以，因为是新生儿，可以先用小号的。至于奶嘴，都有相应年龄的配套，问一下售货员就行了，我宝宝一直用NUK的硅胶奶嘴，个人认为不错。</t>
  </si>
  <si>
    <t xml:space="preserve">请问爱情之歌怎么做！谢谢　　如上，请各位大虾帮忙！江湖救急 </t>
  </si>
  <si>
    <t>从欧瑞往北跑，从地图上看，大概在象牙塔并排河的左边位置找练金术士“马提尔德”领取愿望药水任务，做完后交任务时选择四种答案的最后一种“想成为最有智慧的人”，一遍不成就多做两遍，比较容易得到；得到后再传到海音斯把他交给西边门内商店里的音乐巨匠，他会给你免费制作出爱情之歌的水晶！运气超好的话也许还会给你个霸主的符咒“帕格力欧之心”。祝你好运！</t>
  </si>
  <si>
    <t xml:space="preserve">隔离霜的颜色分哪几种都分别适合什么样的肤质 </t>
  </si>
  <si>
    <t xml:space="preserve">你好，不同品牌的颜色未必相同，不同颜色的隔离霜具有不同的功效。总的来说，隔离霜的颜色大概分为紫色、绿色、白色、蓝色、金色、肤色6种，不同的颜色代表不同的修容作用。紫色：紫色具有中和黄色的作用，所以它适合普通肌肤、稍偏黄的肌肤使用。它的作用是使皮肤呈现健康明亮、白里透红的色彩。　　绿色：适合偏红肌肤和有痘痕的皮肤。绿色隔离霜可以中和面部过多的红色，使肌肤呈现亮白的完美效果。另外，还可有效减轻痘痕的明显程度。　　白色：是专为黝黑、晦暗、不洁净、色素分布不均匀的皮肤而设计的。使用白色的隔离霜之后，皮肤明度增加，肤色会看起来干净而有光泽度。　　蓝色：适合泛白、缺乏血色、没有光泽度皮肤。蓝色可以较温和地修饰肤色，使皮肤看起来“粉红”得自然、恰当，而且用蓝色修饰能使肌肤显得更加纯净、白皙、动人。　　金色：如果你希望拥有健康的巧克力色皮肤，那么金色隔离霜是最好的选择。金色隔离霜可以让皮肤黑里透红，晶莹透亮。　　近肤色：肤色隔离霜不具调色功能，但具高度的滋润效果。适合皮肤红润、肤色正常的人以及只要求补水防燥、不要求修容的人使用。 </t>
  </si>
  <si>
    <t xml:space="preserve">全球股市反弹榜A股倒数股市反弹幅度俄罗斯40.85%中国香港39 </t>
  </si>
  <si>
    <t>你好！    这个时候咱玩的就是稳定！    跌的时候才要“永远争第一”    哈哈！</t>
  </si>
  <si>
    <t xml:space="preserve">翻译指教Urgenteconomicandpoliticalre </t>
  </si>
  <si>
    <t>解决也门问题唯一的长久之计，就是马上进行经济和政治方面的改革，但目前也门国内持续的不稳定形势使政府短期内无法集中精力着手重中之重的改革问题。本周早些时候，出于对使馆目前安全的考虑，英国大使馆暂关闭2天。</t>
  </si>
  <si>
    <t xml:space="preserve">汉军溃兵变成汉军溃兵精英后不能暴汉军溃兵的任务物品了吗？ </t>
  </si>
  <si>
    <t>能，去里面杀汉军溃兵，不要杀汉军溃兵（精英），只有汉军溃兵才爆的！！！！！！！！！</t>
  </si>
  <si>
    <t xml:space="preserve">我买了一个低音炮，我想不想用原装的音响，换一个音质较好的音响，但? </t>
  </si>
  <si>
    <t>啊！这样：你首先到修理电器的商店买你所需要的接头最好是买转换接头回家转换一下就可以了/非常方便如果实在买不到/就只好买像耳机那样的插头（注意插头的直径，要符合你的插孔）/回家后忍痛将原先使用的插头绞下来/然后用烙铁将绞下的线路与买来的插头连接即可/顺便提醒你一下：注意新买的音箱与原放大器阻抗匹配，否则会影响你的音响效果和使用寿命以上参考！</t>
  </si>
  <si>
    <t xml:space="preserve">如何授权给IE,即需要设置启用IE选项?应该怎么办?我现在是登不? </t>
  </si>
  <si>
    <t>控制面板，internet选项</t>
  </si>
  <si>
    <t xml:space="preserve">选择物品个数的快捷键是什么?着急啊。。。。。。。。 </t>
  </si>
  <si>
    <t>和F1F2一样用...</t>
  </si>
  <si>
    <t xml:space="preserve">向“Perseus”请教想您请教这是什么机型 </t>
  </si>
  <si>
    <t xml:space="preserve">Farman F.168鱼雷轰炸机谢谢。法国人至少在这种时候比较老实，型号垂尾上写着呢。Farman F.168是Farman F.60 Goliath系列的亚型，该机装有2台480马力Gnome &amp; Rhône 9Akx发动机，1928年1月首飞，建成约200架。基本数据:机长: 15.18 米 翼展: 26.25 米 机高: 6.10 米 翼面积: 159.60 平米 空重: 4600 公斤 全重: 6800 公斤 动力: 2台480马力Gnome &amp; Rhône 9Akx发动机速度: 174 公里 / 小时升限: 5000 米 航程: 800 千米 </t>
  </si>
  <si>
    <t xml:space="preserve">46级去那接任务升级路线 </t>
  </si>
  <si>
    <t>到哀伤接任务或者打隐藏任务</t>
  </si>
  <si>
    <t xml:space="preserve">为什么名侦探柯南哪个网都没有日语版了，而且消失好多集 </t>
  </si>
  <si>
    <t>名侦探柯南全集(日语版)中文字幕~那个搜狐视频上~有的呀~~~【~亲~如果我的回答对你有帮助，麻烦“有用”--“打赏”~~谢谢了呀~~】</t>
  </si>
  <si>
    <t xml:space="preserve">怎么才可以让别人不那么关心你的的事啊？？怎么样可以制止别人的八卦? </t>
  </si>
  <si>
    <t>走自己的路，做自己的事，越走越好，越做越好，让他们去说吧！</t>
  </si>
  <si>
    <t xml:space="preserve">电脑的一些麻烦会的帮我解释下请问下我C盘里Ghost文件夹里面的 </t>
  </si>
  <si>
    <t xml:space="preserve">克隆Ghost初级使用教程 一、什么是Ghost ？ Ghost（幽灵）软件是美国赛门铁克公司推出的一款出色的硬盘备份还原工具，可以实现FAT16、FAT32、NTFS、OS2等多种硬盘分区格式的分区及硬盘的备份还原。俗称克隆软件。 1、特点：既然称之为克隆软件，说明其Ghost的备份还原是以硬盘的扇区为单位进行的，也就是说可以将一个硬盘上的物理信息完整复制，而不仅仅是数据的简单复制；克隆人只能克隆躯体，但这个Ghost却能克隆系统中所有的东东，包括声音动画图像，连磁盘碎片都可以帮你复制，比克隆人还厉害哟：）。Ghost支持将分区或硬盘直接备份到一个扩展名为.gho的文件里（赛门铁克把这种文件称为镜像文件），也支持直接备份到另一个分区或硬盘里。 2、运行ghost：至今为止，ghost只支持Dos的运行环境，这不能说不是一种遗憾：（。我们通常把ghost文件复制到启动软盘（U盘）里，也可将其刻录进启动光盘，用启动盘进入Dos环境后，在提示符下输入ghost，回车即可运行ghost，首先出现的是关于界面 按任意键进入ghost操作界面，出现ghost菜单，主菜单共有4项，从下至上分别为Quit（退出）、Options（选项）、Peer to Peer（点对对，主要用于网络中）、Local（本地）。一般情况下我们只用到Local菜单项，其下有三个子项：Disk（硬盘备份与还原）、Partition（磁盘分区备份与还原）、 Check（硬盘检测），前两项功能是我们用得最多的，下面的操作讲解就是围绕这两项展开的。 3、由于Ghost在备份还原是按扇区来进行复制，所以在操作时一定要小心，不要把目标盘（分区）弄错了，要不将目标盘（分区）的数据全部抹掉就很惨的……根本没有多少恢复的机会，所以一定要认真、细心！但你也不要太紧张，其实Ghost的使用很简单，弄懂那几个单词的意思你就会理解它的用法，加上认真的态度，你一定可以掌握它的！一起来吧：） 二、 分区备份 预备知识：认识单词 Disk：不用我说你也知道，磁盘的意思； Partition：即分区，在操作系统里，每个硬盘盘符（C盘以后）对应着一个分区； Image：镜像，镜像是Ghost的一种存放硬盘或分区内容的文件格式，扩展名为.gho； To：到，在ghost里，简单理解to即为“备份到”的意思； From：从，在ghost里，简单理解from即为“从……还原”的意思。 （一） Partition菜单简介 其下有三个子菜单： To Partion：将一个分区（称源分区）直接复制到另一个分区（目标分区），注意操作时，目标分区空间不能小于源分区； To Image：将一个分区备份为一个镜像文件，注意存放镜像文件的分区不能比源分区小，最好是比源分区大； From Image：从镜像文件中恢复分区（将备份的分区还原）。 （二） 分区镜像文件的制作 1、 运行ghost后，用光标方向键将光标从“Local”经“Disk”、“Partition”移动到“To Image”菜单项上，然后按回车。 2、 出现选择本地硬盘窗口，，再按回车键。 3、 出现选择源分区窗口（源分区就是你要把它制作成镜像文件的那个分区） 用上下光标键将蓝色光条定位到我们要制作镜像文件的分区上，按回车键确认我们要选择的源分区，再按一下Tab键将光标定位到OK键上（此时OK键变为白色），再按回车键。 4、 进入镜像文件存储目录，默认存储目录是ghost文件所在的目录，在File name处输入镜像文件的文件名，也可带路径输入文件名（此时要保证输入的路径是存在的，否则会提示非法路径），如输入D:\sysbak\cwin98，表示将镜像文件 o保存到D:\sysbak目录下，输好文件名后，再回车。 5、 接着出现“是否要压缩镜像文件”窗口，有“No（不压缩）、Fast（快速压缩）、High（高压缩比压缩）”，压缩比越低，保存速度越快。一般选Fast即可，用向右光标方向键移动到Fast上，回车确定； 6、 接着又出现一个提示窗口，用光标方向键移动到“Yes”上，回车确定。 7、 Ghost开始制作镜像文件 8、 建立镜像文件成功后，会出现提示创建成功窗口 回车即可回到Ghost界面； 9、 再按Q键，回车后即可退出ghost。 至此，分区镜像文件制作完毕！ 也蛮简单的嘛：）。 三、 从镜像文件还原分区 制作好镜像文件，我们就可以在系统崩溃后还原，这样又能恢复到制作镜像文件时的系统状态。下面介绍镜像文件的还原。 （一）在DOS状态下，进入Ghost所在目录，输入Ghost回车，即可运行Ghost。 （二）出现Ghost主菜单后，用光标方向键移动到菜单“Local－Partition－From Image”，然后回车。 （三） 出现“镜像文件还原位置窗口”，在File name处输入镜像文件的完整路径及文件名（你也可以用光标方向键配合Tab键分别选择镜像文件所在路径、输入文件名，但比较麻烦），如d:\sysbak\ o，再回车。 （四） 出现从镜像文件中选择源分区窗口，直接回车。 （五） 又出现选择本地硬盘窗口，再回车。 （六） 出现选择从硬盘选择目标分区窗口，我们用光标键选择目标分区（即要还原到哪个分区），回车。 （七） 出现提问窗口，选Yes回车确定，ghost开始还原分区信息。 （八） 很快就还原完毕，出现还原完毕窗口，选Reset Computer回车重启电脑。 现在就完成了分区的恢复，是不是很快呀：）。 注意：选择目标分区时一定要注意选对，否则：（，后果是目标分区原来的数据将全部消失…… 四、 硬盘的备份及还原 Ghost的Disk菜单下的子菜单项可以实现硬盘到硬盘的直接对拷（Disk－To Disk）、硬盘到镜像文件（Disk－To Image）、从镜像文件还原硬盘内容（Disk－From Image）。 在多台电脑的配置完全相同的情况下，我们可以先在一台电脑上安装好操作系统及软件，然后用ghost的硬盘对拷功能将系统完整地“复制”一份到其它电脑，这样装操作系统可比传统方法快多了哦：）。 Ghost的Disk菜单各项使用与Partition大同小异，而且使用也不是很多，在此就不赘述了。 五、 Ghost使用方案 1、最佳方案：完成操作系统及各种驱动的安装后，将常用的软件（如杀毒、媒体播放软件、office办公软件等）安装到系统所在盘，接着安装操作系统和常用软件的各种升级补丁，然后优化系统，最后你就可以用启动盘启动到Dos下做系统盘的克隆备份了，注意备份盘的大小不能小于系统盘！ 2、如果你因疏忽，在装好系统一段间后才想起要克隆备份，那也没关系，备份前你最好先将系统盘里的垃圾文件清除，注册表里的垃圾信息清除（推荐用Windows优化大师），然后整理系统盘磁盘碎片，整理完成后到Dos下进行克隆备份。 3、什么情况下该恢复克隆备份？ 当你感觉系统运行缓慢时（此时多半是由于经常安装卸载软件，残留或误删了一些文件，导致系统紊乱）、系统崩溃时、中了比较难杀除的病毒时，你就要进行克隆还原了！有时如果长时间没整理磁盘碎片，你又不想花上半个小时甚至更长时间整理时，你也可以直接恢复克隆备份，这样比单纯整理磁盘碎片效果要好得多！ 4、最后强调：在备份还原时一定要注意选对目标硬盘或分区！ </t>
  </si>
  <si>
    <t xml:space="preserve">◆高二（急）有一块金属钠投入到100毫升氯化镁、氯化铝的混合溶液 </t>
  </si>
  <si>
    <t>本题利用的关键知识是电荷守衡;元素守衡设原溶液中ALCL3为AMOL1.2NA--H2 由VH2=13.44L 得出NA的物质的量为1.2MOL;NAOH的物质的量为1.2MOL2.Mg(OH)2的质量为21.4-15.6=5.8;由元素守衡知识可知道MgCL2的物质的量为0.1MOL,C(Mg2+)=0.1mol/0.1L=1mol/L金属钠反应结束后,沉淀为AL(OH)3,Mg(OH)2,溶液中离子为阳离子为NA+,阴离子为CL-,ALO2-,沉淀AL(OH)3为15.6/78=0.2MOL其中NA+为1.2MOL,CL-为(0.2+3A)MOL,ALO2-为(A-0.2)MOL由电荷守衡知识列为1.2=(0.2+3A)+A-0.2A=0.3MOL,CAL3+=0.3MOL/0.1L=3MOL/LCL-物质的量为0.1*2+0.3*3=1.1MOLCCL-=1.1MOL/0.1L=11MOL/L</t>
  </si>
  <si>
    <t xml:space="preserve">深圳，佛山，阳江哪个比较好玩？ </t>
  </si>
  <si>
    <t>陽江就渡假好....深圳就現代化...</t>
  </si>
  <si>
    <t xml:space="preserve">考研的科目中有没有既没有数学又没有英语的呢？我是学英语专业的，语 </t>
  </si>
  <si>
    <t>考研貌似不考语文吧？？？？你的意思是不考英语吧？不考数学的很多，但英语嘛，呵呵，貌似都可以考英语。但是，很多专业对于外语是选考的，考英语或俄语或德语的。我上个月看各个学校的招生目录看见过这种专业，具体的专业要你自己找，而且同专业不同的学校要求也可能不同。呵呵，干嘛不考英语呢，不报英语专业，那你考英语岂不是有天然优势？！</t>
  </si>
  <si>
    <t xml:space="preserve">苏州割韩式双眼皮手术多少钱 </t>
  </si>
  <si>
    <t>苏州割双眼皮的价格并不固定，主要是因为以下几个因素：    一、手术实施的方案。  双眼皮手术方法很多，有现今新型倍受推崇的韩式双眼皮手术方法、切开双眼皮手术方法、埋线双眼皮手术方法等等，每种方法都有其不同的价位。韩式双眼皮手术方法较其它手术方法贵，切开双眼皮手术方法也比埋线双眼皮手术方法贵。    二、进行手术的地区。 因为市区无论是在消费情况还是在技术实力上与郊区都是有差异的，选择一家正规的专业机构，才能够保证价格上的合理，同时又能够保证手术的效果以及安全性。    三、进行手术的专家。 享受专家的级别就如消费质量好的商品一样，质好有保证当然价格会较为高点，每个医生经验有别，技术程度不一样，相比之下手术的风险和做出的双眼皮效果都可能会出现不同程度的差异。双眼皮手术价格跟选择的医生级别也是有差异的。说到做双眼皮手术，首先考虑到的是安全和效果，其次才是价格，只有选择正规医院才可以保证做出的双眼皮手术有好的效果，要说做双眼皮好的医院这也太多了。你可以上网多搜集些医院的资料进行对比，才能看出哪家医院是最好的。我目前了解的苏州很多医院做双眼皮手术效果还不错，正打算去那儿试试呢，你也可以去医院问问专家。     其实就目前来看，埋线双眼皮手术价格不是很贵，相反是很便宜，工薪阶层都能接受的方法。这是美容整形领域的小手术，十分常见，自然价格就不高。     埋线双眼皮是通过将上提睑肌和眼皮粘连形成双眼皮的，这种双眼皮的效果十分自然，而且手术也很简单，安全性很高，一般最短也有5年左右的不间断时间。     很多人对于埋线双眼皮手术价格十分好奇，在这里可以给大家一个参考价格，目前大概主流的价格是1000-3000左右，有些医院埋线双眼皮手术价格在8000-10000左右，但是一分钱一分货，手术的环境、手术的方法、医师的经验等等都会影响到它的价格。总之，埋线双眼皮手术价格不是很贵，但是选择医院很关键。在选择的时候要以效果和安全性为主，不能只选择那些价格低廉的双眼皮手术方法，可能它已经被淘汰，而您还蒙在鼓里!</t>
  </si>
  <si>
    <t xml:space="preserve">床的摆放问题我家新房的床本来是床头朝东的，由于户型局限也只有这样 </t>
  </si>
  <si>
    <t xml:space="preserve">  从角度来分析，摆床时不宜东西朝向，这是因为地球本身具有地磁场，地磁场的方向是南北向（分南极和北极），磁场具有吸引铁、钴、镍的性质，人体内都含有这三种元素，尤其是血液中含有大量的铁，因此睡眠东西向会改变血液在体内的分布，尤其是大脑的血液分布，从而会引起失眠或做梦，影响睡眠质量。   另外要注意的是：床头不应放在窗下 主要因为床头在窗下，人睡眠时有不安全感。如果遇大风、雷雨天，这种感觉更是强烈，再说，窗子是通风的地方，人们在睡眠时稍有不慎就会感冒。　　床头不宜设在卧室门或窗的通风处 客厅里的人一眼就能看见卧室的床，会使卧室缺乏宁静感，影响睡眠，人们在卧室里穿着睡衣来回走动，看上去也不雅观。  床的摆放不宜正对梳妆镜子 这主要是因夜晚人起来时，特别是睡眠中的人朦胧醒来时或恶梦惊醒时，在光线较暗的地方，会在猛一抬眼的刹那间看到镜中的自己或他人活动，容易受惊吓。    床忌高低不平 现代人用弹簧垫的多，如果床垫质量不好，弹簧发生变形，就会影响健康。所以床垫选择也十分重要，睡变形的床垫上会使人的脊柱弯曲，睡久了就影响血液循环，使人疲劳容易生病。  床下不宜堆放杂物 床下往往是不太透气的阴暗处，放上杂物，容易受潮发霉或滋生细菌，另外平时也难清理，造成卫生死角，感觉上很不舒服。</t>
  </si>
  <si>
    <t xml:space="preserve">ID怎么又阻止了。我没开挂。为什么又封今天上午还用的，下午就封了 </t>
  </si>
  <si>
    <t>我都不知道魔力怎么搞的还不还我号  我都被封了5天了</t>
  </si>
  <si>
    <t xml:space="preserve">数学题一个大人吃七个馒头，一个小孩吃五个馒头，大人和小孩共53个 </t>
  </si>
  <si>
    <t>假设有大人x个，则小孩有（53-x)个。一个大人吃七个馒头，一个小孩吃五个馒头所以7x+5（53-x)=309解得x=22  所以大人有22人，小孩有31人</t>
  </si>
  <si>
    <t xml:space="preserve">脸色变黄,去医院检查,要怎么挂号啊? </t>
  </si>
  <si>
    <t xml:space="preserve">  挂肝胆或者消化科.</t>
  </si>
  <si>
    <t xml:space="preserve">不能吃西药怎么办？？？一年前，我妈生病吃了几次头孢。发生了过敏反 </t>
  </si>
  <si>
    <t>你母亲只是对头孢类过敏，不可能对所有的西药过敏，中药和西药本质上是没有区别的，而中药的杂质更多。抗生素有好多类，头孢类过敏，可以用大环内酯类或喹诺酮类。不过看你说的情况，你母亲应该去看医生的</t>
  </si>
  <si>
    <t xml:space="preserve">我的胃排空后饥饿感特强烈是怎么回事? </t>
  </si>
  <si>
    <t>如果你经常还没到吃饭的时候，肚子就饿的非常厉害。这可能是胃酸分泌过多，发展下去真的要得胃病了。我猜一下，可能你经常不吃早餐。（许多人都这样）如果是的话，要改掉这个坏习惯。一日三餐要准时，正常。晚上睡得太晚的话可以稍稍吃点东西。总之，胃这东西要靠你平时的保养。人道是：穷人没病就是福。祝你身体健康！</t>
  </si>
  <si>
    <t xml:space="preserve">万能的微博,求帮助!电脑没有光驱并且没有移动硬盘的情况下如何重装? </t>
  </si>
  <si>
    <t>您好，找一个外置光驱，或者使用U盘做一个PE启动盘即可</t>
  </si>
  <si>
    <t>【辛卯年清明节15</t>
  </si>
  <si>
    <t>【辛卯年清明节15-3】出句:牧归春山静【宁静致远】【辛卯年清明节15-3】对句:花谢柳院空【mei  mei】</t>
  </si>
  <si>
    <t xml:space="preserve">皮肤干燥缺少,该怎样保养呢?我今年34岁,皮肤是干性的,每天都很 </t>
  </si>
  <si>
    <t>有个既经济又有效的方法!你家有牛奶吧,买一打美容专用面膜纸,用牛奶将面膜纸浸透!将面膜纸敷在脸上,15-20分钟后取下!就可以拥有一张水灵的面孔,而且还可以美白,效果特好!PS:面膜纸必须一直保持牛奶湿润,干燥的话反而会吸走脸上的水份!</t>
  </si>
  <si>
    <t xml:space="preserve">为什么我点魔兽争霸里面的"局域网对战"时,就会死机也好象不是死机 </t>
  </si>
  <si>
    <t>看看有没防火强．．．有的话．关了，就差不多了</t>
  </si>
  <si>
    <t xml:space="preserve">二刀流是什么?谁能告诉我?二刀流是什么? </t>
  </si>
  <si>
    <t xml:space="preserve">就是一个人用两把武器 其实也不完全是两把武器2刀流这个武器只占用一个格子带上后双手都持有武器使用2刀流时致命爆破 强力攻击之类的技能都不能用了 有的职业有专门的2刀流技能 </t>
  </si>
  <si>
    <t xml:space="preserve">我想给宝宝做个成长日记，就是写日记用word打印出来好麻烦，大家? </t>
  </si>
  <si>
    <t>现在有很多妈咪都用微博来给自家宝宝做记录啦，还有很多专门以宝宝的口吻开的微博，就是为了记录，究其原因，就是因为现在可以做微博书，直接把微博的内容导入编辑器，就可以将对宝宝的详尽生活点滴印制成书，不仅能长时间的保存，还更美观，楼主也可以试试哟！我常用的那家就是涂书网。</t>
  </si>
  <si>
    <t xml:space="preserve">经常遗精会影响生育吗? </t>
  </si>
  <si>
    <t xml:space="preserve">遗精是无性交活动时的射精，约80%的未婚青年都有这种现象。健康青壮年在没有正常性生活时，2周左右遗精1次应认为是正常的。真正的病态性遗精是指一周数次或一夜数次遗精，清醒状态下因性意念发生遗精，或有正常性生活的情况下仍然经常遗精的状态。 偶尔遗精对生育没有什么影响，若频繁遗精并伴有阳痿或早泄者，常因精液质量下降或性功能障碍而造成不育。 </t>
  </si>
  <si>
    <t xml:space="preserve">什么是欧陆集团？ </t>
  </si>
  <si>
    <t>欧陆(Eurofins)集团创建于1987年，总部设在比利时布鲁塞尔，是全球领先的科学分析和检测检验机构  ______我是活雷锋，为人民服务！亲的好评是我前进的动力！</t>
  </si>
  <si>
    <t xml:space="preserve">请问清泉老师:000915000915山大华特8.3买入,横盘很 </t>
  </si>
  <si>
    <t>持有等待突破.</t>
  </si>
  <si>
    <t xml:space="preserve">大罗还是不是世界第一前锋？ </t>
  </si>
  <si>
    <t>　如果硬是要拿两个并不相同的且都是世界一流射手比较的话，那么无非是以下几个方面：荣誉，世界足坛的影响力，国家队的表现及成绩，所在俱乐部的成绩及球员对俱乐部的贡献以及球迷观众的认可度还有他们各自的技术特点。　　先说罗纳尔多，他三获世界先生，两次欧洲金球奖，在世界上的知名度和影响力无疑非常大，NIKE公司曾经在世界范围内做过一项时常调查，罗纳尔多的知名度仅排在教皇和美国总统小布什后屈居第三。这和他早期在巴萨无法用言语形容的神奇有很大关系。　　第二，罗纳尔多在国家队的表现几乎可以打到满分，94年虽一分钟没上但得到了世界冠军。98年世界杯挑上了大梁，但失足决赛。虽然失足决赛，但我们总体看罗纳尔多的表现仍然可圈可点，对摩洛哥，对智利以及半决赛对荷兰都有进球而且比较关键，那届世界杯罗纳尔多入选了最佳阵容，但人们只记住了决赛，这也是可以理解的，毕竟是世界杯决赛。一年后美洲杯上罗纳尔多再度发威，打进5球获得最佳射手，巴西取得了冠军。　　2002年的韩日就不说了，毫不夸张的说那是一届罗尼个人的世界杯。　　总体来说，罗纳尔多国家队无可争议的最好。　　第三，俱乐部表现。罗纳尔多来欧洲后在埃因霍温56场进55球！我曾看过罗纳尔多在埃因霍温时期的一部分进球，很多非常经典，堪比他在巴萨的进球。1996-1997在巴萨，37场进34球，整个欧洲为外星人折服。随后的1997-1999在国米51场进39球，记得罗纳尔多在国米第一个赛季的所有进球数就打破了意甲的历史记录。这中间的一段时期是罗纳尔多最痛苦，最坚强也是将快被人们遗忘的一段时间。　　这段时间赐予了罗纳尔多很多东西——我个人认为最大的就是他知道了什么叫做世态炎凉，什么叫人走茶凉。在受伤前可以说罗纳尔多是大红大紫，但受伤后赞助商停止了赞助合同，他的一些所谓朋友纷纷离去，以前对他趋炎附势的人渐渐不再。在罗纳尔多受伤期间只有齐达内去看过罗纳尔多，我想罗纳尔多最后转会皇马也和这件事有关吧，这些都让罗纳尔多成熟了，由一个大孩子真正成长为了一个男人。　　随后在国米的伤心泪以及与库珀的矛盾令他最终加盟皇马，02-03赛季在各项比赛中打进29球，其中联赛23球。03-04赛季30球，其中联赛24球，并且获得了西甲最佳射手。　　就其俱乐部的个人表现来说，罗纳尔多无疑捍卫了他的名字。　　第四，俱乐部的成绩。在这一点上罗纳尔多并非完美。在埃因霍温获得过荷兰杯赛冠军，但分量不足。1997年在巴萨时期获得了欧洲优胜者杯冠军。1998年在国米时期拿到过欧洲联盟杯冠军。2003年在皇马帮助皇马拿到了俱乐部历史上第29次联赛冠军。罗纳尔多表现突出，但这只是罗尼第一次联赛冠军，这也圆了罗纳尔多的联赛冠军梦。　　总体来说，相比罗尼的国家队成绩以及其个人荣誉，他的俱乐部成绩只能说是70分左右。　　第五，对俱乐部的贡献。虽然罗纳尔多没能为巴萨和国米拿到联赛冠军，但他对俱乐部的贡献不能一概抹杀，无论罗纳尔多走到哪，那家俱乐部就不必担心赞助商的合同，球场的上座率和俱乐部体育用品的经营以及俱乐部对外的联系了。在国米时期，罗纳尔多的工资是由NIKE公司发放的，而且NIKE公司与国米签定了长期的赞助合同，而罗纳尔多转会皇马后，NIKE公司立即终止了与国米的赞助合同，可见罗纳尔多的经济效应。　　第六，观众的认可度。兔牙，微笑是罗纳尔多的标志，巴西人天真烂漫，随意洒脱的个性使罗纳尔多从来不缺乏观众的认可，而罗纳尔多出色的竞技水平保证了罗纳尔多的观众源。　　第七，技术特点。罗纳尔多最大特点是动态技术好，启动速度快，爆发力极强，20，30米内的冲刺没有几个后卫能够挡住。最难能可贵的是，罗纳尔多并不缺乏阵地战技术，也就是静态技术。抢点不错，射门脚头也可以，另外，在前锋中，罗纳尔多的脚腕变向和变速能力很好，既有大力抽射也有巧妙的垫，兜，蹭射。但罗纳尔多抢点缺乏头球，这可能是他作为前锋的唯一弱点。　　罗纳尔多在七项评比中大部分可以打到优，只有俱乐部成绩上稍稍差强人意。　　综合评定：8.5　　然后我们来说说亨利。亨利在英超联赛中连续两年蝉联了英超最佳球员奖，目前如日中天。媒体，舆论一片赞誉之声，知名度方面通过这几年在英超的成功大有提升。　　第二，国家队表现。亨利在国家队获得了两次世界大赛的冠军，98年世界杯，2000年欧洲杯。但与罗纳尔多不同的是，两次冠军没有一次是亨利挑大梁，98年那届法国是通过顽强有序的防守获得了冠军，领衔者是齐达内，德尚，德约卡夫和图拉姆，德塞利还有那个幸运的光头巴特斯，98年的法国被称为没有前锋的球队，前锋线上领衔的是吉瓦尔什和杜加里，亨利和当时的摩纳哥队友特雷泽盖只是配角。2000年的法国正是舞者齐达内如日中天的时期，那时法国队前锋线上还有一个阿内尔卡，而当时的阿内尔卡名气和作用可以说比亨利大，亨利在那届欧洲杯上进球三个，表现还算不错。随后2002年世界杯本来应该是亨利发挥的舞台，但联赛后的疲乏和急噪的情绪影响了亨利的发挥，他在第二场对乌拉圭的比赛中被红牌罚下，早早结束了他噩梦般差劲的2002年世界杯。在英超中威风八面的亨利随后迎来了最好的证明他自己的机会“——2004年的葡萄牙之夏，但亨利并没有把握住机会，与齐达内风格的互不相溶导致亨利又一次做了一个噩梦。　　总体来说，亨利在国家队的表现不能让人信服。　　第三，俱乐部表现。亨利在摩纳哥时期虽然偶露锋芒，但整体表现并非很好94-98年四年半的摩纳哥生涯只打进了20个进球，平均一年只有4，5个进球。1997-1998赛季更是差劲，出场30次只进1球！！随后在1998-1999下半赛季转会到了意甲尤文图斯，出场16次打进3球，在尤文图斯期间的亨利更多被当作一个边锋来使用，没有发挥出作用，被尤文图斯视为鸡肋，在1999-2000赛季转到阿森纳，在温格的悉心调教和自己不断努力下，亨利在阿森纳真正爆发了出来，1999-2000赛季31场进17球，2000-2001出场35次有17个进球，2001-2002，2002-2003两个赛季分别贡献24个进球，2002年更是获得了英超冠军和英超最佳射手的双重荣誉。上个赛季亨利在英超中更是如日中天的一年，30个进球帮助他蝉联了英超最佳球员。　　亨利的职业生涯在摩纳哥和尤文图斯都不是很成功，但他在阿森纳2001-2004年期间绝对是世界极的表演。　　总体来说，亨利的俱乐部表现只在阿森纳表现辉煌，而其他两家俱乐部都只能算勉强合格。　　第四，俱乐部的成绩。1997年在摩纳哥获得过一次联赛冠军，2002年在阿森纳联赛冠军，2004年阿森纳以38轮不败再次登顶。总体看，亨利在阿森纳期间获得了成功，俱乐部成绩不错。　　第五，对俱乐部的贡献。97年摩纳哥冠军亨利并非挑大梁的人物，出场36次进了9个。阿森纳02年和04年的英超冠军亨利都居功至伟，分别有24个和30个联赛进球。在这一点上，亨利对阿森纳贡献非凡。　　第六，观众认可度。这一点亨利也很不错，在法国他是受欢迎较多的球员之一，在俱乐部更是受到了英国观众的喜爱，但就目前来看，在亚洲市场和非洲国家，亨利的名气和地位还不够高。　　第七，技术特点。亨利的爆发力和绝对速度也很不错，比较喜欢在左路活动，冲刺能力强。亨利还有一手绝活就是任意球，这也是他的得分手段之一。亨利有一米八八的身高，对于这么高脚下也能有这么细的球员来说是很难能可贵的，但有这么高的身高，亨利的头球却不是很好，腰腹力量不是很足。亨利更喜欢做一个突击手，迂回者，但却不是典型的禁区杀手，亨利喜欢走出去再打进来或者在左路距球门30米处等待启动。亨利的优点和弱点也都很突出。　　亨利在这七项评比中，俱乐部成绩无疑最好，个人荣誉上也不差。但国家队表现是其软肋，而且在俱乐部表现上来看，摩纳哥和尤文图斯的亨利只是边缘前锋，阿森纳的亨利才是异常出色的亨利。　　亨利有3-4项可以打到优，而其他3项只能说很勉强综上所诉，罗尼最行</t>
  </si>
  <si>
    <t xml:space="preserve">空调安装时外机有点倾斜 </t>
  </si>
  <si>
    <t>你好：——★〖空调安装时外机有点倾斜〗......应该说安装、施工人员太粗心了。空调安装时室外机有点倾斜，对制冷的影响是无关紧要的，只是影响美观而已。安装时需要注意的是，室外机是否牢固、散热空间是否通畅即可。</t>
  </si>
  <si>
    <t xml:space="preserve">请教《孤胆枪手2》的简易通关方法！RT，我曾用一晚上时间打到了异 </t>
  </si>
  <si>
    <t>最有用的秘籍，游戏画面直接输入stgod，身体全部技能和素质 ＋100 金钱 ＋50000 多输入几遍你就有足够的钱买高级武器和护甲了，通关很容易，但是就没什么乐趣了</t>
  </si>
  <si>
    <t xml:space="preserve">群刀在HD那里刷比较效率啊我没去过HD想问问.HD那里的怪多啊? </t>
  </si>
  <si>
    <t>防好能抗就刷4L,有2魔女和小怪,抗不了就刷2L也不错.</t>
  </si>
  <si>
    <t xml:space="preserve">激光冰点真空，哪种脱毛方式好，求推荐长沙专业安全的脱毛机构 </t>
  </si>
  <si>
    <t>这三种激光是比较好的哦！    长沙长海医院有专业的医生哦！    如果我的答案对你有用一定要点击有用哦，谢谢！</t>
  </si>
  <si>
    <t xml:space="preserve">包装工程专业的如果考公务员一般往哪方面走呢 </t>
  </si>
  <si>
    <t>海关、商检。</t>
  </si>
  <si>
    <t xml:space="preserve">左手背浮肿、发麻什么原因 </t>
  </si>
  <si>
    <t>指导意见：你好，引起手指发麻的原因很多：与心血管，神经，肩椎等疾病有关；首先应注意是不是存在颈椎病或腕管综合征.颈椎病压迫神经根有时会引起手指麻木等症状。建议去医院就诊,进行必要的检查,确定为何种原因引起的手指麻木,然后再采取有针对性的治疗方式.注意防寒保暖,不宜劳累.尽量少干活,尽量不沾凉水,活中需要注意饮食和锻炼。</t>
  </si>
  <si>
    <t xml:space="preserve">怎样订购下一年的邮票??有那些需要注意的事项?&amp;gt; </t>
  </si>
  <si>
    <t xml:space="preserve">预订是指集邮者对一年发行计划内邮票或邮品的预先订购，可自由选择预订品种。凡需要办理新邮预订的，可到就近邮政局办理申请手续，按预订的品种、数量预付全年的邮票、邮品款，年终结算，多退少补。预订下一年的邮票时间一般是在每年的10月底,11月初。详情注意查看邮局门前的公告或当地媒体刊登的消息。到10月底,11月初也可登录“中国邮政”网查看：  </t>
  </si>
  <si>
    <t xml:space="preserve">吸血兽决的价格？我们区是150点换130MHB，那普通吸血兽决要 </t>
  </si>
  <si>
    <t>按这个点卡价格来说，吸血已经过了最高需求期了，所以不能随着点卡上涨而长，应该和点卡110左右时的价格一样，180万左右（正常价格），我也见过卖150万的（点卡110W）。</t>
  </si>
  <si>
    <t xml:space="preserve">炒汇经验交流，大家在炒作时都用到哪些技术指标？ </t>
  </si>
  <si>
    <t>技术指标只是辅助我们分析、预测市场走势的方法，建议关注常用的几个（均线、RSI、KD）即可，简单即是有效</t>
  </si>
  <si>
    <t xml:space="preserve">5173帐户问题?请问,能不能把5173帐户里的钱都退出来,退到 </t>
  </si>
  <si>
    <t xml:space="preserve">尊敬的客户:    您好！5173客户服务040很高兴为您服务！请您选择“我要提现”，填写您要提现的金额并提交，我们会把钱转入您的银行卡上，工行15分钟后查收，农行和建行24小时后查收。如您的提现出现了问题，请您联系提现客服 帮您处理。刚充值的5173用户提现需要2天后才可以提现.感谢您对5173的支持!                                                                           </t>
  </si>
  <si>
    <t xml:space="preserve">剑士的问题一个优秀的剑（本人偏好高敏型的），应该怎样加点好？？选 </t>
  </si>
  <si>
    <t>高敏的定义在减敏PK不超过30，现在大多剑士的选择是大敏、满攻、其他血。不过现在魔力现况是血牛横行，满攻都秒不掉的血牛，即然出手秒不掉你就得考虑生存问题，高敏的基础上，再减50攻加在血上，这样保证了生存能力和理想的出手速度。而且攻比所谓的满攻剑同用高级乾坤、迅速的话伤害不会明显。。然后是技能，首先两戒没必要去学，只我们剑士自己技能都恨技能格子不够。崩击我学了，单P时，在迅速飞掉对方几次的话，对方有可能会防，这时候。没崩的话你会很郁闷！建议技能：迅速、乾坤、明镜（4~5级就好，练级用）、连击、崩击、圣盾、魔反、攻吸、其他格子自选。我学了气绝。这里明镜是练级用的。如果有钱的话。扔瓶子更好，还多出个格子学套子哩。</t>
  </si>
  <si>
    <t xml:space="preserve">怀孕了怎么办急！！！没有多少分但是很急我上次YJ是11月26日来 </t>
  </si>
  <si>
    <t xml:space="preserve">  我以一个妇科医生为你保证，至今因为做人流而得妇科病的是及少的。医院的器械都是经验高温无菌消毒的，甚至有传染病人的话我们会选择用环氧乙烷消毒，传染因该说是没有，甚至是不可能的  药流危险比较大，有流不尽的现象，而导致不孕。有很多人大出血，甚至发生失血性休克。 人流也不是没有危险，现在一般的医院都是无痛人流，10分钟就可以了，也不会痛，一般手术的同时也注射了缩宫素，促进子宫收缩，减少了感染，也减少了出血多的现象。。。但是人流也的危险在于，操作的不慎而导致在刮宫时戳穿子宫的可能，现在应用负压吸引器吸引有漏吸的可能。。  个人认为，人流好一点，最终选择还是有你决定。但一定要抓紧时间，胎儿越大应用流产的方式就不同，3个月以上只能引产，那和生孩子一样，所以尽快去。最好去大医院，正规医院，这样减少了感染的几率。 </t>
  </si>
  <si>
    <t xml:space="preserve">这眼睛小吗 </t>
  </si>
  <si>
    <t>是啊.但总比没有强吧.</t>
  </si>
  <si>
    <t xml:space="preserve">对刀点是指通过对刀与的基准点。 </t>
  </si>
  <si>
    <t>你是车工吗？还是镗工呢？再详细一点想问刀的中心高.还是切削前要先对一下刀.再用刻度进刀呢？</t>
  </si>
  <si>
    <t xml:space="preserve">生命徽章的冷却时间多长 </t>
  </si>
  <si>
    <t>生命为30分钟，6魔我忘了，好象是一小时，要不就是30分钟，这俩我都分解了</t>
  </si>
  <si>
    <t xml:space="preserve">问题.急！为什么我打开多个Excel关掉一个其他也会自动关掉？ </t>
  </si>
  <si>
    <t>你关的是程序，两个小X号，你关下面的那个。</t>
  </si>
  <si>
    <t xml:space="preserve">ARP包是什么 </t>
  </si>
  <si>
    <t>arp病毒清除方法 故障现象：机器以前可正常上网的，突然出现可认证，不能上网的现象（无法ping通网关），重启机器或在MSDOS窗口下运行命令ARP -d后，又可恢复上网一段时间。 故障原因：这 是APR病毒欺骗攻击造成的。引起问题的原因一般是由传奇外挂携带的ARP木马攻击。当在局域网内使用上述外挂时，外挂携带的病毒会将该机器的MAC地址映射到网关的IP地址上，向局域网内大量发送ARP包，从而致使同一网段地址内的其它机器误将其作为网关，这就是为什么掉线时内网是互通的，计算机却不能上网的原因。临时处理对策：步骤一. 在能上网时，进入MS-DOS窗口，输入命令：arp  a 查看网关IP对应的正确MAC地址，将其记录下来。 注：如果已经不能上网，则先运行一次命令arp  d将arp缓存中的内容删空，计算机可暂时恢复上网（攻击如果不停止的话），一旦能上网就立即将断掉（禁用网卡或拔掉网线），再运行arp  a。 步骤二. 如果已经有网关的正确MAC地址，在不能上网时，手工将网关IP和正确MAC绑定，可确保计算机不再被攻击影响。手工绑定可在MS-DOS窗口下运行以下命令： arp  s 网关IP 网关MAC 例如：假设计算机所处网段的网关为 ，本机地址为 在计算机上运行arp  a后输出如下： C:\Documents and Settings&gt;arp -a Interface:  --- 0x2 Internet Address Physical Address Type   00-01-02-03-04-05 dynamic其中00-01-02-03-04-05就是网关 对应的MAC地址，类型是动态（dynamic）的，因此是可被改变。被攻击后，再用该命令查看，就会发现该MAC已经被替换成攻击机器的MAC，如果大家希望能找出攻击机器，彻底根除攻击，可以在此时将该MAC记录下来，为以后查找做准备。 手工绑定的命令为： arp  s   00-01-02-03-04-05 绑定完，可再用arp  a查看arp缓存， C:\Documents and Settings&gt;arp -a Interface:   --- 0x2 Internet Address Physical Address Type   00-01-02-03-04-05 static 这时，类型变为静态（static），就不会再受攻击影响了。但是，需要说明的是，手工绑定在计算机关机重开机后就会失效，需要再绑定。所以，要彻底根除攻击，只有找出网段内被病毒感染的计算机，令其杀毒，方可解决。找出病毒计算机的方法： 如果已有病毒计算机的MAC地址，可使用NBTSCAN软件找出网段内与该MAC地址对应的IP，即病毒计算机的IP地址，然后可报告校网络中心对其进行查封。 NBTSCAN的使用方法：下载nbtscan.rar到硬盘后解压，然后将cygwin1.dll和nbtscan.exe两文件拷贝到c:\windows\system32(或system)下，进入MSDOS窗口就可以输入命令： nbtscan -r   （假设本机所处的网段是218.197.192，掩码是 ；实际使用该命令时，应将斜体字部分改为正确的网段） 。注：使用nbtscan时，有时因为有些计算机安装防火墙软件，nbtscan的输出不全，但在计算机的arp缓存中却能有所反应，所以使用nbtscan时，还可同时查看arp缓存，就能得到比较完全的网段内计算机IP与MAC的对应关系。补充一下： Anti ARP Sniffer 使用说明 一、功能说明: 使用Anti ARP Sniffer可以防止利用ARP技术进行数据包截取以及防止利用ARP技术发送地址冲突数据包。 二、使用说明：1、ARP欺骗： 填入网关IP地址，点击［获取网关mac地址］将会显示出网关的MAC地址。点击[自动防护]即可保护当前网卡与该网关的通信不会被第三方监听。 注意：如出现ARP欺骗提示，这说明攻击者发送了ARP欺骗数据包来获取网卡的数据包，如果您想追踪攻击来源请记住攻击者的MAC地址，利用MAC地址扫描器可以找出IP 对应的MAC地址。2、IP地址冲突 首先点击“恢复默认”然后点击“防护地址冲突”。 如频繁的出现IP地址冲突，这</t>
  </si>
  <si>
    <t xml:space="preserve">受气工人受领导气,是因为上班临时通知换班.因手机没有带在身边,不 </t>
  </si>
  <si>
    <t>不知道这个领导在单位算什么角色，如果是老板有点麻烦，如果只是部门负责任人，你不用怕他，和他理论。你是在不知情的情况下，是他随便改时间，这不是你的错。还有，你可以找单位工会，我想工会会主持公道的。还有，你在合同期内，只要不违犯企业的规章制度，不做有损企业形象的事，他们是没权解除合同的，因为错不在你。如果手机是单位提供给你的，而你没有接（手机没有带，这不是理由）这就是你的错。如果手机是你自己的，而不是单位提供给你的，你就完全有理由理论。</t>
  </si>
  <si>
    <t xml:space="preserve">我的文章分类怎么弄怎么分类 </t>
  </si>
  <si>
    <t>控制面板----&gt;BLOG文章分类管理(创建新的专集分类)-----&gt;返回BLOG文章管理(选中你要加入分类的文章)----&gt;点击上方工具栏中的  加入分类(选择你要加入的分类即可)</t>
  </si>
  <si>
    <t xml:space="preserve">木材鉴别我现在有一些木材，有的说是紫檀，有的说是红木，却没有一个 </t>
  </si>
  <si>
    <t xml:space="preserve">紫檀是非常名贵的木材。不同产地，不同树龄的紫檀木都有明显不同的的性状，所以光从照片是不能判断出来的。下面我找了一些资料，你可以根据一些资料的介绍，采用物理、化学的方法来进行鉴定。由于我的答案怎么修改也不能提交，总是提示有敏感...，所以请你去看我的另一答案的内容。 </t>
  </si>
  <si>
    <t xml:space="preserve">☆★■■■高二英语b■■■★☆☆★■■■高二英语■■■★☆题目看 </t>
  </si>
  <si>
    <t>DBCCB BABCA BCBDC过程要写太多字了,你可以看了答案之后具体哪道不会列出编号.</t>
  </si>
  <si>
    <t xml:space="preserve">语言任务收集的材料都是打哪些怪暴的啊还有在哪抽签啊(坐标)谢谢拉 </t>
  </si>
  <si>
    <t xml:space="preserve">怪物名称：★有刺的骨★                    等级：59 所属地图：深蓝                             坐标： 90,2500掉落道具：【带毛刺的鱼骨】,长鱼刺,带刺的鱼骨架,玛那石结晶,神秘果怪物名称：★饥饿的骨鱼★                    等级：60 所属地图：深蓝                             坐标：513 ,3310掉落道具：【粗壮的鱼骨】,粗大的鱼刺,粗壮的鱼骨架,陨石,复活叶怪物名称：★食腐骨鱼★                     等级：61 所属地图：魔女                            坐标：3828,3114 掉落道具：【腐烂的鱼骨】,腐烂的鱼刺,腐烂的骨架,水晶纯石,冰激凌怪物名称：★迅捷的暴风水母★               等级：63 所属地图：魔女                            坐标：3750,1275 掉落道具：【光亮的水母外皮】,强壮的水母触手,发光的暴风水母之心,生命晶石,神秘果签就在春风镇里的NPC算破天那5000一根卖  </t>
  </si>
  <si>
    <t xml:space="preserve">在公司交医保个人到底要交多少钱？我在公司有做社保、医保。我每年也 </t>
  </si>
  <si>
    <t>根据你的吸缴费基数，养老每月个人负担8%，大病2%+3元，失业俣险0.5%</t>
  </si>
  <si>
    <t xml:space="preserve">谁能告诉下魔界里各种资源的大概位置啊告诉下魔界里各种资源的大概位 </t>
  </si>
  <si>
    <t>1级资源，魔幻草、烈焰晶矿、硬木2级资源：烈火花、魔晶矿、胶质木在烈焰崖72.345就是地图最左边那个角上。3-4级资源在翼人营地正对中心的左侧。</t>
  </si>
  <si>
    <t xml:space="preserve">什么方法去痘最好_是我最近碰到的最倒霉的一件事了，成天就一个目标? </t>
  </si>
  <si>
    <t>冬天本身就比较容易长痘痘。这个一般是皮脂腺分泌旺盛导致的.多喝水,少吃高脂肪性食物,建议你一定要要禁烟 ,酒,辛辣食物.少用品.多用热水洗.一定注意不要挤压,否则是容易导致感染的可能,甚至发生危险啊.建议你口服葡萄糖酸锌,或者同时服用维生素b；可以试试以下方式：1,用VE,晚上睡觉的时候把VE涂在脸上,第二天早晨洗去即可!坚持几天,痘印会明显减轻的!2,用生姜片,把生姜片贴在脸上15-20分钟后洗去,坚持几次,痘印也会减轻的!3、建议您取一个生鸡蛋的蛋白，并和10克左右量的药用珍珠粉相混合。按照涂水洗面膜的方法，避开眼部和唇部，均匀涂在脸上4、　苹果：把新鲜苹果用搅拌机搅拌成浆状，涂在脸上30分钟，用盐水洗掉，不仅会感觉很清爽，而且可以使皮肤白嫩。坚持一个月，可以有效祛除雀斑和青春痘。5、西红柿：将西红柿去皮搅拌成糊状，用棉球取适量涂于面部，停留15－20分钟后用温水洗净，可以祛除脸部的多余油脂。6、香蕉：将香蕉肉搅拌成糊状均匀涂于面部20分钟后洗净，可以消炎杀菌，尤其适合长有青春痘的皮肤。7、芦荟蛋白：将芦荟果肉与蛋白、蜜糖混合在一起自制面膜，可以有效祛除青春痘。因为芦荟有消炎镇定的功能，蛋白可以清热解毒，而蜜糖中的维他命、葡萄糖、果糖则能滋润美白肌肤，并有杀菌、消毒、加速伤口愈合的作用</t>
  </si>
  <si>
    <t xml:space="preserve">女人的G点在哪？不要说什么子宫颈，我不懂！告诉我最快的识别方法 </t>
  </si>
  <si>
    <t>她的食指全伸进阴道刚好碰到的地方</t>
  </si>
  <si>
    <t xml:space="preserve">新生宝宝呕吐问题宝宝昨天晚上吃了奶粉，不到一小时就吐了，一共两次 </t>
  </si>
  <si>
    <t>宝宝的胃呈水平位,吃奶的时候又容易吃进大量的空气,因此新生的宝宝很容易呕吐,要解决很简单,在喂完奶后要把宝宝竖起来抱一会儿,让他的头靠在你的肩膀,轻轻地拍拍他的背,一般拍2-3分钟,让宝宝打个嗝,然后向右侧睡,这样可以减轻呕吐,这样的情况在宝宝六个月以后会逐渐好转的,不用担心,宝宝吃饱了才能安心睡觉,祝宝宝健康!</t>
  </si>
  <si>
    <t xml:space="preserve">山东黄金可以买吗？现价介入。谢谢！ </t>
  </si>
  <si>
    <t>一般情况下送了股的要整理很长时间，因为送股前都有拉高股价来送股，此价位不建议介入。</t>
  </si>
  <si>
    <t xml:space="preserve">镜子的原理是什么 </t>
  </si>
  <si>
    <t>我们之所以看到镜子中的物体，是因为当镜子被称为光子的光的微粒击中后将光子反射回来，一部分光子则到达并进入我们的眼睛。当光子碰到粗糙的表面时，它们会以杂乱无章的方式反弹出去，而当光子遭遇光滑的表面，譬如镜面时，他们只是以同一角度反弹出去，在这一角度它们击中了物体。这一现象的科学术语称为"反射"。并非所有的光滑的表面都能将光子反射到我们的眼睛，即使从技术上讲，它们是能以击中表面的同样的角度反射回来的。这一规则的例外产生的结果是：由于一些光滑的表面吸收了击中它们的光的微粒，所以就造成它们不能反射回来。</t>
  </si>
  <si>
    <t xml:space="preserve">保鲜膜能否用做液晶显示器保护膜 </t>
  </si>
  <si>
    <t>可以的。我看电视生活节目介绍，将薄膜贴在屏幕上防尘，以及贴在键盘上，防止水、食物屑掉进去。我现在就是这么做，一段时间撕掉换新的。</t>
  </si>
  <si>
    <t xml:space="preserve">阴茎长度怎样量才标准? </t>
  </si>
  <si>
    <t>人直立，JJ水平（用手托住），直尺一端抵紧JJ根部耻骨（在JJ根部上方），到JJ的最顶端的长度，就是JJ的标准长度。注意，如果量软的时候的长度，请不要拉伸JJ，软的时候长度变化较大，只有充分勃起时的长度基本上是一定的。应将耻骨上的软肉应压下去，否则长度不准，特别对胖子不能量到真正的长度。</t>
  </si>
  <si>
    <t xml:space="preserve">请解决啊！！！！！我的5173以前就是凭支付密码提现的，现在怎么 </t>
  </si>
  <si>
    <t xml:space="preserve">尊敬的客户:    您好！5173客户服务027很高兴为您服务！    如果您遗忘提示问题答案，请您填写“清空提示问题申请表”，客服会在24小时内给您回复。清空之后，请您使用注册时的邮箱找回支付密码。    清空提示问题步骤如下：请您登陆5173用户名,进入我的5173,选择左边任务栏中的“清空提示问题申请表”，客服会在24小时内给您回复。    找回支付密码步骤如下：请您进入我的5173，点击“修改支付密码”，忘了支付密码→输入您的用户名→填写您的邮箱地址，验证码输入后点申请取回，需要30到60分钟的时间才会发到您的邮箱里。    如需要帮助或投诉，请与我们客服中心联系，客服中心服务热线：0579-83225173 。真诚感谢您一如既往地对我们工作的大力支持与帮助!!!                          </t>
  </si>
  <si>
    <t xml:space="preserve">关于MP4我想请问各位朋友，MP4要下载FLASH或MTV之前， </t>
  </si>
  <si>
    <t>不需要啊,直接下载就好了.当然还可能是你机子里的应用软件没装完善,不妨全部删除后在从新装软件</t>
  </si>
  <si>
    <t xml:space="preserve">米3手机耳机插口进水了，系统一直显示有耳机插入，怎么办？ </t>
  </si>
  <si>
    <t>不要进行任何操作，赶紧送去维修，会对手机有影响的啊</t>
  </si>
  <si>
    <t xml:space="preserve">右腿膝盖酸痛我今年27岁，近半个月开始右腿膝盖缝里酸痛，每天早上 </t>
  </si>
  <si>
    <t>有点像风湿，青年人也有发生，建议早上空腹去医院抽血检查便可确认。</t>
  </si>
  <si>
    <t xml:space="preserve">浙江考生585分,报考你校是否有希望? </t>
  </si>
  <si>
    <t>根据往年的录取情况，介于边缘，请慎重报考。</t>
  </si>
  <si>
    <t xml:space="preserve">为什么我的E.F盘打不开了我的硬盘怎么就打不开了呢,E.F盘的属 </t>
  </si>
  <si>
    <t>建议用分区魔术师检查一下分区表，看看有没有问题。如果有问题的话，用它修复一下分区表。</t>
  </si>
  <si>
    <t xml:space="preserve">第一次注意什么?什么样的ML姿势最容易受孕 </t>
  </si>
  <si>
    <t>男上女下，或男后位，都比较适合受孕，不过要注意前戏，更要注意卫生哦，祝你早日成功不要忘记通知我吃喜糖哦。</t>
  </si>
  <si>
    <t xml:space="preserve">文章发表后，圈子无法显示？我发完文章后，已经投稿到圈子里了，可是 </t>
  </si>
  <si>
    <t xml:space="preserve">您好，这个是由于目前服务器不稳定导致，如果怀疑技术问题，联系 </t>
  </si>
  <si>
    <t xml:space="preserve">秋冬季节身体如何保健？ </t>
  </si>
  <si>
    <t>"秋冬来临，季节交替，气候多变，尤其是经常有冷空气来袭，大气环流的峰面活动频繁，是许多慢性疾病的诱发因素。应注意日常保健，预防疾病发生。特别是暖足，一般人都用暖足贴。暖足贴：超薄柔软,粘揭方便,发热及时,控温持久,舒适安全。采用消臭、抗菌无纺布粘贴于袜子上,温暖足底,会促进血液循环,迅速温暖全身。不过一般的保健行很少有卖，所以都是在网上购买的，建议去象象网看下。哪里有很多秋冬保健品。"</t>
  </si>
  <si>
    <t xml:space="preserve">请问蓝ＳＬＭ加什么好？练蓝ＳＬＭ好还是黄ＳＬＭ好？请大家给个建意 </t>
  </si>
  <si>
    <t>蓝色嘛，反正我加的是血，暴了就加防。呵呵</t>
  </si>
  <si>
    <t xml:space="preserve">不懂装懂的后果嫦娥将天蓬调戏他的事告到了玉帝处。玉帝问太白金星： </t>
  </si>
  <si>
    <t>得亏玉帝不懂装懂。。。否则老猪冤死都不知是咋死的。。。太白金星咋那样吖。。。</t>
  </si>
  <si>
    <t xml:space="preserve">脂肪肝传染吗脂肪肝会不会传染啊.最近体检查出我得了脂肪肝,但是之 </t>
  </si>
  <si>
    <t>不会传染请放心。</t>
  </si>
  <si>
    <t xml:space="preserve">越剧红楼梦片尾曲 </t>
  </si>
  <si>
    <t xml:space="preserve">歌词:红雨消残花外斜,黄粱熟透韶华尽,空念着镜里恩情,梦中功名,却不知大厦一朝倾,叹人间荣华多几时,何时忘之盈盈 倚风长啸,栏杆拍遍,叹人寰中消长谁定,把沧桑话尽,共一江春水潮起潮平 参看 </t>
  </si>
  <si>
    <t xml:space="preserve">有用过普特彼治疗湿疹的吗，今天去医院看面部湿疹了，医生开了普特彼? </t>
  </si>
  <si>
    <t>这是一个比较好的皮肤病药，按理说不会出现这样的反应，是不是用量太大?</t>
  </si>
  <si>
    <t xml:space="preserve">为何说基本面预期为王？szm7769朋友,这里先交流一下我自己的 </t>
  </si>
  <si>
    <t>谢谢肥猫学长.</t>
  </si>
  <si>
    <t xml:space="preserve">用什么软件可以画3D直线用什么软件可以画空间图形在3D坐标系中的 </t>
  </si>
  <si>
    <t>proe、solidworks、ug、cad等软件都可以画的</t>
  </si>
  <si>
    <t xml:space="preserve">易建联有可能步姚明后尘吗？ </t>
  </si>
  <si>
    <t>会的，只是时间而已，不比姚差。</t>
  </si>
  <si>
    <t xml:space="preserve">怎样修改个人信息 </t>
  </si>
  <si>
    <t>怎样修改个人资料    方法一、改博客“昵称”等   1、登录新浪自己博客   2、点首页“博客管理”   3、点“BLOG信息设置”，   4、点“个人基本信息”，改“昵称”或“头象”   5、点“BLOG基本信息”，改BLOG名称是或有关设置，最后“确定”。      方法二、改“密码”等   1、点首页“我的圈子”   2、点“个人资料”就可以对“头象”“密码”“博客名称”     “个人简介”“邀请设置”等进行修改，最后“确定”。     方法三、换头像图片等     将要上传的图片保存在“图片珍藏”，点头象下面的“浏览”，在显示的“图片珍藏”处确定要上传的图片，点“打开”，图片就传上去了，“确定”即可。     如果当时没有更换，是有延迟反应，多等点时间一定会的。</t>
  </si>
  <si>
    <t xml:space="preserve">四级成绩是不是非要考60分才过啊，60分是卷面分还是按排名划线的? </t>
  </si>
  <si>
    <t>卷面一般55分左右过 是按比例的有一个很详细的计算方法只记得85分大概是达到6所著名高校(清华\北大\西交大~~等)的85%的水平所以你得到的分数是经过换算的不是卷面成绩</t>
  </si>
  <si>
    <t xml:space="preserve">火映烈阳套装86怎么弄 </t>
  </si>
  <si>
    <t>装备还是穿手工打造的拉~你说的那个是套装拉,应该很少人穿</t>
  </si>
  <si>
    <t xml:space="preserve">歌名是?张学友的一首歌,急啊?没狼,没浪,没浪,没浪...... </t>
  </si>
  <si>
    <t>Corazon de melao</t>
  </si>
  <si>
    <t xml:space="preserve">我怎么找不到投票的地儿？ </t>
  </si>
  <si>
    <t>如果要投票,点击"问题排排行榜"中的"最新投票问题",就可看到.如果要查看自己的投票情况,点击"个人中心"右边的"我投票过的问题",就可看到.</t>
  </si>
  <si>
    <t xml:space="preserve">现在的小学教育都已经提倡素质教育,但是应试仍然存在,我想知道中国? </t>
  </si>
  <si>
    <t>1.小学推行素质教育,但下游没有打通.小学生到了高年级,一样要为升学而忙2.什么是素质教育并不明确.因此小学生除了学校课堂上的东西,又不得不去学所谓的素质教育的内容,比如琴棋书画,反而加重了学生的负担3.小学区域性质量不均衡的现象非常严重,人为地为学校乱收费提供了基础,其基础还是小升初的不合理.</t>
  </si>
  <si>
    <t xml:space="preserve">为什么一直中断更新?~我急死了~~快帮我解决一下选区了,然后点游 </t>
  </si>
  <si>
    <t>你下载的是内测版本。。要下载新的客户端就行了。/。。。</t>
  </si>
  <si>
    <t xml:space="preserve">治静脉曲张国内什么医院最好？我是一名教师，在教师岗位工作了20多 </t>
  </si>
  <si>
    <t>这位朋友，你不要急，我听说一家医院治疗静脉曲张挺好的，是上海海淞医院，它是部队医院，而且是二级甲等非营利性医院，我也有一个教师朋友和你差不多的症状，后来去那治疗治好了，完全没什么痛苦，你有空去看看，他们的地址：上海市宝山区淞宝路196号(吴淞客运中心向东200米)和电话：021-56568363。希望你早日康复。</t>
  </si>
  <si>
    <t xml:space="preserve">小儿积食怎么办我家儿子20个月了，一月积食有3~4次。饭量也不大 </t>
  </si>
  <si>
    <t>平时要少食多餐，宝宝不想吃不要勉强，尽量吃些容易消化的食物，少荤多素，还可以给宝宝吃点健胃消食片。严重的话要看医生哦！</t>
  </si>
  <si>
    <t xml:space="preserve">为什么鸡喜欢吃泡沫我家三只小鸡特别喜欢吃泡沫，每天都吃好多 </t>
  </si>
  <si>
    <t>好奇吧可能。。</t>
  </si>
  <si>
    <t xml:space="preserve">2006F1规则 </t>
  </si>
  <si>
    <t>FIA世界运动委员会(WMSC)于10月26日集会讨论2006年F1新规则，会中针对轮胎规则与排位赛制度作出决议。 轮胎在轮胎方面将恢复比赛换胎制，每位车手在每场GP赛事中最多可使用7套干胎。排位赛与决赛所使用的轮胎需为相同规格。决赛中允许车手在任何时候进行换胎。 排位赛新的排位赛将采取淘汰制，所有车均可下场，前15分钟为第一阶段，成绩最慢的5部车不得参加下一阶段15分钟的测时，这5部车在决赛中将排在16-20顺位出发。剩下的15部车可参加第二阶段15分钟的测时，成绩最慢的5部车将排在11-15顺位出发。剩下的10部车将参加第三阶段20分钟的测时，来决定决赛前10位的出发顺位，成绩最快者为竿位。 倘若场上有22位车手参与排位，则比赛开始的30分钟内，每15分钟刷下最慢的6辆赛车，最后留下10位车手竞争竿位。若有24位车手参赛，则前30分钟将淘汰12位车手，而由其余的12位车手参与最后阶段的竞争。  排位赛的前40分钟，所有车辆可以于任何时间进行加油。前两阶段被淘汰的赛车在决赛Pitlane开放前，都可以加油。参加最后20分钟排位赛的车辆必须搭载比赛油量出场，在这20分钟内所消耗的油量可以在决赛前补回。排位赛结束后，所有赛车一律于parc ferme验车区等候，直至决赛开始前；期间不得更换轮胎，也不允许补充油量。     至于日前FIA所公布，预定于2008年实施的双尾翼设计、光头胎及单一轮胎供货商规定，将在今年12月底前由F1所有技术团队表决，若得到超过八成的同意后，可望提早于2007年实施。</t>
  </si>
  <si>
    <t xml:space="preserve">求“手柄新式”的详细键位（组合）操作说明急求“手柄新式”的详细键 </t>
  </si>
  <si>
    <t>这个要问官方   我研究出来的就是跑位是按换人键，协防是射门键，低平球是按大传两次或者更多，其他的没研究出来</t>
  </si>
  <si>
    <t xml:space="preserve">产后适合饮果汁吗?适合饮用什么果汁?坐月子期间适合适合饮果汁吗? </t>
  </si>
  <si>
    <t>自己在家可以鲜榨果汁喝，又健康又有营养。榨好了果汁可以兑一点温水再喝。对身体很好的。</t>
  </si>
  <si>
    <t xml:space="preserve">宣萱和吴镇宇主演的电视剧《生命有明天》好看吗？？？给出理由哦~~? </t>
  </si>
  <si>
    <t>觉得挺好看的，有些情节挺震憾人心的，看他们在手术台上，有种身临其境的感觉，犹如在战场上一样扣人心弦！！</t>
  </si>
  <si>
    <t xml:space="preserve">高手请进请问黄金是怎么得到的？还有以后真黄金是黄金的几倍属性最后 </t>
  </si>
  <si>
    <t>黄金装备可以去打  但是很难   上次我和朋友些去打全3转   只打死一个 就没下文了   真黄金还不清楚    你也可以 合 黄金  月光宝盒里面有介绍</t>
  </si>
  <si>
    <t xml:space="preserve">这配置能开全效果吗?华硕笔记本:3G内存(原来是1G进沙城声音都 </t>
  </si>
  <si>
    <t>建议不要全开，死亡阴影，反光。。。什么的就算了，但法术效果一定要开，不然没意思。笔记本全开很伤散热器的，声音还是开吧，不然没氛围。。。</t>
  </si>
  <si>
    <t xml:space="preserve">物质A（C11H18）是一种不饱和烃，它广泛存在于自然界中，也是? </t>
  </si>
  <si>
    <t>1. D就是将A中的碳碳双键断开，然后那两个碳上各接上一个双键氧，变成酮，这个分子就是二酮了。A的其他部分不变。2. 我觉得原作想得到旋光纯的环醚，就是利用+HBr和-HBr来拆分A，因为A本身是两个旋光异构体的混合物。</t>
  </si>
  <si>
    <t>这个能卖出去吗？</t>
  </si>
  <si>
    <t>能卖8~10个E，应该能卖出去。但需要时间。</t>
  </si>
  <si>
    <t xml:space="preserve">得了白癜风应该注意什么？接受怎么样的治疗？ </t>
  </si>
  <si>
    <t>到正规医院接受治疗，同时做好相应的护理。如果确诊了白癜风，一定要到正规专业的医院进行治疗，日常生活中应注意合理膳食，保持积极乐观的心态，才能早日恢复健康。对于白癜风患者来说，其治病心切的心情是可以理解的，但是患者一定要保持冷静的心态，正视自身的病情，只有积极地进行治疗，同时辅以良好的保健，将治疗与保健相结合起来，才能够更好的治愈病情，早日恢复健康。注意选择一个正规的白癜风医院。对白癜风患者来说，千万不可以抱着侥幸的心态，一定要用科学的、合理的白癜风的治疗方法进行白癜风的治疗，同时，要注意平时的护理，白癜风是一种顽固的皮肤疾病，对于白癜风的治疗一定不可以大意。坚持长期治疗。我们知道，白癜风的一种顽固性疾病，需要患者打持久战，患者千万不要心急，这样会使得患者的病情变得更加的严重，患者只有坚持治疗，才能使得白癜风患者的病情尽快康复。</t>
  </si>
  <si>
    <t xml:space="preserve">什么是填权? </t>
  </si>
  <si>
    <t>股票除权后，在二级市场会自动除权，这样股价因送股、配股、分红造成股价降低到另一个价格。此后股价逐步攀升，即为添权，回归至除权前价格为添满权。如除权后在降低到另一价格后股价下跌，即为贴权</t>
  </si>
  <si>
    <t xml:space="preserve">风热感冒咳嗽吃什么药好 </t>
  </si>
  <si>
    <t>风寒感冒症状可见：恶寒重、发热轻、无汗、头痛身痛、鼻塞流清涕、咳嗽吐稀白痰、口不渴或渴喜热饮、苔薄白 ：葱根2-3、葱白5节、淡豆豉9克、生姜3片，水煎分三次服用.风热感冒症状表现为发热重、微恶风、头胀痛、有汗、咽喉红肿疼痛、咳嗽、痰粘或黄、鼻塞黄涕、口渴喜饮、舌尖边红、苔薄白微黄：薄荷3克、芦根30克、板兰根15克、生甘草6克</t>
  </si>
  <si>
    <t xml:space="preserve">怀孕白带会变多吗怀孕白带会变多吗怀孕白带会变多吗 </t>
  </si>
  <si>
    <t>怀孕的初期白带稍微多一点，那是正常的，但是不能以白带增多作为诊断是否怀孕的依据。是否怀孕首先是停经，也就是说有正常的性生活而没有采取有效的避孕措施，到应该来月经的时候没有按时来，可以作早孕检查，如果早孕检查为阳性那就需要做B超检查确定是否为子宫内怀孕。如果是意外怀孕可以选择人流或药流终止妊娠。</t>
  </si>
  <si>
    <t xml:space="preserve">狗狗的胆量有多大？ </t>
  </si>
  <si>
    <t>别侮辱狗狗  要是他的主人好了他会赖吗？？要看狗狗对谁了 对他的主人就算赔了性命也没关系</t>
  </si>
  <si>
    <t xml:space="preserve">现在香港歌坛正走向衰退，是什么原因造成的呢？ </t>
  </si>
  <si>
    <t>唱片公司及歌手不专心做音乐，其他商业活动较多盗版泛滥实力歌手正逐步隐退</t>
  </si>
  <si>
    <t xml:space="preserve">新建企业网站如何在网络世界里进行宣传？应注意那些事项？我新做的企 </t>
  </si>
  <si>
    <t xml:space="preserve">我新做的企业网站无法在搜索中找到，以前做的网站在搜索中找到的连接是错误的，请问这是为什么？答：每个搜索引擎都会自动收录互联网中的网页，目前你所看到的链接是以前网站的痕迹，如果地址有变动的话，搜索引擎更新不即时就会出现你上面的问题。现在的搜索还需要申请吗？如何在网上进行推广宣传？答：可以重新登录搜索引擎。如果想要效果好的推广话建议还是做些付费的推广。国内推广推荐：BAIDU，3721海外推广：GOOGLE，YAHOO国际贸易：阿里巴巴，GOOGLE，YAHOO相关的行业网站效果也不错喔欢迎联系深圳纵横网络 </t>
  </si>
  <si>
    <t xml:space="preserve">福州有什么山珍``是山珍``是在山上的``知道的都说出来 </t>
  </si>
  <si>
    <t>在永泰那边很多山珍的，我经常同朋友去永泰吃山珍类，很多菌类，永泰特产红菇，补血的！还有山犄，什么什么的，都说不上来勒，总之永泰那一带很多哟！！</t>
  </si>
  <si>
    <t xml:space="preserve">小孩脸上老出黑(点)痣是怎么回事?我家小姑娘今年7岁，在去年的时 </t>
  </si>
  <si>
    <t>相同问题，关注。</t>
  </si>
  <si>
    <t xml:space="preserve">皇家社会今天不比吗？ </t>
  </si>
  <si>
    <t>不比 明天晚上才开赛</t>
  </si>
  <si>
    <t xml:space="preserve">ROLL框没了和朋友打BOSS,掉了我要的装备,突然发现以前在屏 </t>
  </si>
  <si>
    <t>首先你确定是不是你已经有那件唯一的装备了，如果有了的话ROLL点框是没有的。然后你去看一下INTERFACE文件夹里是不是有类似PassLoot ，teksLoot等带有“LOOT"或者"roll"字眼的插件（atlasloot不算，这是看掉落的插件）有的话把它移除再看看会不会好</t>
  </si>
  <si>
    <t xml:space="preserve">153期任九单图任九 </t>
  </si>
  <si>
    <t>一点性格都没有的单子，中了也不稀罕！</t>
  </si>
  <si>
    <t xml:space="preserve">关于宝宝喝奶的问题我家的宝宝三个月大了她喝的是配方奶粉。如果不是 </t>
  </si>
  <si>
    <t>如果宝宝2个小时左右要吃一次奶，就说明上一次没吃饱，吃饱的话就可以坚持3-4个小时的，可以给他加量。如果宝宝晚上睡觉不醒就不用叫醒他吃奶的，因为3个月的宝宝可以坚持很长时间不吃奶的，我家皮皮从2个月就能一下睡7个小时不吃奶了。如果老叫醒他吃奶会养成他吃夜奶的习惯，对他睡眠夜不好。</t>
  </si>
  <si>
    <t xml:space="preserve">跪求晨光麦的秘密第一步在暴风那接那为大哥能告诉晨光麦的秘密在暴风 </t>
  </si>
  <si>
    <t>羽月要塞最高的建筑里接，该建筑格局和DNSS里大D所在建筑一样。该任务用来提升精灵的声望，大D给的任务也是可以提升声望。做2者任意哪种都可以。不过还是捐布来的快。资料片来临在即，已经没有必要刷其他种族的坐骑了。</t>
  </si>
  <si>
    <t xml:space="preserve">关于哈尔滨卖打口碟,打口带?我听学长说以前师大那头有家专门卖打口 </t>
  </si>
  <si>
    <t>好象现在还有再找找吧，你往32中那面找，居民区里也看看~~~~</t>
  </si>
  <si>
    <t xml:space="preserve">我觉得自己开车有点犹豫,怎么办?我开车直走的时候总是看后面有没有 </t>
  </si>
  <si>
    <t>开车最基本的准则就是：让速不让道。</t>
  </si>
  <si>
    <t xml:space="preserve">预言家的嘴该怎么个叫法？对不好事情预言准，往往被斥之为“乌鸦嘴” </t>
  </si>
  <si>
    <t>应该叫“喜鹊嘴”。。。。。</t>
  </si>
  <si>
    <t xml:space="preserve">难道爱问知识人里的人都不会写推理小说了吗？恳请哪位好心人能将这个 </t>
  </si>
  <si>
    <t>忒黑了简直黑手（党）</t>
  </si>
  <si>
    <t xml:space="preserve">低压开关电器中常用的除闸刀开关、转换开关外还应该有？是填空题来的 </t>
  </si>
  <si>
    <t>断路器这是用得最普遍最多的</t>
  </si>
  <si>
    <t xml:space="preserve">我想问一下彩色宝珠是作来干嘛的？ </t>
  </si>
  <si>
    <t>彩色宝珠是生产一些高级装备的必要原材料，比如：绣花鞋、朱雀盔甲、虎眼石指环、素展鸣尊腰带等装备就需要彩色宝珠这种原材料才能生产。彩色宝珠在不同的服务器里的价格是不一样的，1Q1F的目前市场行情价格大约是8万/颗。</t>
  </si>
  <si>
    <t xml:space="preserve">球员的续约费是怎样计算的我现在弄了套黑卡，8球星，为什么每个球员 </t>
  </si>
  <si>
    <t>是根据球队里1400 1500+的球员的数量来计算的球队里每多一个1400 或1500的球员续约费就会上涨当然  球员卡加成的能力值不算</t>
  </si>
  <si>
    <t xml:space="preserve">请问圣骑士如何配点最近开了个圣骑士，可是我也是刚接触这个游戏，请 </t>
  </si>
  <si>
    <t>听说是5级出1级魔法。反正我3级还是么得，只有靠圣疗，可怜啊。顺便说1下+点和定位的问题（剑盾/双手），isuki的加点属于标准的剑盾型，专长就该以防御豁免辅助为主，猛力可改为盾精或健壮，QS的定位很难两全4个天赋中2个（+防/+全豁免）不能不加，不+你的圣光有什么用？没圣光还叫SQ？剩下的好天赋也就是职业行动力，3次圣疗，5次破邪，还有个+全豁免的名字忘了，职业行动力为攻击/豁免/防御，不能不+吧，圣疗不+休息间隔只能用1次，不能+血的圣骑有多郁闷。5次破邪也为间隔次数的提高，SQ最高攻击手段，连5攻击N牛，选双手的必然选择，不+就=没攻击了。主要还是看你自己的定位问题。辅/攻不能两全，+点天赋专长都是都要相映的改变1条路走到底，切忌想要全能，全能的只会是垃圾。</t>
  </si>
  <si>
    <t xml:space="preserve">左胸痛左胸上部有隐痛酸胀感一年余,近期加剧,有时早上十点后全身有 </t>
  </si>
  <si>
    <t>左胸上部有隐痛酸胀感，近期加剧，心肺拍片及CT检查正常，建议你做心电图和心脏彩超，了解心肌的病变及心脏瓣膜有无病变或心肌传导系统情况，如果都正常请找神经内科医生。</t>
  </si>
  <si>
    <t xml:space="preserve">关于完美完美世界人物的等级上限还会提升吗？终于到一百了练的累死了 </t>
  </si>
  <si>
    <t>一个不幸的消息要告诉你：有可能会提升，但具体什么时间开放更高的级别现在还不知道，但可以肯定是绝对会开放的。</t>
  </si>
  <si>
    <t xml:space="preserve">姜茶怎样做的?姜,黄豆,花生,黑芝麻,红糖,一起煮茶喝行不行?有 </t>
  </si>
  <si>
    <t>姜茶就是姜末加红糖一起煮，可加些黄酒，不用放黄豆、芝麻那些东西，有活血驱寒功效。可治女子痛经，受风寒等。</t>
  </si>
  <si>
    <t xml:space="preserve">求助　是关于我的人生道路我要报考中专　是汕头一所学校　叫＂林百欣 </t>
  </si>
  <si>
    <t>你为什么要保中专呢？要知道，现在中专的文凭已经不够用了，再说你还不了解这所学校。现在骗人的太多了，即使不骗人，不说出真正的事情也是够烦的。我觉得你为什么不在努力一次，好好学一年，考个好稿中，再考个好大学。我个人觉得，作为现代的年轻人，一定要体验一下大学的生活，那样的人生才完整的。不然，是否会后悔，我就不知道了，但是，我知道，一旦走上工作岗位，再想学习就难了，趁现在，还没忘，还有精力，再是一次吧！其实，初中那点东西，很简单的，一年的时间足够学得很好了！只要你有恒心，有耐力，有目标，就一定能成功！我觉得，一个人的人生一定要活得有意义，要做有挑战的事情，否则都对不起来这是上走这一遭。不要为了眼前的利益，或一时懒惰，而让自己后悔莫及。这只是我个人的一点建议。不过，不好意思，说了这么一大堆，也没有回答你的问题，你说的那所学校，我不大了解，不过你为什么不在网上查一查呢？艘一下看看，不过，不要完全的相信。因为国家有规定，使得的夸张是允许的，但是这对一点都不知情的我们来说，并不是件好事。祝你好运！</t>
  </si>
  <si>
    <t xml:space="preserve">弥漫性肝癌是介入还是靶向更合适？老母亲71岁，一周前右腹部胸部及 </t>
  </si>
  <si>
    <t>弥漫性肝癌也可行介入治疗，介入化疗，根据影像学表现，如果病灶不多的话能行栓塞治疗。至于靶向治疗，不管做不做介入都可行靶向治疗，但靶向治疗副作用不小，个体差异也大，要衡量得失。</t>
  </si>
  <si>
    <t xml:space="preserve">副乳可以修正吗？我两侧腋窝下都有副乳，以前以为是淋巴有点大，后来 </t>
  </si>
  <si>
    <t>一般情况都是可以通过微创方法手术的，建议面诊一下</t>
  </si>
  <si>
    <t xml:space="preserve">输入例句：仙三外装不起我是两张盘的，装完后点击游戏图标提示我有个 </t>
  </si>
  <si>
    <t>如果重装没用，那还是重买吧。</t>
  </si>
  <si>
    <t>请问1</t>
  </si>
  <si>
    <t>1-8的双14高级狙击枪1.8亿，、双14高级德州4亿左右、双14高级雷鸣吨6-7亿</t>
  </si>
  <si>
    <t xml:space="preserve">歼十战机有两个飞行员分别干什么。歼十战机上有两个飞行员驾驶着，他 </t>
  </si>
  <si>
    <t>你说的是歼-10S双座版本的型号，歼-10A是单座型。歼-10S前后都是驾驶员座椅，但是划分为平时和战时两个用途——平时，歼-10S可以作为歼-10A的配套高级训练机，这时候，前座是驾驶学员、后座是教练员；战时，歼-10S可以作为多功能战斗机使用，这时候，前座是驾驶员、后座是副驾驶兼武器操作手，二者分工合作，能够完成一些单座机驾驶员无法独自完成的任务。</t>
  </si>
  <si>
    <t xml:space="preserve">孔子、孟子和老子的故事……………孔子孟子老子去一农家喝酒、三人同 </t>
  </si>
  <si>
    <t>不用说，肯定是猪老子干的~~~</t>
  </si>
  <si>
    <t xml:space="preserve">便血肚子咕噜放屁很臭前几天大便一直不成形，两天前突然便血，这两天 </t>
  </si>
  <si>
    <t>建议去医院看看 有可能是其他疾病引起的··</t>
  </si>
  <si>
    <t xml:space="preserve">600260凯乐科技后市如何操作11.5买进.后市有机会解套吗? </t>
  </si>
  <si>
    <t>股要炒不能捂，做波段，高抛低吸，自己解放自己才行，守株待兔，解套的希望不大。</t>
  </si>
  <si>
    <t xml:space="preserve">手、脸部痒是不是过敏吖？手部、脸部时常感觉很痒，有时脸部会长一颗 </t>
  </si>
  <si>
    <t>你到超市购买药皂或硫磺皂。热水浸泡或充分湿润皮肤以后再使用这些香皂 反复擦3到5分钟 然后冲洗会有效果。</t>
  </si>
  <si>
    <t xml:space="preserve">孩子用激素药究竟有什么影响啊？我们家孩子身上起了好多小红疙瘩，而 </t>
  </si>
  <si>
    <t>激素类药有很多副作用，轻者出现皮肤赤红、触痛、瘙痒、裂口、脱屑，甚至致发生脓疱等。长期使用还会产生依赖性，致使皮肤变薄、脆弱、萎缩、毛细血管扩张、出现紫癜、真菌感染、痤疮样皮炎等，还可出现轻度多毛、多汗、皮下出血和伤口愈合困难等。而且，激素类药对身体有很强的依赖性，容易形成激素依赖性皮炎，给身体造成更大的伤害。</t>
  </si>
  <si>
    <t xml:space="preserve">唐装的特点起源,面料,图案,样式. </t>
  </si>
  <si>
    <t>唐装一词,自2001APEC会议装采用唐装后,在中国被广为所知,但是中国人往往第一反应是唐朝式样的(参见汉服条),但是,目前的唐装是由清朝满族式样的服饰改良过来的,特点是立领对襟连袖盘扣特点,这些特点实际就是清朝时期中国服装的特点,当时中国很多民族的服饰也都受满族服饰的影响,有这些特点,上海博物馆少数民族服饰馆的第一件展品---赫哲族的民族服装,外观与2001apec会议装一模一样。现在,很多人认为,唐装的提法应该是一个总称,概括中国的主流民族服饰,不只是2001apec会议装的样式，还应该包括汉服的样式，因为汉服是中国汉族明朝灭亡以前的服饰，传承了近4000年，因为清初的“易服剃发”令，才非正常消亡。另外，也有很多人认为，现在的中国主流特点服饰就是2001apec会议装的样式，汉服已经消亡成为了历史，不应再费心去恢复，而是吸收其中的民族要素，在现代服饰中使其发扬，目前，确实有很多女式服装采用了传统汉服的要素唐装的祖先是秦代马褂，从边开叉、滚金边、立领等细微处仍可寻找到绸缎马褂的芳迹。时髦的唐装有“三镶三滚”、“五镶五滚”、“七镶七滚”的区别，下摆与大襟上还有水钻盘的梅花、菊花，袖口有镂空挖出的福寿字样。唐装最大的优点是用料节省，面料也不拘一格，锦缎、纱绉、呢绒、蓝印布均可。    唐装的款式有五大特点。立领，上衣前中心开口，立式领型；连袖，即袖子和衣服整体没有接缝，以平面裁剪为主；对襟，也可以是斜襟；直角扣，即盘扣，扣子由纽结和纽袢两部分组成；面料，主要使用织锦缎面料。     虽然味道尤存，但如今的唐装吸收了外来洋装的精华，改变了以往古板的样式，斜襟、夹克式、掐腰的款式层出不穷，成了传统和现代的结合品，既吸取了传统服装富有文化韵味的款式和面料，又吸取了西式服装立体剪裁的优势，使古老的唐装重新登上了时尚舞台，成了街头一道新的风景。男式唐装之选购注意篇    面料：绸缎、丝、麻、粗呢。    选购时需注意：    1、挑选面料时，要结合自身的气质进行选择。因为适合年轻和年老的男式唐装的款式和面料都是不同的，年轻人应以选择绸缎、丝织面料为佳。    2、挑选颜色时，要根据个人身材特点。比如是深是暗，是否符合自身品位等。年纪大的未必要选色彩暗淡的，带有现代风格并且颜色鲜亮些的反而更显年轻。    3、挑选款式时，要遵循男式唐装大气与简洁的风格。    4、量尺寸时，必须注意大小的把握度。因为男式唐装对穿着者的身材很有讲究，太小不符休闲的要求，太大则显不出效果。    5、注意加工工艺，要选专业的“裁缝师傅”。唐装对手工要求很高，因为有一部分需通过手工缝出。做工是否精良、面料是否厚实、品牌无形资产多少，这些都能作为衡量其“实价”的标准。    6、留意盘扣。造型别致、做工精良的盘扣就注重一个“盘”字，是唐装整体中“画龙点睛之笔”，是值得品味的艺术。一位著名的设计师曾经说过，一件中装如果盘扣的造型不佳，哪怕颜色再华美，款式再新颖，也只能算是一件失败的作品。    价格：定制的唐装价钱在550元至2000元之间。（550元的多为绸缎，850元多为棉袄，羊绒的价钱多在2000元左右。）唐装成衣价格在300元至1000元。价钱视面料的好坏而定。</t>
  </si>
  <si>
    <t xml:space="preserve">拍婚纱照怎么选衣服好 </t>
  </si>
  <si>
    <t>拍怎么选衣服：浅颜色的礼服比较适合拍外景，避免选择厚重显体态臃肿的服装哦。MM要穿着可拆卸肩带式内衣或准备**内衣，颜色上以准备的外衣协调为好，婚纱以浅色(肉色)为佳。苗条型：有压褶裥竖线，竖折，前排钮扣，V形领口以及王妃接缝的款式，看上去显得细长苗条。宽松型：短竖线样式，宽裙带，宽肩，船形领口，低腰。平衡型：匀称你的体形。如果下身较胖，那么上身也应该选择稍胖的服装以获得平衡。然后从以下几点出发，这些细节要注意：合理化：尽量使服装适合你的身体。选择在需要调整的部位有接缝或其他细致修饰的款式，这些细致的修饰越多，这款服装越适合你。展露型：选择传统的贴身装展露你的体形。隐藏型：选择较为宽松的样式，使布料更为突出，而体形得以隐藏。最小化：对你不满意的部位一笔带过，不要加任何细致修饰。突出：对你满意的部位着重突出，可加一些细致修饰。选择特色服装时，则根据新娘的个人气质去挑选，比较可爱的MM可以选择格格服，古典清淡的MM则可以选择韩装，大气端庄的新娘则可以选择唐装，温婉娴静的则可以选择秀禾装。服装的选择因人而异，也可以根据个人爱好去选择，在这提醒各位的是切忌选择大红色长度较长的旗袍。</t>
  </si>
  <si>
    <t xml:space="preserve">秘银徽章怎么得到我已经完成了君王套的任务为什么还是得不到徽章啊锻 </t>
  </si>
  <si>
    <t>这个是铁匠的专署任务的奖励,当你锻造210点，人物40级，就开始铁匠专属任务和转职、分支任务。（突破225是到藏宝海湾找铁匠大师马克迦习）专属任务是一个系列任务，就是常说的铁匠bt砸钱的任务，任务中需要的卷轴(配方)，除了2个在宝藏海湾铁匠大师那里学，其余都是在这个系列任务中获得。不需要另外去买或者打。材料准备初步估算一下：专属任务需要：铁190，秘银 234转武器大师再需要：铁88，秘银56转防具大师再需要：秘银 100其他真银、黄水晶、黑珍珠、青绿石、次级月亮石若干。专属任务一定要做吗？专属任务不做也可以直接做转职任务成为武器大师，做专属任务主要的好处可以获得“恐惧耳环”以及一些制作卷轴。但是要转防具大师一定要做专属任务，因为防具大师转职任务需要的制作卷轴是专属任务中学习到的，除非你有铁匠朋友已经完成这些任务，能够直接帮你制作任务需要的道具。1.铁匠的专属任务以下任务基本是按次序写的。其中任务等级不是人物等级，定义为40 的任务等级可能38-45的人物等级都可以接。-----------------------------------任务名称：古老的技艺任务等级：40 部落领任务NPC：铁匠阿图尔克 奥格瑞玛 (81,23)联盟领任务NPC：暴风的“巨锤。汉克”(坐标56.16)(对不起，刚开始写成铁炉堡了，造成一些朋友白跑。)任务目标：将4套钢质胸甲和4顶钢质头盔交给奥格瑞玛的铁砧阿图尔克。任务材料： 1钢质胸甲= 16钢锭+3重砂轮1钢质头盔= 14钢锭+1坚固砂轮任务介绍：很久以前，阿图尔克可以碾碎敌人的头颅，将他们的骨头磨成粉做灯丝……很久以前，兽人。现在酋长号召各部族和平相处。那些往日的敌人，现在我们只能用厌烦的眼光看着他们！我知道这很难以接受，不过这就是萨尔的意愿。实在是让我感到悲哀！你是来学习的，那你就学吧！给我拿四套钢质胸甲和四顶钢质头盔来，你可以在锻造它们的时候尝到战争的滋味！ 任务奖励：经验 3150 ------------------------------------------任务名称：秘银会任务等级：40领任务NPC：藏宝海湾的马克迦文 结束任务NPC：荆棘谷的加尔文(格高营地东面直走，过河，到山脚)任务目标：和荆棘谷的加尔文谈一谈。 任务介绍：我们招募的人几乎没有能平安抵达藏宝海湾的，Battlebaby。即使是意志最坚定的铁匠也难以抵挡这枚徽章的光芒，他们难免会产生私吞的贪念。他们都是傻瓜，因为与你即将得到的巨大财富相比，这枚徽章只是沧海一粟而已！去找到加尔文，把徽章交给他。他住在这里的北面，就在祖尔格拉布和莫什奥格食人魔山之间的地方。任务奖励：经验：3150-----------------------------------------任务名称：铁匠必修课任务等级：45 领任务NPC：加尔文 地点：荆棘谷任务目标：将40块秘银锭和40块铁锭交给荆棘谷的加尔文。 任务介绍：很多铁匠都以为采矿和锻造是两件完全独立的事情，不过锻造能离得开采矿吗？啊哈——那是不可能的！成功的铁匠还必须得是成功的矿工。让加尔文看看你的能力吧，Newwanger。给我找40块铁锭和40块秘银锭来，然后加尔文就会教你打造精制秘银短裤的方法！ 任务奖励：经验：3900设计图：精制秘银短裤------------------------------------------任务名称：白花花的银子任务等级：45领任务NPC：加尔文 地点：荆棘谷任务目标：将40块秘银锭和5块真银锭交给荆棘谷的加尔文。任务介绍：据说真银比秘银更坚固耐用，加尔文对这个说法没有什么异议，但是严格说起来，真银并不是真的！秘银比真银更加高贵！哈！不管怎么说，这一次，你要去收集一大堆银子来，Newwanger。给我弄四十块秘银锭和五块真银锭来，作为交换，我会向你传授打造精制秘银手套的技艺，以及更为重要的，让你知道真银并不是真的！ 任务奖励：经验：3900设计图：精制秘银手套--------------------------------------------任务名称：灌魔工艺任务等级：45领任务NPC：加尔文 地点：荆棘谷任务目标：将40块秘银锭和4块黄水晶交给荆棘谷的加尔文。任务介绍：搜寻珍贵的宝石对我们来说是最重要的，Newwanger。很少有比黄水晶更为珍贵的宝石。有了黄水晶，我们就能将注入各种装备中的魔法特性得到大幅度提升。这一课，我们要用四块黄水晶加强四十块秘银锭，这将使你更加了解神奇的宝石学，并学会如何制造精制秘银护肩。 任务奖励：经验：3900设计图：精制秘银护肩--------------------------------------------任务名称：锻造专家!任务等级：45领任务NPC：加尔文 地点：荆棘谷(格高营地东，到山脚)任务目标：到加尔文那里拿取报酬！任务介绍：你是大赢家！ 你刚来的时候，我就知道你会成为我最出色的学生之一！你毫不犹豫地把这个有魔力的饰品交给了马克迦文，因此你才有了来见我的资格。你的全心奉献和坚定信念应该得到回报。你已经在锻造技艺方面取得了长足的进步，Battlebaby。拿上你的回报吧！任务奖励：经验：3900技艺徽记（可以召唤出一把锤子，使用1小时）----------------------------------------------任务名称：加尔文的得意门生任务等级：lvl45 领任务NPC：特伦顿·轻锤 地点：塔纳利斯 (52,29) 任务目标：和加基森的特伦顿·轻锤谈一谈。任务介绍：如果你准备要结束在加尔文这里的训练课程，就应该到加基森去。在那儿有我最得意的学生：特伦顿·轻锤。他可以教你很多有关精制秘银装备的知识，当然你也可以留在这里继续学习！哦，对了，加基森在塔纳利斯沙漠里！ 任务奖励：经验 2900 ---------------------------任务名称：秘银小子领任务NPC：特伦顿·轻锤 地点：塔纳利斯 (52,29) 就是闪光平原下面个个地图的中立城镇加基森任务目标：将2件重型秘银胸甲和1副精制秘银手套带给特秘银手套交给特伦顿·轻锤。任务材料：1重型秘银胸甲=16秘银锭1精制秘银手套=10秘银锭+6魔纹布+1真银锭+1重砂轮任务介绍：我被大家称作秘银小子。我给来自世界各地的冒险者们提供精制秘银装备。&lt;特伦顿悄悄地说。&gt;但是没几个人知道我根本不会打造精制秘银手套。嘘！这是你我之间的小秘密。如果你教我如何打造精制秘银手套的话，我就把从加尔文那里学来的手艺传授给你——精制秘银胸甲的制作方法！任务奖励：经验 3900精制秘银胸甲的制作----------------------------------任务名称：罩帽和护肩任务等级：45 领任务NPC：特伦顿·轻锤 地点：塔纳利斯 (52,29)任务目标： 将2顶秘银罩帽和1副精制秘银护肩带秘银护肩交给特伦顿·轻锤。任务材料： 1秘银罩帽=10秘银锭+6魔纹布1精制秘银护肩=12秘银锭+1真银锭+6厚皮任务介绍：看来师傅一开始就计划好了。你学会制造的东西都是我不会的，而我学会的那些你也不会。师傅很聪明，神皇战神。这样我们就可以互相学习了！你教我如何制造秘银罩帽和精制秘银护肩，然后我再教你制造精制秘银头盔，如何？ 任务奖励：经验 3900 制作精制秘银头盔的方法-----------------------------------------任务名称：世界在你脚下任务等级：45领任务NPC：特伦顿·轻锤 地点：塔纳利斯 (52,29)任务目标：将2双秘银重靴和1条精制秘银短裤交秘银短裤交给特伦顿·轻锤。任务材料：1秘银重靴=14秘银锭+4厚皮1精制秘银短裤=12秘银锭+1真银锭+1坚固砂轮+1蓝宝石任务介绍：在去年的全谷铁匠冠军赛里，我在众目睽睽之下被一个来自风险投资公司的卑鄙家伙用扫堂腿放倒在地。但是他们却不知道我为什么还能继续站在那里完成比赛，并取得冠军。答案就是——没错，精制秘银战靴！如果今年我还想取胜的话，就得学会精制秘银短裤的制作方法，因为这次会有一个风险投资公司的伐木工参加比赛！教我制作短裤，我就教你制作靴子，怎么样？ 任务奖励：经验 3900制作精制秘银战靴的方法---------------------------------------------任务名称：秘银会的认可任务等级：lvl50 领任务NPC：特伦顿·轻锤 地点：塔纳利斯 (52,29)任务介绍：等待特伦顿完成他的工作。你为秘银会做了很多事情，低调的青蛙。像你这样无私而纯粹地奉献并不是人人都能做到的。在我和加尔文的心中，你无疑已经成为我们的一员了。所以我觉得你应该获得一些小奖励。其实也没什么，也就是一个饰品，我想你应该很清楚它的意义，而且我相信它应该就是你到我们这里来的最初目的。 任务奖励：经验 7100闪光的秘银徽记 ×1 拾取后绑定饰品：耳环装备要求：锻造（225）使用效果： 护甲值提高50点，所有抗性提高10点，免疫恐惧，持续30秒。（这就是传说中的恐惧耳环了，pk用极品，一定要得到。强调一下：交完上面的任务后，要等待大约3分钟，特伦顿·轻锤才会给你恐惧耳环，这段时间他在制作这个耳环。</t>
  </si>
  <si>
    <t xml:space="preserve">空调管道与通风管道的区别 </t>
  </si>
  <si>
    <t>风机盘管主要是将制冷系统（或供暖系统）送来的冷冻水（或热水）携带的冷量（或热量）经过换热盘管热交换后通过风机送到空调房间。其前端主要是供回水管道，后端直接是送风口，一般不存在管道。通向空调房间送风、回风、新风管道通称为空调风道。不带空调系统仅有送排风的管道称为通风管道。风机盘管主要是将制冷系统（或供暖系统）送来的冷冻水（或热水）携带的冷量（或热量）经过换热盘管热交换后通过风机送到空调房间。其前端主要是供回水管道，后端直接是送风口，一般不存在管道。通向空调房间送风、回风、新风管道通称为空调风道。不带空调系统仅有送排风的管道称为通风管道。</t>
  </si>
  <si>
    <t xml:space="preserve">联想G460在正常使用的情况下，显示器硬盘无响应是怎么回事呢？是? </t>
  </si>
  <si>
    <t>看看是否中毒，建议用杀毒软件杀毒后试试。否则系统出现问题，需要重装系统。</t>
  </si>
  <si>
    <t xml:space="preserve">我要买柴油皮卡汽车。不知道买什么好我要买皮卡，大家看，长城风骏郑 </t>
  </si>
  <si>
    <t>长城风骏，发动机运用的是高压共轨技术，动力强较省油。外表威猛好看。</t>
  </si>
  <si>
    <t xml:space="preserve">经常感冒怎么办一年365天倒有300天一直感冒 </t>
  </si>
  <si>
    <t>感冒时多喝水，注意休息。可以适量的服用药物。感冒长期不好，是因为机体免疫力较弱。最根本的办法是要提高机体免疫力，这样还可以更好的预防感冒的发生。一定加强，提高机体的免疫力。如何提高免疫力？人体内营养素的充足和均衡关系到机体免疫系统的强弱，与某些传染病也有一定的相关性。根据已有的营养学研究成果，人体得到充足的营养素补充，将大大提高人体对疾病的免疫力，在预防非典型肺炎方面发挥作用。那么什么是免疫力呢？免疫力简单的说就是人体对各种疾病的抵抗力，而抵抗力来自身体内的免疫系统，免疫系统由胸腺、骨髓、脾脏、淋巴组织等免疫器官和巨噬细胞、自然杀伤细胞、淋巴细胞等免疫细胞组成。健全的免疫系统有三大功能，一是防御功能。免疫力强能帮助机体消灭外来的细菌、病毒以及避免发生疾病，有保护机体不受损害的防御能力；二是稳定功能。免疫功能好，能帮助机体修复或消除人体内新陈代谢、受损伤或衰老死亡的组织细胞，维持机体代谢的内环境始终处于稳定状态；三是监控功能。免疫力强可以帮助机体杀伤和消除异常突变细胞。人体的各种机能只有达到一种平衡的状态才能保证健康，机体的营养状况与免疫机能的强弱密切相关。在补充营养的过程中，要注意通过均衡营养保证机体的免疫能力。均衡营养免疫三步曲 几种典型的与免疫有关的营养素是如何搭建人体营养———免疫系统的。首先，“VA＋Zn”组合（维生素A加锌）构筑起“均衡营养免疫三步曲”的第一步，它们能够帮助阻止病毒进入人体，使呼吸道免受感染。医学实验表明：维生素A是维持上皮组织正常机能的必须物质，可以促进呼吸道等表皮细胞的分化和修复，保证表皮的完整性，从而抵抗病菌入侵；维生素A有“抗感染维生素”之称。锌与维生素A协同作用可以改善维生素A的吸收和运转。所以，维生素A和锌同时作用可有效阻止病毒的入侵。维生素C构筑起“均衡营养免疫三步曲”的第二步，帮助杀灭进入人体的病毒。因为它可以干扰病毒侵害白血球，激活全身的白细胞，增强白细胞对病毒的吞噬能力，杀灭病菌，从而增强人体的免疫力，使人体免受病毒侵害。感冒病人的白细胞中维生素C的含量明显下降。除了微量元素，还有牛磺酸。牛磺酸是一种氨基酸，能促进免疫系统淋巴细胞的生长和繁殖。另外，它还能清热、镇痛，缓解人体自身因抵御病毒而启动自动调节防御系统产生的症状——发烧，这就是“均衡营养免疫三部曲”的第三步。当人体受到严重侵害时，牛磺酸还发挥清热、退烧作用，进而增强人体的抵抗力。也就是说，人们特别是儿童如果能均衡补充多种有利于提高人体免疫力的营养素，搭建体内的营养——免疫防护屏障，就能比较有效地保护机体免受病毒的侵害。</t>
  </si>
  <si>
    <t xml:space="preserve">孩子出生16天，肛门周围有一处破皮了，露出红肉。请问应如何处理?? </t>
  </si>
  <si>
    <t>拉的吧，别用卫生纸擦!用软布，多温水清洗!严重上红霉素软膏，轻微的上点香油就好了 2多帮宝宝洗洗，擦点香油</t>
  </si>
  <si>
    <t xml:space="preserve">灰烬天火钻石与混乱天火钻石混乱天火钻石哪个更好呢?灰烬天火钻石+ </t>
  </si>
  <si>
    <t xml:space="preserve">看你的装备来选吧,你暴有25%就用灰烬天火钻石 +14法伤 2%智力 你暴还不够就用混乱天火钻石 +14爆击 3%爆击伤害 </t>
  </si>
  <si>
    <t xml:space="preserve">和乙肝患者日常接触会不会传染?比如说吃他们作的饭有事吗?我以前最 </t>
  </si>
  <si>
    <t>乙肝传播途径知多少 乙型病毒性肝炎，简称乙肝，是由HBV（乙型肝炎病毒）引起的传染性疾病，严重危害健康，影响质量。HBV感染呈全球性分布，中国是高流行区之一。全世界携带有HBV的人群约有3.5亿，我国约有1.2亿左右。它是中国最常见的传染病之一。 HBV免疫学检查（俗称两对半），常规可检出： HBsAg(乙肝表面抗原，提示体内有HBV存在，现在正被感染)； HBsAb（乙肝表面抗体）； HBeAg(乙肝e抗原，提示HBV正在体内活跃复制，病毒含量较多，传染性相对较强)； HBeAb（乙肝e抗体）； HBcAb(乙肝核心抗体)。 HBsAg、HBeAg和HBcAb检出阳性，俗称为“大三阳”，血液中HBV含量高，具有一定的传染性；HBsAg、HBeAb、HBcAb检出阳性，俗称为“小三阳”，传染 性相对轻，日常工作和生活不会传染给他人。 衡量乙肝的传染性不仅根据HBeAg，还要检查血液中病毒DNA复制数量。 HBV可通过血液、精液、唾液等传染。病人或携带者血液中HBV含量相对较高，而在体液和分泌物（如唾液、精液、阴道分泌物等）中含量很少。乙肝病毒的传染，除了必须有病人作为传染源以外，还必须有容易感染的人群和乙肝患者接触。一般的健康成年人都有比较完善的免疫系统和完整的皮肤、黏膜屏，病毒一般很难进去。即使病毒突破了重重防线，进入了健康人的体内，免疫系统也可以迅速地把病毒消灭掉。 HBV的主要传播途径有母婴传播、血液和性接触传播、医源性传播、日常生活密切接触，其中有些传播途径是重叠的，实际都可能与血液途径有关。粪便中不含有HBV，因此不可能经粪—口途径传播。另外，蚊、臭虫等吸血昆虫在HBV传播中的作用尚无确实的证据。正常人与HBV携带者共同工作，包括共同进餐、共用电话、共用卫生间等都很难传染。 乙肝认识误区 病人不能别人接触 乙肝病人只要在日常生活中把牙刷、剃须刀等用品与他人分开，患有乙肝的妇女注意经期卫生，就不会把乙肝传染给别人。乙肝表面抗原携带者可以正常上学、工作，和正常人一样生活。 空气可传染乙肝 乙肝不会通过空气、消化道或饮食传播，同室工作、交谈、一起进餐不会被传染。乙肝一般也不会通过握手传染给其他人，除非双方双手都有裂口，有出血情况。参考资料：肝病网</t>
  </si>
  <si>
    <t xml:space="preserve">摩托罗拉E2QQ登陆不上,以前可以的，可最近不知怎么搞的，就连接 </t>
  </si>
  <si>
    <t>上手机腾讯网去换一个版本的QQ登陆器。也可以用网页登陆，刷新程序是有风险的，需要下载手机刷新软件。</t>
  </si>
  <si>
    <t xml:space="preserve">失眠怎么办呢?有何好方法吗?一天深夜偶被户外吵架声惊醒,后来整宿 </t>
  </si>
  <si>
    <t xml:space="preserve">我认为这完全是心理因素在作怪。我原来也有 失眠的症状，但我克服了。首先，你要认为你的身体非常健康，偶尔的失眠也没关系；其次我要把外界的干扰因素，如噪音等，当成一种非常柔和的音乐，比如催眠曲。我的一位同学在宿舍经常的制造噪音，特别是晚上，以前我也睡不着，但经过一段时间我就把他的声音当成一种音乐，我就闭上眼睛慢慢的享受，这样不一会就会睡着。另外我把外界因素当成我进步途中的必经阶段，是不可避免的，这样我就会取得更大的进步。 </t>
  </si>
  <si>
    <t xml:space="preserve">百事可乐中国工厂分布百事可乐在中国区域内有多少家工厂，具体分布在 </t>
  </si>
  <si>
    <t>大部分省会级城市都有百事可乐的工厂百事可乐在北京的分公司位置大兴区， 即京开高速，五环出口，向东方向后第一个出口的东北角</t>
  </si>
  <si>
    <t xml:space="preserve">武林新秀PK几次 </t>
  </si>
  <si>
    <t>如果爱情这样忧伤</t>
  </si>
  <si>
    <t xml:space="preserve">关于100级武器现在哪个地图能暴100级别的装备啊或者是什么BO </t>
  </si>
  <si>
    <t>在绝壁杀BOSS诅咒者，掉钥匙，可以开100精，去火门也有100精，不过这些副本和世界BOSS都是工会来打，自己打不了的。所以参加好的工会还是有好处的。自己可以做100的普通武器和防具，在纯白之地可以做，不过做出来的东西很垃圾，不建议做。</t>
  </si>
  <si>
    <t xml:space="preserve">占地问题？一、我村村委会主任的身份：房地产开发商。已买村一块（集 </t>
  </si>
  <si>
    <t>1、集体建设用地和一部分农民的承包基本农田是不能交易的，只有国有土地使用权才能依法进行出让和转让。集体建设用地和一部分农民的承包基本农田也不得随意改变用途用于商业开发。近几年很多地方违规在集体建设用地和一部分农民的承包基本农田进行商品房开发，已经引起国家的注意，国家已经发文进行清理整顿，但是效果好像不明显。不过这种行为既然是违规的，其开发的房屋时办不了产权手续的，只是购买者大多是农民，不知道这些。哎2、已给每户一桶色拉油诱饵。并雇用几十个拉票的人，取得了村委会主任的职务。这是违背选举法的，如果有可靠证据，可以向县人大、检察院等部门进行举报。3、对于村委会的开支，可以要求其公布账目。必要时可以联合部分村民要求对聘请知名的会计师事务所其进行财务收支审计。知名的会计师事务所虽然收费高一点，但其审计结论是相对可信的。4、可以向国土部门查询一下村主任开发的楼盘其用地手续是否合法。如果不合法，则为违章建筑，可以联合部分村民对违章建筑申请拆除。呵呵！</t>
  </si>
  <si>
    <t xml:space="preserve">请问厄运变胖子的任务是怎么做的？那个什么地精在厄运哪个方向？具体? </t>
  </si>
  <si>
    <t>在北厄运。进了第二个门(就是用花园箱子里的钥匙开门的那个门)之后，一直往前，走到在修陷阱的地方，陷阱的左前就是那个地精。要8个硬甲皮，4个符文布卷，两个符文线，一个糅酸(在上楼后的一个箱子里拿，拿了以后会出个小BOSS)，他给你做一件食人魔的衣服，穿上变成食人魔，持续10分钟。如果是裁缝的话，可以在地精那里学会做食人魔的衣服，以后就不用找地精，自己有材料就能做了。</t>
  </si>
  <si>
    <t xml:space="preserve">有多少人在大学谈过恋爱？出于什么目的？ </t>
  </si>
  <si>
    <t>如果不管成功与否，现在应该有60%的人在大学里面谈过恋爱。至于出于什么目的，当然不能一概而论的，多种多样的目的，或许就根本没有目的：有的是出于排解寂寞，有的是想找个人说说话什么的，有的是偶然的巧合啊，还有的是真心真意的爱情啊  都有吧！</t>
  </si>
  <si>
    <t xml:space="preserve">吃什么东西能比较快速的增长肌肉？我是个瘦子，想长壮一点点（不想长 </t>
  </si>
  <si>
    <t>别吃肌酸，它不是单纯的增肌，而是帮助你力量训练后的快速恢复。和增肌没什么大关系。通过你所说，你应该多吃一些含脂肪的食物（不是说肥肉）。可在正餐之后摄入一定量的甜食，补充糖分，使之转化成脂肪。只有保证每顿饭都吃饱吃好，并且有一个健康的身心状况才可以增肥。另外，想有肌肉，得先有肉。运动上跑跑步，骑骑单车等有氧运动都可以。切记，没有一定的力量训练基础，不要用大重量训练。还有，别买肌酸，白花钱</t>
  </si>
  <si>
    <t xml:space="preserve">高分送上!!请熟悉条形码扫描枪的朋友麻烦你们进来看一下.有一些问? </t>
  </si>
  <si>
    <t xml:space="preserve">我所知道的条形码是用来记录商品身份的东西，那上面的条形和下面的数字都是对应的，那如果你自己把那个改了这个就识别不出来了，条形码记录了商品的出场时间，出场地点，属于哪一类商品。这东西是干什么的，条形码就是用来记录这些东西的。给你个网址自己去看看吧： 希望你会满意 </t>
  </si>
  <si>
    <t xml:space="preserve">合同问题就业协议书，招聘单位违约事情是这样的，10月初，我学校来 </t>
  </si>
  <si>
    <t>就你的情况，我觉得你还是尽快与A单位进行沟通，了解短信所说内容是否真实。如果不是真实的，是确如在协议中签订的情况一样，你毕业后还是到A单位工作，是A单位的职工，那一切都没有问题了。如果是真实的，那么你可以得到3000元违约金，然后“可能”与某一劳动服务单位签订劳务派遣合同，然后“可能”被派遣到A单位工作，劳务派遣和本单位职工的待遇差别在“知道”里已经说明。以上只是"可能"，个人觉得未必会如此，有可能A单位给你3000违约金就不管你了。或者你与某一劳动服务单位签订劳务派遣合同，然后被派遣到另外的单位。如果确如短信中所称，A单位将违约，你其实可以获得的赔偿也只是那3000块，因为你的损失是很难证明的，除非你能拿出别的单位给你下的OFFER，证明你因为这个就业鞋业失去了别的单位的OFFER，可能获得一些赔偿（估计也不会有多少）。所以我觉得你现在还是赶紧确认短信的真实性，一旦确认真实，赶紧找新单位吧。这个不靠谱。</t>
  </si>
  <si>
    <t xml:space="preserve">2本军校哪里好推荐几个谢谢,另外想知道下军校的体检标准,以及体育 </t>
  </si>
  <si>
    <t>军校参加普高招生没二本一说,都在提前批次里.</t>
  </si>
  <si>
    <t xml:space="preserve">使用NERO软件怎么删除光盘中的文件？是MP3文件 </t>
  </si>
  <si>
    <t xml:space="preserve">那得看你使用的光盘是不是可擦写的光盘，如果可擦写，可以通过比较新的NERO版本根据提示一步一步操作即可。这个网址有nero的详细使用说明 </t>
  </si>
  <si>
    <t xml:space="preserve">其实不中奖遗憾，中了奖有时也很遗憾有时候为了求稳，照着1注去中， </t>
  </si>
  <si>
    <t>说得很好！是要有好的心态，同时还要懂得多总结，只有这样才能不断得到提高！</t>
  </si>
  <si>
    <t xml:space="preserve">男生都是这样追女生的吗有很多人,认识不到几天就开始追你,那些男生 </t>
  </si>
  <si>
    <t>男生就是多情种，可以一天对两个女生表白，经常为了忘掉一个女生而追求另一个女生~~~不管是男生还是女生，最开始都只是好感，慢慢的才变成喜欢，而爱，是更难达到的~不要轻易答应男生，那样你很容易受伤的。。。。。。</t>
  </si>
  <si>
    <t xml:space="preserve">我的缝纫机针轧不下去(老式蝴蝶牌)我的老式缝纫机有时断针,有时缝 </t>
  </si>
  <si>
    <t>断针的原因很多，现有几种原因和处理办法供你参考：1.要是一般断针，检查针是否装好或针弯曲，针杆孔是否磨耗。是不是针细布料厚。2.如果是连续断针，你就检查梭床是否安装良好，针与针板眼是否对齐，没有对齐，要空机校正调换针板眼或针。3。布料的厚薄不均匀，针、线规格不匹配。使用合适的针线，与布料相匹配，缝制时从薄到厚要慢一些。4.拉缝线和布料时用力过大也容易断针，要轻拉布料用力均匀。5.压布脚是否拧紧，针与压布脚孔是否对齐。如果没有拧紧就要旋紧和校正压布脚。你应经常给缝纫机的活动环节滴注专用缝纫机油，以提供润滑减少摩擦，这样噪音也就不会太大了。</t>
  </si>
  <si>
    <t xml:space="preserve">孕8周需要补充叶酸吗我真的要做妈妈了,心情好的要命.但我不知道现 </t>
  </si>
  <si>
    <t>　　1、怀孕早期(3个月)应补叶酸：斯利安片0.4—0.8mg，每日一次。2、孕中期应补钙，每日1000mg；孕后期应补钙，每日1500mg，孕后期是否补铁要看血色素化验结果而定。</t>
  </si>
  <si>
    <t xml:space="preserve">求个比较使用的宠物AI求个比较好用的宠物AI，偶的是小熊猫，魔法 </t>
  </si>
  <si>
    <t>魔法类就给你点基础打法AI吧冰反:效果主动攻击怪物,任何一种攻击击到怪物后直接蓄冰成功攻冰箭攻击后,反击被魔法攻击则直接反击,等待待对方攻击被近身攻击后直接反击,等待对方攻击被远程攻击后蓄冰,主动攻击注意点:如果3段攻击直接打死怪后还是会蓄冰,所以为了宠能成功攻击第2个怪物,请用鼠标点掉宠头上的冰箭技能复制后进入宠物ai编辑,粘帖即可代码部分:&lt;rules&gt;  &lt;rule name="重攻"&gt;    &lt;conditions/&gt;        &lt;event name="seek_target"/&gt;  &lt;/rule&gt;  &lt;rule name="击倒"&gt;    &lt;conditions/&gt;        &lt;event name="attack" pet_attackable_skill="all" down="true"/&gt;  &lt;/rule&gt;  &lt;rule name="反击"&gt;    &lt;conditions/&gt;        &lt;event name="attack" pet_attackable_skill="icebolt" down="false"/&gt;  &lt;/rule&gt;  &lt;rule name="被魔法攻击"&gt;    &lt;conditions/&gt;        &lt;event name="target_magic_prepare"/&gt;  &lt;/rule&gt;  &lt;rule name="被物理攻击"&gt;    &lt;conditions/&gt;        &lt;event name="aimed"/&gt;  &lt;/rule&gt;  &lt;rule name="被远程攻击"&gt;    &lt;conditions/&gt;        &lt;event name="aimed"/&gt;  &lt;/rule&gt;&lt;/rules&gt;火反:说明基本和冰反相同,略有修改点为,被远程攻击时则直接冲上近身攻击对方代码部分:&lt;rules&gt;  &lt;rule name="重攻"&gt;    &lt;conditions/&gt;        &lt;event name="seek_target"/&gt;  &lt;/rule&gt;  &lt;rule name="击倒"&gt;    &lt;conditions/&gt;        &lt;event name="attack" pet_attackable_skill="all" down="true"/&gt;  &lt;/rule&gt;  &lt;rule name="反击"&gt;    &lt;conditions/&gt;        &lt;event name="attack" pet_attackable_skill="firebolt" down="false"/&gt;  &lt;/rule&gt;  &lt;rule name="被魔法攻击"&gt;    &lt;conditions/&gt;        &lt;event name="target_magic_prepare"/&gt;  &lt;/rule&gt;  &lt;rule name="被物理攻击"&gt;    &lt;conditions/&gt;        &lt;event name="aimed"/&gt;  &lt;/rule&gt;  &lt;rule name="被远程攻击"&gt;    &lt;conditions/&gt;        &lt;event name="aimed"/&gt;  &lt;/rule&gt;&lt;/rules&gt;不懂的直接复制代码过去</t>
  </si>
  <si>
    <t xml:space="preserve">《爱在2000》是谁的歌曲？ </t>
  </si>
  <si>
    <t xml:space="preserve">林依轮 爱在2000 </t>
  </si>
  <si>
    <t xml:space="preserve">怎么下载啊!以前下载很容易,现在怎么下载啊??????~~~~~ </t>
  </si>
  <si>
    <t>去官网下啊 这是国服的如果你有兴趣的话，懂得基本的英文的话，可以玩国际版，今天（7月24日）开的罗马，和欧洲板块  其实玩国际版蛮爽，那里维护得不错</t>
  </si>
  <si>
    <t xml:space="preserve">潘玮柏的成名之路是怎样的? </t>
  </si>
  <si>
    <t>英文名: Pan Wilber 　　 籍贯: 上海 　　 生日: 1980-8-6 　　 身高: 174cm 　　 体重: 69 kg 　　 血型: N/A 　　 : 狮子座 　　 学历:加州州立理工大学　　 语言:英文，国语　　 口头禅:We’ll see !　　 最喜欢的音乐:Hip Hop, R &amp; B, 华语流行曲　　 最喜欢的男歌手:Sisqo, Eminem(人物，图库，视听，唱片),刘德华(人物，图库，视听，唱片) 　　 最喜欢的电影类型:喜 剧　　 最喜欢的运动:篮 球　　 最喜欢的演员:Will Smith　　 最想见到的人:Michael Jordan　　 最喜欢收藏的东西:鞋子　　 最欢的颜色:红、蓝、黑　　 最喜欢的食物:中国菜　　 最喜欢的花:玫 瑰　　 最喜欢的季节:夏天　　 最喜欢的穿著:松身的衣服或西装 　　 最喜欢的动物:狗　　 最喜欢的昆虫:蜘蛛 　　 禁忌:不喜欢人家拍背脊　　 愿望/目标:能够发挥自己的能力　　 有哪些做VJ的条件:喜欢表演　　 专长:歌唱、主持、演戏　　【入行简介】 　　1999年参加中广「流行之星」进入总决赛，得到多方慢的青睐及属目。 　　 2000年参加NMG与BMG在美国洛杉矶所合办之歌唱比赛，得到“最佳形象奖”。 　　 2001年正式回台加入演艺工作。 　　【演艺经历】 　　唱片　　 《麻辣鲜师》电视原声带　　 《壁虎漫步》 　　主持 　　 主持Channel V 之[V]式会社节目 　　 主持Channel V 之「南方哇靠妖」节目 　　 主持Channel V 之「拍拍走」节目　　 主持Channel V 之「大韩流」节目 　　广告 　　拍摄「Nike吸汗运动衫」平面广告 　　 拍摄 「味全奶茶」电视广告 　　 拍摄「太子汽车-休旅车冲浪篇」电视广告 　　戏剧 　　华视《麻辣鲜师》连续剧演出，饰演韩兆杰一角</t>
  </si>
  <si>
    <t xml:space="preserve">什么是胜者螺旋转折日？是什么意思？ </t>
  </si>
  <si>
    <t>是胜者之星的特色指标。是根据人的思想受环境影响，而产生周期性，在一些固定日子会有特别的冲动而得出的重大转折日。胜者螺旋成功预测出5。19行情而名声大噪，不过此后再也没有准确哪怕不准确的预测出一次行情来。</t>
  </si>
  <si>
    <t xml:space="preserve">6万左右家用车买什么好？ </t>
  </si>
  <si>
    <t xml:space="preserve">   买车还是看自己使用的实际用途！首先它带给我们的是快揭和便利，当然随之而来的烦恼也会来临，你要想的长远点就能避免很多不情愿的麻烦！比如：售后的维修和保养的费用是否很高？和相同价位车型比较，还有就是普遍关注的燃油是否经济？    就我个人的意见还是选“千里马”好，1.3L的发动机，在这个领域里面的发动机表现还是不错的，当然夏历的N3也还可以，就是比较老久点，相对的维修和保养成本比较低廉！如果不喜欢3箱车型，2箱的选择还是比较多的，SUZUKI的“北斗星”也还不错，看自己的用途吧。</t>
  </si>
  <si>
    <t xml:space="preserve">几种加心态的物品一般都值多少? </t>
  </si>
  <si>
    <t>看你们区物价、跟养孩子的玩家多不多来定价：千字文： 90-180W 这个最难定价的  有的区高级玩家多 养孩子的人多价钱抄到300W都有  而且缺货急就章：10-45W   道德经：10-30W诗经：10-30W</t>
  </si>
  <si>
    <t xml:space="preserve">孩子很聪明但学习就是粗心大意，怎么办？ </t>
  </si>
  <si>
    <t>想办法把他的知识和实际生活结合起来，让他知道如果他不好好学习，会在生活中闹很多的笑话，被人笑得</t>
  </si>
  <si>
    <t xml:space="preserve">狂咒40后的技能书请问，40后狂咒的技能都需要书来完成吗，暴风雨 </t>
  </si>
  <si>
    <t xml:space="preserve">魔法基本都需要书的,暴风雨也是,QY商店没卖的,具体请看下面狂咒术士 沉默术 象牙塔下 附法钢铁高仑 狂咒术士 吸血鬼之爪 象牙塔下 附法翼魔 狂咒术士 暴风雨 精灵谷 赖雷 狂咒术士 死亡之刺 精灵谷 独角兽 狂咒术士 飓风术 精灵谷 片奴首领 狂咒术士 死之纠结 精灵谷 独角兽首领狂咒术士 暗影火焰 恶魔岛 札肯的枪兵 </t>
  </si>
  <si>
    <t xml:space="preserve">身上长了好多小红点，特别的痒，而且还到处复发？身上长了好多小红点 </t>
  </si>
  <si>
    <t>你这可能是过敏性皮炎或风湿性荨麻疹,可口服苯海拉明片</t>
  </si>
  <si>
    <t xml:space="preserve">什么品牌的洗面奶美白效果最好？ </t>
  </si>
  <si>
    <t>光想用洗面奶就达到美白效果，那不太现实；洗面奶最重要的还是以清洁为主啊，妮维亚的美白泡沫洗面奶效果不错，可以试试。</t>
  </si>
  <si>
    <t xml:space="preserve">求助朋友我才20岁，有白头发应该怎么治疗了。。。。。。 </t>
  </si>
  <si>
    <t>大部分白发都是生理性的，少部分人是因为微量元素的缺失或者皮肤疾病导致的。所以一定要去治疗的话得先去大医院的皮肤科先看看，排除皮肤疾病，然后检查微量元素，好像最多见的是硒还是什么元素我忘了，如果没有查出来，跟生理有关系的，就不用指望治疗了，唯有染发了</t>
  </si>
  <si>
    <t xml:space="preserve">我要怎么样才能买的到就说那个玩家把资料给你门我把钱给他汇过去如果 </t>
  </si>
  <si>
    <t xml:space="preserve">尊敬的客户:    您好！5173客户服务027很高兴为您服务！购买ID请您下订单支付成功后联系接手客服交易，客服确定收到您的款后，会第一时间验证资料正确性，资料正确后与买家交易，如果资料不正确会联系卖家的。帐号交易存在一定的风险，我们只担保卖家所提供的密码保护资料是正确的，不保证卖家会不会用其他非法手段找回帐号。由于id交易存在一定的风险，交易成功后id出现什么问题都要由买家自己承担，5173只能提供力所能及的帮助，给您开交易证明。感谢您对5173的支持!!!                                                                </t>
  </si>
  <si>
    <t xml:space="preserve">高分悬赏!!!建筑人士请进!!!能给我一些工业工程设计收费吗?( </t>
  </si>
  <si>
    <t xml:space="preserve">建设工程设计合同     （民用建设工程设计合同） GF-2000-0209工程名称：______________________________工程地点：_______________________________合同编号：______________________________（由设计人编填）设计证书等级：__________________________发包人：________________________________设计人：________________________________签订日期：______________________________中华人民共和国建设部 监制国家工商行政管理局发包人：____________________________________________________设计人：____________________________________________________发包人委托设计人承担___________________________工程设计，经双方协商一致，签订本合同。第一条　本合同依据下列文件签订：　1.1《中华人民共和国合同法》《中华人民共和国建筑法》《建设工程勘察设计市场管理规定》。1.2国家及地方有关建设工程勘察设计管理法规和规章。1.3建设工程批准文件。第二条　本合同设计项目的内容：名称、规模、阶段、投资及设计费等见下表。　 序号 分项目名称 建设规模 设计阶段及内容 估算总投资（万元） 费率% 估算设计费（元） 层数 建筑面积（m2） 方案 初步设计 施工图 　　第三条　发包人应向设计人提交的有关资料及文件：　序号 资料及文件名称 份数 提交日期 有关事宜 　　第四条　设计人应向发包人交付的设计资料及文件：　序号 资料及文件名称 份数 提交日期 有关事宜 　　第五条　本合同设计收费估算为________________________元人民币。设计费支付进度详见下表。付费次序 占总设计费% 付费额（元） 付费时间（由交付设计文件所决定） 第一次付费 20%定金 本合同签订后三日内第二次付费第三次付费第四次付费第五次付费说明：1.提交各阶段设计文件的同时支付各阶段设计费。2.在提交最后一部分施工图的同时结清全部设计费，不留尾款。3.实际设计费按初步设计概算（施工图设计概算）核定，多退少补。实际设计费与估算设计费出现差额时，双方另行签订补充协议。4.本合同履行后，定金抵作设计费。第六条　双方责任6.1发包人责任：6.1.1发包人按本合同第三条规定的内容，在规定的时问内向设计人提交资料及文件，并对其完整性、正确性及时限负责，发包人不得要求设讨人违反国家有关标准进行设计。 　　发包人提交上述资料及文件超过规定期限15天以内，设计人按合同第四条规定交付设计文件时间顺延；超过规定期限15天以上时，设计人员有权重新确定提交设计文件的时问。6.1.2发包人变更委托设计项目、规模、条件或因提交的资料错误，或所提交资料作较大修改，以致造成设计人设计需返工时，双方除需另行协商签订补充协议（或另订合同）、重新明确有关条款外，发包人应按设计人所耗工作量向设计人增付设计费。在未签合同前发包人已同意，设计人为发包人所做的各项设计工作，应按收费标准，相应支付设计费。6.1.3发包人要求设计人比合同规定时间提前交付设计资料及文件时，如果设计人能够做到，发包人应根据设计人提前投入的工作量，向设计人支付赶工费。 　　6.1.4发包人应为派赴现场处理有关设计问题的工作人员，提供必要的工作及交通等方便条件。6.1.5发包人应保护设计人的投标书、设计方案、文件、资料图纸、数据、计算软件和专利技术。未经设计人同意，发包人对设计人交付的设计资料及文件不得擅自修改、复制或向第三人转让或用于本合同外的项目，如发生以上情况，发包人应负法律责任，设计人有权向发包人提出索赔。6.2设计人责任：6.2.1设计人应按国家技术规范、标准、规程及发包人提出的设计要求，进行工程设计，按合同规定的进度要求提交质量合格的设计资料，并对其负责。 　　6.2.2设计人采用的主要技术标准是：　　6.2.3设计合理使用年限为_____________________年。6.2.4设计人按本合同第二条和第四条规定的内容、进度及份数向发包人交付资料及文件。6.2.5设计人交付设计资料及文件后，按规定参加有关的设计审查，并根据审查结论负责对不超出原定范围的内容做必要调整补充。设计人按合同规定时限交付设计资料及文件，本年内项目开始施工，负责向发包人及施工单位进行设计交底、处理有关设计问题和参加竣工验收。在一年内项目尚未开始施工，设计人仍负责上述工作，但应按所需工作量向发包人适当收取咨询服务费，收费额由双方商定。6.2.6设计人应保护发包人的知识产权，不得向第三人泄露、转让发包人提交的产品图纸等技术经济资料。如发生以上情况并给发包人造成经济损失，发包人有权向设计人索赔。第七条　违约责任：7.1在合同履行期间，发包人要求终止或解除合同，设计人未开始设计工作的，不退还发包人已付的定金；已开始设计工作的，发包人应根据设计人已进行的实际工作量，不足一半时，按该阶段设计费的一半支付；超过一半时，按该阶段设计费的全部支付。7.2发包人应按本合同第五条规定的金额和时间向设计人支付设计费，每逾期支付一天，应承担支付金额千分之二的逾期违约金。逾期超过30天以上时，设计人有权暂停履行下阶段工作，并书面通知发包人。发包人的上级或设计审批部门对设计文件不审批或本合同项目停缓建，发包人均按7.1条规定支付设计费。7.3设计人对设计资料及文件出现的遗漏或错误负责修改或补充。由于设计人员错误造成工程质量事故损失，设计人除负责采取补救措施外，应免收直接受损失部分的设计费。损失严重的根据损失的程度和设计人责任大小向发包人支付赔偿金，赔偿金由双方商定为实际损失的__________________％。7.4由于设计人自身原因，延误了按本合同第四条规定的设计资料及设计文件的交付时间，每延误一天，应减收该项目应收设计费的千分之二。7.5合同生效后，设计人要求终止或解除合同，设计人应双倍返还定金。第八条　其他8.1发包人要求设计人派专人留驻施工现场进行配合与解决有关问题时，双方应另行签订补充协议或技术咨询服务合同。8.2设计人为本合同项目所采用的国家或地方标准图，由发包人自费向有关出版部门购买。本合同第四条规定设计人交付的设计资料及文件份数超过《工程设计收费标准》规定的份数，设计人另收工本费。 　　8.3本工程设计资料及文件中，建筑材料、建筑构配件和设备。应当注明其规格、型号、性能等技术指标，设计人不得指定生产厂、供应商。发包人需要设计人的设计人员配合加工定货时，所需要费用由发包人承担。8.4发包人委托设计配合引进项目的设计任务，从询价、对外谈判、国内外技术考察直至建成投产的各个阶段，应吸收承担有关设计任务的设计人参加。出国费用，除制装费外，其它费用由发包人支付。8.5发包人委托设计人承担本合同内容之外的工作服务，另行支付费用。8.6由于不可抗力因素致使合同无法履行时，双方应及时协商解决。8.7本合同发生争议，双方当事人应及时协商解决。也可由当地建设行政主管部门调解，调解不成时，双方当事人同意由_________________________________仲裁委员会仲裁。双方当事人未在合同中约定仲裁机构，事后又未达成仲裁书面协议的，可向人民法院起诉。8.8本合同一式______________份，发包人________________份，设计人___________份。8.9本合同经双方签章并在发包人向设计人支付订金后生效。8.10本合同生效后，按规定到项目所在省级建设行政主管部门规定的审查部门备案。双方认为必要时，到项目所在地工商行政管理部门申请鉴证。双方履行完合同规定的义务后，本合同即行终止。8.11本合同未尽事宜，双方可签订补充协议，有关协议及双方认可的来往电报、传真、会议纪要等，均为本合同组成部分，与本合同具有同等法律效力。8.12其它约定事项：　                   发包人名称：（盖章）　　    设计人名称：（盖章）　　　　　　　　　　 法定代表人：（签字）　　　　法定代表人：（签字）                   委托代理人：（签字）　　　　委托代理人：（签字）                   住　　所：　　　　　　　　　住　　所：                   邮政编码：　　　　　　　　　邮政编码：                   电　　话：　　　　　　　　　电　　话：                   传　　真：　　　　　　　　　传　　真：                   开户银行：　　　　　　　　　开户银行：                   银行帐号：　　　　　　　　　银行帐号：                   建设行政主管部门备案：　　　                  鉴证意见：（盖章）　　　　　（盖章）备案号：　　　　　　　　　　　                经办人：                  备案日期：　　年　月　日　　　鉴证日期：　　年　月　日  </t>
  </si>
  <si>
    <t xml:space="preserve">《花心》原唱是谁啊？原来的歌名叫什么？听说是个日本人唱的 </t>
  </si>
  <si>
    <t>这首歌是冲绳民谣，是喜纳昌吉作词，首唱，邓丽君翻唱 .</t>
  </si>
  <si>
    <t xml:space="preserve">你如何理解基金投资理念? </t>
  </si>
  <si>
    <t>投资全攻略　 　　封闭式基金　　特点：与开放式基金相比，封闭式基金由于直接在沪深交易所挂牌交易，因此其价格除了受基金净值影响，还要受到市场供求影响。目前封闭式基金大多处于折价状态，即交易价格低于基金净值。　　选择要点：同上市公司一样，基金公司每年都会定期公布会计表报，投资者应关注基金公司基本面的变化。除此以外，基金价格也会受到股市波动的影响。而在品种选择上，基金折价率也是需要考虑的因素之一。　　风险程度：★★★★　　基金价格常常伴随股市产生波动，因此具有股票的某些特征，其风险程度也因此增大。　　预期收益：由于同时受到基金净值和市场供求的影响，预期收益非常不确定，相对于其他类型的基金，其对股市的依赖性最大。　　目标投资者：对股市有相当了解，有一定风险承受能力，预期收益较高的投资者。　　开放式基金——股票型基金　　特点：投资目标全部或大部分是国内上市公司的股票，其中有部分基金品种也投资于债券或其他金融工具。　　基金表现更依赖于股市，目前市场普遍看好2004年的股票市场，因此资金实力日趋雄厚的股票型基金仍将是市场的重要参与者和受益者。　　选择要点：对开放式基金的价值评判主要是对其业绩的评判。市场结构的变化将影响基金阶段性的净值表现，选择合适的时机介入及掌握基金净值波动的节奏是投资成功的关键。此外，基金管理水平的高低，基金规模的大小，基金的赎回情况都是重要的投资参考因素。　　风险程度：★★★　　目前国内股票市场依然存在一定的系统风险，由于缺乏必要的避险工具和对冲产品，因此股票型基金的收益对股票市场依赖性依然较大。而且基金的赎回情况也对基金运作构成一定压力。　　预期收益：受股市影响很大，具有较大的不确定性。有专家预测，在目前经济发展速度下，股票型基金平均预期收益约在10%以上。</t>
  </si>
  <si>
    <t xml:space="preserve">亚速海的位置(地图) </t>
  </si>
  <si>
    <t>这就是</t>
  </si>
  <si>
    <t xml:space="preserve">上网查了好久之后，决定买博帝托克二代固态硬盘Torqx2，我该怎? </t>
  </si>
  <si>
    <t>亚马逊吧~~我看到说是亚马逊，博帝的产品基本上在亚马逊那边，都是不用加运费的，满29包邮的那个</t>
  </si>
  <si>
    <t xml:space="preserve">石墨矿是怎样形成的石墨矿藏是不是和煤一样也是植物变成的？ </t>
  </si>
  <si>
    <t>石墨与煤，虽然化学成分都是碳（C），但是它们的形成条件却是迥然不同的。煤，是过去地质年代中的大量植物，由于地质作用深埋地下在隔氧的环境里形成的。石墨，是在高温、低压条件下形成的。以煤层或含碳沉积岩经过变质作用形成的石墨最常见。在岩浆岩与石灰岩的接触带，也有石墨产出，这是由于石灰岩分解出二氧化碳又经变质作用而形成的。</t>
  </si>
  <si>
    <t xml:space="preserve">谁能教我写一篇日记?题目自定. </t>
  </si>
  <si>
    <t>这是姐姐写的（姐姐是初一的，写得不好别见怪）！秋天，阴天，心情也随之繁重起来。不想写作业，那么出去走走吧。低头，漫无目的的走，忽然间只觉得眼前一亮，不自觉的就朝那抹光亮看去。我心不禁为之一振，那只是一排被蒙在雾中的柳树，却能为远在河岸对面的我带来光亮，那是一种怎样的不屈的精神啊！是啊，绿得那样翠，绿得那样明，绿得那样娇，绿得那样嫩。可是绿，不属于秋天这个萧瑟的季节。走向对岸，风来了，有点冷。柳枝在风中摇曳，柳叶儿也随风落下，无奈、悲哀，这就是命运吗？树儿终会枯萎，叶儿终会落下。伸手抓住一片叶子，冰凉的憔悴。它似乎不愿呆在我的手里，随风飘走了，是想追逐风中的舞蹈吗？恍然大悟：是啊，树儿终会枯萎，可你看到了吗？它却在中天还充满生机；叶儿终会落下，可你看见了吗？它却能在秋风中翩然起舞。即使不能改变结局，也要像秋天树儿一样坚强，不放弃希望；即使不能灿烂辉煌，也要像秋风中的叶儿起舞的那刻一样，谱写自己的人生乐章！（这是我今天写的，你看能用上吗？）</t>
  </si>
  <si>
    <t xml:space="preserve">电脑花屏我的电脑开始玩游戏过段时间花屏卡死，现在开进进系统就花屏 </t>
  </si>
  <si>
    <t xml:space="preserve">  首先从“我的电脑开始玩游戏过段时间花屏卡死”可以看出，以前没有出现过这种情况，所以也就不存在驱动没装的问题，可以知道现在天气炎热，显卡和内存，还有cpu出问题的可能性很大，但如果花屏，可以排除cpu出问题的可能性，只可能是显卡和内存，你可以用一楼的那位人兄的方法处理下内存条，如果故障依旧，可能是显卡有问题（可能是元件爆浆，或者主控被烧坏了），如果是元件爆浆，只要更换个同型号的就行，如果是主控烧坏了，那只能换个新的显卡了，要修就实在不划算了。  希望我的回答能解决你的问题。  对了，夏天一定要注意机箱的降温。</t>
  </si>
  <si>
    <t xml:space="preserve">巫师的精神冲击波怎么学,谢谢. </t>
  </si>
  <si>
    <t>你等开T100吧</t>
  </si>
  <si>
    <t xml:space="preserve">我的仙剑３为什么没有霍都是不是任务没做完 </t>
  </si>
  <si>
    <t>从锁妖塔出来，回到蜀山。看到邪剑仙，攻进蜀山，景天让雪见拿着阵妖剑去减清微道长。但被邪剑仙打死，然后去草海——蛮州——灵山仙人洞——古城镇。在古城镇到镇长家，看到紫萱正和镇长谈话，对话后，景天便去寻找龙葵，而龙葵其实就在祭坛中。来到祭坛后，镇长便会将众人送返现实……景天被镇长送回现实后，却看到自己回了蜀山，景天想改变过去，却再次经历一次雪见的死亡，而当雪见死的一刻，龙葵说好像看到雪见的灵魂，并说如有灵魂，就有可能复活，不过需到酆都鬼城，想办法进入鬼界。开启御剑飞行系统，便会看到"大地图"，为了想查看雪见的遗体是否“状态良好”景天等人便来到蜀山，在进入高级弟子房间，会找到紫萱和龙葵，对话后，众人决定前往酆都。走出房间，先到东方的桥上，会遇到花楹 (得到五毒珠) 在景天拒绝带花楹一同前往酆都后，花楹便愤怒地离去。便用御剑飞行来到酆都(就在大地图右上方，船．长江旁边)就成了。</t>
  </si>
  <si>
    <t xml:space="preserve">发了又撤，然后又发！17期九场已买单！自己先就声明了没有想法，没 </t>
  </si>
  <si>
    <t>买自己的彩，让别人说去吧！</t>
  </si>
  <si>
    <t xml:space="preserve">脑筋急转弯1.有一种细菌，经过1分钟，分裂成2个，再过1分钟，又 </t>
  </si>
  <si>
    <t>7.明天。其它同意　天龙八步半 的答案。</t>
  </si>
  <si>
    <t xml:space="preserve">一岁半的宝宝以前每天都喝绿豆汤或者冰糖梨水，导致现在不爱喝白开水? </t>
  </si>
  <si>
    <t>你好，对于小宝宝来说，最好的就是白开水，不建议总给宝宝喝带甜味的水，妈妈可以慢慢减少糖水的量，慢慢过渡到白开水，另外注意以下方面：1、宝宝睡觉醒后和玩耍投入时，给宝宝喝白开水，因为这个时候宝宝很乖，很容易接受他平时不爱接受的事情。?2、吃饭后，以漱口为名，让宝宝喝口白开水。?3、带宝宝出去玩时，可以给宝宝找一个喝白开水的小朋友做榜样，让宝宝向他学习。?4、每个宝宝都会有他们心目中喜欢的事物。如果宝宝喜欢天线宝宝，就可以给他编一个天线宝宝喝白开水的故事。?5、全家人要做好约定，在宝宝面前一律喝白开水，甚至家里在一定时间内不要存有饮料；妈咪要经常在宝宝面前喝白开水，喝的时候也给宝宝喝，也可以拿不同的小容器给宝宝喝白开水。?6、千万不要为了让宝宝多喝水而给宝宝喝加了饮料的白开水。?</t>
  </si>
  <si>
    <t xml:space="preserve">韶关不孕不育检查项目！韶关不孕不育检查项目有些什么？谁在韶关做过 </t>
  </si>
  <si>
    <t>各地的情况是一样的，含生殖系统的的病理检查，内分泌的检查；精液和卵细胞的检查等。</t>
  </si>
  <si>
    <t xml:space="preserve">求解一个高二物理题！S为离地面高为H的一个小灯泡（可视为质点）， </t>
  </si>
  <si>
    <t>刚水平抛出的小球，有一个适当的初水平速度。水平初速度在墙上的影子肯定是为0的，即：V1=0。点光源的照射，把物体的垂直运动放大投影在墙上。放大倍数取决于物体处于灯、物、墙三者连线中的距离比例。当物体无限接近于墙时，比例为趋近于1。所以终点时投影的速度就等于物体的自由落体速度，即：V2=2gH 。附图可以看出，在某一瞬间，物体的实际位移和投影的位移是不同的，影子的位移较大，则影子的速度也就会较大的。这种放大的倍数和物体所处的位置有关，当物体无限靠近墙的时候，放大倍数就是1了。</t>
  </si>
  <si>
    <t xml:space="preserve">清泉老师帮我看看600855(成本8.77)明天如何操作?清泉老 </t>
  </si>
  <si>
    <t>明天股市大跌撤退明天回补缺口</t>
  </si>
  <si>
    <t xml:space="preserve">物理电学家庭电路中,灯泡短路有两种,一种是灯丝短路,另以一种是什 </t>
  </si>
  <si>
    <t>另一种是插头短路就是两个接线头碰在一起了 一般前一种不易发生</t>
  </si>
  <si>
    <t xml:space="preserve">读书重要么? </t>
  </si>
  <si>
    <t>我对“读书足以怡情，足以，足以长才。” 及“好读书，不求甚解”，最感兴趣。读书是对我们最大的补充,读懂书是我们最大的收获.读书就是引领人们从狭隘走向广阔的过程。使你心智不那么闭塞，头脑不那么固执，思想不那么僵化，眼界不那么狭隘；从而领悟人类心灵的广袤与深邃，理解世界的多样与神奇，明了世事的无常与诡异。读书可以陶冶人的情操，启迪人的智慧，扩大人的视野，增强人的能力，丰富人的情感，磨炼人的意志，提高人的阅历， 读书恰恰就是一个很有效的方法，这就要求我们必须比较广泛地读书，不仅要读与自己专业知识有关的书，而且还应当读一些看似与自己的专业知识关系不大、但实际上是拓宽视野、增长见识的书。读书与一个人的修养密切相关。热爱书籍的人才会享受生命,感恩生活!试想一个精神工作者都不爱书,还怎样去营造书香校园?还这样去建设书香社会。我们要不断树立一个信念播撒阅读的种子，收获快乐和感动。读书可以改变人的命运，使人活得高贵、优雅。培养学生喜欢读书的热情和兴趣，这是我们当今新教育实验学校、教师的职责所在。不管外面的世界怎样变化，人类的精神家园不能没有了书，一个高度文明的社会定然是书香弥漫的社会。以书为伴，我们的生活才会不断亮丽、充实起来。没有书籍的生活，就像没有蜂蝶的花园；没有书籍的生活，就像没有绿洲的沙漠；没有书籍的生活，就像没有鱼儿的大海；没有书籍的生活，就像没有云彩的天空；没有书籍的生活，就像没有繁星的宇宙……当读书成为习惯,你的人生将不会再有寂寞，你的人生将因此而改变，你的生活将丰富多彩。“书中自有颜如玉、书中自有黄金屋”，让我们更多的人热爱读书吧答案补充读书才能使我们懂得更多知识，才能使社会不断进步！！！</t>
  </si>
  <si>
    <t xml:space="preserve">自鸣电水壶不叫了?电水壶用用,现在水开了后不响了,有没有什么办法 </t>
  </si>
  <si>
    <t>里边有两个铁片，用钳子打开后，把变形部分纠正即可！如果是嘴部自然老化，建议更换新的！提醒你，注意安全！</t>
  </si>
  <si>
    <t xml:space="preserve">改名的问题本人最近要去改名，警察说要写个申请理由。我大学已经毕业 </t>
  </si>
  <si>
    <t>成人改名具体程序和手续  一，条件及提供材料 1、 未满16周岁公民要求变更现用姓名的，由父母或者监护人持居民身份证、户口簿，填写申请报告，向户口所在地公安派出所申请办理变更； 2、 已满16周岁公民，由本人持居民身份证、户口簿、有关证明、证书原件或复印件，向户口所在地公安派出所申请，报市、县公安机关审批后，办理变更，缴交相片换领居民身份证。 二，办理程序及时限： 公安派出所应当在接到的申请材料5个工作日内作出核准或者不核准的决定，需上报市公安局的，市公安局接到材料后应当在5个工作日内作出核准或者不核准决定。公安派出所在接到上级公安机关核准或不核准的决定后，2日内将结果通知申请人。 三，注意： 1，本人要表达改名的意愿， 2，理由要充分， 3，本人要承诺改名后引起的民事和责任均由自己承担， 4，依法被剥夺政治权利和正受刑事处罚和劳动教养者，不得变更姓名。 5，公民依法变更姓名后，原姓名作为“曾用名”备查。 6，一生只能更改一次。 另外要提醒楼主的是，改名一定要慎重，因为改名后会涉及到自己的银行卡、社保、医保以及产权证等等一系列问题，若处理不好，也会产生许多麻烦。您事实上确实是有改名的理由的,不然就不会有改名的想法,不妨直接写吧.按照法律规定,改名是公民的自由.</t>
  </si>
  <si>
    <t xml:space="preserve">龙亭湖有水么？ </t>
  </si>
  <si>
    <t xml:space="preserve">北京海淀区哪的小升初培训好?北京海淀区哪的小升初培训好？孩子小学 </t>
  </si>
  <si>
    <t>北京市海淀区中关村东路南二条2号就有为明教育学校，从2010年起，连续三年保持了对北大附中、北大资源学校的最高升学率。为同类培训学校之首。所以本人觉得是值得推荐的。</t>
  </si>
  <si>
    <t xml:space="preserve">什么样版本的QQ能显示IP地址？ </t>
  </si>
  <si>
    <t xml:space="preserve">你好！ QQ2007传美版或珊瑚虫版、飘云版都可以查看IP。 传美版既可查看IP又能查看QQ好友是否隐身。 传美版QQ下载地址：  QQ珊瑚虫版下载地址：  飘云版QQ下载地址：  IP查询：  </t>
  </si>
  <si>
    <t xml:space="preserve">买比亚迪F6还是现代悦动？10w左右的车，比较看中这两款，听说比 </t>
  </si>
  <si>
    <t>"F6黄金版确实还不错，我了解过这款车，外观、空间都很不错，尤其配置相当丰富，现在新出的2.0CVT更是超值，比如双层双模式电动天窗、木纹装饰中控台、LED变光式组合仪表、中文八方向显示防眩目内后视镜、ETC电控节气门、三键高频遥控中央门锁及行李箱锁，安全配置方面，ABS+EBD，四轮盘式制动，车门内置防侧撞保护杆，智能型双安全气囊和侧气囊，倒车雷达，高位刹车灯等等这些，给人感觉很人性化。比较来看，悦动1.8L MT的自动恒温空调、6个扬声器、智能行车电脑、四向可调驾驶席等配置相比F6黄金版2.0 CVT逊色不少。动力方面，F62.0CVT无级变速行驶平稳，而且动力也更强劲。"</t>
  </si>
  <si>
    <t xml:space="preserve">小问题我在奇怪为什么那么多人都说2转传送就要花掉好多钱，不是接任 </t>
  </si>
  <si>
    <t>是最近才送的……以前不给的 完全自己掏腰包 可能大家还不了解情况</t>
  </si>
  <si>
    <t xml:space="preserve">金融市场中半??式效率的问题Aremodernfinancial </t>
  </si>
  <si>
    <t>例子是，公司高管或者股东自己买卖自己公司的股票如果出现非正常盈利有嫌疑是利用了内幕消息。监测信息发布日前的一段时间他们的账户是不是交易量异常可以查到。一般会更隐蔽些，用关联人地账户。基金的老鼠仓一样是基金经历利用内部消息，通过关联方挣钱。他自己知道他买的是哪个股票，用基金的钱拉升股票，自己的账户出货。一般投资者不清楚股价为什么上涨，但是基金经理清楚。他不可能告诉市场这些消息的。</t>
  </si>
  <si>
    <t xml:space="preserve">盘牙武器交一个多少声望RT再问下：远征队的声望崇敬后刷一次PT蒸 </t>
  </si>
  <si>
    <t>楼上的别乱说。盘牙武器交一次是75声望。市场价，我们服（4区，耳语海岸）是7G一个可以收到。但是不建议你这样花大量的G去冲声望。虽然开荒毒蛇的时候，如果不到崇拜会无法在门口的NPC前修理装备，比较麻烦，还得飞回去修。建议你如果是治疗的话，那么组3法师，一T（最好是74，可以群拉）去刷PT蒸气。通杀队，A起来很快。一次下来1500左右的声望。快的话半小时一次。如果不是治疗，那么多组法师是硬道理。A起来很快。而且也会随机掉落盘牙武器。LZ考虑下。</t>
  </si>
  <si>
    <t xml:space="preserve">玩传世机子卡的要死怎么办呢？现在可能是学生放假的原因，上网的人太 </t>
  </si>
  <si>
    <t xml:space="preserve"> 是机子问题还是服务器问题???如果是服务器问题,那没办法,盛大不给解决我们没办法.机子烂就只有自己买部件换了.你系统问题就重新安装下.如果你是有时候卡有时候不卡,估计是服务器问题,不排除网络故障问题,你就只有找你的网络安装商了.</t>
  </si>
  <si>
    <t xml:space="preserve">WX刷钱常用的是哪个技能。一小时能刷多少高手来来。。 </t>
  </si>
  <si>
    <t>打怪：断岳扫，断岩炎震，横扫千军引怪：疾风步，凌波微步我最多三小时刷了110万现金和8件小黄金（是随机组的，小号没要黄金，全给我了）</t>
  </si>
  <si>
    <t xml:space="preserve">鸡眼好几个月了，贴鸡眼膏不管用，鸡眼膏太小1，不想做手术，怎么办? </t>
  </si>
  <si>
    <t>可尝试用下面一些方法去除。　　1.取乌梅10枚，研成细末，装入瓶内，加上香油浸泡7～10天，和匀成药膏。用温盐水浸泡鸡眼，待粗皮软化去除粗皮，取适量药膏敷在鸡眼上，再用纱布包扎，12小时换一次药，3天为一个疗程。　　2.取地骨皮、红花各10克，研成细末，加适量香油调成糊状。每晚热水泡脚后，取适量药糊涂在鸡眼上，再用无毒塑料薄膜盖上，用胶布固定。　　3.取芦荟和少许盐水，研成药糊。每晚热水泡脚后，取适量药糊涂在鸡眼上，用无毒塑料薄膜覆盖，再用胶布固定好。每天1次，10天为一个疗程。　　4.取紫皮独头蒜一个，葱白一根，花椒3～5粒，放在一起搅成泥状，敷在鸡眼上，用胶布外贴密封。24小时后除去胶布和药泥，1次未愈可再用。　　5.取六神丸10余粒，研成细末，加适量醋调成糊状。将鸡眼洗净，除去表面角质层，用盐水浸泡半小时后，将药糊涂在鸡眼上，用胶布固定好。3天换一次药。　　6.取数片阿司匹林，用盐水调成糊状，然后涂在鸡眼上，用热毛巾敷10分钟。每日1次，1周为一个疗程。　　在用上述方法软化鸡眼时，如果出现了破损、出血、流脓，应该及时到治疗，以免贻误病情。</t>
  </si>
  <si>
    <t xml:space="preserve">高三学生现在应该做马上就要高考了，高三家长怎样做 </t>
  </si>
  <si>
    <t>多和孩子谈心，营造愉快的氛围。因为他们压力太大。饮食不必太讲究，什么加强营养都是商家的假话，现在的生活条件都能满足营养需要，你刻意去做很多事情会给孩子很大的压力。选学校做好也要和孩子沟通，指导他们选择好的学校好的专业。记住：刻意去做的努力会给孩子很大压力。如果他本身压力就很大，就不要再施压了。如果他自身主观能动性差些就让他明白他到了承担压力、责任的年龄了。（责任是指对自己负责）希望对你有所帮助。</t>
  </si>
  <si>
    <t xml:space="preserve">用ＩＩＳ架设FTP服务器的流程是？现在需要做个共享考虑用ftp来 </t>
  </si>
  <si>
    <t>　　架设一台ＦＴＰ服务器其实很简单。首先，要保证你的机器能上网，而且有不低于ＡＤＳＬ ５１２Ｋｂｐｓ的速度。其次，硬件性能要能满足你的需要。最后，需要安装ＦＴＰ服务器端的软件，这类软件很多，可以使用微软的ＩＩＳ（Ｉｎｔｅｒｎｅｔ Ｉｎｆｏｒｍａｔｉｏｎ Ｓｅｒｖｅｒ 因特网信息服务系统），也可以使用专业软件。不同的 　　软件提供的功能不同，适应的需求和操作系统也不同。一般来说，系统最低要求如下：　　ＣＰＵ：ＰⅢ ４５０ＭＨｚ以上　　内存：２５６ＭＢ ＳＤＲＡＭ以上　　带宽：ＡＤＳＬ ５１２Ｋｂｐｓ以上　　至于操作系统，Ｗｉｎｄｏｗｓ ９８／Ｍｅ／ＮＴ／２０００／ＸＰ均可，如果对服务器的性能和安全性要求很低，可以采用Ｗｉｎｄｏｗｓ ９８和Ｗｉｎｄｏｗｓ Ｍｅ。本文中，如无特殊说明，均以Ｗｉｎｄｏｗｓ ＸＰ专业版为操作系统，其余操作系统下ＦＴＰ服务器的架设及设置均大同小异。　　一、用ＩＩＳ架设　　如果只是想建个小型的同时在线用户数不超过１０个的ＦＴＰ服务器，且不会同时进行大流量的数据传输，可以用ＩＩＳ ５．０作为服务器软件来架设（ＩＩＳ只适用于Ｗｉｎｄｏｗｓ ＮＴ／２０００／ＸＰ操作系统）。　　１．安装　　Ｗｉｎｄｏｗｓ ＸＰ默认安装时不安装ＩＩＳ组件，需要手工添加安装。进入控制面板，找到“添加／删除程序”，打开后选择“添加／删除Ｗｉｎｄｏｗｓ组件”，在弹出的“Ｗｉｎｄｏｗｓ组件向导”窗口中，将“Ｉｎｔｅｒｎｅｔ信息服务（ＩＩＳ）”项选中。在该选项前的“√”背景色是灰色的，这是因为Ｗｉｎｄｏｗｓ ＸＰ默认并不安装ＦＴＰ服务组件。再点击右下角的“详细信息”，在弹出的“Ｉｎｔｅｒｎｅｔ信息服务（ＩＩＳ）”窗口中，找到“文件传输协议（ＦＴＰ）服务”，选中后确定即可。　　安装完后需要重启。Ｗｉｎｄｏｗｓ ＮＴ／２０００和Ｗｉｎｄｏｗｓ ＸＰ的安装方法相同。　　２．设置　　　　电脑重启后，ＦＴＰ服务器就开始运行了，但还要进行一些设置。点击“开始→所有程序→管理工具→Ｉｎｔｅｒｎｅｔ信息服务”，进入“Ｉｎｔｅｒｎｅｔ信息服务”窗口后，找到“默认ＦＴＰ站点”，右击鼠标，在弹出的右键菜单中选择“属性”。在“属性”中，我们可以设置ＦＴＰ服务器的名称、 　　ＩＰ、端口、访问账户、ＦＴＰ目录位置、用户进入ＦＴＰ时接收到的消息等。　　１）ＦＴＰ站点基本信息　　进入“ＦＴＰ站点”选项卡，其中的“描述”选项为该ＦＴＰ站点的名称，用来称呼你的服务器，可以随意填，比如“我的小站”；“ＩＰ地址”为服务器的ＩＰ，系统默认为“?全部未分配　”，一般不须改动，但如果在下拉列表框中有两个或两个以上的ＩＰ地址时，最好指定为公网ＩＰ；“ＴＣＰ端口”一般仍设为默认的２１端口；“连接”选项用来设置允许同时连接服务器的用户最大连接数；“连接超时”用来设置一个等待时间，如果连接到服务器的用户在线的时间超过等待时间而没有任何操作，服务器就会自动断开与该用户的连接。　　２）设置账户及其权限　　很多ＦＴＰ站点都要求用户输入用户名和密码才能登录，这个用户名和密码就叫账户。不同用户可使用相同的账户访问站点，同一个站点可设置多个账户，每个账户可拥有不同的权限，如有的可以上传和下载，而有的则只允许下载。　　３）安全设定　　进入“安全账户”选项卡，有“允许匿名连接”和“仅允许匿名连接”两项，默认为“允许匿名连接”，此时ＦＴＰ服务器提供匿名登录。“仅允许匿名连接”是用来防止用户使用有管理权限的账户进行访问，选中后，即使是Ａｄｍｉｎｉｓｔｒａｔｏｒ（管理员）账号也不能登录，ＦＴＰ只能通过服务器进行“本地访问”来管理。至于“ＦＴＰ站点操作员”选项，是用来添加或删除本ＦＴＰ服务器具有一定权限的账户。ＩＩＳ与其他专业的ＦＴＰ服务器软件不同，它基于Ｗｉｎｄｏｗｓ用户账号进行账户管理，本身并不能随意设定ＦＴＰ服务器允许访问的账户，要添加或删除允许访问的账户，必须先在操作系统自带的“管理工具”中的“计算机管理”中去设置Ｗｉｎｄｏｗｓ用户账号，然后再通过“安全账户”选项卡中的“ＦＴＰ站点操作员”选项添加或删除。但对于Ｗｉｎｄｏｗｓ   ２０００和Ｗｉｎｄｏｗｓ ＸＰ专业版，系统并不提供“ＦＴＰ站点操作员”账户添加与删除功能，只提供Ａｄｍｉｎｉｓｔｒａｔｏｒ一个管理账号。　　提示：匿名登录一般不要求用户输入用户名和密码即可登录成功，若需要，可用“ａｎｏｎｙｍｏｕｓ”作为用户名，以任意电子邮件地址为密码来登录。　　４）设置用户登录目录　　最后设置ＦＴＰ主目录（即用户登录ＦＴＰ后的初始位置），进入“主目录”选项卡，在“本地路径”中选择好ＦＴＰ站点的根目录，并设置该目录的读取、写入、目录访问权限。“目录列表样式”中“ＵＮＩＸ”和“ＭＳ－ＤＯＳ”的区别在于：假设将Ｇ?＼Ｆｔｐ设为站点根目录，则当用户登 　　录ＦＴＰ后，前者会使主目录显示为“＼”，后者显示为“Ｇ?＼Ｆｔｐ”。设置完成后,FTP服务器就算真正建成了。如果前面IP地址为 ,则用户使用FTP客户端软件(用来登录FTP服务器的上传/下载软件,如CuteFTP、FlashFXP等,如无特别说明,本文中所称FTP客户端软件均以CuteFTPPro2.0为例)时,主机处填 ,端口填21,此服务器的地址表述为:ftp?// ?21。IIS虽然安装简单,设置较简便,但功能不强,管理也很麻烦,尤其是连新建一个基本的授权访问账户都要进行繁杂的设置,而且IIS本身的安全性也比较差,容易受到诸如“红色代码”等专门针对IIS漏洞进行攻击的病毒侵袭,因而很多人都喜欢使用第三方的FTP服务器软件来架设。</t>
  </si>
  <si>
    <t xml:space="preserve">屁股及脚上打肿起来怎么才能消肿有青紫淤肿 </t>
  </si>
  <si>
    <t>现在24小时内可以冷敷，冰块冷水都可以（要注意冻伤）；24小时后就要热敷，同时加上一些跌打药水，中草药（如正骨水，“金黄散”等，一般药店有售）外用，头几天最好打点针消炎，预防万一。如果小范围可以酌情治疗。</t>
  </si>
  <si>
    <t xml:space="preserve">请问南方高增的今日净值？谢谢 </t>
  </si>
  <si>
    <t>南方高增长 1.4823 2.3863 1.5045 2.4085 -0.0222 -1.48% 今天它可跌得惨呀！！</t>
  </si>
  <si>
    <t xml:space="preserve">完美的妖精怎么样听说80级后PK还行（不过我不怎么爱PK），但也 </t>
  </si>
  <si>
    <t>妖精还可以啊  可以带宠物也是一大优势啊  装备的话  自己做的话做好一点的  就是发光的  还是比较容易的  运气好就可能会做出极品出来啊  打的话一般是垃圾  不过运气很好的话也有可能出极品啊不过比自己做出极品的几率低</t>
  </si>
  <si>
    <t xml:space="preserve">账号问题原来的2个cdkey邦定到一个战网通行证上，那以后这2个 </t>
  </si>
  <si>
    <t>可以的，对登录游戏是要先用战网帐号跟密码登录，然后再选用你原来的哪个魔兽帐号。</t>
  </si>
  <si>
    <t xml:space="preserve">高手取名本人姓陆，母亲姓朱：请各路高手帮忙给女儿取名于：2011 </t>
  </si>
  <si>
    <t>1、免费测试姓名网： 2、关于前面的人所说的名字你可一一进行测试，我帮你女儿起的名字为：陆玲妍（94）陆天琪（95）陆姝静（92），我认为陆玲妍为最佳，其次是陆姝静，再次是陆天琪。3、名字并不是分数越高就越好，还的配合生肖、星座、姓名评价等来综合判断</t>
  </si>
  <si>
    <t xml:space="preserve">萧何在刘邦赢得楚汉战争中起到的作用？ </t>
  </si>
  <si>
    <t>萧何，是汉朝初年丞相。谥号“文终侯”，汉初三杰之首。辅助汉高祖刘邦建立汉政权。　　泗水沛(今江苏沛县)人。曾任沛县主吏掾、泗水郡卒吏等职，持法不枉害人。秦末随刘邦起兵反秦，刘邦进入咸阳，萧何把相府及御史府的法律、户籍、地理图册等收集起来，使刘邦知晓天下山川险要、人口、财力、物力的分布情况。项羽称王后，萧何劝说刘邦接受分封，立足汉中，养百姓，纳贤才，收用巴蜀二郡的赋税，积蓄力量，然后与项羽争天下。为此深得刘邦信任，被任为丞相。他极力向刘邦举荐韩信，认为刘邦要取得天下非用韩信不可。后来韩信在楚汉战争中的才干证明萧何慧眼识人。楚汉战争中，萧何留守关中，安定百姓，征收赋税，供给军粮，支援了前方的战斗，为刘邦最后战胜项羽提供了物质保证。西汉建立后，刘邦认为萧何功劳第一，封他为侯。后被拜为相国。刘邦去世后，继续辅佐惠帝。萧何病危时，举荐曹参接替自己，保证了汉初政策的连续性。</t>
  </si>
  <si>
    <t xml:space="preserve">道具新手任务个级大家都拿什么宠??新手等级：20奖励：新手：可以 </t>
  </si>
  <si>
    <t>新手:20:6小时时间水晶40:德鲁伊之鬼60:改造螳螂80:任选其一,看个人爱好100:欧特奇美拉老手:20:杀人螳螂40:任选其一,看个人爱好60:任选其一,看个人爱好80:亚斯普100:魔法黄金龙PS:任选的看爱好,其它的都是实用的</t>
  </si>
  <si>
    <t xml:space="preserve">飚车和光线光线马上就要公测了，不知道飚车里的人会不会少，反正飚车 </t>
  </si>
  <si>
    <t>内测的光线我进去玩了  不知道怎么说  哎  就是画面有点靓丽的真实感！   说实话  操控起赛车的感觉真TMD太假了  太幼稚的操作  好像回到了以前打红白机的那种时代一样  跟本不是赛车嘛  操控性明显比不上飚车的真实感  更别说和极品比了 那操控真实感比极品要差TMD几十倍拉   最初的极品估计都比它做的真！！   光线的赛车操控性 就差不多和暴力摩托 那个游戏一样   不知道大家玩过暴力摩托没？就和那个差不多！</t>
  </si>
  <si>
    <t xml:space="preserve">这样正常吗?快来看看.做爱时女朋友不会叫床怎么办.她一点声音都不 </t>
  </si>
  <si>
    <t>正常  有的女的就是不会叫  没有什么办法   只能表示同情  因为要是让她刻意的叫 你会更受不了的</t>
  </si>
  <si>
    <t xml:space="preserve">宝宝肌张力高男宝4个半月，足月小样儿，发育评估说是肌张力高，去了 </t>
  </si>
  <si>
    <t>需要及早进行干预治疗，有希望康复！</t>
  </si>
  <si>
    <t xml:space="preserve">比分单不走正常路。 </t>
  </si>
  <si>
    <t>好！预祝中奖！高兴了周末来个大的！！</t>
  </si>
  <si>
    <t xml:space="preserve">最近老是眼角疼滴眼药水都不好使 </t>
  </si>
  <si>
    <t>如果是靠近鼻子那边的眼角疼,这是眼孔睹塞到医院去通一下即可.</t>
  </si>
  <si>
    <t xml:space="preserve">经常用电脑，如何保护眼睛？工作必须每天对电脑，长达10个小时左右 </t>
  </si>
  <si>
    <t xml:space="preserve">   最重要的是注意眼睛的休息，隔一段时间休息一下，闭目养神啊，看远方风景拉都行。看电脑不要长时间不眨眼，（眨眼有好处）。   最好有时间打打球什么的。比如乒乓球，羽毛球，篮球（足球不太管用，忘了看你的性别，懒得退回去，网速慢）等，原理跟上面一样且这个很管用。   如果上面的都做不到，在显示器上下工夫，加个有护眼功能的保护屏，屏幕亮度调柔和一点，显示器刷新率调高一点。调整与显示器的距离（50厘米左右），相对高度（略微俯视）。</t>
  </si>
  <si>
    <t xml:space="preserve">糠疹怎样才能彻底治好?去皮研所去看过,是石棉糠疹,现在擦过药后不 </t>
  </si>
  <si>
    <t>可用5.／.硫磺霜,10.／.金枚素软羔,水杨酸软羔,尿素软羔.大枫子油等擦.</t>
  </si>
  <si>
    <t xml:space="preserve">元旦联欢可以做什么游戏？ </t>
  </si>
  <si>
    <t xml:space="preserve">1、成语连珠,就是先说个成语每个组或每个人用最后一个字接成语......接不上的看着处罚就可以了,挺有意思. 2、来个BINGO游戏吧．一张纸．100个问题10×10．首先回答完一行或一列的有奖．问题为对班级成员特点的描述．请描述对象签名方为答对一道． 3、让你们班的同学用家乡话说一段对白，越经典的越好哦 比如：大话西游里的那个曾经有一段。。。。。。 4、在会场中间拉很多绳子,然后选一些人让他们不能碰绳子穿过去，然后这些人的眼睛蒙住眼睛，在把绳子去掉，然后就看这些人的精彩表演吧，不过只能用一次，大家晓得了就没意思了 5、跳舞吧，俺前两天刚跟外教学了个“宫廷转圈舞”（偶自己命名的）很适合大家一起跳的，不会蹦迪的都能学会的。 </t>
  </si>
  <si>
    <t xml:space="preserve">我的天使之恋怎么开不起来了?一开就说执行天使之恋失败！昨天还好好? </t>
  </si>
  <si>
    <t>建议你卸载干净后重新安装一次也许是你系统或者什么软件 将天使里的某些文件误杀误判了 导致数据丢失什么的</t>
  </si>
  <si>
    <t xml:space="preserve">旅游要注意的细节 </t>
  </si>
  <si>
    <t>旅游是一种在辛苦和疲惫中寻找快乐和放松并增长见识的经历。是增长见识和经验的好机会。古人说：“读书万卷不如行万里路”.去名胜古迹可以看看古人在这块土地上留下的各种遗迹，了解了解我们中华的博大精深,学到更多的知识。     去自然风景区，能够直接面对自然界的奇异景观，陶冶情操增长见闻。去繁华的大都市可以目睹大城市的时尚和繁荣和人间百态。          旅行证件          包括个人身份证件、十二岁以下儿童乘坐飞机务必携带户口薄；如果出境旅游，则要备好护照等。夫妻共同旅游，要带好“结婚证”，车票、机票、信用卡等也要妥善保管好。          服 装          旅游服装要讲究舒适、方便、保暖、透气。     一般内外衣有两套换洗，保持个人清洁即可御寒衣可根据个人体质和旅游区气候，酌情携带。     夏、秋季时，我国南北温差不大，所以不必带太多衣服，但到山地旅游则要增带御寒衣服。喜欢游泳的游客可带游泳衣、裤。     冬季我国南北温差悬殊，要根据往南旅游决定所带衣服。          鞋 袜          旅游鞋袜是否合适，对旅游效果有直接的影响。     旅游要选择具有柔软、防滑、结实、高帮等特点的鞋，柔软可以使走路轻快，防止腿脚扭伤和疲劳。     防滑的鞋底在险要地段行走可防止发生危险。结实的鞋子才能适应长途旅游的需要。     高帮鞋不易进杂物，还可避免鞋口磨脚、掉鞋等麻烦。袜子以线袜为宜，它不仅具有较好的吸汗作用，还可以调整脚与鞋的间隙，减少磨擦。          书藉资料          携带旅游指导书，景点资料介绍书、消闲图书、列车时刻表等交通资料。另外还应带上签字笔、日记本、以备撰写旅游日记，这是很有意义的事。     另外，必备的还有通讯录、名片等，以供联系、交往所用。          照相机、胶卷          旅游摄影是非常重要的旅游活动之一，一定要备上适用照相机，胶卷一定要多准备几卷，随身携带。     因为现在在旅游景点出售的胶卷不仅价格高，而最重要的是它们的质量很难得到保证，一旦买到劣质或假冒胶卷，使你的一番辛苦全都白费，对于你的旅游热情将是一个极大的打击。          要有周密的旅游计划          即事先要制定时间、路线、膳宿的具体计划和带好导游图、有关地图及车、船时间表及必需的行装( 衣衫、卫生用品等)，出发前要反复确认所带的物品，以免发生不必要的麻烦。          注意旅途安全          旅游有时会经过一些危险区域景点，如陡坡密林、悬崖蹊径、急流深洞等，在这些危险区域，要尽量结伴而行，千万不要独自冒险前往。          讲文明礼貌          任何时候、任何场合，对人都要有礼貌，事事谦逊忍让，自觉遵守公共秩序。          爱护文物古迹          旅游者每到一地都应自觉爱护文物古迹和景区的花草树木，不任意在景区、古迹上乱刻乱涂。          注意卫生与健康          旅游在外，品尝当地名菜、名点，无疑是一种"饮食文化"的享受，但一定要注意饮食饮水卫生，切忌暴饮暴食。           警惕上当受骗          目前社会上存在着一小部分偷、诈、抢的坏人，因此，"萍水相逢"时，切忌轻易深交，勿泄"机密"，以防上当受骗造成自己经济、财物上的损失。          带个小药包          外出旅游要带上一些常用药，因为旅行难免会碰上一些意外情况，如果随身带上个小药包，做到有备无患。（常用药品：黄连素，感冒药，创口贴，其他慢性病的常用药）          景点拍照注意          拍照时，如果自己要把随身的包放下，一定要找自己的朋友看管，不要随手放置，放置被人牵走。          尊重当地的习俗          我国是一个多民族的国家，许多少数民族有不同的宗教信仰和习俗忌讳。俗话说："入乡随俗"。在进入少数民族聚居区旅游时，要尊重他们的传统习俗和生活中的禁忌，切不可忽视礼俗或由于行动上的不慎而伤害他们的民族自尊心。</t>
  </si>
  <si>
    <t xml:space="preserve">停牌后一般会怎样?还有各位大师进来研究下周大盘会怎样?我的600 </t>
  </si>
  <si>
    <t>这种情况是因股而异。在上升的时候一般在停牌后还有一个惯性的上升，而在下降时则相反。我个人认为下周大盘反弹机会有80%以上。大盘反弹时个股也不一定上升。所以说因股而异。在日换手率2——3%以下时可能止跌。红豆股份。我感觉中线可持有。短线可出局。个人意见，供参考。不作投资依据。祝您投资成功！</t>
  </si>
  <si>
    <t xml:space="preserve">导致癫痫病的原因是什么？癫痫病的形成，主要和哪些因素有关呢？ </t>
  </si>
  <si>
    <t>导致癫痫病的原因有以下几种：1、形成癫痫病的常见原因还有各种脑炎、脑膜炎、脑脓肿病人愈后部分人可有后遗证。2、颅内肿瘤：30岁以后发生癫痫病的病人，脑肿瘤是常见病因，以缓慢性生长的少突胶质瘤、脑膜瘤、星形细胞瘤多见，是癫痫病的病因。3、酗酒。酗酒也是成人导致癫痫的原因，因为长期大量饮酒除可引起胃炎、心律失常、造血功能和免疫功能异常外，最主要的是神经系统毒性，造成脑组织代谢障碍，造成癫痫发作，还可能导致留意力低下，记忆力减退，甚至痴呆。另外酒后生事、打架斗殴或发生事故，造成颅脑外伤，进一步引发癫痫。</t>
  </si>
  <si>
    <t xml:space="preserve">在梦幻西游里怎样得到专有装备？同题 </t>
  </si>
  <si>
    <t xml:space="preserve">用鉴定图鉴定 有一定几率出先专用的 </t>
  </si>
  <si>
    <t xml:space="preserve">急性精神分裂症的治疗?咋办？怎么办，一年时间了，还没好，很痛苦！ </t>
  </si>
  <si>
    <t>如果确诊是急性精神分裂症，此时药物治疗是最主要的治疗手段，其次辅以心理治疗也很重要。在病人缓解期，一些有益的食疗和日常调节方法，也是不错的选择，这些措施都有助于患者病情的康复。早点去看看吧，可以去成都南亚什么研究所，还不错的，可以去看看！</t>
  </si>
  <si>
    <t xml:space="preserve">宝宝什么时候可以吃盐呀我家宝宝5个多月了，不知道什么时候才可以吃 </t>
  </si>
  <si>
    <t>由于宝宝的肾还没有发育好最好还是等到宝宝10个月以后加盐,盐量也是越少越好,否则会加重肾脏负担.宝宝现在可以喝汤,可以吃软烂的面条,可以吃果泥,果水,但是带油的汤还是要少喝点,以免造成宝宝腹泻.祝:宝宝健康成长!</t>
  </si>
  <si>
    <t xml:space="preserve">男性包皮能做手术请问做男性包皮手术(激光治疗)从开始检查到最后回 </t>
  </si>
  <si>
    <t xml:space="preserve">对你的包皮问题，我给你以下客观的医学参考文献，希望能给予你帮助：包皮的医学概念!（值得你关注，挺详细） 是一篇相当不错的文章 包皮 ◎非割不可的情况如下 　‧包茎：包皮无法后退而露出龟头的一种情况， 　　常因为局部卫生不良而引起感染。 　‧反复包皮发炎或沾粘者。 　‧箝顿性包皮：龟头露出后，却被包皮卡住了，退不下来， 　　造成水肿严重者。 　‧包皮出口如瓶颈状者：出口太窄，像酒瓶口太小， 　　勃起后『龟头出得来、却不易退回』者。 ◎割不割都可以者 　‧没有上列情形者，但是勃起后龟头却会被部份盖住者。 ◎割包皮后，的确可以降低敏感度；但通常医师不会为此理由， 　而建议他人手术。 不割包皮的原因 有些男生生出来包皮会长，于是便顺理成章想把包皮割掉，以求一劳永逸。但我并不 赞同割包皮。因为割了之后，会大大削减性爱时所带来的快感。这是基于： ◎医生在割包皮的时候，很多时会一并把在龟头环背面那连接龟头颈部与包皮的结缔 组织割去。而这部份的组织正能在男生做爱时，带给他们性爱上的快感。 ◎内包皮「包皮在闭缩状态时, 留在里头包裹龟头那部份的包皮部份，比外包皮性质 较为红润」内布满敏感的神经细胞，这里的包皮部份在摩擦过程中也可给男生带来快 感。 ◎在进行交合的时候，当男生的阴茎在阴道内进行一抽一送的活塞动作时，其实，包 皮正进行一收一张的滑行活动在进深时，包皮会退到后头以露出龟头；在退出时，包 皮又会被推前包裹龟头。龟头不单单受到抽插时，阴道摩擦带来的刺激，亦同时受到 包皮一收一张的滑行活动带来的刺激。此外，当包皮在阴道内滑行时，部份包皮会留 在阴道内，这亦间接增加了阴道与包皮的摩擦，加添女生的快感。 ◎另外，包皮在造爱时起了帐篷作用，阻挡阴道分泌物的蒸发，因此或多或少能保持 阴道的润滑。 ◎包皮有绝佳特性，松紧度特高。如果脸皮受火伤或其它种皮肤伤害，用自己的包皮 可以修补。胡乱更动自己身体，将得不偿失。 不动刀达割包皮效果的方法 一位医生教的方法。 年轻时龟头敏感是正常现象，可能导致早射的情形。但那并非所谓的「早泄」。所谓的 早射，有可能是年轻气盛、经验不足、紧张心理，憋太久所致，多多练习，可以改善的 有些人为了降低敏感而跑去割包皮，以期延长射精时间。但不知随着年纪增长、经验的 增加，这些敏感的快感，反而有利增加行房的乐趣，到了年纪更大一些，神经反应渐渐 退化了，需要更大的快感刺激，才能防止一半软掉的现象。可是那时包皮已经割掉无法 保护龟头，受到内裤的磨擦！希望到老也能享受性爱快感者，要小心谨慎。眼光看远一 点人生不会永远年轻的，看看色情片中男主角很少割包皮就可以知道了，一半就软掉那 还拍什么。 以下提供另外一种方法，给大家参考： 在小弟弟的黑红包皮上面用一大块的透气胶带贴着，技巧自我练习。因为包皮是环状只 要一块就有让包皮不套回去的效果。让小弟弟，在休息状态不会套回去，每个人的长度 不一致，看个人而定，每隔二、三天换一次，这是唯一比较麻烦的事。在不勃起的状态 之下，包皮因为透气胶带的关系就无法套回去了。就算再勃起也不用怕疼了。有些人因 为这个方法，使得龟头变大了，包皮也不会再套回去了。省下一刀的麻烦，花费至少五 六千元，可以买上千卷的透气胶带，用到死也用不完。也不怕会因为开刀造成一些不必 要的痛苦，和后遗症。再者找医生也是很麻烦的事，怕找到不好的医生。 有的医生经验不足将包皮割掉太多，最后小弟弟无法完全勃起短少了一、两公分，或者 是，伤到性神经导致阳痿。机率是不高，但是还是耳有所闻，每个人都希望不是自己吧 毕竟性是很重要的！可以先试试看不动刀的方式，了解什么叫割包皮的感觉，毕竟 割完之后是无法后悔的！更重要的是，留下宝贵的包皮，以防万一…日后用到皮肤移植 一开始就像所有割包皮人士的情形，会一直磨擦，一直勃起，龟头一直充血，慢慢习惯 之后龟头就会变的比之前大如此，让龟头磨一阵子之后，就可以大大降低敏感度，解决 早射的问题。等到年纪大了，需要敏感度时，可以再将包皮套回去！就可恢复少年时的 快感。因为透气胶带拉住包皮的关系，割包皮最大的好处就是卫生，也一起拥有了。 记得，包皮也是受之父母。当然卫生是很重要的！记得每日清洗。麻烦是唯一的缺点， 透气胶带二、三天就会掉下来！想割包皮的男仕可以先试试看，先体验一下割包皮后龟 头露出来的情形。 医生说，有些人是不用割的，但是为了看起来比较威风、卫生问题、降低早射的问题， 割掉它，却忽略了包皮的重要性，包皮是很棒移植用的皮肤。而且龟头经长久的磨厚、 充血之后，就会一直处于充血状态，这就为什么有割包皮的人，看起来比较威风的原因 但是，你只要自己训练的够久，也可以龟头慢慢变大，最后，大于包皮的圆周也就不容 易套回去了。真正去割包皮是很痛的，又是流血水，又是早上勃起痛到不行！要不是有 透气胶带，不然看起来就像是有割过一样，头好壮壮，真的比较威风！ 最大的好处，不会后悔，不想过多磨擦引起刺激时，就不要贴就好了，晚上可以好好睡 觉。我朋友DIY的时候非常想念那一层皮喔！ 运动时贴，很快就磨的比较没有那么敏感 了！不会痛的！是贴到黑红的包皮上！致于位置如何，就看个人而定，重点就是用透气 胶带，将包皮拉住，不让包皮套回去即可。一开始会因刺激而常勃起，习惯就好，慢慢 敏感度就会降低。龟头会变大一点，上厕所，就不怕别人偷瞄你了。 最后医生有交代：不论你是真的割包皮，还是用透气胶带法，龟头暴露在外容易刺激勃 起，睡觉前三个小时不要喝水，睡觉前记得小便不然，睡觉时勃起，变成憋尿，会造成 摄护腺肥大，进而影响到膀胱的功能，严重者，会无法小便，那就得不偿失了！ （注：摄护腺是我们大陆说的前列腺） 我们常见的“止血贴”里的胶布就应该是“透气胶带”了！它并不象我们平常用的胶布那样的严实不透气的呀！ 还有一个“小窍门”，如果你粘上胶布后，不能轻易的拿下来的话，你可以在胶布面上涂上一些“强生婴儿油”，稍等一会就可以轻易的拿下胶带了，不怕疼了!包皮是保护龟头的一个重要组织，至于要不要割包皮，以医师的标准来说的话有以下几个衡量标准： 1.完全或不完全包皮过长，使包皮难以退下与清洁的情况就要割包皮，以免产生并发症。 2.罹患性病，如庖疹、菜花时，就有必要割除，因为包皮太长可能会使这些病毒藏身包皮下，导致无法完全根除，一再复发。 3.包皮上出现不正常的斑点变化时，因为这很可能是阴茎癌的前兆。 4.包皮太长影响到泌尿系统，造成小便困难、尿道口变形，也需要割包皮。 若是你在勃起时，能完全将包皮退下，这样的话是不需要割包皮的，你只需要在洗澡时，将包皮翻起，加强清洁即可。  </t>
  </si>
  <si>
    <t xml:space="preserve">跪求全新版大学英语听说教程第二版第一册听力原文求全新版大学英语听 </t>
  </si>
  <si>
    <t>建议购买教参！</t>
  </si>
  <si>
    <t xml:space="preserve">会是火锅吗（有图）？中了一注Ｒ９！能有多少奖金呢？ </t>
  </si>
  <si>
    <t>和上次的一样，就法国一个冷，奖也差不多，１．８万．恭喜．</t>
  </si>
  <si>
    <t xml:space="preserve">wlk物品等级问题wlk中200级大概相当于TBC多少级啊还有最 </t>
  </si>
  <si>
    <t>英雄副本到卡拉赞级别，也就是110-115，逆潮差不多相当于海兽之牙的级别，比混乱风暴这一级的武器地位还是低不少，其实没法这么比的... 副本等级分布和装备等级的分布方式都区别太大了</t>
  </si>
  <si>
    <t xml:space="preserve">孕妇能不能多吃豆腐脑我老婆怀孕18周，两天就要喝一次豆腐脑，听说 </t>
  </si>
  <si>
    <t>"吃的多不如吃的好  摄取均衡的饮食、选择多样天然健康的食物，尽量减少加工食品、不偏食或过度摄取某种食物及维持适度的体重增加，是孕期营养最重要的原则。"</t>
  </si>
  <si>
    <t xml:space="preserve">紫色花在哪里我打了差不多20个花魁都没找到紫色花请问怎么才能找到 </t>
  </si>
  <si>
    <t>就是在那里打啊  有时候一次就有，没有就继续打咯~反正我打过！</t>
  </si>
  <si>
    <t xml:space="preserve">应该都是一些平凡人的烦脑，只是有时自己想不通而烦脑。1、感觉方面? </t>
  </si>
  <si>
    <t>谢谢你的信任。看了你的文字，感觉你为人很实在。下面我谈谈我的几点看法：1.重点放在考试上面是对的，先把可以通过努力得来的东西把握住。即便以后结了婚，幸福还是要首先立足自身，两个人都要有能力创造一定的幸福，然后在感情上牵手，这样的婚姻才是真正幸福的。否则，任何依赖对方赐予才能感受的幸福都是靠不住的。2.择偶的方面，建议注重主要素质，避免求全责备。在个人经济条件方面，还很年轻，通常都不会很高，这方面可以放宽。学历方面，也确实一定程度反映到素质，对你的把关表示理解。上进心方面，如果对方的工作稳定、收入也过得去，那么在经济方面没有太大的ambition我觉得也是可以理解的。个人觉得，还有一些素质，看起来很细微，但是还是需要注意的，比如说，a.是否品性善良---这个看起来很落伍，但是实际上，如果对方是为了赚钱可以昧着良心的人，那么等他有钱了，也可以背着你搞婚外情之类的，所以这种类型的人，再有本事、再有上进心也要小心了。 b.是否严于律己、对人宽厚。如果是的话，他本身常常是出色的，而且不难相处。如果否的话，常常认定自己什么都对、别人什么都错，这种类型，即便他天资聪颖、条件优越，将来相处也必定是矛盾重重的。小结一下的话，个人的看法，心术正是第一位的，心术正、能力强，你们可以经历很丰富的人生、可以携手走出很广阔的天地；心术正、能力中等，你们可以经历很踏实的人生、可能略显平淡但是内心还是很温馨的；心术正、能力差，估计你不会选，呵呵，男人能力差是很成问题的，真的选了这样的，你也要花时间帮助他至少提高到能力中等；第四种，心术不正、能力强，这样的人有相当的魅力，但是最好不要去选，真的走到一起了，可能会经历很多精彩时刻，但是时时刻刻你会面临精彩破灭的可能。补充一条，如果你的性格比较强势的，可以选择性格相对温和（沉稳）、但是内心明亮的男性，总体上性格上面有点互补会比较好，比较容易和谐。总之，很赞同你爱情随缘的说法，就像我跟我老婆，也是在一个学习活动中不经意相识相知的，所以不必太有心栽花，先练就一对识人的智慧眼，等到缘分来了，自然会把握到的了。个人看法，供你参考，在此预祝最适合你的那一位早日出现在你的生命里。</t>
  </si>
  <si>
    <t xml:space="preserve">一项工程，甲乙两队合做6天能完成工程的5、6，已知单独做，甲完成? </t>
  </si>
  <si>
    <t>甲乙工作效率之比 2/3甲工作效率与甲乙合干效率之比 2/5乙工作效率与甲乙合干效率之比 3/5甲乙两队合做6天能完成工程的5/6,甲乙合作完成工程的时间6/(5/6)=36/5时间之比为效率的反比，甲单独做所用的 5/2 * 36/5=18 天乙单独做所用时间 5/3 * 36/5=12 天</t>
  </si>
  <si>
    <t xml:space="preserve">德国单0没问题有问题的是葡萄牙这场,我感觉要出0.. </t>
  </si>
  <si>
    <t>都有问题啊,兄弟,祝好运</t>
  </si>
  <si>
    <t xml:space="preserve">有没有辅助的挂啊地上一大堆的药`捡的手都痛了``有没有专门捡东西 </t>
  </si>
  <si>
    <t>慢慢捡吧，懒的捡就花钱买吧</t>
  </si>
  <si>
    <t xml:space="preserve">战士和盗贼的伤害狂暴战士和战斗贼比哪个伤害更高一些？我想在战士和 </t>
  </si>
  <si>
    <t>战士的伤害是很强的,但是战士没有控制仇恨的技能,不能放开输出,所以战士的伤害很少能上去,毕竟虽然穿板甲,OT也还是只有一死的盗贼的伤害虽然没有战士那么猛,但是用好佯攻+消失可以不用顾虑OT问题,可以发挥100%的伤害野外打怪,战士确实是比盗贼抗打多了,不过盗贼的消失可以摆脱大部分的战斗,不过如果中了某些DEBUFF(如撕裂,流血)就完了野外的遭遇战,不用说了,战士没法和盗贼比,希望战士不要生气,事实而已战场混战,盗贼和战士没法比,盗贼也不要生气,事实而已以上仅仅是在装备和意识在同一水平上做的比较</t>
  </si>
  <si>
    <t xml:space="preserve">1M电信宽带马上要到期了我想换2M的不知道国战的时候还卡的厉害吗? </t>
  </si>
  <si>
    <t>要相不卡，只要把里面的技能特效关了就行了，包你可行，但是这样打架不好看，，呵，，，，，，只看到红白掉血看不清人家用什么技能，呵，，，，不会关？你用ALT+X，点“效能选单”把"技能特技"前的"V"去了就行了。或都你有钱用最好的显卡，不是服务器卡，真的！！！</t>
  </si>
  <si>
    <t xml:space="preserve">推荐一下手机想买一台手机，待机时间长、ｍｐ３功能强些、音质要好， </t>
  </si>
  <si>
    <t>索爱的W550可能符合你的条件。</t>
  </si>
  <si>
    <t xml:space="preserve">发送邮件时已显示成功，但为什么又收到发送失败的短信？内容问题发生 </t>
  </si>
  <si>
    <t>如果您使用免费邮箱给别人的邮箱发信，但是对方没有收到，您的邮箱出现了退信，这种情况一般来说，是对方服务器或者您的操作可能有问题。</t>
  </si>
  <si>
    <t xml:space="preserve">衣服上的青草渍洗不掉怎么办？染上之后我用毛巾擦了，可能是擦进去了 </t>
  </si>
  <si>
    <t>衣服上的青草渍,可用加有少量氨水的热肥皂水洗。</t>
  </si>
  <si>
    <t xml:space="preserve">大问题还是小问题？昨晚与男友跟其两个战友路边打车，车子很难打到， </t>
  </si>
  <si>
    <t>“什么时候听话什么时候会为人处事了再说”？另外你男友是军人？他既然觉得丢面子了，那你就帮他把面子争回来呗，多了解一些军人的心态，可能有些我们觉得没什么的行为在他们看来就是不够正，流里流气的。好好的跟他聊一聊，任何一次吵架都是有起因的，不止是事情的起因，还有心理的起因，如果你能够理解了他的心理，那你们之间的问题就不会成为一个大问题了。所有的大问题都是因为不沟通引起的，总之我的建议是你们好好的沟通，呵呵，学习一下《婚姻保卫战》里的一些沟通方式吧！祝你幸福~定了婚期的话，在网上同喜一下哦~~</t>
  </si>
  <si>
    <t xml:space="preserve">我正在注册内测账号不知道行不行一会告诉大家 </t>
  </si>
  <si>
    <t>《 5月30日下午14点 二次内测号海量发放》现在都过40分钟了啊！！ 干什么啊？要等什么时候？</t>
  </si>
  <si>
    <t xml:space="preserve">中国的未来在农村?有一种说法被很多中国的社会学家认同,那就是:中 </t>
  </si>
  <si>
    <t xml:space="preserve">    我是来自农村的,我觉得这种说法也不无道理.主要体现在人才上.    给我印象最深的就是城市孩子与农村孩子的巨大反差.如果你的班级里面有城市孩子也有农村来的孩子,农村孩子的成熟稳重与城市孩子的浅浮纨绔形成鲜明的对比.   我觉得一个人的成熟程度是与其成长经历成正比的。相对来说，艰苦的环境确实能锻炼一个人的很多品质，这也就是现在无论是哪个领域，农村出身的孩子的表现一般比那些城市孩子优秀得多。但是，“苦”不是每个人都有机会“吃”的，太少的经历也不是我们选择的也不是我们所能左右的。从中我们可以看出一个人的生长环境，一个人的家教对一个人的成长很重要，同样，一代人的素质也是基本都是由上一代人来决定的。因为如果忽略非常缓慢的人类本身的进化的话，只有环境能影响一代人了。   在思考中国人比外国人更具备什么样的好的素质的问题时,我想中国人最能吃苦.中国的"吃的苦中苦,方为人上人"的意识已深入人心,成为我们的一种国民意识.但是当走过解放与文革时期的上一代的过上了好日子并成为"城市人"之后,肯定不会再让孩子再吃他们的当年的苦头了,这也就是我们这一代人为什么会被称为80年代“小皇帝”或"小公主".而与此同时,农村的孩子相对来说,他们经历的事情比较多,吃的苦也要多的多,在这种情况下,走出了的农村孩子当然要比城市孩子优秀的原因吧?  因此我说"中国的未来在农村"这样的观点也有一定的道理,也值得我们去思考.</t>
  </si>
  <si>
    <t xml:space="preserve">哈利波特6总共有多少章节？ </t>
  </si>
  <si>
    <t>29章第 1 章: 另一个部长第 2 章: 自转器的结束第 3 章: 会和不会第 4 章: 贺瑞斯 Slughorn（人名）第 5 章: 痰的一个过度第 6 章: 天龙的绕路第 7 章: 芯块俱乐部第 8 章: 胜利的 斯内卜第 9 章:  混血王子第 10 章: 计数的房子第 11 章:  赫敏的助手第 12 章: 银和蛋白石第 13 章: 秘密的谜第 14 章: 费力克斯 felicis（人名）15.15- 不易破碎的誓约16.16- 一个非常冷的圣诞节第 17 章: 偷懒的记忆18.18- 生日惊奇19.19- 小妖精尾部20.20 统治者的伏地魔的请求21-21 不能知道的房间22.22- 在埋葬之后23.23- Horcruxes24.24- Sectumsempra25.25- 预言者无意中听到26.26- 洞27.27- 闪电的塔28.28- 王子的班机（？？？莫名其妙  也许我英文还不性吧  好怪的用法）29.29- 凤凰的悲叹</t>
  </si>
  <si>
    <t xml:space="preserve">是配置高手的进!!!玩奇迹世界ADMSempeon(tm)pro </t>
  </si>
  <si>
    <t xml:space="preserve">你的配置高于基本配置，可以玩，但效果不能全开，此游戏对内存要求比较高，如果内存加大点效果会明显提高。附:此游戏要求基本配置CPU      P4 1.8GHz以上                            内存     512M以上                                 显卡     Geforce TI4200;RADEON 9200显存128M以上   操作系统 Windows 2000, XP                          硬盘空间  3G以上                                  Direct X  Direct X 9.0c以上             官方推荐配置P4 3.0GHz以上1GB以上Geforce 6200;RADEON 9600显存128M以上Windows 2000, XP3G以上Direct X 9.0c以上 </t>
  </si>
  <si>
    <t xml:space="preserve">长颈鹿的颈椎数和狗的颈椎数目一样多吗？ </t>
  </si>
  <si>
    <t>所有脊椎动物的颈骨都是七节，猫七节，狗七节，长颈鹿也是七节。千真万确！</t>
  </si>
  <si>
    <t xml:space="preserve">清泉老师，601005能补仓吗？ </t>
  </si>
  <si>
    <t>暂不补仓，逢高减仓。以后走稳后，再做处置。</t>
  </si>
  <si>
    <t xml:space="preserve">请教懂球的一个小问题！！！对于走盘的比赛是否需要抽水？？？比如0 </t>
  </si>
  <si>
    <t>对于走盘的比赛,庄家是两方都抽水的,比如这家公司的赔付率是0.85,那么你投100元的话,庄家会抽走15元,另一方也是如此</t>
  </si>
  <si>
    <t xml:space="preserve">如何保留内测帐号~？现在已经2点了可是不知道具体怎么做~在哪~？ </t>
  </si>
  <si>
    <t>你再等等看吧！   看看17：00以后 会有什么通知</t>
  </si>
  <si>
    <t xml:space="preserve">李宇春巡回演唱会将在哪个城市？ </t>
  </si>
  <si>
    <t>李宇春2012北京演唱会演出类型：演唱会演出地点：万事达中心（原五棵松体育馆）(点击查看剧院情况)演出时间：2012年08月26日</t>
  </si>
  <si>
    <t xml:space="preserve">大运动后为什么血管会收缩?长途旅行后,我发现两腿上的血液流量很少 </t>
  </si>
  <si>
    <t xml:space="preserve">可能诊断是指血管狭窄或痉挛。 在生理状态，血管是可以收、缩调整需要的血压和供血的，这种收缩是必要的。 在某些血管，比如心脏的冠状动脉有狭窄（血栓）的情况下，如果再出现血管痉挛等情况，就会导致心肌缺血、乃至猝死等危重情况发生。 我们不是针对血管收缩的，而是要针对血栓进行治疗的。 </t>
  </si>
  <si>
    <t xml:space="preserve">任务栏突然消失，但绝不是隐藏，怎么办噢？玩游戏或者别的什么，突然 </t>
  </si>
  <si>
    <t>传给你一个任务栏修复的小,有许多选项你看着修复试试。 打开任务管理器将进程“explorer”结束，这时桌面图标和任务栏全无。 在打开任务管理器（按下“Ctrl+Alt+Del”组合键即可打开），点击“文件”→“新建任务”，在打开的“创建新任务”对话框中输入“explorer”，单击“确定”按钮后，稍等一下就可以见到桌面图标了。这时你再看看问题解决没有。 如果故障依旧 1、开机按F8进入安全模式后在退出，在进入正常模式（修复注册表）。 2、如果故障依旧，请你用系统自带的系统还原，还原到你没有出现这次故障的时候修复（如果正常模式恢复失败，请开机按F8进入到安全模式中使用系统还原）。 3、如果故障依旧，使用系统盘修复，打开命令提示符输入SFC /SCANNOW 回车（SFC和/之间有一个空格），插入原装系统盘修复系统，系统会自动对比修复的。 4、如果故障依旧，建议重装操作系统。 如果以上方法都不行的话，那么建议楼主用下二楼先知给你的任务栏修复小软件，很方便和好用的。祝问题早晚解决！</t>
  </si>
  <si>
    <t xml:space="preserve">寻找一些学校的招生考试试卷谁有近几年来苏州一些好一点的高中，像苏 </t>
  </si>
  <si>
    <t>2007年苏州市初中毕业暨升学考试试卷语文本试卷共25题，满分125分；考试用时150分钟。第一部分(26分)  1．根据汉语拼音写出汉宇。(4分)①雄      (hún)                ②憧       (jǐng)③理直气      (zhuàng)         ④无边无    (yín)  2．下面的句子中每句都有两个错别字，把它们找出来填入表中，然后改正。(4分)    ①正宫前面是一座风格独特的法兰西式大花园。园内树木花草的栽植别俱匠心，景色优美甜静，令人心旷神怡。     ②在这泉水的交响之中，我们仿佛能够听到生命在诞生、成长、繁延、死亡，新陈待谢的声部,由弱到强,渐渐展开。错别字    改  正    3．默写古诗文名句，并在括号内的横线上填写相应的作家、篇名。(10分)   ①待到山花烂漫时，                  。(毛泽东《卜算子  咏梅》)   ②海知己，                 。(            《送杜少府之任蜀川》)  ③        ，         ，是离愁。别是一般滋味在心头。(李煜《相见欢》)④                 ，隔江犹唱《后庭花》。（杜牧《            》）⑤枯藤老树昏鸦，                      ……(马致远《天静沙  秋思》)⑥                 ，化作春泥更护花。(龚自珍《己亥杂诗》)⑦子曰：“               ，可以为师矣。”(《论语》八则)⑧受任于败军之际，                  ……(诸葛亮《出师表》)4．把下面的长句改成三个短句．(可适当增删字数和标点符号，但不能改变原意)(3分)《西游记》是明代文学家吴承恩在民间文学的基础上经过加工整合再创作的一部故事情节曲折人物形象生动深受读者特别是广大青少年欢迎的古典长篇章回体小说。      ①                                                                    ②                                                                    ③                                                                  5．阅读下面的文字，回答问题。(5分)    苏州网狮园的引静桥是中国园林里最短最小的拱形桥，颇像苏州出产的精雕细刻的工艺品。这座桥全长只有两米多，游人只需三四步即可跨过。它造型优美，侧立而为柔婉的弧形，小小的，曲曲的，妩媚可爱。桥面两侧，均有石栏，石栏两端，刻作依次递减而连接的三个半圆形，以示桥栏两端美丽而明确的终止。桥面正中，则刻以圆花形浅浮雕纹饰，避免了平板单调。① 根据上面的文字提供的信息，用三个词语概括引静桥的特点。_____________________________________________________________  ② 从侧面看，引静桥“为柔婉的弧形，小小的，曲曲的”。请你用一个比喻句，把这种“妩媚可爱”的形态描摹出来。_____________________________________________________________________第二部分（44分）阅读《陈涉世家》中的一段文字,完成6—10题。会天大雨，道不通，度已失期。失期，法皆斩。陈胜、吴广乃谋曰：“今亡亦死，举大计亦死，等死，死国可乎？”陈胜曰：“天下苦秦久矣。吾闻二世少子也，不当立，当立者乃公子扶苏。扶苏以数谏故，上使外将兵。今或闻无罪，二世杀之。百姓多闻其贤，未知其死也。项燕为楚将，数有功，爱士卒，楚人怜之。或以为死，或以为亡，今诚以吾众诈自称公子扶苏、项燕，为天下唱，宜多应者。”吴广以为然。乃行卜。卜者知其指意，曰：“足下事皆成，有功。然足下卜之鬼乎！”陈胜、吴广喜，念鬼，曰：“此教我先威众耳。”乃丹书帛曰“陈胜王”，置人所罾鱼腹中。卒买鱼烹食，得鱼腹中书，固以怪之矣。又间令吴广之次所旁丛祠中，夜篝火，狐呜呼曰“大楚兴，陈胜王”。卒皆夜惊恐。旦日，卒中往往语，皆指目陈胜。  6．哪两组句子中加点的词的意义或用法相同？（4分） 7．下边句子中加点词语的古今意义哪一项相同？（2分）   A．旦日，卒中往往语   B．起坐而喧哗者，众宾欢也（《醉翁亭记》）   C．诚宜开张圣听（《出师表》）   D．牺牲玉帛，弗敢加也（《曹刿论战》）                        [答]     8．用现代汉语翻译文中画线的句子。（2分)  [译文]__________________________________________________________________ 9．陈胜、吴广为什么要鱼腹藏书、篝火孤鸣?对这种做法你是如何评价的?(2分)[答]_____________________________________________________________________10．导致陈胜、吴广农民起义的最根本的原因是什么?最直接的原因是什么?这两者之间有什么联系?（2分)[答]_______________________________________________________________________阅读《苏州园林》中的一段文字，完成11-12题。   苏州园林与北京的园林不同，极少使用彩绘。梁和柱子以及门窗阑干大多漆广漆，那是不刺眼的颜色。墙壁白色。有些室内墙壁下半截铺小磨方砖，淡灰色和白色对衬。屋瓦和檐漏一律淡灰色。这些颜色与草木的绿色配合，引起人们安静闲适的感觉。而到花开时节，却更显得各种花明艳照眼。11．苏州园林的建筑色彩有什么特点?这样的色彩在园内产生了什么效果?  (3分) [答]_____________________________________________________________________ ________________________________________________________________________12．苏州园林色彩的运用体现了园林设计者怎样的艺术追求?请联系《苏州园林》及下面的资料说说你的看法。(2分)链接：    苏州园林的主人，大多是被贬或退隐的官吏、不得志的文人，这就决定了苏州园林是“独善其身”的私家园林．是体现了隐逸情趣的“城市山林”。苏州园林的优点是能在布局的自由中莸得身心的自由，在物态的自然中归复人性的自然。北方皇家园林追求浓丽绚烂的色彩美，苏州私家园林则以素朴为美，粉墙黛瓦，质朴无华．没有强烈的刺激，有的是柔和与宁静，这更利于园主们修身养性，投入自然的怀抱。                                                  （金学智《苏州园林审美谈》）中国园林，以“雅”为主，“典雅”、“雅趣”、“雅致”、“雅淡”等等，莫不突出以“雅”。……中国园林，有高低起伏，有藏有隐．有动观、静观，有节奏，宜细赏。人游其间的那种悠闲情绪，是一首诗，一幅画，不是匆匆而来，匆匆而去，走马看花，到此一游；而是宜坐，宜行、宜看、宜想。             （阵从周《园林美与昆曲美》）  [答]________________________________________________________________________________________________________________________________________________学习“小说家谈小说“中茅盾对《百合花》的分析方法，赏析下面的文字，完成13-15题。   中秋过后，秋风是一天凉比一天．看看将近初冬；我整天的靠着火，也须穿上棉袄了。一天的下半天，没有一个顾客，我正合了眼坐着。忽然间听得一个声音，“温一碗酒。”这声音虽然极低，却很耳熟。看时又全没有有人。站起来向外一望，那孔乙己便在柜台下对了门槛坐着。他脸上黑而且瘦，已经不成样子；穿一件破夹袄．盘着两腿，下面垫一个蒲包，用草绳在肩上挂住；见了我，又说道，“温一碗酒。”掌柜也伸出头去，一面说．“孔乙己么?你还欠十九个钱呢！” 孔乙己很颓唐的仰面答道，“这……下回还清罢。这一回是现钱，酒要好。”掌柜仍然同平常一样，笑着对他说，“孔乙己，你又偷了东西了！”但他这回却不十分分辩，单说了一句“不要取笑！”“取笑?要是不偷，怎么会打断腿?”孔乙己低声说道，“跌断，跌，跌……”他的眼色，很像恳求掌柜，不要再提。此时已经聚集了几个人，便和掌柜都笑了。我温了酒，端出去，放在门槛上。他从破衣袋里摸出四文大钱．放在我手里，见他满手是泥，原来他便用这手走来的。不一会，他喝完酒，便又在旁人的说笑声中，坐着用这手慢慢走去了。13．茅盾认为，《百合花》“尽量让读者通过故事发展的细节描写获得人物的印象”，中画线处就是这样的细节描写。请你说说它对故事情节的发展起什么作用，又是怎样表现出人物的状况和品性的。(2分) [答]                                                                      14．矛盾认为，《百合花》的“作者善于用前后呼应的手法布置作品的细节描写”。上文中有的细节描写是前后呼应的，有的是贯穿全文的，这样安排细节有什么好处?请举一个例子谈谈你的看法。(2分)[答]                                                                       15．上文中孔乙己说话极少，作者借助神志描写来表达他难以言说的心理。请找出来，说说这样的描写对刻画人物形象有什么作用。(2分)[答]                                                                      阅读下边的文字．完成16—18题。    2006年全国降水总体略偏少，局地干旱严重，例如北京属异常枯水年，年降水量较常年明显偏少，降水量偏少状况已持续8年，水资源紧缺日益严重，农业生产受到较大影响。夏季，全国气温普遍较常年同期偏高，西北东部和华北及其以南地区出现不同程度高温天气，不少地区“降温用电”大幅度增加。冬季，受浓雾和逆温影响，空气自洁能力差，部分城市大气污染严重．对人体健康造成较大影响。    赤道中东太平洋弱冷水过程于2006年5月结束，2006年8月，一次新的厄尔尼诺事件形成。这种大洋水温的变化会引起大气温度改变．处于中高纬度的我国大部分地区就会因此出现异常的气温和降水状况。2006年南海夏季风虽然爆发时间接近常年，但结束时间偏晚，强度偏弱。一般来说，夏季风偏弱时，我国的雨带偏南，北方降水偏少。2006年，北半球积雪面积总体上接近常年，其中冬、秋季积雪面积较常年同期略偏大．而春、夏季积雪面积较常年同期明显偏小。尤其是对我国影响很大的青藏高原．其积雪面积偏小，高原的加热作用就增强，这是造成长江中下游地区，特别是川渝地区降雨少、干旱的一个重要因素。16．气候异常对人类活动的影响主要表现在四个方面．下面哪一项概括最恰当?(2分)  A．气温、降水、能源、健康  B．干旱、积雪、能源、污染  C．水资源、农作物、能源、空气质量  D．农作物、水资源、浓雾、健康保健                           [答]      17．对造成我国去年气候异常主要原因的分析哪一项不正确？（2分）  A．厄尔尼诺事件等引起的大洋水温变化使大气温度异常。  B．夏季风强度偏弱造成我国的雨带偏南，北方降水偏少。  C．冬、秋季积雪的面积明显偏大，带来了浓雾和逆温影响。  D．春、夏季青藏高原积雪面识偏小，使高原加热作用增强。       [答]       18．文中采用了举例说明的方法，请联系上下文说说有什么表达作用。（2分）[答]                                                                      阅读下边一篇文章，完成19—24题。追思藤子京    重修岳阳楼的这一年是公元一千零四十五年。    3年前，藤子京还在西北的甘肃泾州当知州。那是个边关阻隔，动乱无常的荒凉之地。这年9月，西夏大举攻宋，宁夏定川寨一仗，打得昏天黑地，血肉横飞。藤子京镇守城池，手中兵卒无几．“乃集农民数千戎服乘城”，又“会范仲淹引番汉兵来援”。之后，他动用公款犒劳边关将士，祭奠英烈，抚恤遗属。事隔一年，便有人弹劾(弹劾，担任监察职务的官员检举官吏曲罪状)滕子京滥用公款，“其间数万贯不明”。于是，“泾州过用公款案”闹得沸沸扬扬。幸得欧阳修、范仲淹从中解释，方未处刑，仅贬官而已。于是就有了“庆历四年春，藤子京谪守巴陵郡”。    藤子京是背着沉重的十字架来到巴陵岳阳的。    岳阳这地方怎么就成了贬官们的钟爱之地?上自屈原数起，涉足岳阳的各朝名家大都是仕途坎坷．累有贬迹。无论“去国怀乡，忧谗畏讥”也好；“心旷神怡，宠辱偕忘”也好，只要贬官们踏上岳阳这块土地，总是文思泉诵，佳作叠出。  是洞庭山水抚慰了落魄的人生，还是人生的苦难打磨了岳阳的灵魂？这一拨拨朝廷的弃儿，将热泪抛洒在岳阳楼头的时候，巴陵的山捧着它，洞庭的波含着它，分明就铸成了岳阳城头一块块苦涩的砖石，从屈夫子一直垒砌到今天。    那么．藤子京为岳阳留下了什么呢?    他留下了一座岳阳楼。    那古楼上写着“不以物喜”。他是不以物喜的。他在岳阳的3年，承前制，重修岳阳楼；崇教化，兴建岳州学宫；治水患，拟筑偃虹堤。三年治政，成就三件大事，此君足矣！同朝史学家司马光赞其在岳州“治为天下第一”。藤子京是完全有资本以物为喜的，他却不能喜，“负大才，为众所嫉”，他如何喜得!    古楼上还写着“不以己悲”。他又何尝以己悲之?一个负罪的贬官，仕途的失意，人生的坎坷，要消沉当可消沉，论哀怨亦可悲之．而这位藤公却“居庙堂之高则忧其民；处江湖之远则忧其君”．他是不喜不悲，不艾不怨，上任一年便“政通人和，百废具兴”，于政治是如此的投入，于黎民是如此的体恤！此种襟怀，问谁领会得来！当岳阳楼重修落成之日，藤子京也只是“痛饮一场，凭栏大恸(恸，大哭)十数声而已”，可见其忍辱负重仍然勤于政绩的惨淡心境。男儿有汨不轻弹，这“凭栏大恸十数声”是何等的悲怆，何等的壮烈!    岳阳楼是重新耸立起来了。设若没有藤子京重修岳阳楼，何来此大观?没有藤子京修书求记范仲淹，有何来“先忧后乐”的《岳阳楼记》传诸后世？范仲淹是“先忧后乐”精神的宣扬者，藤子京何以不是这精神的践行者？    滕子京谪守岳州3年．于庆历七年初调任苏州，离开岳阳3个月之后不幸病逝于苏州任所，时年56岁。《宋史》对他有这样的评价：“宗谅（藤子京，名宗谅，字子京)尚气，惆傥自任，好施与，及卒，无余财。”    无余财呀！这便是一个受诬贬官的结局。可悲的是，当年弹劾藤子京的那个人，受命“审讯”此案，他的调查结果却是“藤子京所用钱数分明，并无侵欺入己”。可怜藤子京们已是遍体鳞伤，欲哭无泪，小人却在一旁暗自窃笑。范相藤公今安在?于是，让我想起了刻在岳阳楼上的那半副楹联：“范秀才，亦多事，数十年光景，甚么先甚么后，万家忧乐独关心！”                                                        （作者王和声，有删改) 19．我们所读的诗词中．有一些是描写塞外景象的。请选择最能表现上文“边关阻隔，动乱无常的荒凉”情景的句子，写在下面的横线上。（2分)   [答]                                                                       20．文章是从哪两个方面赞美藤子京的?你觉得最令人感动的是哪一方面？请作简要阐述。(3分)[答]                                                                      21．岳阳楼重修落成之日滕子京“凭栏大恸十数声”，这哭声为什么是悲怆而又壮烈的？（3分）[答]                                                                       22．作者为什么写《宋史》对藤子京的评价?又为什么写当年弹劾藤子京的那个人的调查结果?（2分) [答]                                                                      23．“是洞庭山水抚慰了落魄的人生．还是人生的苦难打磨了岳阳的灵魂?”这句话在文中有什么含义?(3分)   [答]                                                                       24．联系全文看，作者“追思藤子京”的目的是什么?  (2分)    A．探寻藤子京“谪守巴陵郡”的原因，从而为他鸣冤申雪。    B．表明藤子京虽一再遭贬．但仍然能不以物喜，不以己悲。    C．昭示藤子京的廉洁和他的“倜傥自任，好施与，及卒，无余财”。    D．赞颂藤子京“先忧后乐”的践行，呼吁藤子京的悲剧不再发生。                                                                   [答]       第三部分(55分)25．作文。(55分)    俗话说，一日之计在于晨。晨是美好的，是充满希望的，也是富有活力的，更是要好好体验和珍惜的。一天中最宝贵的时光在晨，一生中最生气勃勃的日子也在“晨”……    请以“晨”为题写一篇不少于500字的文章，除诗歌、剧本以外题材不限，文中不要出现（或暗示）本人的姓名、所在学校。2007年苏州市初中毕业暨升学考试试卷语文参考答案及其评分标准第一部分1．①浑   ②憬    ③壮    ④垠错别字 俱 甜 延 待改  正 具 恬 衍 代2．3．①她在丛中笑  ②天涯若比邻王勃  ③剪不断，理还乱 ④商女不知亡国恨泊秦淮⑤小桥流水人家  ⑥落红不是无情物  ⑦温故而知新 ⑧奉命于危难之间4．《西游记》是一部古典长篇章回体小说。这部小说故事情节曲折、人物形象生动，深受读者特别是广大青少年的欢迎。这是明代文学家吴承恩在民间文学的基础上经过加工、整合，再创作的。5．①短小、优美(娇媚可爱)、精致(基本意思对即可)  ②这是一道开放性试题，比喻要  符合桥的造型特点“柔婉的弧型，小小的，曲曲的，娇媚可爱”。例：如一钩新月，似一弯初弓。6．A、B7．B8．现在逃跑(被抓回来)也是死，发动起义也是死，同样是死，为国事而死好吗?9．①制造舆论，鼓动人心，树立威信，让卒相信“大楚兴，陈胜王”的必然趋势。   ②利用当时普遍存在的敬奉鬼神的习惜来制造舆论．达到了很好的宣传效果，这样做显出了阵胜等组织起义的足智多谋。10．①最根本的原因是：天下苦秦久矣。最直接的原因是：会天大雨，道下通，度已失期。失期，法皆斩。    ②在秦王朝的残暴统治下，那些边的贫苦百姓走投无路的境遇正是“天下苦秦久矣”    的具体体现。(或：“失期，法皆斩”是秦残暴统治的体现)11．建筑色彩的特点：①“极少使用彩绘”，②色彩淡雅，如：梁柱、木窗、阑干是不刺眼的颜色，墙壁是白色，水磨方砖是淡灰色，屋瓦和檐漏也是淡灰色。    达到的效果：①这些颜色与草木的绿色和谐地统一在一起，“引起人们安静闲适的感觉”：②到了花开的季节，这些颜色与花相映成趣，把花衬托得更加“明艳照眼”。12．追求自然之趣，体现出图画之美，营造柔和、恬静的意境，凸现“雅趣”，“雅致”。13．孔乙己坐着用手“走”这一细节，把故事情节推向高潮，表现孔乙己此时所遭到的摧残的严重。同时，我们也看到，孔乙己“坐着”用手“走”来“走”去，就是为了喝一碗酒，这一细节描写又活脱脱地表现出孔乙己好喝成性等习性。(言之成理即可)14．上文中写孔乙己“在旁人的说笑声中，坐着用这手慢慢走去了”，酒客们的“说笑”和“哄笑”这一细节在文中出现过多次．这一次次的“笑”相互呼应．贯穿全文．表观出酒客们的冷漠无情和社会的世态炎凉。又如上文写孔乙己买酒是从破衣袋里“摸出四文大钱”，而他原来进酒店买酒却是“排出九文大钱”。“摸”与“排”这个细节呼应，表现出孔乙己境遇的变化，他的精神和肉体所受到的打击的大。(举出一个例子即可)15．举出一个例子加以分析既可。如“他的眼色，很像恳求掌柜，下要再提”这一神态的描写传神地写出孔乙己受到别人戏弄内心痛苦，又无力争辩的无奈和辛酸。16．C17．C18．如北京干旱的情况：属异常枯水年．年降水量较常年明显偏少，降水量偏少状况已持续8年。举北京干旱的例子能具体、明确地说明“局地干旱严重”的状况和影响。19．例“羌笛何须怨扬柳，春风不度玉门关。”(写出其他的边塞诗，内容符合要求也可)20．①他“不以物喜”，在岳州“三年政治，成就三件大事”，“治为天下第一”。他是完全有资本以物喜的。②他“不以己悲”，作为一个负罪的贬官，他不顾仕途的失意，人生的坎坷，于政治是如此的投入，于黎民是如此的体恤!被冤枉和诬陷之后仍然能如此的“万家忧乐独关心”③最令人感动的是他“不以己悲”(分析言之有理即可)。21．藤子京受冤贬官，但他“不以己悲”，努力“政治”，看到重修的岳阳楼落成，他百感交集，“凭栏大恸十数声”。说他“悲怆”．是他含冤受贬，欲哭无泪；说他壮烈，是他如此“苦涩”却仍然忍辱负重、勤于政绩，上任一年便“政通人和百废具兴”，这样的襟怀何等壮烈！22．表明藤子京的清廉，强调藤子京“负罪”的冤，突出藤子京“欲哭无泪”的悲剧遭遇。23．面对洞庭美丽的湖光山色，那些仕途坎坷的贬官们触景生情，文思泉涌，巴陵的山、洞庭的波使地们忘却了自我，落魄的人生得到了抚慰。这一拨拨有着人生苦难经历的“弃儿”，将热泪抛洒在岳阳楼头，铸成了岳阳的灵魂；他们用自己的“苦涩”铸就的心，投入政治，体恤黎民，让洞庭愈加壮丽，让岳阳的灵魂愈加感人。24．D25．根据中考作文评分标准。</t>
  </si>
  <si>
    <t xml:space="preserve">谁能告诉我优美别致的近义词? </t>
  </si>
  <si>
    <t>优美－优雅别致－特别</t>
  </si>
  <si>
    <t xml:space="preserve">爱情可以重来吗？我想在问一次？大家觉得有多少爱可以重来！心里有个 </t>
  </si>
  <si>
    <t>有的爱情可以重来，但是感觉你们不适合重来，不是对你的打击，只是作为一个旁观者根据你所说的来判断想想你怀疑心那么重，相当重不是一般的怀疑心，你们即使有爱也是很累的，你说你累，她也很累啊为什么不相信她呢？不管是爱情还是日常生活中怀疑心太重都会给自己也给别人带来很多困绕，和痛苦特别是相爱的两个人都要彼此信任才对啊既然不能相信她就不要为重来而努力，即使和好了以后还会有更多的痛苦从现在的痛苦中调整自己吧，长痛不如短痛以后找一个你可以相信她的女朋友，珍惜她，珍惜你们的感情祝福你...................................</t>
  </si>
  <si>
    <t xml:space="preserve">背还不能挺直我的宝宝快五个月了，头有点晃，竖着抱时背有时还不能挺 </t>
  </si>
  <si>
    <t>你说宝宝【头有点晃，竖着抱时背有时还不能挺直，总是往一侧弯曲】说明宝宝有点重心不稳呀，你可以多让宝宝俯卧一下阿，也就是趴着，每天做个4--5次，这样可以很好的锻炼宝宝的脊柱和颈椎。另外你的宝宝也有可能是缺钙呦，你有给宝宝补钙吗？宝宝在一岁前生长快，需要大量钙和微量元素。</t>
  </si>
  <si>
    <t xml:space="preserve">佛山那里有得印图案在衣服上？就是印衣店 </t>
  </si>
  <si>
    <t>百花新四楼</t>
  </si>
  <si>
    <t xml:space="preserve">我想知道喜欢一个人是什么感觉就是想天天和他在一起```吃在一起住 </t>
  </si>
  <si>
    <t>恭喜你~如果你有这种想法说明你已经喜欢上他了~~~~喜欢一个人的感觉是只要你和他在一起，你就会觉得好开心。每天你都会希望收到他发过来的短信息...他不高兴的时候，你会想他为什么不高兴？他高兴的时候，你会和他一起高兴...他和某个女孩子聊天的时候，你心里面会默默嫉妒...他的一举一动你非常关心...以上就是喜欢一个人的感觉...</t>
  </si>
  <si>
    <t xml:space="preserve">1.8版新东西那里爆（所有的）新的东西那里爆打什么爆？ </t>
  </si>
  <si>
    <t>巨鹅战将力士教主都可以暴。地点在幻八、沼泽、血域、西关、以及魔龙殿（推荐行会组队）另外就是怪物攻城了。收分！！</t>
  </si>
  <si>
    <t xml:space="preserve">在QQ里怎么不要陌生人永远不和我说话？ </t>
  </si>
  <si>
    <t>可以在设置中，设不允许任何 为好友，以后就没有人可以加你了。对于之前加你为好友的陌生人，你可以在安全设置中，设拒绝陌生人消息。</t>
  </si>
  <si>
    <t xml:space="preserve">推荐一款能监测网络的软件要求能监测发送和接收数据包的IP和端口谢 </t>
  </si>
  <si>
    <t>网络执法官   网络状况监视器(Netwatch)  网络状态监视器  以上都有你要的监测数据包发送收取＆IP端口功能。</t>
  </si>
  <si>
    <t xml:space="preserve">腿上起疙瘩就最近这几天，腿上连着起了好几个大红疙瘩，还有脓包，周 </t>
  </si>
  <si>
    <t xml:space="preserve">如果你的这个疙瘩 是红色的突起 圆形或者椭圆形 中心有破点或者是小水包，那就是丘壮红疹，多半是皮肤过敏引起的。 不论是 虫咬，接触物过敏，气候原因都会引发，一般是局部出现这样的症状，然后蔓延至周围或全身。 服用抗过敏药物，并及时清除过敏源。绝大多数的病患是由于虫咬导致 也有因为 花粉、洗衣粉、饮品、服装纤维等等不适引起的。 可以去药店选择些抗过敏药，一般一周之内可以初愈 希望你早日康复 </t>
  </si>
  <si>
    <t xml:space="preserve">那些所谓的股评专家天天在电视上胡说八道,误导股民,该不该整顿整顿? </t>
  </si>
  <si>
    <t>中国股市为什么不好，就是这些人从中作怪!中国股市谁最赚钱，就是咨 询公司!!!中国股市最不作为的就是证监会!!!!</t>
  </si>
  <si>
    <t xml:space="preserve">请问胆结石,微创手术将胆摘除后,饮食应该注意什么? </t>
  </si>
  <si>
    <t>多吃含丰富纤维食物.纤维具有减少血液中的胆固醇的功能.这类食物有糙米,胚芽米,蔬菜,海藻等.限制脂肪饮食.胆固醇升高很容易产生胆结石,要限制含丰富动物性脂肪的蛋,奶油,牛油,肝,鱼卵类等食物.戒烟酒,少吃零食.大量油腻饮食,吸烟喝酒,容易导致结石复发病情分析：您好：很荣幸为您解答，用药具体的要听主治医生的，毕竟不知你的情况。饮食清淡，尽量少吃油腻食物。至于应该清淡到什么程度，确实没有明确的标准，我认为坚持普通饮食即可，尽量多吃蔬菜，少吃肥肉和动物油，规律饮食，戒烟酒，少吃零食，加强运动锻炼。指导意见：胆结石手术后，平时不需要服用药物预防。应定期检查，可6个月至1年上腹部B超复查一次，以便早发现、早治疗。 祝您身体健康</t>
  </si>
  <si>
    <t xml:space="preserve">有没有对MacBookPro系列比较了解的同学，想入手，求指导。 </t>
  </si>
  <si>
    <t>MBP是苹果本里的高端系列，现在有两个大小，15寸和13寸的，其中两个尺寸现在都有配置了RETINA高清显示屏的型号，相应也配置了大容量的固态硬盘，至于选哪一款，就看你个人的主要用途和预算空间了！如果没有特别需求的话，建议你买15寸或者13寸RMBP里的低配版本，足够使用了！</t>
  </si>
  <si>
    <t xml:space="preserve">如何组建小型局域网！急！急！急！急！急！急！急！组建100台机器 </t>
  </si>
  <si>
    <t>网络地址不能那样配置的。建议使用   子网掩码                             需要 1个路由器 和 3个交换机（48口的3个 或3个36口的）                  路由器需要一定的设置                  每个子网需要一个网关主机机         网关主机设置路由表。         配置DHCP，以方便自动分配IP给该主机下的所有电脑。流量控制可以用软件实现，具体软件请搜索 如果想用硬件实现也有相应功能的硬件。交换机 路由器 推荐品牌 思科 华为 推荐原因，设置简单，高端设备带有图形界面</t>
  </si>
  <si>
    <t xml:space="preserve">e会计凭证编号输错怎样改在做凭证时凭证编号自动生成10，不知什么 </t>
  </si>
  <si>
    <t>先反账，在修改。</t>
  </si>
  <si>
    <t xml:space="preserve">交养老保险的时候名字差个字同音不同字怎麽办 </t>
  </si>
  <si>
    <t>养老保险数据库中的姓名应该与职工档案中的姓名相同，如果出现同音不同字，应该由单位开具介绍证明信，到社会保险事业局参保登记科更改养老保险数据库中的名字。养老保险数据库中的姓名如果与身份证出现同音不同字，不用更改，可以在办理养老保险相关手续时出具身份证并说明情况，不会影响职工办理退休或领取养老金。  诚心为你解答，给个好评吧亲，谢谢啦</t>
  </si>
  <si>
    <t xml:space="preserve">物业管理公司收取管理费后，又收取保安费，垃圾费。消杀卫生费，这是? </t>
  </si>
  <si>
    <t>建议你先去物业管理公司咨询了解收费的具体标准，拿到相关的书面标准之后，再结合当地物业收费标准的规定来看，才好判断。</t>
  </si>
  <si>
    <t xml:space="preserve">有没有人知道凉拌黄瓜，怎么样让它清脆可口，我老是做不脆，有没有人? </t>
  </si>
  <si>
    <t>把黄瓜拍了,不要太烂,撒上盐,多点蒜末,放在黄瓜上,然后热点油,浇在蒜末上,搅拌均匀即可.</t>
  </si>
  <si>
    <t xml:space="preserve">这道题怎么做？横线填什么?请聪明的人作答!把下列句子改写成同义句 </t>
  </si>
  <si>
    <t>He often provides some help for us.He often offers some help to us.这两个都可以。</t>
  </si>
  <si>
    <t xml:space="preserve">种米兰要注意些什么？ </t>
  </si>
  <si>
    <t>米兰应注意些什么      盆栽米兰耐寒能力较差，长江中下游地区，4月底至5月初才可搬出暖房，初春3月份气温高时，不可对着米兰开窗通风，更不能将米兰搬至室外晒太阳，因室外温度变化大，如遇西北风，必然会引起大量落叶。夏季，尤其是盛夏期，应将米兰置于有遮隐物（如芦帘、遮荫网）底下，以避免强阳光的直接照射，此外，还应经常给米兰叶片喷水以降叶温。秋季，10月下旬可将米兰移入室内，注意防治介壳虫、红蜘蛛的危害，并做好越冬的准备。 冬季米兰进入室内后，室温不宜过高。如室温过高，在阳光不足，通风不良的环境下，就会长出许多嫩梢，开春后移出室外，嫩梢会干枯，不能开花。另外，室温过低，叶片冻落，不能正常生长也影响来年开花。因此越冬要求室内温度不低于10℃，不高于16℃而且要多晒太阳，少浇水和不施肥。 　　 　　春季是乍暖还寒的过渡季节，冷热多变。米兰经过一冬的低温休眠，植株变得十分虚弱，如果过早移出室外，很容易遇春寒或晚霜受冻枯死，特别是刚出房就遇强寒流侵袭几乎必死无疑。最好在清明后才出房。出房后先应放在阴处，然后逐渐向阳光处转移，放置场地以有半天日光照射，而又通风为好。 　　 　　　　　　　　　 合理施肥。清明节后，搬出室外，一周左右已适应外界环境。此时可先施一次以氮肥为主的稀薄肥液，隔半月后再施一次，以促使枝叶生长。5月起进入生长期，宜施用以磷肥为主的肥料，以促进孕育花蕾。6月起进入生长旺盛期和盛花期，每半月施一次以磷肥为主的肥料，并可加浓一些（一份发酵后的油枯水肥液加水3-5倍）。冬季应搬回室内休眠，并停止施肥。 　　 　　 　　温度、光照和肥料是影响开花的主要因素，但还要与盆土、水分、修剪、除虫等管理结合，才能开更多更好的花。</t>
  </si>
  <si>
    <t xml:space="preserve">我的小兔子耳朵向下垂这是怎么了刚买来时还好好的，后来耳朵就向下垂 </t>
  </si>
  <si>
    <t>首先是从品种上查。二是耳螨，三是天热缺水也能造成耳朵下垂，我的就有几只耳朵下垂，有有耳螨的。  还有可能它就是那个品种，没事的。</t>
  </si>
  <si>
    <t xml:space="preserve">老虎皮多少级可以打到？在金川打老虎掉老虎皮多还是平五掉的多？多少 </t>
  </si>
  <si>
    <t>在平武比较多，不过你的级别高了，打低级怪，很难出东西，在平武爆老虎皮最好是50-65级去平武打！</t>
  </si>
  <si>
    <t xml:space="preserve">女人请进如果你还没找到你的另一半,你肯定会给自己的未来丈夫设立一 </t>
  </si>
  <si>
    <t>10万就足够了.太多真的不好.我老公就是属于年入百万的那种经常出差,也跟他的工作有关系但是我认为你想过得好,最主要看他是否爱你爱你的情况下,收入在10万绝对是个黄金分割点.多一点婚姻真的不稳定少一点感觉好象没什么物质享受选A</t>
  </si>
  <si>
    <t xml:space="preserve">关于医疗保险请问在门槛费的800元中，如果不是去医院看病的，而是 </t>
  </si>
  <si>
    <t>你好！不可以！在定点药店拿药，是刷医保卡消费的；医保卡中的钱一部分是自己的，一部分是公司缴费划拨的，其可以看门诊、在定点药店买药，而不可取现金；你说的起付点是指因“住院”产生的医疗费用其才可以报销。</t>
  </si>
  <si>
    <t xml:space="preserve">参加国家公务员考试，分数１２５分，未能进入面试，继续等还有机会吗? </t>
  </si>
  <si>
    <t>可以留意调剂信息.我觉得你的成绩还行,还能拼一下的.最好的方法是一颗红心,两种准备.别的工作机会也别错过.</t>
  </si>
  <si>
    <t xml:space="preserve">用VB语言写的程序怎样才能在计算机运行？ </t>
  </si>
  <si>
    <t>将源程序编译生成.exe文件后可以在计算机直接运行。</t>
  </si>
  <si>
    <t xml:space="preserve">老年人老打哈欠，是有病吗老年人没事老打哈欠，就是刚睡醒也会，是不 </t>
  </si>
  <si>
    <t>我感觉不是身体有什么毛病，而是体内缺氧的表现。可以开窗通通空气，轻微活动活动，做做深呼吸或转移一下注意力，很快就可以调整过来。我也有此现象，后来我吃几粒丹参滴丸马上就见效，你叫老人家可以试试。</t>
  </si>
  <si>
    <t xml:space="preserve">有用过大麦若叶青汁的吗？说说效果吧！！最近看到有很多关于大麦若叶 </t>
  </si>
  <si>
    <t>因为经常出差日本,所以接触大麦若叶青汁比较早,我是用它来日常保健,补充维生素,调节酸碱平衡,这个产品排毒也还不错,自从用它以后,便秘从此与我说BYE BYE了.原来一直在日本买,价格很贵,后来发现KND这个牌子在国内也有卖了,价格比日本便宜三分之一,真是开心极了.KND是在网上销售的,在YAHOO搜索一下就可以看见的.</t>
  </si>
  <si>
    <t xml:space="preserve">向行家请教天麻的功效及食用方法我有个敬爱的老师，多年来因为工作压 </t>
  </si>
  <si>
    <t xml:space="preserve">一,天麻的功效？ 药用天麻为兰科植物，《中国药典》各版本均予以收载，为我国享誉海内外的名贵中药。古代《神龙本草经》、《日华子本草》、《开宝本草》、《本草纲目》、《药品化义》均有记载，对天麻以缓肝养胆，强筋骨，治疗惊风、血虚性眩晕、头痛等病做了详细的理论阐述。现代医药研究证实，天麻中含有天麻素（Gastrodin）、天麻元（HBA，对羟基苯甲醛）、对羟基苯甲醇、香荚兰醇（Vanilylalcohol）等九种酚性成份；同时天麻还含有十六种氨基酸，其中人体必需的苏氨酸、蛋氨酸、苯丙氨酸、赖氨酸都已具备；此外，天麻中还含有29种元素或微量元素，其中与人体生命攸关的锌、锗、硒、铜含量丰富。近年来对天麻的药理作用研究已非常广泛和深入，临床治疗也不断有新的发现，概括起来有以下几个方面：1、对中枢神经系统具有抗惊厥、镇痛、镇静、催眠和促智抗衰老的作用。产生这种作用的原因与天麻降低脑内多巴胺（DA）和去甲肾上腺素（NA）含量与抑制中枢DANA功能神经末梢对DANA的重摄取和储存有关。2、对心血管系统的作用。天麻能使心肌收缩力增强而增加心血输出量，具有促进心肌细胞能量代谢，改善心肌血液循环，增加抗损作用。天麻对中央动脉血管有顺应性的改善作用，使得主动脉、大动脉等血管弹性增强，从而增强了血管对血压的缓冲能力。3、天麻能提高人体缺氧能力，对高温、高海拔地区作业人员具有保护作用。此外，天麻对炎性早期的渗出和肿胀有抑制作用，对免疫功能也有促进作用。天麻中多种有效成份还具有镇咳祛痰和促进胆汁分泌等作用。天麻无任何毒性。实验证明天麻对血像、肝肾功能及胆固醇均无影响。因此，天麻既可用于预防也可用于治疗，长期用药均无毒性。天麻常用以治疗中风偏瘫、手足不遂、口眼波斜、肢体麻木、筋骨疼痛、风湿关节炎、用脑过度、神经衰弱、失眠、头痛、头晕、四肢拘挛、降血脂、降血压、老年性痴呆、帕金森氏症等病症。具有助阳气、壮身延年、长阴肥舰补五劳七伤、通脉开窍等作用。 食用方法天麻的食用方法有很多种，一般以不损失其各种有效成份为原则。下面列出几种食用方法，作为参考，消费者可视情况作出选择，或通过实践创造出更科学、更适合自己的食用方法。一、直接服用法：取天麻粉未10克，温开水送服。每日一次，连续服用 1月。长期服用亦无毒副作用 (注：凡购买本品均获赠空胶囊壳200粒。详细用法见附赠品瓶身) 。二、炖服 1、天麻凤翅原料：鸡翅5只，天麻50克，胡萝卜、青椒、酱油、糖、绍酒、盐、味精、花椒、葱、姜、蒜适量。制法：天麻用米泔水浸泡4小时；放入米饭中蒸熟，切片；鸡翅洗切块，与天麻一起红烧（方法同普通烹调法一样）。功效：定惊，用于头晕目眩、肢体麻木、小孩惊风、癫痫、高血压、耳源性眩晕等症。鸡翅甘温，入脾胃经，可温中益气、补精添髓。 2、天麻炖猪脑原料：天麻10克，猪脑一个，清水适量。制法：将猪脑、天麻治净，一同放入瓦盅内隔水炖熟。 功效：治疗眩晕眼花，头风头痛，肝虚型高血压，神经衰弱等病症。 3、天麻鱼头汤原料：天麻100克、大鱼头二个、云腿100克、食用油、姜片、酒、盐和吸油纸一张。制法：烧红镬，加入油，爆香姜片，放少许酒，倒入鱼头，封煎去除鱼腥，约1-2分钟后取出，放在吸油纸上，吸去多余油份待用。注8碗清水于炖盅内，先放鱼头于盅底，之后放入天麻和云腿，隔水炖至水沸时，改用中至慢火，炖两至三小时，再放入适量盐便成。功效：治疗神经衰弱、眩晕头痛、宁神定惊、益气养肝、利腰膝.二,天麻的功效作用及药膳食谱味甘，平，有平肝息风的功能，常用于头痛眩晕、肢体麻木等症。天麻是地道药材。随着科学技术的发展，对天麻化学成分及药理的认识不断深入，对天麻产品的开发也不断扩大。在古代，天麻在医疗保健中已被广泛应用。《神农本草经》记载，天麻有“主杀鬼精物、蛊毒恶气，久服益气力、长阴肥健、轻身增年”的奇效；《名医别录》记载，天麻能“消痛肿，下支满，寒疝下血”；《日华子本草》记载，天麻能“助阳气补五劳七伤，通血脉，开窍”；《开宝本草》记载，天麻能“主诸风湿痹，四肢拘挛，小儿风痫、惊气，利腰膝，强筋骨”；《本草纲目》记载，“天麻，乃肝经气分之药”。《素问》云：诸风掉眩，皆属于木。故天麻入厥阴之经而治诸病。按罗天益云：眼黑头眩，虚风内作，非天麻不能治。天麻乃定风草，故为治风之神药“；《小儿药证直诀》、《圣济总录》、《普济方》、《外科正宗》、《兰台轨范》等记载，天麻分别配伍相关药物，可治疗急惊风发热、痉挛抽搐、偏正头痛、筋骨疼痛、风湿脚气、早衰白发、眩晕、肢体麻木、手足不遂、肝虚头痛、中风偏瘫、破伤风等症。此外，还用于保健。《本草衍义》记载，“天麻，用根须别药相佐使，然后见其功。仍须加用之。人或蜜渍为果，或蒸煮食，用天麻者，深思之则得矣”。清光绪年间，慈禧太后患面风，用天麻配伍其它祛风活络药，研末酒调，热熨患部；光绪头痛眩晕，也常用天麻配伍相关药物煎水洗头。在现代，天麻在医疗保健中的应用更为广泛。《中国药典》记载，天麻有“具平肝熄风、祛风定惊的功效，用于头晕目眩，肢体麻木，小儿惊风，癫痫，高血压，耳源性眩晕”。《全国中草药汇编》记载，天麻“主治高血压、眩晕、头痛、口眼歪斜、肢体麻木、小儿惊厥等症”。一些名医把天麻的作用归结为“三抗、三镇、一补”，即抗癫痫、抗惊厥、抗风湿，镇静、镇痉、镇痛，补虚。近年来，对天麻的医疗保健作用不断有新发现。将天麻用于高空飞行人员，作为脑保健药物，可增强视神经的分辨能力；日本用天麻治疗老年性痴呆症天麻，又名赤箭、定风草、水洋芋等，为兰科天麻属多年生草本植物，其干燥块茎入药。天麻是著名的中药材，早在两干多年前就已入药，其性辛、温、无毒。据《神农本草经》记载，天麻 (当时称赤箭，，有医治惊风、神志昏迷、提气益神的作用。能治疗头昏、头痛、眩晕、偏头疼、语言謇、小儿惊风、四肢痉挛、风寒湿痹、神经衰弱等症。临床应用证明，对血管神经性头痛，脑震荡后遗症等有显著疗效。★天麻煮鸡蛋 功效：治疗头痛目眩 配方制作：鲜天麻60克、鸡蛋3个、水1000克。先将鲜天麻切片放锅内加水煮30分钟后，打入鸡蛋煮熟后即可食用。 用法：每日一次食，或隔日一次也可。 ★天麻蒸鸡蛋 功效：对痔脱肛、子宫脱垂有一定的辅助治疗作用。 配方制作：天麻粉6克，鸡蛋1个。将鸡蛋一头开一小孔，灌入天麻粉，用浸湿的白纸沾贴住鸡蛋上的小孔，孔向上放入蒸笼内蒸熟，去壳食用鸡蛋和天麻粉。 用法：早晚各食服一次，1 0天为1个疗程。停服2天再服，连服3个疗程。 ★天麻、枸杞煮猪脑 功效：对脑震荡后遗症所导致的头昏头痛有一定的辅助治疗作用。 配方制作：鲜天麻1 00克，枸杞子15克，猪脑2副。将鲜天麻片、枸杞子加水文火煎1小时，放入洗净的猪脑煮熟后食用。 用法：每日一次食，或隔日一次也可。 ★天麻山药炖乳鸽 功效：具有补肝益肾、健胃、健脾、补气益肺，滋肾固精等功效。可治疗病后虚弱、阳痿早泄、消渴症、妇女血虚、月经不调和闭经、头痛、眩晕等症。 配方制作：鲜天麻、鲜山药、葱白段各1 00克，乳鸽4只，猪肉，猪熟肚片、猪腰子各250克，水发绿豆粉条、莴笋、藕各1 50克，豆腐干200克，生姜片25克，料酒35克，精盐1 O克，鸡精5克，胡椒粉3克，鸡汤3000克。将高压锅置于火上，锅内加入鸡汤、天麻、山药、乳鸽块、生姜片、猪肉、藕片、豆腐干、料酒、胡椒粉、精盐、葱白段，烧沸后，打去浮沫，加阀压1 0分钟，停火降温后，加入其它原料和鸡精，再烧开后，即可食用。 用法：食肉饮汤。 ★天麻鸭子 功效：滋阴潜阳，平肝息风。适用于阴虚阳亢，妊娠先兆流产，伴目眩头晕，耳鸣头痛，口苦咽干等症。 配方制作：鲜天麻100克，生地30克，水母鸭1只(约500克)。将鸭宰杀，去毛及内脏，与洗净切片之天麻，生地共炖至鸭料熟，加食盐、味精等调味。 用法：食肉饮汤。 ■天麻肉片汤 功效：滋补潜阳，平肝息风。适用于肝阳上亢或风痰上扰之眩晕，头痛等症。现多用于高血压、耳源性眩晕等。 配方制作：天麻猪肉各适量。天麻切薄片待用；肉切片做汤，加入鲜天麻片60克共煮。 用法：药、汤俱食。 </t>
  </si>
  <si>
    <t xml:space="preserve">将军提升任务怎么做 </t>
  </si>
  <si>
    <t>新手教程之将军提升任务　　这是我过将军任务的心得  希望对大家有所帮助　　将军任务:为关卡 压制中下方4个据点 击破600人 击破所属武将（四个据点四种任务）　　PS:本来还是想用垃圾武器做的  可是发现杀兵速度太慢  而且这地图兵少 刷兵也慢     建议用平常自己用的3阶武器做(当然武器的无双一定要可以连几下的,不能一两下就把人击飞的那种)　　任务开始　　第一，我们的出生地位于地图中央据点上方，建议去左上方进行效率刷兵，有3个NPC武将（建议没强化前不去打，因为武将死了只给一个强化葫芦，强化攻击为先）压制兵粮库后从右上方路返回中央据点　　第二，中央据点为击破士兵（要三进三出）刷过一次后就立刻去右上方刷下兵  那里一下可以刷近50人左右。刷过2次后就一直右上方和左上方的路来回跑 刷到550兵左右。这时拿下中央据点（强化也该强化完了，注意保持自己的血在半行左右）　　第三，这时迅速去占领地图右下方的据点（任务是什么忘了，应该是击破兵长），再去占领左下方的两个据点（当然先打最下方的，再打偏上的据点，一个是击破武将，一个是拆楼），这时NPC所属武将在中央据点下方出现（现在的位置离他就几个画面距离）　　第四，现在就跟做之前校尉、都尉的任务一样，让附近的小兵把自己砍成血红，再冲到NPC武将钱去用真无双秒他。在中央据点的上下方各有4个箱子（之前可打开别吃掉了，里面都是无双玉玺10秒），接下来就是秒杀NPC武将。　　OK  这时任务完成  完成度S  所剩的时间也是蛮多的 3分钟左右 获得偏将军称号</t>
  </si>
  <si>
    <t xml:space="preserve">面对婚姻危机，为什么女人总是被动？回答者总是劝女人要加倍地关心男 </t>
  </si>
  <si>
    <t>　　楼主说得很对，爱不是靠施舍、更不是靠委屈能够得来的。　　当女人失去了自己的人格，也就同时失去了被爱的资格。　　</t>
  </si>
  <si>
    <t xml:space="preserve">名将三国可以用DNF的连发吗？如题 </t>
  </si>
  <si>
    <t>很遗憾，游戏内没有这样的设定。</t>
  </si>
  <si>
    <t xml:space="preserve">朋友订婚送什么好呢？我是女孩，我的朋友也是女孩．她要订婚了，我送 </t>
  </si>
  <si>
    <t>送水晶摆设品或水晶首饰~~~</t>
  </si>
  <si>
    <t xml:space="preserve">请问红楼梦中一些你觉得有些费解的事情？我看了红楼梦中，好多让人费 </t>
  </si>
  <si>
    <t>　　我对冯其庸的观点比较赞同，对于其他一些红学大家的观点，我只能是保留意见。　　自从曹雪芹大约在乾隆初年开始创作《红楼梦》以来，到现在已经有二百年的历史了。在这二百年里，红楼梦从诞生到流传的过程中，经历了一个被人曲解到正确认识的曲折而坎坷的过程。它曾经被列为“淫书”“谤书”，属于禁书范围。得到那么多人的热爱，总的来说它应该是与众不同，它既是通俗的大众又是深奥的古典文学。从文化角度上来说，红楼梦诞生在我国封建社会的后期，因此在它先前优秀传统文化自然就成为它后天的营养，就艺术成就来说，它具有丰富的社会生活和深厚的思想艺术。　　近三十年来，“红学”大盛，除研《红》本书之外，兼及作者身世时代及抄本、刻本之研究，“红学”遂有内外学之别，而可检索研阅之书，亦更相迭出，治“红学”者殆有目迷心眩之劳，我觉得大可不必如此，我的观点，《红楼梦》就是一部文学作品，里面也有很多的错误，就象楼主说的那样，确实好多处让人看了比较费解，除了作者自己在前八十回有不少矛盾之外，如宝、黛、钗的年龄，乃至各个人的年龄生日，好多处总是不一样......续书的也有好多前后不符，例如柳五儿从王夫人的口中已经死了，后八十回又出现了等等。　　我还是那句话，让我们做一名理性的红迷。</t>
  </si>
  <si>
    <t xml:space="preserve">这是什么啊？哪位大神告诉我？ </t>
  </si>
  <si>
    <t>金刚呗~~~</t>
  </si>
  <si>
    <t xml:space="preserve">老师嗜书如命。一次，他问我：“怎样看书最快？”我一下子被问住了，? </t>
  </si>
  <si>
    <t>只看书名不看内容最快</t>
  </si>
  <si>
    <t xml:space="preserve">喜欢一个人就一定要得到她吗?我非常喜欢他,她也非常喜欢我.(非常 </t>
  </si>
  <si>
    <t>既然喜欢就不要放弃!~</t>
  </si>
  <si>
    <t xml:space="preserve">凭证式国债有哪些优点？ </t>
  </si>
  <si>
    <t>凭证式国债具有类似储蓄、又优于储蓄的特点，尤其适合缺乏专业知识、追求稳健投资收益的工薪阶层和中老年人。 　　1、信用等级最高。储蓄存款是以银行信用作为基础，而凭证式国债虽然也通过商业银行和邮政储汇局柜台销售，但它代表的是国家信用，属于零风险投资品种。 　　2、发售网点多，购买方便。全国有40家银行及邮政储汇局，近8万个网点办理凭证式国债的销售和兑付业务，大部分城乡居民都可以就近购买到凭证式国债。 　　3、变现灵活，安全性好。凭证式国债虽不能上市交易但可提前兑取，如遇特殊需要，还可以随时到原购买网点兑取现金；凭证式国债可以记名、挂失，如不慎遗失了相关凭证，可到原购买网点办理挂失手续确保债权安全。 　　4、收益优惠。凭证式国债持有到期的兑付收益高于相同期限存款缴税后的实际收益；提前兑取按持有时间设定分档利率计算利息，大大高于银行存款提前支取收益。 　　5、金融功能强。投资者在购买凭证式国债的同时，即获得了一个优良的融资工具，当需要小额贷款时，可用凭证式国债作为质押物，到原购买银行进行质押融资。</t>
  </si>
  <si>
    <t xml:space="preserve">七星岩和鼎湖山那里好玩D，价钱如何?举少少例看看，有什么风景，有? </t>
  </si>
  <si>
    <t>七星岩和鼎湖山的门票都是50元。七星岩的七座山各有不同，不错。例如天柱岩是最高的，而石室岩是最陡的。而鼎湖山则有鼎湖山,庆云寺,天溪,宝鼎园,荣睿碑,飞水潭;鼎湖山自然保护区，蝴蝶谷雨林探险线。早上鼎湖山的空气非常好，很舒服的~~~~</t>
  </si>
  <si>
    <t xml:space="preserve">你好，为什么我提交的个人认证资料老是提交不过呢？ </t>
  </si>
  <si>
    <t>是不是之前有被投诉过</t>
  </si>
  <si>
    <t xml:space="preserve">怎么有些东西都下载不下来啊下载了好多东西，怎么就是下载不下来呢 </t>
  </si>
  <si>
    <t>第一 需要够数另外爱问不支持下载工具 如果有下载工具你点取消就可以了希望你玩的开心</t>
  </si>
  <si>
    <t xml:space="preserve">什么样的网络游戏能让人玩的长久些? </t>
  </si>
  <si>
    <t xml:space="preserve">   泡泡堂</t>
  </si>
  <si>
    <t xml:space="preserve">请问轻松的，搞笑的，短点的小说有那些？？？ </t>
  </si>
  <si>
    <t>轻松搞笑的小说有，短些的我不知道，篇幅长些的：当妖女遇到大神、绝世妖孽、百炼成妖等等。之所以推荐网游文，是因为我最近在追这些搞笑的网游小说。《网游之近战法师》很搞笑，不过篇幅很长，耐心看蛮搞笑的。</t>
  </si>
  <si>
    <t xml:space="preserve">宝宝不爱吃牛奶怎么办?我家宝宝4个月了,一直是混合喂养,一个星期 </t>
  </si>
  <si>
    <t xml:space="preserve">跟我的孩子一样情况，不过你不要担心，几乎每个喝牛奶的婴儿都要过这关的。我看过很多资料，上面说，人工喂养的孩子到3、4个月大时，忽然不爱吃牛奶，把奶嘴一塞进婴儿嘴里，他就顶出来。这就是厌食牛奶。和添加辅食没有多大关系。厌食牛奶多是由于前段时间牛奶吃得过多所致，长时间过食牛奶，肝脏和肾脏就会因疲劳而“罢工”，表现为不愿吃牛奶，而喜欢喝易于消化的果汁和水。因此，厌食牛奶不是病。这样的婴儿除吃奶时情绪不好外，其它时候完全正常，这是因为他体内有足够的储备。因此，母亲不要硬给婴儿吃已经厌恶了的牛奶，而应多让他喝果汁和水，只要婴儿每天平均能吃100毫升或200毫升的牛奶，就不必担心会饿坏他。经过10天半个月的过渡，消化功能得到充分恢复，婴儿就会再次爱吃牛奶。不过以后要注意不要让孩子再吃多了。放心吧，孩子自己会调节的。祝你的宝宝健康成长！ </t>
  </si>
  <si>
    <t xml:space="preserve">我的末次月经是2月5日一直到4月6号都没有来月经我就4月7号去了? </t>
  </si>
  <si>
    <t>您好，这样的情况您流产了不单是这个原因，临床统计大约有43种左右的疾病能够引起胎停育及流产。 　　免疫因素占67％； 解剖因素占14％ ；内分泌因素11％ ；遗传因素占5％ 　其它因素占3％。        正好在胎停育时候，千万不要人流或清宫，应该采取宫腔镜取胚术，这样在清除停育胚胎组织的同时寻找 宫腔（解剖）因素，同时做胚胎染色体分析查找 胚胎因素。抗胚胎抗体检测寻找 免疫因素，这样能够在最短的时间内确诊，而后因病而治。        如果曾经有过胎停育和自然流产史的，应该在下次怀孕前找到病因，以避免重蹈覆辙。月经3－5天用电化学发光法查内分泌和抗胚胎抗体；月经干净3－5天做阴道镜，动态数字化子宫输卵管造影和阴道四维彩超。一般就可以确诊，部分患者还需要扩宫试验及电子宫腔镜或者腹腔镜进一步检查。</t>
  </si>
  <si>
    <t xml:space="preserve">如何下载新浪共享资料？各位朋友，请问一下我想下载新浪共享的财务资 </t>
  </si>
  <si>
    <t xml:space="preserve">一、无需积分即可下载的资料　　直接点击下载按钮，保存到本地硬盘。   二、需要积分才能下载的资料　　请您登录后再点击下载按钮，扣掉下载所需积分后，以后重复下载该资料不另外扣分。 　　  　　　如果您还未登录，点击“下载”按钮会弹出登录对话框，请输入用户名和密码。如果您还没有注册爱问帐号，请点击“快速注册”进入注册页。           如果您的积分小于下载该资料所需的积分，请先上传自己的资料与网友分享，获得足够的积分后再来下载该资料。  </t>
  </si>
  <si>
    <t xml:space="preserve">考核办法？我想写岗位量化考核办法怎么办？ </t>
  </si>
  <si>
    <t>首先，你列出需要考核的指标，并设计权重。其次，用每个人的指标乘权重，得出每个人的分数；第三，根据每个人分数得出总分。第四，根据每个人的分数与总分的占比，乘上总的分配金额，得出每个人应得的金额。太简单了！！！</t>
  </si>
  <si>
    <t xml:space="preserve">女友让我帮下MP3我也不知道找什么歌好希望大家介绍一些歌名谢谢我 </t>
  </si>
  <si>
    <t>罗志祥的《狐狸精》苏有朋的《我的好心情》刘德华的《影帝无用》《练习》《我和我追逐的梦》张信哲的《过火》《找钥匙》蔡健雅的《无底洞》《纪念》《呼吸》《真爱》张震岳的《爱的初体验》王菲的  《你喜欢不如我喜欢》《催眠》许巍的  《每一刻都是崭新的》《那一年》《曾经的你》古天乐的《天真》韩红的  《那片海》郑秀文的《上弦月》朴树的  《傻子才悲伤》周杰伦的《爷爷泡的茶》《爸我回来了》《半岛铁盒》《东风破》《我的地盘》林志炫的 《大人物》陈晓东的 《白衬衫蓝色忧伤》《吻下去爱上你》《心有独钟》《风一样的男子》陶晶莹的 《太委曲》《姐姐妹妹站起来》许惠欣的 《爱情抗体》杨坤的   《为了爱情》张智霖的 《十指紧扣》罗嘉良的 《未明白女人》《准我留下》不是说这些歌就是好得不得了，但我较喜欢，我老婆也是幼儿园老师。</t>
  </si>
  <si>
    <t xml:space="preserve">碰人都理赔什么项目？我的一个朋友开车，不小心撞伤了人，伤不重，但 </t>
  </si>
  <si>
    <t>他个人要承担伤者的营养补助费 精神损失肥 保险公司赔偿误工 医疗 车损</t>
  </si>
  <si>
    <t xml:space="preserve">我为什么不开心 </t>
  </si>
  <si>
    <t>因为你部高兴所以你不开心</t>
  </si>
  <si>
    <t xml:space="preserve">怎么才能上传照片啊？ </t>
  </si>
  <si>
    <t>在“爱问”提问题时不能上传图片，只有在回答问题时才能上传图片。如提问时需有图片来说明，可以到“个人中心”用“提供资料”的方式上传你的图片，然后在提问时说明图片的所在，让有兴趣的朋友去下载，帮助解决问题。</t>
  </si>
  <si>
    <t xml:space="preserve">力平之（菲诺贝特）吃多了怎么办？有什么害处？ </t>
  </si>
  <si>
    <t>菲诺贝特为苯氧乙酸类降脂药，其作用与氯贝丁酯相似，但药效较强，具有显著的降胆固醇及三酰甘油(甘油三酯)的作用，用于治疗高胆固醇血症，高三酰甘油血症及混合型高脂血症，疗效确切，毒副作用小，适于长期服用。口服，每次100～200毫克，每日2次。不良反应较少，个别人可出现转氨酶增高。几种类型：Ⅰ型，三酰甘油特别高，胆固醇正常。Ⅱa型，胆固醇显著增高，三酰甘油正常。Ⅱb型，胆固醇显著增高，三酰甘油稍高。Ⅲ型，胆固醇及三酰甘油均明显增高。Ⅳ型，三酰甘油显著增高，胆固醇正常或稍高。V型，三酰甘油很高，胆固醇稍高。其中以Ⅱa、Ⅱb、Ⅳ型较为多见。氯贝丁酯对于Ⅲ、Ⅳ、V型高脂血症有较好的疗效。 主要的不良反应为恶心、呕吐、食欲不振等.</t>
  </si>
  <si>
    <t xml:space="preserve">这届奥运会评选最佳运动员吗？以前有过吗？以前评选过吗？分男女吗？ </t>
  </si>
  <si>
    <t>从来也没有评选过。IOC不评选，媒体自己可以有评选。</t>
  </si>
  <si>
    <t xml:space="preserve">如题:季羡林生前撰写和推荐的哪些书？ </t>
  </si>
  <si>
    <t>季老的著作很多，您可以去百度一下；我个人比较推荐《季羡林谈人生》,这一本书讲述了国学大师的乐观的人生观、以及季羡林推荐的万卷版《中国通史》，这套图书将中国五千年历史幽默、通俗的诠释，与季老的快乐国学思想不谋而合。这套书也是季老生前最后一本题字的书籍。</t>
  </si>
  <si>
    <t xml:space="preserve">宝宝脸上很容易生湿疹宝宝从出生到现在有3个多月了，脸上一直都有红 </t>
  </si>
  <si>
    <t>涂点皮炎平霜便可   轻轻的查</t>
  </si>
  <si>
    <t xml:space="preserve">清泉老师，请问601333.600010.601390该怎么办 </t>
  </si>
  <si>
    <t>等待筑底.暂观望.</t>
  </si>
  <si>
    <t xml:space="preserve">我女朋友生日快到了,我应该送她什么呀?我和我女朋友不是在一个地方 </t>
  </si>
  <si>
    <t>表，袜子，水晶钥匙扣，关键是虽然东西实用，但要写上浪漫的话，这样就都达到了精神和物质的目的。比如送表就可以写，希望你的每一秒，都有我的惦记送钥匙扣可以写，用最纯的爱圈住你我的心，女孩子都不怕太酸的。</t>
  </si>
  <si>
    <t xml:space="preserve">富士S8000能用高速SD卡吗？本人新买了台富士S8000的相机 </t>
  </si>
  <si>
    <t>可以的!同时兼容XD和高速SD可以有提高的 推荐宇瞻的 一般店家都推荐用这个</t>
  </si>
  <si>
    <t xml:space="preserve">处女情结？究竟是封建思想的余孽亦或是忠于自己的表现？记得有人说，? </t>
  </si>
  <si>
    <t>抵制婚前性行为，对自己的行为负责，珍惜自己的感情，爱惜自己的身体，这不是封建思想，而是用一个正确的人生价值观，和负责任的为人观去创造自己美好生活的生活态度。不要什么问题都扣上“封建思想”的帽子！！另外还有，抵制婚前性行为对保护自己的健康，寻找到真爱，避免被色狼欺骗，了解他是不是可以依靠的人，你们两个是否能够彼此理解尊重......很有好处。所以，抵制混前性行为是女孩在现在复杂社会中保护自己免受伤害的必要手段。不要被社会上那些闲言碎语，海市蜃楼，鬼魅迷影蒙蔽了你的心。三思吧，每个人第一次都很重要的。有些事是你一次都不能尝试的。</t>
  </si>
  <si>
    <t xml:space="preserve">我女儿要戴眼镜吗5周岁，阿托品扩瞳后度数：OD+1.25/+0. </t>
  </si>
  <si>
    <t>你的是，远视+远视散光=复性远视散光。右左眼差不多。但是矫正视力不太理想（估计，孩子不太配合的缘故）。我认为，应该戴，因为孩子有轻度的远视，在以后的生长发育中，随着眼球功能的健全，度数会减轻，甚至摘镜。这样，必须每年复查，这是麻烦的事，又是必须的。戴镜矫正的目的——预防引起内斜视，弱视。孩子小，但是只要家长，精心+耐心，就会起到事半功倍的效果。祝你顺利！————————————————————————你的孩子在阿托品扩瞳后试镜：右眼，远视125度+远视散光50度，轴37=矫正0.8左眼，远视100度+50度远视散光，轴150=矫正视力0.8+。最后，缩小瞳孔后试镜：右眼，近视散光75度，轴125=矫正视力1.0-；  左眼远视50度+近视散光50度，轴45=1.0-，  瞳孔距55。一般以缩瞳后的可接受度数为处方配镜。但我认为左眼的镜片可能不好做，应该换算一下，变成眼镜厂可以做的合例镜片，在门诊，可以换算成——+50度远视散光，轴135。 这样两眼，一只是近视散光，一只是远视散光，轴大致同方向。我认为，孩子的屈光不正度数不很大，况且两眼悬殊也只有125度在戴镜过程中，每年，复查一下，因为眼球是发育的，随着器官的定型，度数肯定有变化，也许长大，会摘镜。现在为防止弱视，斜视，用眼时，戴上。那副处方，可以询问医生一下，左眼是否可以换算？</t>
  </si>
  <si>
    <t xml:space="preserve">天堂里幼龙的问题一直35级的风幼龙在25F可以卖多少钱啊 </t>
  </si>
  <si>
    <t>建议 用  黄昏龙  比较不错哦   好养 ....也算是比较 其它龙 值钱一点的哦风龙 到哪  基本上都是  30W左右的  还会更低的</t>
  </si>
  <si>
    <t xml:space="preserve">手机充值卡打折阿里巴巴上的手机充值卡供应打5折，是真的吗，他们一 </t>
  </si>
  <si>
    <t>不能~~IP卡就有可能，充值卡从移动出来的时候也最多打97折~~</t>
  </si>
  <si>
    <t xml:space="preserve">新竹县在哪 </t>
  </si>
  <si>
    <t>新竹县位於台湾西北部，与新竹市、桃园县、苗栗县、宜兰县相邻。</t>
  </si>
  <si>
    <t xml:space="preserve">本期思路单（实图）大家好吗？好久没来了，但是也没有离开过，都在暗 </t>
  </si>
  <si>
    <t>好单子：思路基本和兄弟我的基本一致！！我的就是巴拿马这场任九我闭了！！本身巴拿马这个队在大家的脑海中就是空白一片！何况还有一只闻所未闻的客队！！真心希望兄弟能够高中啊！！一句话：买了就等于买了希望！！恭祝福好运！！</t>
  </si>
  <si>
    <t xml:space="preserve">什么是资本公积和盈余公积?最好能举个例子然后在后面加上解释.. </t>
  </si>
  <si>
    <t xml:space="preserve">资本公积包括企业收到投资者出资额超出其在企业注册资本或股本中所占份额的部分以及直接计入所有者权益的利得和损失等。一、资本溢价和股本溢价1．资本溢价   当有新的投资者中途投资时，一般应多投入资本，投资者多缴的部分就形成了资本溢价。2．股本溢价   股份有限公司在按面值发行股票的情况下，企业发行股票取得的收入，应全部作为股本处理；在溢价发行股票的情况下，企业发行股票取得的收入，等于股票面值部分作为股本处理，超出股票面值的溢价收入应作为股本溢价处理。二、其他资本公积      其他资本公积是指除资本溢价(或股本溢价)项目以外所形成的资本公积，其中主要是直接计入所有者权益的利得和损失。   盈余公积是指企业按规定从净利润中提取的企业积累资金。公司制企业的盈余公积包括法定盈余公积和任意盈余公积。 </t>
  </si>
  <si>
    <t xml:space="preserve">为什么我的葱头不奖励跑第一不奖励葱头不管用商店骗人 </t>
  </si>
  <si>
    <t xml:space="preserve">你还需要买人物属性卡才可以 要花人民币的 </t>
  </si>
  <si>
    <t xml:space="preserve">紧急避孕药丹媚吃了当天阴道就有血丝为什么 </t>
  </si>
  <si>
    <t>注意休息和卫生，用验孕棒检测，最好用晨尿，如果测试阴性，表示没有怀孕，有血丝是服用紧急避孕药的副作用，注意卫生就可以。希望帮到你希望能给好评谢谢</t>
  </si>
  <si>
    <t xml:space="preserve">兲这字念什么？[思考] </t>
  </si>
  <si>
    <t>兲tiān  ㄊㄧㄢˉ古同“天”。</t>
  </si>
  <si>
    <t xml:space="preserve">逍遥江湖是2D还是3D游戏啊 </t>
  </si>
  <si>
    <t>逍遥江湖 是2D游戏。《逍遥江湖》是珠海心游科技有限公司旗下首款经典2D武侠标杆力作。</t>
  </si>
  <si>
    <t xml:space="preserve">生姜红枣桂圆红豆煲汤有什么好处 </t>
  </si>
  <si>
    <t>补血养颜，特别是女性月经过后就会特别有效。</t>
  </si>
  <si>
    <t xml:space="preserve">怎样报名中国新声代 </t>
  </si>
  <si>
    <t>上节目官网或者微博报名。。。。麻烦好评0731-82871621  这个就是了，希望能帮到你了。</t>
  </si>
  <si>
    <t xml:space="preserve">唉，倒霉丢钱了有谁推荐个古装电视看看 </t>
  </si>
  <si>
    <t>1新天龙八部 2奇皇后  3后宫甄嬛传</t>
  </si>
  <si>
    <t xml:space="preserve">用马哲的观点分析神舟六号历史意义神州六号的具体历史意义是什么 </t>
  </si>
  <si>
    <t xml:space="preserve">中国人能这样轻盈地「一步登天」，其意义远不止经济、商业、科学技术这样的简单。更重要的是其社会政治意义。可以这样说，随著神舟六号登天的轨迹，把中国及中国人的形象划上顶天立地的太空─这本身便是爱国的最好素材。增加国人对祖国的自豪感。对民族的自尊心。更可以这样地形容，把神舟六号送上太空的基地，不是建在远在弋壁滩际处的酒泉，而是建在每个中国人的心中。 </t>
  </si>
  <si>
    <t xml:space="preserve">魔兽世界弓箭弹药魔兽装备弓箭弹药的背包怎么从大背包里弄下来我想换 </t>
  </si>
  <si>
    <t>就像拿别的包里的东西一样,把弹药拿到别的包就行了,弹药也属于物品.在你把要被换的背包腾空后,就可以点住要换上去的背包拖拽到你要换的背包上去,就完成替换了.</t>
  </si>
  <si>
    <t xml:space="preserve">过去的一年中利率一直在升，为什么债券基金净值也跟着涨呢？过去的一 </t>
  </si>
  <si>
    <t>一个是债券也可以做差价二个是债券随着时间的到期价值是增长的!!</t>
  </si>
  <si>
    <t xml:space="preserve">摩羯座到底和处女座配吗？我喜欢上一个处女座的男孩，他好腼腆。他写 </t>
  </si>
  <si>
    <t>那容易！如果他真的喜欢你！办法一：你可故意不理他！常常走过他身边又不鸟他！而且一有机会就有意宣扬胆小的坏处！给他暗示暗示！办法二：在他面前和别的男生好！再次宣扬暗示他把握机会～！办法三：扮可怜～忧郁～失望！然后找个好友去问你怎么了！然后在他身边故意或间接说到他耳中～如果以上这握费尽真气的绝招不行！那他就是在玩你的！</t>
  </si>
  <si>
    <t xml:space="preserve">请教谢谢急，，老师好请问.南方航空.长安汽车.四环生物.这3个股 </t>
  </si>
  <si>
    <t>南方航空：可以少量介入。长安汽车：规避风险逢高出局。四环生物：现在不能介入，建议再等等。</t>
  </si>
  <si>
    <t xml:space="preserve">学会计都要哪些资料？怎样才能学好？我现在很烦！ </t>
  </si>
  <si>
    <t>学习会计最好从做凭证做起，在学校就是做分录，搞清楚借贷方向，一般的凭证比较好做，月末结账结转利润要好好看看教材，把借贷方搞正确，凭证做好了，汇总、记账都是顺理成章的事情，做一遍就知道是怎么回事了，有了汇总表和记好总账后，根据总账余额编制资产负债表，根据损益类科目本期发生额编制损益表这些必须实际操作，多做几次自然就熟悉会做了会计其实不难的，有具体问题，可以到 财务与税务 版块 提问祝你一切顺利</t>
  </si>
  <si>
    <t xml:space="preserve">70NB绿火枪问价所有相性5+金4+TS1400+粉伤害650+ </t>
  </si>
  <si>
    <t>绿出忽视异常？绿出的有这个么？  速度45 ？70的能绿出速度45么？  可能是本人孤陋寡闻 没见过</t>
  </si>
  <si>
    <t xml:space="preserve">什么是放大电路 </t>
  </si>
  <si>
    <t>是把电流或电压信号放大的方式,有电流放大电路,电压放大电路两种.一般通过三极管或集成电路块组成的电路板组成.可以看模拟电路这本书,一般现在都用数子电路.</t>
  </si>
  <si>
    <t xml:space="preserve">请问主卧室的卫生间能不能改造成衣柜呀因为主卧室不算太大,本人想把 </t>
  </si>
  <si>
    <t xml:space="preserve">您改完之后 以后还有没有改回来的可能 如果说不改回去了 就把下水管（卫生间地面突出来的管口）沿地面去掉 在用下水管盖盖紧 在用水泥砂浆封口 之后就是水泥砂浆找平啦 铺设地砖或别的材料啦 </t>
  </si>
  <si>
    <t xml:space="preserve">点卡有效期问题请问已经冲入的点卡,有效期是多久?知道的说说 </t>
  </si>
  <si>
    <t>点卡的背面写着 有效期就是那个，不论你是否冲入都是那个时间过期，正常来算是1年。但是你肯定不可能是今天1月1号买的点卡吧~</t>
  </si>
  <si>
    <t xml:space="preserve">求一张足谈搞笑图片 </t>
  </si>
  <si>
    <t>是足坛吧？不是请补充！小子，你欠我的钱还没还呢，想跑！</t>
  </si>
  <si>
    <t xml:space="preserve">HUM怎样的开局能快速放下分矿？在LT上HUM怎样的开局能最快放 </t>
  </si>
  <si>
    <t>敲海量民兵，不过要操作够好，要是被骚扰死了太多农民，基本就可以GG了</t>
  </si>
  <si>
    <t xml:space="preserve">关于性生活五十岁的女士,你们还有性生活吗?你们的老公还有性的要求 </t>
  </si>
  <si>
    <t>一般来说女的五十这年龄性欲比较淡了，一个月也就一二次的要求，而男的就不同，五十这年龄要是工作轻松保养得好一点的话，一星期一次绝对没问题，以上是我的经历。</t>
  </si>
  <si>
    <t xml:space="preserve">求小说想要女主会做菜的温馨文如红杏泄春光类型的 </t>
  </si>
  <si>
    <t>神笔魔妃 穿越之农夫难为  寡妇门前  小寡妇和铁匠  当家主妇</t>
  </si>
  <si>
    <t xml:space="preserve">生物分为几大类?生物分成几类?有哪几种? </t>
  </si>
  <si>
    <t>苔藓类属于植物.有动物＼植物＼苔藓类＼菌类．我记得就这四类．</t>
  </si>
  <si>
    <t xml:space="preserve">公务员考试中，能在题本上能勾划吗？在《行政测试》中，能否在题本上 </t>
  </si>
  <si>
    <t>当然可以在你的试卷上作这样的提示,但是仅仅限于试卷,你的答题卡上不能有任何的记号.还有如果你觉得在规定的时间内能完成你的答题,还有充裕的时间涂答题卡的话,再作这样的打算.因为一般考试的时间有限,等你答完在涂卡,恐怕时间不够.如果因为没能及时涂卡而来不及交卷真的很可惜.建议你一边做题一边及时的涂答题卡,如果有犹豫的题目可以在试卷上做好提示,等做完有剩余的时间时在回头思考.</t>
  </si>
  <si>
    <t xml:space="preserve">杀软小红伞和avast！那个好？ </t>
  </si>
  <si>
    <t>个人觉得小红伞强于avast。。。不过我给朋友装机一般都是安装avast或者nod32，自己用的是小红伞，小红伞毕竟还是不适合普通用户，原因就是误报率高，设置有点复杂，以及没有完美的中文版。avast就属于适应性比较好的，菜鸟老鸟都能用</t>
  </si>
  <si>
    <t xml:space="preserve">请问宝宝大概在30几周才会降入骨盆呢?我现在是36周了,不知道我? </t>
  </si>
  <si>
    <t>大部分孕妇在临产前两周胎头入盆，但也有一少部分在临产后方入盆。胎头不入盆的原因有两种，一种是头盆不称，另一种是前羊水较多。分娩的时间不会因为胎头不入盆就推迟，分娩的方式要根据产前医生检查的结果综合判断</t>
  </si>
  <si>
    <t xml:space="preserve">接吻鱼和清道夫鱼，一直养不好，请问除了活食，喂什么饲料好？喂活食 </t>
  </si>
  <si>
    <t xml:space="preserve">接吻鱼  　　体长可达10-15厘米。体型卵圆形，侧扁。体色银白，略带粉红色，吻部淡红色。野生接吻鱼体长可达30-40厘米。　　[饲养要点]　　性情温和，易饲养，可与其他品种鱼混养。　　饲养水温21-28度，对水质要求不严。生长快，体质强壮，不容易患病。　　饵料以小型活食为主。清道夫  　　体长可达30厘米。体大，似圆筒，头部侧扁，口唇发达如吸盘。全身披盾鳞，体表粗糙。体灰黑色或淡褐色，体表有黑白色的花纹。　　[饲养特点]　　体格健壮，易饲养。饲养水温22-28度，水质为弱碱性硬水。　　饵料以藻类为主，也要投喂活食。在鱼缸中常吸附在石块上，玻璃上稳定身体和吸食藻类，也许吃水蚯蚓，是水族箱中的“清洁工”。属夜行性鱼类，可与健康的品种鱼混养。     </t>
  </si>
  <si>
    <t xml:space="preserve">怀孕28周！这几天老感觉小腹两侧痛，特别是吃饱饭去散步，或者走路 </t>
  </si>
  <si>
    <t>你的症状属于先兆性流产，尽量卧床休息，减少行走，该药对胎儿没有任何毒副作用，放心服用，如果有阴道出血须立即就医！祝你好孕！</t>
  </si>
  <si>
    <t xml:space="preserve">请问:如想老了有生活保障和医疗问题有保障,是不该上养老保险和基本? </t>
  </si>
  <si>
    <t>最好有社保在做社保补充医疗就比较完美了</t>
  </si>
  <si>
    <t xml:space="preserve">单休日工资私营企业都是单休,请问日工资如何算,并有大月31天还有 </t>
  </si>
  <si>
    <t>现在很多单位、结算工资的方法并不统一，也并没有完全按照劳动法的有关规定来执行；我认为如果要将月工资换算成日工资以供加班、或者某些需要按“单日工资”计算的，1，可以先将月工资乘以12，得出“年工资”，2，再将一年365天除以7，得出每年的周数、并将周数除以12（月数）得出平均每月的周数，3，再按照我国劳动法规定的“每周40小时工作制”，将40乘以每月的周数，就得出一个月平均应工作的时间-----小时数了；4，然后将一个人每月的“基本月工资”除以小时数，就是每工作一小时应得的工资数；5，将每小时应得的工资数乘以8，就是每日的“日工资”数了。    按照上面的计算方法，虽然有点“麻烦”，但我认为是比较准确的计算方法，但是，因为按照劳动法规定，如休息日工作的应计算加班工资，而“例假日”（即星期天和每天如果需要加班超过而超过2小时的部分累计达一个工作日的）是按照日工资的“200%”计算给付的、如果是法定节假日工作的，则应按日工资的300%给付，所以，如果以日工资来计算的话，确实是基本都是每月都不相同的。另外，说到象你说的这部分人员，因为不是按“劳动定额”等计算的，每月的“基本工资”数也应该是不变的，如果没有休息日加班的话，一般只给付“基本月工资”和节假日加班工资，这些人员也可以算是管理人员工资，但是从字意上讲，严格地说，应该算是“非定额生产计算工作人员”，也就是非一线生产人员。</t>
  </si>
  <si>
    <t xml:space="preserve">清泉老师，请问000713请问000713今天可以补仓吗？ </t>
  </si>
  <si>
    <t>补仓不宜,有盘中反弹时控制仓位.</t>
  </si>
  <si>
    <t xml:space="preserve">我该怎么追回我的幸福我和我男朋友从初三就开始相恋都是对方的初恋因 </t>
  </si>
  <si>
    <t>感情是自己把握的 ，而不是被把握的，经不起考验的爱情那才是脆弱的，正是自己的心 ，和他好好谈谈，一个人的努力是没有效果的。如果双方都爱着对方，就好好和家长说啊！！！</t>
  </si>
  <si>
    <t xml:space="preserve">想买科鲁兹,轩逸,朗逸,哪款性价比高!科鲁兹,轩逸,朗逸一直拿不 </t>
  </si>
  <si>
    <t>轩逸在空间、质量和节油方面有优势，科鲁兹在造型和安全方面较好，朗逸在空间和安全方面较好。综合看，应该选择轩逸，毕竟平时用车安全主要在驾驶员的安全驾驶，而少出毛病和比较省油是必要的。</t>
  </si>
  <si>
    <t xml:space="preserve">频繁手淫导致性生活龟头无快感，不射精由于频繁手淫导致的性生活过程 </t>
  </si>
  <si>
    <t>这样情况发生多久了啊？</t>
  </si>
  <si>
    <t xml:space="preserve">听说《封神》的画面是回合游戏中最好的？ </t>
  </si>
  <si>
    <t>1080P高清画面的，而且窗口可以跟网页一样双击全屏或窗口，也可以用鼠标决定窗口大小，画面自然是不用说的，我敢说是我看过，玩过的真正画面好的一款游戏。</t>
  </si>
  <si>
    <t xml:space="preserve">发高烧退后拉肚子！！！我儿子4个月半，他发高烧后给他吃退热药。几 </t>
  </si>
  <si>
    <t>注意，如果是腹泻继续并有加重的趋势，要小心是秋季腹泻！病毒性的！</t>
  </si>
  <si>
    <t xml:space="preserve">武汉短袖大约穿到什么时候9月武汉天气如何啊 </t>
  </si>
  <si>
    <t>武汉的短袖大概穿到十月份 九月份是秋老虎  天气有点热</t>
  </si>
  <si>
    <t xml:space="preserve">《玻璃樽》里演阿不妈妈的是谁？如题，感觉看着特别眼熟，就是想不起 </t>
  </si>
  <si>
    <t>金燕玲, 演过港台的同事三分亲. 其他是一些配角</t>
  </si>
  <si>
    <t xml:space="preserve">海边如何求婚浪漫?我朋友特别喜欢大海，所以想给他女友来个海上求婚? </t>
  </si>
  <si>
    <t>让我第一个想到的办法就是在海边画个心字，写个名字．呵呵，再放一束鲜花，当然要连海浪远一点点，不然就让浪花带走了．</t>
  </si>
  <si>
    <t xml:space="preserve">想找南戴河价格合理环境好的宾馆 </t>
  </si>
  <si>
    <t xml:space="preserve">这就看你要什么时间来?住什么条件的宾馆?我建议你住南戴河文华宾馆,网上评价还算可以,走到海边也就3分钟,6月15日以前标间也就100元左右! </t>
  </si>
  <si>
    <t xml:space="preserve">愤慨...男人跟女人都进来看下说一个三人故事。一个女孩跟一个男孩 </t>
  </si>
  <si>
    <t>女孩離開深圳，越快越好!那第三者，若对这女孩还有点喜欢的成份，就保持联系着!那叫女孩给2000元他的男孩，不是啥东西的，快从女孩的记忆中消失!最后，便宜莫贪！女孩?e隨便接受?e人送的东西，要付出代价的！</t>
  </si>
  <si>
    <t xml:space="preserve">小宝宝感冒流鼻涕了怎么办？ </t>
  </si>
  <si>
    <t xml:space="preserve">给宝宝用一些能提升免疫力我中草药的保健食品吧．小孩经常感冒，主要是免疫能力有些低下，反复感冒咳嗽，怕就怕肺部感染就不好了．我有一个朋友的孙子，原来也是经常感冒咳嗽，自从她去年给小孙子（一岁多吧），吃了一种中草药调理型的保健食品，这种现象就好多了．而且还解决了原来偏食的现象．对小孩的智力发育也有帮助．  </t>
  </si>
  <si>
    <t xml:space="preserve">ws铁钩猥琐吗?不.在我看来太好杀了，就4铁钩说遇到2把羽扇怎么 </t>
  </si>
  <si>
    <t>楼主不是想单一的说羽扇有多么强大，只是向侧面的告诉大家无双铁钩不是无敌不可破的~凡事都有解决的方式，只要大家去研究。还是那句，没有最强的武器，只有最强的玩家~O(∩_∩)O~</t>
  </si>
  <si>
    <t xml:space="preserve">请问汽车在外地违章被拍不要紧的么听说车子在外地被拍了超速不要紧的 </t>
  </si>
  <si>
    <t>收滞纳金要看你有没有收到处罚决定书,收到了公安部门的处罚决定了,应在15天内交纳罚金,否则就每天按3%加收罚金。一般看你当时有没有签过字，签过字了一般说明你已接受处罚收到罚单，如果说非现场执法，只是拍照，那他寄来的是违法处理通知书，是通知你去处理，这样你过多长时间去处理也不用交迟纳金。</t>
  </si>
  <si>
    <t xml:space="preserve">一个木块漂浮于水面有30cm^3的体积露出水面,现将露出水面的部 </t>
  </si>
  <si>
    <t>设木块密度a体积b则:ab=P水(b-30)g…(1)a(b-30)=P水(b-30-19)g…(2)联立可求a、b.</t>
  </si>
  <si>
    <t xml:space="preserve">请问佳能的DV质量效果怎么样，比起索尼、松下的是否有很大差距？我 </t>
  </si>
  <si>
    <t>我们家使用的就是佳能的,我认为还是不错的,成像不错,色彩还原也较好,另外,佳能的手感非常好,利于长时间使用!</t>
  </si>
  <si>
    <t xml:space="preserve">输入报名信息，按保存键后无法保存 </t>
  </si>
  <si>
    <t>可能就是人太多了，网页刷新慢</t>
  </si>
  <si>
    <t xml:space="preserve">装备1请问这是什么枪 </t>
  </si>
  <si>
    <t xml:space="preserve">刘湘的川造武器 没有型号  </t>
  </si>
  <si>
    <t xml:space="preserve">为什么首都球会成绩总不理想？足球世界里，凡各国联赛的首都球队成绩 </t>
  </si>
  <si>
    <t>我说点个人看法.足球说到底也是文化的体现.现在几个足球大国的首都很巧合不是各自国家文化和历史的最重要城市.我说几个例子:英国,伦敦历史不短,但是熟悉历史的人都知道,这个国家的文化底蕴利物浦和曼彻斯特和深厚,有点象我们中国北京和西安的关系.(咱们中国没什么足球文化,我是拿中国历史做例,别较真)熟悉英国足球的人应该知道,纵观历史,红军利物浦才是第一,曼联,阿森纳都要靠后,切尔西就更没影了.意大利,新老文化之都分别是米兰和佛轮轮撒,罗马要差一点.德国,代表该国文化无疑是慕尼黑.西班牙当然是巴塞罗那了.</t>
  </si>
  <si>
    <t xml:space="preserve">世界首富是谁 </t>
  </si>
  <si>
    <t>比尔盖茨</t>
  </si>
  <si>
    <t xml:space="preserve">劳动合同违约金的问题各位律师：我07年作为应届毕业生毕业后和公司 </t>
  </si>
  <si>
    <t>1.请问我是否有权利获得这劳动合同奖金7200元？ ：你有权利得到你们双方约定的履约奖金，但不能是7200元，因为合同的约定是按月计算的啊。2.如果我要申请劳动仲裁的话，请问是在公司解雇我之前申请还是公司解雇我之后申请？需要保留什么证据？：劳动仲裁的时效是从劳动争议发生开始计算的，所以，只要公司明确表示拒绝履行合同支付劳动合同奖金，即为争议发生了，你就可以请求仲裁了。当然，也可以在离职后，因为在办理离职手续、结算工资、支付经济补偿等方面还可能有争议，那就一次申请好了。注意时效，是一年内。2.如果我要请律师的话，大概需要多少律师费用？：哈，这应该是“3”。各地标准是不一样的，且与争议额有关（是按比例的），可以直接与律师事务所协商，讨价还价。如果确有困难，可以向援助中心申请法律援助。 问题补充：呵呵，如果这样的话，公司为了不支付7200元就可以在合同快期满的时候任意裁掉我们？？？：如果公司有合理的原因与你解除合同，应该按一年工龄支付一个月工资的标准支付经济补偿金（不足一年的按一年计算，不足半年的按半年计算）。但若是公司无正当理由非法解除合同，要支付相当于经济补偿的二倍的赔偿金。请问我申请劳动仲裁需要什么有利的证据？ 解雇合同书？工资条？还是当时签的劳动合同（原件还是复印版）？（我感觉我现在最大的证据就是我手中当时签的劳动合同原件，如果我被辞退后，我就没有原件作为证据了，申请劳动仲裁到底需不需要这个？） ：不是“解雇合同书”而是“解除劳动合同通知书”，但没有也行。工资条，有用。这是为了证明工资标准的，但也是没有也行，因为这适用“举证倒置”，由公司承担举证责任。劳动合同是最重要的。你要保存好，不到开庭举证时，都可以用复印件。解除劳动合同时不用交回合同，而是公司给你通知书，并办理相关离职手续，转移社会保险，支付经济补偿或赔偿。</t>
  </si>
  <si>
    <t xml:space="preserve">三国志卷四十,请教高手指教呀国语曰：智宣子将以瑶为后，智果曰：“ </t>
  </si>
  <si>
    <t>《国语》曰：（晋国国君）智宣子打算立智瑶为储君，（族人）智果劝告说：“（智瑶不如智霄。”宣子曰：“智霄有点凶残。”智果答道：“智霄的凶残是在表面上，而智瑶的贤良只限于四、五个人，这是瑶不如霄的第一条；智伯（智霄是老大，故也称智伯）身壮鬓美这是贤，力大善射这是贤，懂多门技艺这是贤，能说会道这是贤，强毅果敢这也是贤。虽然如此，他不仁。以上述五种‘贤’而欺凌别人，而不是以仁相待，有谁能和他相处？如果你一定要立智伯，智氏宗族必灭。”（智宣子）不听智果的忠告。智果就到太史那里另外申请了一个姓氏叫“辅氏”。后来（韩、魏，赵三家分晋）智氏家族尽死，只有辅果（原来的智果）侥幸存活下来。</t>
  </si>
  <si>
    <t xml:space="preserve">关于李若彤的问题？请问李若彤生过孩子吗？她最近在忙些什么？ </t>
  </si>
  <si>
    <t>没有吧！</t>
  </si>
  <si>
    <t xml:space="preserve">谁知道王力宏和侯佩芩是怎么回事周和侯分手了吗？ </t>
  </si>
  <si>
    <t>王是唱歌的艺人,候是个女主播,他们就这么回事,既没什么比较暧昧的关系也没什么要好往来.不过周和候呢现在正谈着呢,本人觉得候根本配不上俺家杰伦,只不过杰伦的外婆喜欢她罢了.希望周尽快和候分了吧,我觉得他们的性格不会和的来的!!!</t>
  </si>
  <si>
    <t xml:space="preserve">报税后发现交给税务部门的报表上列数字与实际应交数有出入（多列或少? </t>
  </si>
  <si>
    <t>按税单在下月补做会计凭证，就行了。会计工作中偶尔出现会计差错是正常的，只要及时改正，一般是不会有什么麻烦的。</t>
  </si>
  <si>
    <t xml:space="preserve">蚊子怎么会吸完血就会死调呢? </t>
  </si>
  <si>
    <t>1、命数已尽，寿终正寝，好生葬了吧；2、施主慈悲为怀，蚊子羞愧而死；3、大侠睡觉的时候被一只蛤蟆钻进肚里了，本来眼下就要要毒发身亡，谁知正好碰上毒蚊。以毒攻毒，化险为夷，以后就是百毒不侵之体，可喜可贺；4、刺客知道被人发现了，自己咬破牙齿里暗藏的毒药自尽；5、阁下骨骼精奇，天赋异禀，已经在不知不觉中练成了如来神掌，真气流转，自行护身，小小蚊子哪能经得起，被震断经脉而亡；6、我们克利普顿星人眼中的射线堪比激光，熔钢断铁不在话下，摧枯拉朽更是儿戏一般。</t>
  </si>
  <si>
    <t>[11]巴　里1</t>
  </si>
  <si>
    <t>一定会好运的，谢谢</t>
  </si>
  <si>
    <t xml:space="preserve">手机APP有没有好的手机计划软件， </t>
  </si>
  <si>
    <t>好多的，你可以去快用上看一下</t>
  </si>
  <si>
    <t xml:space="preserve">新手区如何转区，知道的快些回答哦，急！还有哪些服务器是官方推荐服? </t>
  </si>
  <si>
    <t xml:space="preserve">1. 当玩家等级到达25级，可以至官网 申请转换至其他正式服务器（1服----37服），继续进行，除了新服（40服和41服）之外。系统将在之后的周四服务器例行维护时自动转移该账号下玩家所指定的唯一一个（达到25级的）角色。每个账号能且只能进行一次转服并且转移一个角色。  2. 玩家可以在转服时携带道具栏、任务栏以及角色仓库中（不包括血盟仓库、包裹系统）的所有道具。  3. 转移至其他服务器后，角色将会在目标服务器的村庄中开始游戏。该帐号内在新手服务器的指定转移角色将被自动删除，其他角色保留。  4. 转服申请时间为每周四服务器例行维护后至下一个周四服务器例行维护之前。如果维护时间有变动，将于官网告知。   5. 转服前由于违反运营政策受到制裁的帐号，不影响转服，并且不影响制裁。  6. 转服以系统维护前玩家最后下线时的状态和信息为准。不会变更的状态为：mp、hp、sp、战斗属性、基本属性、社会关系（pvp/pk、性向值）、技能、等级、职业、负重最大值、任务、经验值、人物外貌、性别、种族、职业。  7. 转服后注意：    A：转服后玩家的好友名单和黑名单都将消失。   B：转服后原血盟、血盟仓库以及同盟将取消，玩家原有的血盟称号、学院称号等也将一并取消；玩家社会关系中的评价值将也会消失；玩家可以不受时间限制加入或者建立新的血盟。   C：转服后原有的根据地将取消。   D：申请转服的帐号在其他服务器已经建立了7个角色，此帐号在新手服务器的角色将无法申请转至该服。 E：所有宠物及宠物所携带的道具都不能转移。 F：转服后，在新手服务器购买的彩票以及怪物赛彩券都将作废。 G：转服后纹身消失。  8. 玩家在转服时，如果目标服务器已经有同名玩家存在，系统将会提示输入新的角色名。正确申请转服之后务必请再次登陆转服页面确认是否转服申请成功。  9. 每周四进行例行维护，维护后，所有等级超过25级的角色将全部降为25级（等级=25，经验=0.00%）  10. 新手学院将于4月14日关闭。在服务器关闭之前，没有成功转服的玩家，将会被删除在38、39服内的所有角色资料信息。务必玩家能够在4月14日之前能够积极成功转服。 </t>
  </si>
  <si>
    <t xml:space="preserve">腰太细，女友总喜欢搂我腰。感觉自己比女友还单薄，应该怎么办？？？ </t>
  </si>
  <si>
    <t>个人体质不一样，有的人是不容易长胖的多少人胖的要减肥，瘦的要增胖。在大街上随便逛，大多是男瘦女胖的。哎~~~人哪有十全十美的呢不过追求完美的心是正常的像我以前总希望自己再长高点我老公就是喜欢我这样子可爱型的我们还不是过的很幸福我想你女朋友绝对没有介意你瘦说不好她就喜欢这样的要是你自己单纯想胖点可以想办法增胖啊 增胖比减肥简单多勒(*^__^*) 嘻嘻……你很幸运~~~~</t>
  </si>
  <si>
    <t xml:space="preserve">急求:唐门如何分配技能点才能高普攻~~~~~~各位好心的大侠,请 </t>
  </si>
  <si>
    <t>唐门前期要加身法来加攻击，这样练级相对快点。后期要适当加点外功，不然练级PK都很郁闷。至于力量，如果有装备加的话就不要加或者少加。不加外功都加身法的是SB。练级要快的话最好用镖，90洗点，推荐洗成飞刀。</t>
  </si>
  <si>
    <t xml:space="preserve">英语大赛选择题1.Wewillkeep____A.triedB. </t>
  </si>
  <si>
    <t xml:space="preserve">选B,keep doing sth </t>
  </si>
  <si>
    <t xml:space="preserve">使用优酷路由宝一个月能赚多少钱？ </t>
  </si>
  <si>
    <t>优酷路由宝是利用宽带上行资源，而国内宽带的上行是非常小的，我购买了一台优酷路由宝，我家里的宽带是12M，一个月下来就赚了4块多钱，还不够电费，如果你是想通过优酷路由宝赚钱，还是洗洗睡吧！比惠路由差远了，我购买了一台惠路由，一个月都能赚几百块，优酷路由宝没办法比惠路由。他们网站：ｗｗｗ.huiluyou.com</t>
  </si>
  <si>
    <t xml:space="preserve">新蒙迪欧如何大家给点建议？ </t>
  </si>
  <si>
    <t>虽然很讨厌狗日的，但是你说的这两款推荐雅阁！经济型，雅阁完胜，油耗比蒙迪欧少最少2个或者3个，保养费用比蒙迪欧少很多。蒙迪欧的配件贵的要死，而且相当离谱，你自己去看看资料就明白了。现在我一个朋友他的蒙迪欧现在都不舍得开了新蒙迪欧各方面表现平均。外观与许多车型相似，大气中庸，内饰的配置较差。操控性较好，特别是手动档表现出色，自动档相比优势很少；有部分网友反映其方向太死，打起来很沉。加速一般，动力响应不好，V6发动机较老旧。油耗一般，平均9-13个。（赠人玫瑰手有余香，如果回答有用，请点“好评”，谢谢^_^!）</t>
  </si>
  <si>
    <t xml:space="preserve">进入WindowsXP界面,怎样打开系统还原点功能？ </t>
  </si>
  <si>
    <t xml:space="preserve">a、启动策略组，步骤如下：打开我的电脑－&gt;C盘（系统所在磁盘分区）－&gt;WINDOWS－&gt;system32－&gt;运行gpedit.mscb、然后点击进入：计算机配置－&gt;管理模板－&gt;系统－&gt;系统还原双击“关闭系统还原”，选择“未配置”，点确定c、右键“我的电脑”、“属性”、“系统还原”，这样就可以对系统还原进行修改设置了。  </t>
  </si>
  <si>
    <t xml:space="preserve">历史上还有哪些像刘备，宋江，唐僧一样的无能之辈？ </t>
  </si>
  <si>
    <t>以上三位均非无能之辈。如果刘备无能，如何能和曹操、孙权分庭抗礼？如何能让关羽、张飞这些有为之人为他肝脑涂地？如何能让诸葛亮为他鞠躬尽瘁？当时如果没有曹操和孙权，天下也许就是刘备的，怎么能说他是无能之辈呢？如果唐僧是无能之辈，如何能从中土走到印度？如何能再从印度走回来？如何能功成名就开创法相宗流派？宋江几乎完全是由小说创造出的形象，就不评论了。</t>
  </si>
  <si>
    <t xml:space="preserve">请教院长及各位JMM，急盼回复！我12月16日去医院做了输卵管造 </t>
  </si>
  <si>
    <t>出血是正常的，不要担心</t>
  </si>
  <si>
    <t xml:space="preserve">各位，怎么超频，怎么设置虚拟内存、硬盘等？ </t>
  </si>
  <si>
    <t>超频一般都是在BIOS里面设置的..一般没玩游戏到不用去超频了..虚拟内存你直接打开我的电脑的属性&gt;高级&gt;性能设置&gt;高级&gt;下面就有虚拟内存可以改了..虚拟内存是正常的内存的1.5倍-3倍.</t>
  </si>
  <si>
    <t xml:space="preserve">4S店里的人说，千万不要图便宜，平安电话车险出事都不知找谁？是真? </t>
  </si>
  <si>
    <t>作为珠海平安的一员，这样的事情我还真没有遇到过，不过，你想想：有专人可找，是否比打客服热线处理事情来得更快呢？既然有钱供车，何在乎一点车险的费用呢？</t>
  </si>
  <si>
    <t xml:space="preserve">急需婚礼筹备流程，注意事项，各种安排，请前辈们支招！ </t>
  </si>
  <si>
    <t xml:space="preserve">婚礼前真的有很多很多的事情要做，我最近在用一个小工具输入婚礼日期就会帮你在日历上标注出需要做的事，然后你按照流程来做就ok啦~~~你看看呗 </t>
  </si>
  <si>
    <t xml:space="preserve">我的个人中心还只是昨晚的记录.各位有无类似情况?如何处理? </t>
  </si>
  <si>
    <t>我也是，我也正纳闷呢！！</t>
  </si>
  <si>
    <t xml:space="preserve">银行理财与保险理财有何不同？ </t>
  </si>
  <si>
    <t>银行和保险理财主要有以下几方面的区别：       区别一：保障功能不同       银行理财产品不带有保障功能，而保险理财则有死亡保险的保障功能。       变额寿险的缴费是固定的，在该保单的死亡给付中，一部分是保单约定的、由准备金账户承担的固定最低死亡给付额，一部分是其投资账户的投资收益额。视每一年资金收益的情况，保单现金价值会相应地变化，因此死亡保险金给付额，即保障程度是不断调整变化的。       万能寿险的缴费比较灵活，您在缴纳首期保费后可选择在任何时候缴纳任何数量的保费，只要保单的现金价值足以支付保单的相关费用，有时甚至可以不缴纳保费。此外，您还可以根据自身需要设定死亡保障金额，即自行分配保费在准备金账户和投资账户中的比例。因此，死亡保险给付通常分为两种方式：A、死亡保险金固定不变，等于保单保险金额；B、死亡保险金可以因缴费情况不断变化，等于保单的保险金额＋保单现金价值。       变额万能寿险的死亡保险金给付情况与万能寿险大体相同。但需要注意，万能寿险投资账户的投资组合由保险公司决定，它要对保户承诺一个最低收益；而变额万能寿险的投资组合由投保人自己决定，他必须承担所有的投资风险，一旦投资失败，他又没能及时为准备金账户缴费，保单的现金价值就会减少为零，保单将会失效，保障功能彻底丧失。       区别二：资金收益情况不同       银行理财产品采取的主要是单利，即一定期限、一定数额的存款会有一个相对固定的收益空间。不论是固定收益还是采取浮动利息，在理财期限内，银行理财产品都采取单利。保险理财产品则不同，大都采取复利计算。即在保险期内，投资账户中的现金价值以年为单位，进行利滚利。        在保险理财产品中，变额寿险可以不分红，也可以分红（目前国内大多属分红型的），若分红，会承诺一个收益底限，分红资金或用来增加保单的现金价值，或直接用来减额缴清保费；万能寿险也会承诺一个资金收益底限，通常为年收益的4％或5％；而变额万能寿险则不会承诺，资金盈亏完全由投保人承担。您在选择变额万能寿险时要注意，某些代理人所出示的“资金收益表”只是保险公司以前的盈利情况，并不代表今后的“一定的”收益。        区别三：支取灵活程度不同        银行理财产品都有固定的期限，如果储户因急用需要灵活支取，会有利息损失。</t>
  </si>
  <si>
    <t xml:space="preserve">看完棋魂想到的一个问题请问日本历史上有没有本因坊秀策这个人？请大 </t>
  </si>
  <si>
    <t>有啊.想看这个人的箱子介绍这里有: 是日本以前的棋圣哦.佐为...在FANS的眼里是活着的。...</t>
  </si>
  <si>
    <t xml:space="preserve">气柜的分类气柜如何分类 </t>
  </si>
  <si>
    <t>气柜分为干式气柜和湿式气柜两类。</t>
  </si>
  <si>
    <t xml:space="preserve">火岩结晶还是熔岩结晶好(同等级的) </t>
  </si>
  <si>
    <t>火岩结晶好啥攻击高物理防高，就是魔法防低。不过前期大部分怪就是物理攻击的，所以火岩结晶是个好选择。</t>
  </si>
  <si>
    <t xml:space="preserve">如何找到买了房子没有装修的人的联系方式 </t>
  </si>
  <si>
    <t>最简单的办法就是去和小区的物业勾兑，你懂的.......</t>
  </si>
  <si>
    <t xml:space="preserve">糖尿病容易并发心脏病？ </t>
  </si>
  <si>
    <t>『健悦坊 』糖尿病第三生活空间伍医生表示：糖尿病人发生冠心病的机会是非糖尿病病人的２～３倍，常见的有心脏扩大、心力衰竭、心律失常、心绞痛、心肌梗塞等。</t>
  </si>
  <si>
    <t xml:space="preserve">GM你们主叶上面的更新不说维护不说你的系统公告是有啥用的 </t>
  </si>
  <si>
    <t>您好,维护公告是不在主页中公告的,只会在系统中公告哦.感谢您对游戏的支持.</t>
  </si>
  <si>
    <t xml:space="preserve">这样的男生是不是很恶心？面对自己有好感的女生，他故意长期保持暧昧 </t>
  </si>
  <si>
    <t>这种男人是利用别人的爱。我作为一个男生，很鄙视这种行为。</t>
  </si>
  <si>
    <t xml:space="preserve">我总觉得这九连环有问题，发现和网上不一样，你帮着忙们看看。 </t>
  </si>
  <si>
    <t>我咋感觉都正常啊</t>
  </si>
  <si>
    <t xml:space="preserve">杰伦的新专辑会不会预购？可能会有好东东。才预购过一次嘛！ </t>
  </si>
  <si>
    <t>会的，每长专集都会提前预购</t>
  </si>
  <si>
    <t xml:space="preserve">请问3D物位扫描仪的总代理，如果做代理要什么条件。如果招代理的话 </t>
  </si>
  <si>
    <t>总代理是北京金德创业测控技术有限公司具体什么要求，就真不知道了您可以打电话咨询下他们公司的销售010-61274148</t>
  </si>
  <si>
    <t xml:space="preserve">月白老师：你荐的600125明日如何操作？ </t>
  </si>
  <si>
    <t>持股待涨，仍有空间，注意前高压力。</t>
  </si>
  <si>
    <t xml:space="preserve">上海男科医院哪家啊比较好 </t>
  </si>
  <si>
    <t>上海泌尿外科研究院也不错的</t>
  </si>
  <si>
    <t xml:space="preserve">胃总是不舒服从前胃一直很好，但是从去年高考到现在半年多了胃一直不 </t>
  </si>
  <si>
    <t>您描述的表现主要是上消化道不适反应，很多因素可能造成。紧张，受凉，饮食因素（如暴饮暴食，不规律饮食）等均可能引起造成。建议调整饮食，忌生冷，按时进食，不可暴饮暴食，不要熬夜。通常是可以缓解的。如果反复加重，建议去医院消化科就诊咨询。可能需要胃镜检查以明确病因。</t>
  </si>
  <si>
    <t xml:space="preserve">克鲁日你往自己门里踢什么看，往拜仁门里踢啊。两个乌龙你搞什么呢。 </t>
  </si>
  <si>
    <t>所以拜仁今天想不赢都难</t>
  </si>
  <si>
    <t xml:space="preserve">近亲结婚我母亲和她父亲是表兄妹，我和她是否可以结婚？？ </t>
  </si>
  <si>
    <t>如果是在以前的话,那当然可以滴..我爸妈就是这种关系结的婚.但现在不行,这属近亲了,,不是说要五代之后才可以结婚的吗?像这种情况在很多乡下还是可能发生的,,,不过为了下一代的健康着想的话还是三思而后行啊.....</t>
  </si>
  <si>
    <t xml:space="preserve">SOS！电脑中毒 </t>
  </si>
  <si>
    <t>重装系统</t>
  </si>
  <si>
    <t xml:space="preserve">大众公用这个股票现在是持有还是卖啊! </t>
  </si>
  <si>
    <t>短期还有获利回吐的压力，后市长期看好</t>
  </si>
  <si>
    <t xml:space="preserve">性交痛做爱的时候爱液挺多的，也不痛。一但他射在我体内，我就感觉下 </t>
  </si>
  <si>
    <t>可能是时间过长,阴道损伤了,精液刺激了伤处引起疼痛.女上式是女性用力,动作过快/时间过长,会引起腹部肌肉疼痛.</t>
  </si>
  <si>
    <t xml:space="preserve">我老公是南方人，结婚后就定居南方了，可是本人北方人，实在是受不了? </t>
  </si>
  <si>
    <t>我家装了德国原装进口的MANPAI电地暖，客厅和主卧都装了，挺好用啊，家里暖和着呢。建议楼主货比三家，说实在的，这东西买了不好的就闹心了，漏水了就完蛋了。楼主了解一下，不是崇洋媚外，只是觉得这德国进口的东西，真心好用一点</t>
  </si>
  <si>
    <t xml:space="preserve">我的问题要到期了,但一个回答的都没有,我该怎么办? </t>
  </si>
  <si>
    <t>1、撤消问题（在确实没有回答的情况下），或和选择“无满意答案”2、再提问一次，并增加悬赏。（最好不要直接提高悬赏分，因为这样做你的问题不是最新问题，看到的人少）</t>
  </si>
  <si>
    <t xml:space="preserve">有什么好看的韩剧求推荐 </t>
  </si>
  <si>
    <t>就是要你爱上我   听见你的声音听见你的声音.....听见你的声音，鲨鱼，主君的太阳，幽灵。如果有用，请点右下角设为有用，谢谢！</t>
  </si>
  <si>
    <t xml:space="preserve">一道数学题有七根直径为4分米的圆柱形木棍,想用一根绳子把它们捆成 </t>
  </si>
  <si>
    <t>我自己的评论有点问题，还是在这里再说一下吧。七根圆柱形木棍，一根绳子把它们捆成一捆，这样最短？显然，中间一根，周围6根，是最佳的方案。如果从木棍的顶端看，正好是7个圆，周围的6个圆都和中间的圆相切。但是，绳子绷紧以后，捆扎在外面的绳子不是圆形，也不是我说的正六边形，因为在正六边形的六个顶点处，不是点，而是圆弧！我自己画了一个图，将圆弧部分标注清楚以后，会发现，6个边，每个边的直线部分正好是直径4分米，圆弧部分是圆周长的六分之一，六个圆弧，正好是一个圆圆的周长。所以，绳子的最短长度是：6×4（6个边）+4×π（1个圆）=24+4π≈36.57分米。</t>
  </si>
  <si>
    <t xml:space="preserve">阿拉斯加雪橇犬幼犬拉肚子了都能吃什么食物 </t>
  </si>
  <si>
    <t>拉肚子的时候最好是什么也不吃先禁食一天哦，我们家狗狗拉肚子通常都是这么处理的，一般第二天就会好了。因为不确定你家的狗引起拉肚子的原因，也不知道它吐不吐？所以建议先禁食一天观察一下注意：1、观察一下便便里有没有带血，带血的话可能是吃了尖骨头划伤了肠胃。2、突然换狗粮也会引起拉肚子，换狗粮品种时最好把之前吃的狗粮先少量加入新狗粮适应几天3、着凉了。因为冬天天气凉了，小狗睡觉时可能凉到了，给它睡觉的地方垫点毯子之类的如果拉稀没有好转就送宠物医院或是打电话咨询一下兽医，看狗狗是不是染上了什么病毒，细小、狗瘟</t>
  </si>
  <si>
    <t xml:space="preserve">金属板件折弯翻边请问一张厚度1.2mm，长12m，宽0.9m的钢 </t>
  </si>
  <si>
    <t>自制一台简易式两轮轧辊翻边机即可。</t>
  </si>
  <si>
    <t xml:space="preserve">经营儿童游乐场需具备什么资质想开办一个小型儿童游乐场，需要具备什 </t>
  </si>
  <si>
    <t>当然你首先得热爱这份事业，相关事宜得咨询当地教育和工商有关部门！祝你顺利</t>
  </si>
  <si>
    <t xml:space="preserve">小客厅的设计方法有哪些，怎样设计比较好呢？ </t>
  </si>
  <si>
    <t>（1）就20平方米左右的长方形门厅设计，依空间应分害虫出主从关系，以体现不凡的气质。主要的大幅墙面可悬画幅，入门厅先发夺人。沙发、茶几置于画前，或陈设于中央。（2）开放的空间，或镶大理石地面，或铺硬木拼花地板。墙壁可折，也可施雅色，还可贴墙布，高雅大度，清爽宜人。顶棚可白，也可与墙为姊妹色。（3）要安排些宜人赏玩的小景观，如花草、虫、鱼、树桩盆景、细瓷古玩、雕塑器物、时尚精品。一切都以小花坛绿意融融充盈些自然气息为主。招待至亲贵友，座位必须舒适，品茗谈天，心情舒畅。座下局部铺地毯，有轻松温馨感。（4）四周镶饰护墙板十分必要，除强化了富丽豪华之外，还完善了客厅的整体感。天然的木质色彩，与地面匹配得当，浑然一体。  （5）对称式设计的手法，在客厅空间中软装配饰时而可见，诸如挂镜、壁灯、单椅、橱柜、花架等，对称应（6）客厅里铝合金窗，透明玻璃最豁亮，而不宜着色。通向卧室的门，如镶玻璃以镂花或磨砂为佳，透光不透物；与浴厕、厨房相通的门可以着色，以示区别和隐蔽。</t>
  </si>
  <si>
    <t xml:space="preserve">请问西安北郊有哪些健身中心？本人刚由外地工作回到西安，想在家（北 </t>
  </si>
  <si>
    <t>哦，龙首村肯德基旁边的怡康大药房2楼有个健身房不错，价钱也不贵，100块一个月。</t>
  </si>
  <si>
    <t xml:space="preserve">我现在和一个在谈恋爱，我们是自己搞的，还没有让家人知道，有一天，? </t>
  </si>
  <si>
    <t>晕，爱就是爱啊，难道你家人因为他家没有钱，你就要放弃？爱他就是看他爱的经济吗？？为钱？？爱一个人是没有理由的，如果你真觉的你不喜欢他的话，就分了算了，毕竟人生的路还很长啊。你自已好好想想！</t>
  </si>
  <si>
    <t xml:space="preserve">安装超级解霸后,运行时提示找不到waveout.dll!请高手指? </t>
  </si>
  <si>
    <t xml:space="preserve">软件没有安装完整 或者你在卸载什么软件的时候一些程序和你的播放器有关联 建议 你重新覆盖安装 或者安装超级解霸v8版本 </t>
  </si>
  <si>
    <t xml:space="preserve">求教，她到底是怎么想的啊？我们的认识是在一次老师布置的大作业上， </t>
  </si>
  <si>
    <t>以我作为女人的经验告诉你几种可能(可能有点偏激):1 她是一个喜欢暧昧的女孩，在感情上犹豫不决。这个情况你就要学坏男人！！！制造机会亲近她，制造氛围把她搞定,吻之类就可以了啊~~~~，事后说自己情难自禁，对不起之类，不要害羞，当她开始害怕见到你的时候，学会厚脸皮，天天贴上去，献殷勤，最终，抱的美人归！！PS：会道歉的男人，女人才喜欢2 她是一个受过情伤的人。这个情况你就要有耐心！！要有打持久战的准备。口头上是朋友，实际是以男朋友自居，多多的嘘寒问暖，多多关心，多多帮助，让她感觉到爱情还是很美丽的。不要过多在乎朋友起哄，这是好事，他们在为你高兴！！这个时候，你要放好自己的心态，明确目的，就是喜欢她~~~！3 她是一个爱情高手。希望随时有人关心照顾她，不喜欢你，但是贪恋你的温暖，这种情况很难说了~~~~~所以，最好还是保持点距离，男人的气魄不是表现在卑微上~~~~这些情况你一定要把握好了，希望你不要错过了你的幸福，也希望你不要把自己的尊严放到了她的脚下。</t>
  </si>
  <si>
    <t xml:space="preserve">威海租房信息那个网站比较全？ </t>
  </si>
  <si>
    <t xml:space="preserve">  这个网址中间的房源搜索器可用。选择“非中介”即可。高区的空房子比较多，但是比较贵。。。。。。。高区还有一些人举着小牌子租房子，一般都是海边的烂尾楼，不安全，不要去。 高区有哈工大和山大，他们的家属区内租房子相对安全一些，但是离华东数控有点远。 个人拙见，仅供参考。</t>
  </si>
  <si>
    <t xml:space="preserve">理解下列句意,各打一文学作品名.1零点2大声疾呼3朱阁枕黄梁4置 </t>
  </si>
  <si>
    <t>《子夜》、《呐喊》、《红楼梦》、《复活》、《儒林外史》</t>
  </si>
  <si>
    <t xml:space="preserve">旅行的意义是什么？[思考] </t>
  </si>
  <si>
    <t>一种享受，与此同时也可以增长见识。旅游过程中可以让人学到很多东西：自然与人；、各地区的风俗习惯；经济发展情况；其实无形中就相当与在当地做了一份调查！去一个陌生的城市离开固有的朋友圈少了应酬让自己好好放松一下，看看别人的城市找一下自己</t>
  </si>
  <si>
    <t xml:space="preserve">裁剪马裤的图例有哪位前辈知道马裤的裁剪图例谢谢 </t>
  </si>
  <si>
    <t>你直接到图书馆或书店去看看。通常的服装裁剪书上都有您需要的图例。</t>
  </si>
  <si>
    <t xml:space="preserve">培训学校怎样利用培训软件有效管理学员 </t>
  </si>
  <si>
    <t>现在市面上的培训学校都开始在采用培训学校管理系统来管理自己的学校，培训学校管理系统不仅在教学等方面能够帮助到自己的网站，在学员招生以及学员的管理上作用更加的明显。不管对于哪一所学校，众多的学员，管理起来都是一个很大的难题。每一个学员都是一个独立的个体，你总不能管了这个就不管那个了。尤其是作为教育培训的培训学校来说，如果你的管理不到位，就会使学员失去对你这所培训学校的信任感，从而离开的你学校。　　培训学校管理系统能够让你的管理兼顾到每一位学员，让你的管理更加全面。根据正在使用培训学校管理系统的一些客户反映，在实际应用培训学校管理系统以后，学员管理方面的压力大大的降低，让每一位学员都能够感觉到他的存在。让学员增加对于培训学校的信任感，帮助学校形成良好的口碑传播，赢得更多的学员。</t>
  </si>
  <si>
    <t xml:space="preserve">游戏里有死角，我进去出不来了，怎么办这个死角在乞丐鬼屋边，有个河 </t>
  </si>
  <si>
    <t>你是玩什么游戏啊?不讲游戏名字别人怎么会知道啊??</t>
  </si>
  <si>
    <t xml:space="preserve">建筑施工临电施工规范那们朋友有请给上传一份。 </t>
  </si>
  <si>
    <t>4.2、用电方案4.2.1投入本工程主要施工机械设备计划表:序号  机械设备名称  型号  数量  功率KW  总功率KW  备注1  塔吊  38.6KW  1台  38.6  38.6  2  物料提升机  SSB-100  1台  7.5  7.5  4  搅拌机  500L  2台  15  15  5  潜水泵  φ50  2台  3.5  7  6  平板振动机  ZB-11  2台  1.5  3  7  振动器  ZX-50  4台  1.5  6  8  电焊机  BX-300  3台  25  75  9  钢筋切断机  GJ-40  1台  5.5  5.5  10  钢筋弯曲机  GW-40  2台  5.5  11  11  钢筋对焊机  VNI-100  1台  100  100  12  圆盘锯    1台  3  3  13  平刨机    1台  3  3  14  电动机额定功率合计  99.6KW  15  电焊机额定功率合计  175KVA  4.2.2、用电线路施工现场电力线路采用三相五线制，电气设备的金属外壳必须与专用保护零线连接。4.2.3、用电负荷计算⑴总用电量计算（设备见4.5.1、本工程的主要施工机械设备计划表）P=1.05×(K1ΣP1/COSФ+K2ΣP2+K3ΣP3+ K4ΣP4)其中：P为供电设备总需要容量（KW）ΣP1为电动机总功率；（KW）ΣP2为电焊设备总功率；（KW）ΣP3为照明总功率。（KW）ΣP4为室外照明容量（KW）COSФ为电动机的平均功率因数取0.65ΣP1=99.6 ΣP2=175  ΣP3=20(暂定) ΣP4=25（暂定）P=1.05×(0.5×99.6/0.65+0.5×175+0.8×25+0.8×25)≈204KW⑵现场配225KVA变压器一台；施工现场分5路电缆供电，塔吊一路铜芯橡胶电缆（3×35+2×16），构件和材料加工场分路设置铜芯橡胶电缆（BX）。即（3×35+2×16），砼搅拌机设BX电缆，即（3×16+2×10），工程主楼设BX电缆，即4×（3×35+2×16）和8×（3×16+2×10），宿舍设2路BLX电缆，即（2×16+1×10）。4.2.4、临时配电系统⑴配电系统布置及操作必须符合下图要求：启动变 电 所 低 压 输 出总   配   电   箱分   配   电   箱开    关    箱用   电   机   具  关闭布置距离＜100m，   ＜30.0m    ＜3.0m。4.2.5、线路布置施工详见现场临时用电专项方案4.2.6、施工用电安全措施1、接地与接零保护（1）、在施工现场专用地中性电接地的电力系统采用TN－S 接零保护系统。（2）、施工现场重复接地与保护零线相连，接地装置的接地线采用二根以上导线，在不同点与接地体作电气连接，接地体采用钢管。（3）、保护零线由配电箱的零线引出，保护零线单独敷设，保护零线接至每一台用电设备的金属外壳（包括配电箱）。（4）、保护零线的截面大于工作零线的截面，并使用绿/黄双色线，与电气设备相连的保护零线截面大于2.5 ㎜2的多股铜线。（5）、保护零线与电气设备连接采用铜鼻子连接，工作零线和保护零线在配电箱内采用端子板连接。2、配电箱、开关箱（1）、施工现场配电系统设置配电箱、分配电箱、开关箱，实行三级配电、三级保护。开关箱于其控制的固定式用电水平距离小于3M。（2）、每台用电设备控制专用的开关箱，开关箱内一个开关控制一台用电设备。（3）、所有配电箱内都设有明显断电隔离开关，漏电保护器设在电源隔离开关的负荷侧。分配电箱漏电保护器的额定漏电动作电流在50～75mA，开关箱漏电保护器的额定漏电动作电流小于30mA，额定漏电动作时间小于0.1S。（4）、配电箱、出线应在箱底进出，并分路成束加PVC 套管保护，配电箱内的连接采用绝缘导线，排列整齐，不得有外露带电部分，箱内设置铜质的保护零线和工作零线端子板。（5）、固定式配电箱安装高度电箱中心距地面大于1.4M，小于1.6M，安装牢固，移动式配电箱距地面大于0.8M，小于1.6M，有固定支架。（6）、配电箱内有配电系统图，标明电器元件参数及分路名称，配电箱配锁，有防雨、防砸措施，箱内保持清洁，无杂物。3、电气设备的操作与维修人员必须符合以下要求：（1）、施工现场内临时用电的施工维修必须要经过培训后上岗，由有证书的专业电工完成。（2）、掌握安全用电基本知识和所用设备性能。（3）、使用前必须按规定穿戴和配备好劳动防护用品，并检查电气装置和保护设施是否完好，严禁带“病”运转。（4）、停用的设备必须拉闸电、锁好开关箱。（5）、搬用电器设备，必须经电工切断电源并作妥善处理后进行。4、现场照明（1）、施工现场照明用电应单独设置照明配电箱，箱内设置隔离开关、熔断器和漏电保护器，熔断器的熔断电流小于15A，漏电保护器的漏电动作电源小于30mA，动作时间小于0.1S。（2）、施工现场照明器具金属外壳需要保护接零使用三芯橡皮护套电缆，严禁使用花线和护套线，导线不得随地拖拉或缠绑在脚手架等设施构架上。（3）、照明灯具的金属外壳和金属支架作保护接零。（4）、室外灯具的安装高度大于3M，室内灯具大于2.5M，大功率的金属卤化灯和钠灯大于5M。5、配电线路（1）、电缆干线采用埋地敷设。（2）、电缆穿越建筑物、道路和易受机械损伤的场所，采取加设防护套管等进行线路过路保护。6、电气设备的使用与维护（1）、施工现场的所有配电箱、开关箱应每月进行一次检查维修。（2）、检查、维修配电箱、开关箱时，必须将其前一级相应的电源断开，并悬挂停电标志牌，严禁带电操作。（3）、配电箱内盘面上应标明回路的名称，用途一样时要作分路标记。（4）、总分配电箱门应配锁并指定专人负责。4.2.7安全用电组织措施1、 使用导线，严禁使用年久老化、破损的导线。2、 禁止使用电炉，使用碘钨灯，灯与易燃物间距离要大于30cm，室内不准使用功率超过100W 的灯炮。3、 使用焊接机时要执行用火证制度，施焊周围不能存易燃物体，并配备防火设备，电焊机应放在通风良好的地方。4、 施工现场应建立防火检查制度，强化电气防火领导体制，建立电气防火队伍。5、 施工现场一旦发生电气火灾时，扑灭电气火灾要注意以下事项：（1）、迅速切断电源，以免事态扩大，切断电源时应戴绝缘手套，使用有缘柄的工具，当火场离开较远需剪断电源时，火线和零线应分开错位剪断，以免在钳口处造成短路，并防止电源线掉在地上造成短路使人员触电。（2）、当电源因其他原因不易及时切断时，一方面派人去供电端拉闸，另一方面灭火时，人体的各部位与带电体应保持一定充分距离，必须穿戴绝缘用品。（3）、扑灭电气火灾时，要用绝缘的灭火器，如干粉灭火器、二氧化碳或干燥砂子，严禁使用导电灭火剂进行救火。4.2.8 施工用电安全管理制度1、开关旁或罩壳上应标明用电设备的名称，标明时拟采用三号宋体白纸黑字用胶带固定，用电设备拆除时，所标明的用电设备名称一并去除，避免留在开关处而发生差错。2、施工电源及设施使用完毕后应及时拆除回收。3、严禁非电工拆、装施工用电设施。4、配电室应配备足够的绝缘手套、绝缘鞋、绝缘杆、绝缘垫、与电压等级相适应的验电笔、接地线等安全工具及防护设施，放在专用的箱(柜)内，建立台帐并按规定周期对安全工具及防护设施进行检查与试验。5、施工用电设施除经常性的维护外，在台风、暴雨、洪水、冰雹等恶劣天气后，应及时进行检查、维护。6、 新投入运行(包括转场后投入运行的)或大修后投入运行的电气设备（包括配电柜等），在72h内应加强巡视，无异常情况后，方可按正常周期进行巡视。7、 无人值班的配电装置及变压器每周至少巡视一次。8、严格按照《建设工程施工现场供用电安全规范》GB50194，《施工现场临时用电安全技术规范》JGJ46—2005，《建筑施工安全检查标准》JGJ59—99操作。</t>
  </si>
  <si>
    <t xml:space="preserve">问个问题啊~现在疾风和反击SLM招牌1级都什么价位?多少组水或人 </t>
  </si>
  <si>
    <t>20RMB或10组水，至少这些</t>
  </si>
  <si>
    <t xml:space="preserve">有什么可以很好地对付头皮干痒和头屑的洗发水吗？推荐下 </t>
  </si>
  <si>
    <t>如果您一直都有很多头皮屑，总是无法消除，或者反复复发，这个就属于顽固性头皮屑，用普通洗发水，根本无法完全去除。因为传统去屑止痒洗发水的化学成分，用后往往更令头发变干，变脆，多次使用后，头发容易脆断。这是一个恶性循环，而且有些洗发水老是往里面添加一些对健康不利的成分，十分恼火。建议你使用舒友阁去屑止痒洗发水，这个好象是中草药提取的，纯植物的东西应该是安全一些吧，去屑效果蛮好，而且洗完头之后头发很柔润顺畅，不会出现干涩现象，我比较喜欢，头发的弹性都好多了呢。</t>
  </si>
  <si>
    <t xml:space="preserve">中国大百科全书中国大百科全是的第10，11，16部分，请处理一下 </t>
  </si>
  <si>
    <t xml:space="preserve">1978年，中国大百科全书总编辑委员会和中国大百科全书出版社先后组织2万余名专家学者，取精用宏，历时15载，终于纂成《中国大百科全书》这部煌煌世制。全书按学科或领域分成74卷，共收7.8万个条目，计1.26亿字，并附有近 5 万幅图片，册叶浩瀚，内容宏富，适于高中以上、相当于大学文化程度的读者使用。全书出版后，深受学术界和广大读者推许，1994年获第一届国家图书奖荣誉奖。按照国际惯例，百科全书通常每间隔若干年出版一个新的版本。《中国大百科全书》的第二版计划已于2009年8月出版。 </t>
  </si>
  <si>
    <t xml:space="preserve">老师您好我的帕萨特领域跑了4万公里了刹车忽然变低软了，请问是不是? </t>
  </si>
  <si>
    <t>最好到维修站检查一下刹车片</t>
  </si>
  <si>
    <t xml:space="preserve">电脑无法启动怎么办开机后,电脑处于待启动状态,用上下键分别点击" </t>
  </si>
  <si>
    <t>呵呵，建议修复一下你的系统，如不行只有格式化重装!</t>
  </si>
  <si>
    <t xml:space="preserve">mp3耳机左右怎么分两个耳机,有L和R,哪个是左哪个是右 </t>
  </si>
  <si>
    <t>L是左(left),R是右(right)</t>
  </si>
  <si>
    <t xml:space="preserve">宫颈糜烂能治好吗？重庆哪家医院治疗宫颈糜烂最好？房事偶尔有点血丝 </t>
  </si>
  <si>
    <t>女性的宫颈糜烂是长期的妇科炎症引起的。对于还有生育要求的女性来说，治疗宫颈糜烂是事在必行的，你可以选择一次的治疗、不损伤宫颈的弹性、不影响下次受孕的有效治疗方面。建议您抓紧时间治疗，不要错过治疗的最佳时间。　　如果您还有疑问，可以去重庆协和医院看看去，哪里治疗宫颈糜烂效果显著。</t>
  </si>
  <si>
    <t xml:space="preserve">金融学就业前景以后金融学好就业吗？？听说这个专业只有考研才好就业 </t>
  </si>
  <si>
    <t>金融理论性、专业性比较高，一个第二学位对你的就业不会有太大帮助。国贸属于比较实用型的，而且以后发展前景不错。一个二学位你就别想对你找工作有多大作用了，不太现实，倒是学点东西真的很有用。当然如果你考公务员的话例外，有些只有金融或者国贸专业才能报的职位你好像可以用第二学位报考，我同学就用第二学位考上了公务员。金融学专业就业前景 摘要：从近几年就业情况来看，金融学专业毕业通常有这样几种去向： 一、银行 包括四大行和股份制商行、外资银行驻国内分支机构。。 二、证券公司 含基金管理公司 三、信托投资公司、投资咨询公司 四、四大资产管理公司、金融租赁、担保公司 从近几年就业情况来看，金融学专业毕业通常有这样几种去向： 一、商业银行 包括四大行和股份制商行、外资银行驻国内分支机构。。 二、证券公司 含基金管理公司 三、信托投资公司、投资咨询公司 四、四大资产管理公司、金融租赁、担保公司 五、保险公司 六、中央（人行）银行、银行业监督管理委员会、证券业监督管理委员会、保险业监督管理委员会。。这是金融监管管理机构。 七、国家开发银行、中国农业发展银行等政策性银行 八、社保基金管理中心（或社保局，通常为保险方向） 九、国家公务员序列。。政府行政机构 如财政、审计、海关部门等；高等院校金融财政专业教师；研究机构研究人员。 十、上市（或欲上市）股份公司证券部、财务部、证券事务代表、董事会秘书处等 分析： 一、一九九八以来，银行及证券、保险行业管理机构加大了对金融专业毕业生的需求，进入行业管理部门做金融公务员，对于金融毕业生而言应是首选，因其一中国金融学是立足于宏观经济学，基于金融市场宏观调控，专业应用较易入手，其二是在行业管理部门做上三五年再入行到实践机构至少能给个中层以上的职位。局限是：要进入这几个行业主管部门难度较大，可能还需要背景依托，本科生想进较难，研究生也要有一定的关系。 二、进入国有四大商业银行是很好的选择。具备一定的银行业从业经验，专业背景，到股份制商行或外资行的可能性会增大。。 三、政策性银行如开发行、农发行亦是较佳选择，但其工作性质类似公务员，金融业务并不突出，是靠政策吃饭的地方，若想在金融领域成一时气候最好不要，但目前工资水平待遇等都较商业银行为好。。 四、证券、信托、基金这三家均是靠风险管理吃饭，存在行业系统风险因素，但一旺俱旺，赚钱相对较易，短期回报较高（风险亦大），且按真正的企业管理机制运行，如果想在专业方面有所发展，有所建树，在这一行业做是极佳选择，很多基金经理、投资银行经理人员都年薪过百M。。难点是学历要求在逐步提高，相对于银行等金融机构其个人投资管理、金融运营能力要求更高。。 五、保险公司可以参照对商业银行的分析、社保以及财政审计部门等等是养老的地方，稳定有余，灵动不足。。 六、四大资产管理公司类似于政策性银行，金融租赁担保这个行业发展迅速，可以考虑进入。 七、上市公司证券部工作亦可，先天上横跨证券产业两行，再要发展有立脚点。 八、高校、研究所是有志于做学术的同学的首选。如果是金融学本科的话，那就不是很好了，因为这个专业的知识专业性要求很高，一般都要求是硕士以上，自考就更不行了，当然不排除你自己在这个行业有其他方式。</t>
  </si>
  <si>
    <t xml:space="preserve">请问哪里能买到2005年天津最新地图？谢谢！ </t>
  </si>
  <si>
    <t>报刊亭和邮局，天津市的各大书店均有出售！象天津站、食品街、鼓楼等旅游地点，还都有专门卖地图的小摊呢！我想2005年版的地图肯定能有，因为现在做什么不都兴提速&amp;超前吗？</t>
  </si>
  <si>
    <t xml:space="preserve">请医生或有知人士告诉我请问做包皮手术得多少钱呢?包茎呢??做后要 </t>
  </si>
  <si>
    <t xml:space="preserve">   包皮过长和包茎的手术没什么大差别，一般不影响工作，只是注意术后服抗生素防感染，避免性冲动产生勃起，这样才有利于伤口愈合。</t>
  </si>
  <si>
    <t xml:space="preserve">只要你们提供下载网址就行了啊，谢谢大家啊请问哪里有《我的兄弟姐妹 </t>
  </si>
  <si>
    <t>使用POCO下载，没有找不到的电影</t>
  </si>
  <si>
    <t xml:space="preserve">法师子技能问题？法师子技能五行真气和五行灵气分别学哪个系的好啊？ </t>
  </si>
  <si>
    <t xml:space="preserve">你的问题网上有回答啊！下面就是我复制我有我甲胃以前的回答：子技能是对你现有技能的一个加强。 比如五行真气子技能就是加强你的五行真气的。 巫师（当然包括火巫师）可以学习3个子技能拨云见日、五行灵气、五行真气 1．巫师子技能书之一：拨云见日 子技能书：拨云见日可以学习五个技能映日金芒、云蒸霞蔚、霜冷寒天、云山雾罩、杀威棒喝。玩家可以选择其中之一学习。 映日金芒 金　每次使用拨云见日攻击对手都有15%/25%/35%的击率使对手眩晕　技能等级需求：30/50/70 云蒸霞蔚 木每次使用拨云见日攻击对手都有15%/25%/35%的击率使对手中毒　技能等级需求：30/50/70 霜冷寒天 水　每次使用拨云见日攻击对手都有15%/25%/35%的击率使对手冰冻　技能等级需求：30/50/70 云山雾罩 火　每次使用拨云见日攻击对手都有15%/25%/35%的击率使对手失明　技能等级需求：30/50/70 杀威棒喝 土　每次使用拨云见日攻击对手都有15%/25%/35%的击率使对手沼化　技能等级需求：30/50/70 2．巫师子技能书之二：五行灵气 子技能书：五行灵气可以学习三个技能紫脉缠身、四时江雨、天王斩鬼。玩家可以选择其中之一学习。 紫脉护身 木　使用五行灵气后使敌人能够造成的伤害减少3%/6%/9%，持续2秒　技能等级需求：30/50/70 四时江雨 水　使用五行灵气后使敌人的命中率和闪避率均降2%/4%/6%，持续2秒　技能等级需求：30/50/70 天王斩鬼 土　使用五行灵气后使敌人承受的伤害增加3%/6%/9%，持续2秒技能等级需求：30/50/70 3．巫师子技能书之三：五行真气 子技能书：五行真气可以学习两个技能金蛇吐信、烈焰驱魔。玩家可以选择其中之一学习。 金蛇吐信 五行真气的伤害增加10%/20%/30%　技能等级需求：30/50/70 烈焰驱魔 火　使用五行真气时有4%/8%/12%的几率无视对手防御　技能等级需求：30/50/70 </t>
  </si>
  <si>
    <t xml:space="preserve">日语数字训读10、20、30……100的训读还有0的音读及训读 </t>
  </si>
  <si>
    <t>10 とお、そ20　はた30　みそ40　よそ50　いそ60　むそ70　ななそ80　やそ90　ここのそ100　もも、お０　れい、</t>
  </si>
  <si>
    <t xml:space="preserve">为什么我充值时总是显示帐号或密码错误，登陆失败。请高手指教,谢谢? </t>
  </si>
  <si>
    <t>可能是你的密码输入错误了，检查是否开启了大写输入再就是你的浏览器禁用了Java脚本了，在Internet选项的安全选项卡里启用java脚本就可以了或者还有其他的原因，不得而知了</t>
  </si>
  <si>
    <t xml:space="preserve">我的微博被别人登了，收听了很多人，我想一天把它们取消，会不会封号? </t>
  </si>
  <si>
    <t>一天估计取消不完的，我也碰到过类似的事情，取消也有上限的，到一定程度时会提示你今天取消或关注已达到上限。</t>
  </si>
  <si>
    <t xml:space="preserve">杀生丸的母亲在哪集里面？我看完了TV版和剧场版，都没看见 </t>
  </si>
  <si>
    <t xml:space="preserve">杀生丸的母亲不是出现在TV版和剧场版，在漫画466话最后出来。467话开始帮杀殿练冥道残月破。为练冥道残月破杀殿和玲，琥珀一起进入冥道，玲没有了呼吸，杀殿松开了握天生牙的手，丢了天生牙，说不能救人还要来干什么，最后杀殿爆发练成招式从冥道中抱着玲出来，是他母亲又救醒了玲，说玲和琥珀的命都不在天生牙的能力范围了（都是死而复生的人）。 图片： </t>
  </si>
  <si>
    <t xml:space="preserve">美剧第几集是用e表示，e是什么单词的开头阿？美剧通常s表示sea </t>
  </si>
  <si>
    <t>E这个字，系episode的缩写“EPISODE”在英汉词典中的解释episodeKK: []DJ: []n.[C]1. (整个事情中的)一个事件2. (文艺作品中的)插曲,片断;(连载小说中的)一节3. (电视等的)连续剧的一出(或一集)4. 【语】插句,插部</t>
  </si>
  <si>
    <t xml:space="preserve">宝宝一岁了，不吃任何辅食，断奶难！是否需要看医生？苦恼！急！求助 </t>
  </si>
  <si>
    <t>我家到1岁5个月才开始能吃点东西，到1岁7个月才真正断奶，以前一直是以吃奶为主的。但我每天还是坚持给宝宝做至少3种宝宝餐，哪怕宝宝就吃1口，我觉得就没白做。宝宝不喜欢吃固体食物，就让宝宝喝汤。我家宝宝对用碗喝汤还是感兴趣的。慢慢地能吃1-2口糊状食物，或让宝宝自己拿这点什么菜来吃。开始宝宝尝尝味道就吐了，可土豆丝、萝卜、面条等有的东西宝宝也能咽下去。在宝宝吃奶前喂点东西，哪怕宝宝就吃1口，这是一个逐渐适应的过程。今年元旦，我利用放假在家的3天时间，每天给宝宝做糊糊饭吃，用高汤，口味要变换，菜要切的细细的煮的烂烂的，或水豆腐，香米饭，或面片，让孩子以喝汤为主，每次喂很少的米粒，孩子咀嚼容易，再就着汤就吃下去了。如果孩子能吃点饭，白天我就不给她喂奶，这样下顿饭就有胃口。而且由于吃饭了，就有口渴的感觉，孩子也能喝点水了。从元旦到现在快2个月了，我家宝宝现在每天吃的比我还多：），一天3大顿，2小顿，还吃很多零食，吃1顿水果。这在2个月前我是想都不敢想的。你的孩子才1岁1个月，你应该有信心，买本婴幼儿食谱，找找灵感。</t>
  </si>
  <si>
    <t xml:space="preserve">给宝宝取个名字拜托各位帮忙取个名字，这个小孩说是缺火，所以请各位 </t>
  </si>
  <si>
    <t>你好!    刘祖灿　　　刘祖炎　　这两个名字我觉的真不错！其他还有：　　炜炳焯煜熠焱烁等字供参考！</t>
  </si>
  <si>
    <t xml:space="preserve">我家宝宝十个月了舌头上有白舌苔是怎么回事？还有吃些什么能缓解一直? </t>
  </si>
  <si>
    <t>用软布洗啊</t>
  </si>
  <si>
    <t xml:space="preserve">用热水袋好还是不用好冬天用不用热水袋 </t>
  </si>
  <si>
    <t>用啊，用热水袋比用电褥子之类的取暖器好多了。</t>
  </si>
  <si>
    <t xml:space="preserve">如果TZ不把祥云放到好车一类。我就拒绝TZ！！！我不争馒头争口气? </t>
  </si>
  <si>
    <t>我也顶顶,高丽棒子就是坏,在游戏里欺负中国,如果出的车有损中国形象,我半年不玩飚车,等半年过去后,估计我也不会再玩了</t>
  </si>
  <si>
    <t xml:space="preserve">请问各位,我想辞去工作专职炒股,好不好?你现在是专职炒股吗?我现 </t>
  </si>
  <si>
    <t>假如你有五年以上股龄,经历过熊市的磨练,且有一套自己的操作方法,有20W的资金,完全可以以炒股为生.牛市确实容易赚钱,但熊市照样有牛股,且每年都有一波可赚钱的行情,就看你能否把握.即使赚20%,也比工资强,且不用看老板脸色.我正朝这一步努力,一但资金滚到20W,就把那饭碗砸了!当然,若有年收入5W以上且轻松的工作,我也不会有此想法.关键是现在的工作收入低,且无法看股票(用手机炒股与看电脑必竟不一样),经常错失机会,一次机会就顶一个月工资.</t>
  </si>
  <si>
    <t xml:space="preserve">一般什么样的情况会引起电网的波动啊 </t>
  </si>
  <si>
    <t>您好！电网的波动有以下几种情况，以及允许的电网异常范围：(1)电压波动。电网电压的波动常常是因电网负载出现了较大的增加或减少而引起的。例如在用电高峰时电压往往偏低，有设备停机时电压往往偏高。电网电压波动的影响是较大的。标准对电压波动等级有如下规定：电压等级      A级             B级              C级波动范围     ≤±5%       ≤+7%,≤-10%       ≤±10%      (2)频率波动。电网的频率波动主要是由于电网超负荷运行所致。国标波动等级规定如下：频率等级        A级           B级              C级波动范围     ≤±0.05Hz     ≤±0.5Hz       ≤±1Hz         (3)波形失真度。波形失真度指计算机输入端交流电压所有高次谐波有效值之和与基波有效值之比的百分数。国标规定如下：失真度等级        A级          B级          C级波动范围         ≤5%        ≤10%         ≤20%  (4)瞬时停电。瞬时停电是指计算机在正常运行过程中电网的瞬时断电。瞬时断电时间长会引起计算机出错，甚至停机。瞬时断电所允许的时间在国内尚无标准，日本《工业用计算机环境标准》中规定：A级，3ms以下；B级，100ms以下；C级，200ms以下。(5)电压瞬变。供电电源的输出电压最大瞬变应小于等于额定电压的8％～10％，并在100～200ms内稳定。(6)输出电压畸变率。一般应≤±5％。(7)三相不平衡。指相角不平衡、电压不平衡、电流不平衡三种。目前尚无对三相不平衡要求的标准，若机器有规定时应根据需要处理。</t>
  </si>
  <si>
    <t xml:space="preserve">请朋友们有谁知道哪有卖“洋话连篇宝典”的光盘或网上语音资料告诉我 </t>
  </si>
  <si>
    <t>北京外国语大学校外的书店就在三环路边上,坐走三环辅路的车都能到.我记得运通103,108都到.</t>
  </si>
  <si>
    <t xml:space="preserve">制作3阶蓝色或紫色武器是否也只需要3个8YB的木炭做出来的铜锭？? </t>
  </si>
  <si>
    <t>武器是3锭1沙  锭是2碳炼1个 武器48 装备36以下</t>
  </si>
  <si>
    <t xml:space="preserve">说一下,明星的粉丝都叫什么?说一下~~~~~~~~~~~ </t>
  </si>
  <si>
    <t>SHE粉丝叫三叶草，我呢就是三叶草！</t>
  </si>
  <si>
    <t xml:space="preserve">审计学会计分录题：请老师、高手、姐姐哥哥们帮帮忙，我快要交作业了 </t>
  </si>
  <si>
    <t>你好！这位朋友。这里讲的是股票，不是财务分析，和审计。你把这道题弄到财务和税务里，很快会有人帮你解决的！祝你好运！</t>
  </si>
  <si>
    <t xml:space="preserve">《福尔摩斯》到底有几个故事？介绍下共有几个故事。 </t>
  </si>
  <si>
    <t xml:space="preserve">共有五大系列，55个故事，至于为什么有些上的故事不一直，可能是因为被出版社编辑筛选掉的原因。具体如下：新探案 序言 狮鬃毛 三个同姓人 显贵的主顾 皮肤变白的军人 三角墙山庄 吸血鬼 雷神桥之谜 带面纱的房客 肖斯科姆别墅 爬行人 退休的颜料商 王冠宝石案   回忆录系列  银色马 黄面人 格洛里亚斯科特号三桅帆船 赖盖特之谜 马斯格雷夫礼典 驼背人 证券经纪人的书记 住院的病人 海军协定　(英文版) 最后一案 希腊译员  冒险史系列  波希米亚丑闻 红发会 身分案 斑点带子案 工程师大拇指案 贵族单身汉案 绿玉皇冠案 博斯科姆比溪谷秘案 五个桔核 歪唇男人 蓝宝石案 铜山毛榉案 归来记  诺伍德的建筑师 孤身骑车人 空屋 跳舞的人 黑彼得 金边夹鼻眼镜 六座拿破仑半身像 米尔沃顿 三个大学生 失踪的中卫 修道院公学 第二块血迹 格兰其庄园   其他作品新探案  歇洛克·福尔摩斯的收场白 血字的研究 四签名 巴斯克维尔的猎犬 失去的世界  恐怖谷  最后致意 如果楼主有兴趣，可以到如下地址，下载此书的完整版 </t>
  </si>
  <si>
    <t xml:space="preserve">暗骑士厉害吗 </t>
  </si>
  <si>
    <t>是的，很厉害</t>
  </si>
  <si>
    <t xml:space="preserve">我希望主角是个帅哥，好吗？ </t>
  </si>
  <si>
    <t>近期，第一章就来了，可主角是在第二章出现，主角却是帅哥，而且有两个主角。我以写到了第四章，但还在想这叫名字，希望你有好意见能告诉我，谢谢你的支持！</t>
  </si>
  <si>
    <t xml:space="preserve">在网上用贷记卡办理缴费业务可否享受免息待遇？ </t>
  </si>
  <si>
    <t xml:space="preserve">使用牡丹贷记卡在网上B2C购物享受免息还款期待遇，但缴费业务（如缴市话费、手机费等）属于转账类交易不享受免息还款期待遇。 </t>
  </si>
  <si>
    <t xml:space="preserve">我要一个绰号~~~~好听的哦我的名字叫马若齐~~~~(*^__^ </t>
  </si>
  <si>
    <t>马若（被）骑，骑马马</t>
  </si>
  <si>
    <t xml:space="preserve">“我猜我猜我猜猜”是一类什么节目 </t>
  </si>
  <si>
    <t>属于综艺娱乐节目，要是急转弯，就是我出题你来猜的谜语～～～</t>
  </si>
  <si>
    <t xml:space="preserve">为什么播放器一打开会死机？我给电脑配置了一个DVD光驱，第一次使 </t>
  </si>
  <si>
    <t>可能播放程序（或驱动）出错，重装一下试试。</t>
  </si>
  <si>
    <t xml:space="preserve">等了半天还没维护好10点半维护到现在还没好真是郁闷能给个确切的时 </t>
  </si>
  <si>
    <t>是啊 我到现在还没睡觉呢 哦都12点了 中午了啊 好困</t>
  </si>
  <si>
    <t xml:space="preserve">在冬泉谷的冬刃豹训练师要刷到多少声望？在冬泉谷的冬刃豹训练师要刷 </t>
  </si>
  <si>
    <t>训练师要刷到崇拜 如果你不是夜精的话就要把达城的声望刷到崇拜去学骑书 在到训练师那里买</t>
  </si>
  <si>
    <t xml:space="preserve">怎么学好装饰装潢设计??我想请问大家，有谁知道怎么学装饰装潢设计 </t>
  </si>
  <si>
    <t xml:space="preserve">可以先到短期培训学习一下,最基本的要学会软件的操作,主要学会３D,CAD,LS,PS,四大软件，这是电脑要学的部分．还要学习一些色彩的知识，装饰材料，工程预算，最终是谈客户，也可以到装饰公司实习,找个成手设计师带,这样学习起来会很快,只要努力学习,其实很简单,祝你成功！ </t>
  </si>
  <si>
    <t xml:space="preserve">终极内测劲爽系列活动是啥啊 </t>
  </si>
  <si>
    <t>　　活动一：双倍经验大狂欢    时间：4月28日至终极内测结束    活动内容：    周一至周五 每天19点至22点 开放双倍经验    周六、周日 全天开放双倍经验   活动二：狂飙30级，送你红色法拉利！    时间：4月28日至终极内测结束    活动内容：    玩家角色到达30级后，可以到游戏中各阵营主城(库迪亚斯)找特定的NPC“法拉 宋”领取定制的独一无二的09年红色法拉利概念车一辆！引领车坛时尚绝对不容错过！红色法拉利概念车图：　　活动三：终极BOSS每天刷    时间：4月28日至终极内测结束    活动内容：    每天晚上的8点半至9点半，在库迪亚斯的活动区，将会出现NPC“征兵官乔伊斯”，与她对话，她将把你们传送送去南坎萨哈，那里有各种各样强大的怪物，战胜他们，能够获得高额的经验奖励和各种特殊的道具。而一小时以后，南坎萨哈之战结束，所有玩家将被传送回坎萨哈。BOSS图集：</t>
  </si>
  <si>
    <t xml:space="preserve">卷发棒什么样的好？ </t>
  </si>
  <si>
    <t>你好。哪要看你的头发的长短了。要是长发就用大的棒。短的就细点。要是自己在家DIY的话建议你买个一般的就可以。要是专业用的话就要到正规的美发品公司去买陶瓷棒的，专业的温度可以调节，这样的话就不至于让头发受瞬的太厉害。</t>
  </si>
  <si>
    <t xml:space="preserve">鱼刺卡喉咙俩小时了，求取出来或者吞下去的办法。急，在线等！ </t>
  </si>
  <si>
    <t>自己取不出来咽不下去就需要到医院去，请医生用镊子把刺取出。卡久了会有危险的。希望能帮到你，麻烦给好评</t>
  </si>
  <si>
    <t xml:space="preserve">新屋如何去味？新装修的房子，已经有一个月了，可是里面还是有很大的 </t>
  </si>
  <si>
    <t xml:space="preserve">因为我家也要装修 对你的问题比较感兴趣哦查到一些，参考一下装修异味的方法汇总 油漆味：新油漆的墙壁或家具有一股浓烈的油漆味，要去除漆味，你只需在室内放两盆冷盐水，一至两天漆味便除，也可将洋葱浸泡盆中，同样有效。 装修新房去除异味可用植物来帮忙  新装修的房子，总会或浓或淡的有一些异味，如何清除异味，方法很多，最好的方法是让房间通风。去除装修异味的方法汇总。■装修新房去除异味可用植物来帮忙  新装修的房子，总会或浓或淡的有一些异味，如何清除异味，方法很多，最好的方法是让房间通风。若有选择地给新居摆放一些植物，对净化空气更有帮助。那么，摆放什么植物合适呢？  吊兰：据了解，有一种吊兰也叫“折别鹤”，不但美观，而且吸附有毒气体效果特别好。一盆吊兰在8~10平方米的房间就相当于一个空气净化器，即使未经装修的房间，养一盆吊兰对人的健康也很有利。  芦荟：芦荟有一定的吸收异味作用，且还有居室美化的效果，作用时间长。  仙人掌：大部分植物都是在白天吸收二氧化碳释放氧气，在夜间则相反。仙人掌、虎皮兰、景天、芦荟和吊兰等都是一直吸收二氧化碳释放氧气的。这些植物都非常容易成活。  平安树：目前，市面上比较流行的平安树和樟树等大型植物，它们自身能释放出一种清新的气体，让人精神愉悦。平安树也叫“肉桂”。在购买这种植物时一定要注意盆土，根和土结合紧凑的是盆栽的，反之则是地栽的。购买时要选择盆栽的，因为盆栽的植物已经本地化，容易成活。  若想尽快驱除新居的刺鼻味道，可以用灯光照射植物。植物一经光的照射，生命力就特别旺盛，光合作用也就加强，释放出来的氧气比无光照射条件下多几倍。■装修应该怎样去除室内异味  专家答疑：  1、可用米醋配合一定量的水倒入盆中放置室内，可中和异味。  2、可以买绿色植物放在家中。  3、买一些知名品牌的甲醛捕捉剂。■如何去除家中甲醛味家中有甲醛或其它各种异味时，怎么办？环保专家为您居家清洁支招———  ■300克红茶泡入两脸盆热水中，放在居室内，并开窗透气，48小时内室内甲醛含量将下降90％以上，刺激性气味基本消除。  ■购买800克颗粒状活性碳除甲醛。将活性碳分成8份，放入盘碟中，每屋放两至三碟，72小时可基本除尽室内异味。  ■准备400克煤灰，用脸盆分装后放入需除甲醛的室内，一周内可使甲醛含量下降到安全范围内。以上方法同样适用于装修完没有异味的家庭，因为有些有害物是无色无味的，多一分清洁，就多一分安全。  ■把泡过的茶叶，放在冰箱内部，即可达到除臭作用。若是没有茶叶，也可将柠檬或柳丁切开，只要半小块便能达到功效。此外，以沾有啤酒的抹布擦拭冰箱内部，异味也会消除。  ■在家庭的卫生间里摆放绿色植物，可以达到调节空气，消除异味的功效。最好在窗口养上一盆绿植，或者放上花瓶，插三五朵花，可以带来清新怡人的感觉。  植物吸收法：  1.具有吸收甲醛作用的植物，如吊兰、芦荟、龙舌兰、虎尾兰等；  2.具有吸收苯作用的植物，如长青藤、铁树等；  3.具有吸收三氯乙烯作用的植物，如万年青、雏菊、龙舌兰等；  4.具有吸收二氧化硫作用的植物，如月季、玫瑰等；  5.具有吸尘作用的植物，如桂花；  6.具有杀菌作用的植物，如薄荷。■新车新房有异味热带水果帮你忙  新华网广西频道8月5日电（记者黄革）如果你买了新车、新房，你或多或少会遇到这样的难题：座椅散发的浓重皮革味和新居装修带来的刺鼻化工材料味，一时难以去除，无论你用多少空气清新剂，异味仍长时间地滋扰着你的私人空间。  记者在水果之乡广西南宁市发现，不少市民利用热带水果去除异味，效果好，成本低，方法简便。南宁康福出租汽车公司李师傅最近买了新车投入运营，尽管市场上有形形色色的汽车香水卖，但李师傅却看不上，对付车厢里的异味他自有妙招。  李师傅到水果市场挑了一只又新鲜又好看的菠萝放在车上，水果的香味顿时在车里飘了起来，异味逐渐消失了。“这只菠萝我才花了一块钱，放了两三天，它就把车上的异味‘吸’光了。顾客坐我的车，都说这部车干净、卫生，一路心情舒畅。”李师傅说。  据他介绍，一些热带水果因其生长在热带、亚热带环境，阳光充足，雨水充沛，香味特别重，果实中所含水分多，浓重的香味可长时间地散发，不少市民把这类水果当成了天然实用的“空气清洁剂”。  记者发现，一些市民利用菠萝蜜（一种形似榴莲的热带水果）去除新装修房屋的化工异味，效果也很好。刚装修过的房屋往往有天纳水等各种刺鼻的化工原料气味，把一只破开肚的菠萝蜜放在屋内，由于菠萝蜜个体大（一般有西瓜那么大），香味极浓，几天就可以把异味吸光。■植物———去除异味的最佳选择  新装修的房子会有很大的异味，如何去除这些刺鼻的异味是不少消费者头痛的问题。其实，最简单的方法就是让房间通风。除此之外，有选择地给新居摆放一些植物，对净化空气更有帮助。那么，摆放什么植物合适呢？吊兰：作用大、成本低有一种吊兰———也叫“折别鹤”，不但美观，而且吸附有毒气体效果特别好。一盆吊兰在8－10平方米的房间就相当于一个空气净化器，即使未经装修的房间，养一盆对人的健康也很有利。这种吊兰每盆5－10元不等。仙人掌等植物：一直释放氧气大部分植物都是在白天吸收二氧化碳释放氧气，在夜间则相反。但仙人掌、虎皮兰、景天、芦荟和吊兰等都是一直吸收二氧化碳释放氧气的。普通仙人掌和景天每盆约5－15元。虎皮兰分两种：金边的和纯绿的。纯绿的20元／盆左右，金边的比其贵约1／3－1／2。芦荟的市场价格则差别比较大。这些植物都是非常容易成活的。平安树等：释放清新气体目前，市面上比较流行的平安树和樟树等大型植物，它们自身能释放出一种清新的气体，让人精神愉悦。平安树也叫“肉桂”，市面上的价格一般在80－100元／盆。在购买这种植物时一定要注意盆土。根和土结合紧凑的是盆栽的，反之则是地栽的。购买时要选择盆栽的，因为盆栽的植物已经本地化，更容易成活。 </t>
  </si>
  <si>
    <t xml:space="preserve">急问：头发老是毛毛的，该怎么做才能使它不毛？其实头发挺顺的，就是 </t>
  </si>
  <si>
    <t>关键每次洗完头发都用护发素，以前我的头发也很毛躁，现在我每次都用发丝的1分钟锔油当护法素，效果很好，有点挂不住梳子的感觉！！！</t>
  </si>
  <si>
    <t xml:space="preserve">1992年中国承认了韩国违背了中朝同盟吗 </t>
  </si>
  <si>
    <t xml:space="preserve">     中国名义上还是不结盟国家，所以无所谓背盟的问题。     即使从实事角度分析，中国在70年代就跟资本主义的老大、老二建交，那是不是背弃了整个社会主义联盟呢？     其实，朝鲜把这个问题闹得沸沸扬扬恰恰说明它的色厉内荏。朝鲜1992年的时候也就只有中国这么个能依靠的盟友了。它在这个事情上闹就像当了十年的小妾发现男人要取别的女人当正房一样。     我们也就随他闹</t>
  </si>
  <si>
    <t xml:space="preserve">台海开战后果如何？ </t>
  </si>
  <si>
    <t>僵局.台海战争我们真正的对手是美国.美国能够达到的战略目标不是台湾独立.（打核大战中国也不会接受台独）.能阻止中国占领台湾就足够了.以中国目前的军事实力要将美国的侵略势力从台海地区全部赶走也做不到.台海战争不是世界大战.局部战争到达战略平衡点时就会妥协停战.朝鲜战争的战略平衡点是三八线附近的拉锯战.台海战争的结果仍将是台湾不统不独.这是双方想要实现或能够实的最终目标。我想强调反对两个观点,美国人民不会为台独流血和我们要在美军赶到之前拿下台湾。这种观点居然出自央视的所谓战略专家之口。实在不敢恭维。当然随着国力的此消彼涨战略平衡点是要变的。试想如果有一支强大的中国海空力量出现在台湾以东大洋之上，那将是什么样的一种景象。</t>
  </si>
  <si>
    <t xml:space="preserve">翻译几个句子，谢谢！尽量用准确的语言，谢谢大家！I’mdying </t>
  </si>
  <si>
    <t xml:space="preserve">I’m dying to go to bed early tonight 今晚我真想早点睡.I’ve booked a private room for us. 我已经为我们订了一间房.If you visit China, you really have to climb the great wall. But, you can buy a tee shirt that says “I climbed the Great Wall” even if you don’t climb it!  如果去中国,你真的必须去爬爬长城.不过,即便你不爬,也可以买一件印着"我爬了长城"的T恤. </t>
  </si>
  <si>
    <t xml:space="preserve">TBR—200值不值得买啊？？？我特别喜欢这车。但是我也知道不好? </t>
  </si>
  <si>
    <t>电2乡间小调 驴坡TBR-200 3：01 没什么好说的 关键看技术 这车加速快 过弯比较滑 过驴坡这种低速弯很不错 有点冥王的感觉</t>
  </si>
  <si>
    <t xml:space="preserve">有小喇叭但没声音。。。我重装了系统。。没有小喇叭，我装了声卡驱动 </t>
  </si>
  <si>
    <t>1.看是不是静音，2.声卡驱动重装</t>
  </si>
  <si>
    <t>摩根·拉迪莫尔的故事</t>
  </si>
  <si>
    <t>哎，这就是一个感人的故事嘛，剧情是游戏很重要的一部分啊，不要只看有没有用。有一个词叫收藏价值，就是这个意思</t>
  </si>
  <si>
    <t xml:space="preserve">7.25净值基金名称基金代码单位净值累计净值资产净值日增长率周增 </t>
  </si>
  <si>
    <t>每天动物都是最早出来的 哈哈从动物的成长来看 今天都要大涨啦!</t>
  </si>
  <si>
    <t xml:space="preserve">成人本科学历和普通本科学历有什么区别?社会上是怎样认同的?成人本? </t>
  </si>
  <si>
    <t>成人高等教育本科毕业证书上要注明是通过成人教育的何种途径(夜大\职大\函授)获得的学历其实,你要能考上比较好的普通大学举办的成人教育,比如北大成人教育学院,也不错,总比一个三本成人高校强吧.</t>
  </si>
  <si>
    <t xml:space="preserve">howareyoudoing?和howhaveyoubeen?各? </t>
  </si>
  <si>
    <t>How are you doing和How have you been都是询问近况如何的，一定要说区别的话，前者更侧重工作学习生活方面，而后者侧重身体状况。但通常不做这样的区分。</t>
  </si>
  <si>
    <t xml:space="preserve">600210紫江今天该怎么操作？？ </t>
  </si>
  <si>
    <t>600210，冲高遇阻，小幅调整之后，仍将继续盘升，持股观望。</t>
  </si>
  <si>
    <t xml:space="preserve">主板上的一块金属掉落,我该怎么办昨天插网卡时,看见主板上掉了个小 </t>
  </si>
  <si>
    <t>有Z型的金属条就好办了，应该有挂钩的地方，但既然掉下来估计是不是断了就是没弹力了，没断的话去买管硅脂，重新给芯片涂一遍安回去就完事了，把金属条弯一弯压上散热片上，两头一别就成了。要是断了的话就只好按下边说的用硅胶了，而涂硅脂和硅胶的方法基本没啥区别，只是一个有胶一个没有哈。从你的描述来看，散热片估计原来应该是用那种两面胶或是硅脂粘的，时间长了掉下来的也是很常见的，一般主板上的散热片多是北桥的，冬天还差劲，夏天热的时候，北桥要是散热不好的容易经常死机重启什么的，你最好还是重做一下散热，最好用硅胶来粘，不过硅胶的缺点是粘上后以后再也别想拆下来了，所以要一次性的粘满意为止，别过几天想起来没粘好，再拆，可拆不下来哈。电脑城的硅胶一般分两种，一种是5元一大管，玩笑点说，我看那玩意粘鞋都成，嘎，几乎没什么散热效果，适用于小作坊批量生产哈，个人还是用那种5元一小管的，呈乳白色的真正的硅胶，别看小管，也够用多次的，擦净散热片和芯片，然后滴一点胶在芯片上薄薄涂一层就可以，粘上稍晾一会儿就可以用了，那种大管的就不能立即用得晾一天才成。</t>
  </si>
  <si>
    <t xml:space="preserve">女友问我要礼金5000，该不该给？女友今天跟我说订婚礼钱2W就不 </t>
  </si>
  <si>
    <t>你的心情我能理解．你并不是一个在乎钱的男人，如果真这样，你也不会违背父母和一个没有一点经济能力的女孩子在一起一年半了．按你的收入在大城市中算中等，至少可以找个月收入千儿八百的女孩子，但你还是和她在一起，言辞中充满了对她的依恋和爱.现在她向你提出要５０００的彩礼，确实也不算过分，也是你的承受范围之内．你给她不给她，实际上并不是这５０００块钱的问题，而是对未来的不可预知的恐慌．包括她的前途，她的家庭负担，以及父母的压力，等等．事情要看其根源．首先，要搞清楚她为什么不上班．如果是因为没学历找不到好工作怕吃苦就放弃，那我劝你考虑下．没学历也许是历史原因，但现她可以深造，可以学习一技之长，谋得一份至少让自己不饿肚子的工作我想应该不是问题．作为养活她的人你现在当然可以很骄傲，但你要想清楚：＂不求上进＂＂懒惰＂和＂无奈＂是有很大区别的．其次，看的出来你还没作好结婚的准备．而她主动要求和你结婚，要求彩礼不过分，但后面那句＂如果结不了婚这钱也不退＂让我觉得不太舒服．我不知道你们发展到什么程度，难道这就算她的某种＂补偿费＂么？更有可能，她觉得你爸妈不同意你们，嫁给你的希望也不很大，能拿点补偿就拿点吧．呵呵，扯远了．再次，你说她对你好．是的，她的费是你出的，偶尔还要支援她家里，她不对你好，能对谁好呢？我并不是说她不是个好女人，只是她的话让我不得不觉得其动机不纯．最后，谨慎考虑下吧．建议你对她有所试探．你可以对她说你还没作好结婚准备，彩礼钱等到结婚自然会给．她真的想嫁给你的话不会急在这一时的．但，话说回来，如果你真给了她这５０００块钱，你们心理上会产生不平衡，对你们的关系不知道是好还是坏．其实，感情和金钱是矛盾对立又是和谐统一的，关键看你怎么处理把握了．还有，俗话说＂不听老人言，吃亏在眼前＂．要相信这个世界上任何人都有可能骗你害你，只有自己的父母不会，他们才是真正真心希望你幸福的人．祝你们幸福～：）PS:我不认识楼主，楼主也不能让我升官发财，我为什么要哄他开心呢？枉加评论的朋友请三思！我到怀疑你和楼主女友熟识呢～：）</t>
  </si>
  <si>
    <t xml:space="preserve">我冲了两个30的卡,有900点的积分,怎么才换了一个黄金两个白银? </t>
  </si>
  <si>
    <t>因为你的算术不好，或者眼睛有问题，自己不是没算清楚，就是没看清楚，再去兑换网站的页面，自己看清楚，再算算！！！</t>
  </si>
  <si>
    <t xml:space="preserve">为什么一进天2就自动重起机器啊..郁闷死了一进天堂2点完开始就自 </t>
  </si>
  <si>
    <t>你设置了出现致命错误就自动重起吧</t>
  </si>
  <si>
    <t xml:space="preserve">华硕电脑是不是最好的电脑?在网上看到外国的实验把箭射入华硕电脑我 </t>
  </si>
  <si>
    <t>你好华硕不是最好的 但是性价比很好 而且很耐用很结实 如果预算不是很多可以考虑选择华硕 如果喜欢外观可以选择苹果 如果看中性能还是DELL 如果玩游戏的话有实力可以买Alienware电脑 Dell旗下的</t>
  </si>
  <si>
    <t xml:space="preserve">六岁男孩儿童生殖器短小怎么办我的儿子六岁，他的小鸡子特别小。阴茎 </t>
  </si>
  <si>
    <t>您儿子可能是包茎，现在等他长，待他发育到差不多还不露出龟头那就只能做包皮环切手术了~~</t>
  </si>
  <si>
    <t xml:space="preserve">诺基亚6300怎么导出的短信再导入到手机中？我用诺基亚PC套件将 </t>
  </si>
  <si>
    <t>PC套件啊，转输就可以了啊。</t>
  </si>
  <si>
    <t xml:space="preserve">传奇3里的攻杀秘籍在哪里搞到?rt </t>
  </si>
  <si>
    <t>书店可以买到，要不然要去僵尸洞或骷髅洞打，然后找比奇书店的老板解读。</t>
  </si>
  <si>
    <t>关于J</t>
  </si>
  <si>
    <t>呵呵！随便说说！学术问题不多见了！先罗嗦点简单的空气动力学知识当背景！当飞行器低速飞行时，其升力由空气与机体及机翼的反作用力提供，力学上遵循普通流体力学原则。但当飞行器速度提高到一定程度后，由于相对速度过快，位于飞行器前缘的空气会被压缩，附面层也从气态变为气液混合态，由于气液混合物的比表面能减小，此时飞行器无法继续获得空气的反作用力。但由于气液混合态附面层的粘度增大，其厚度也增大，随物质密度扩展，会与空气产生压差，所以，飞机仍可依靠附面层压差飞行！此时附面层甚至可以看作机体的外延。所以，超音速飞行器设计气动外形的一个重要原则就是尽量保持附面层与机体的良好贴合，以获得最大的超音速阶段的升力！但由于气液混合附面层粘度、厚度较大，会导致附面层外围空气沿方向产生湍流。如果发动机进气口位于附面层上且不做处理，发动机进气口的空气会被湍流带走，造成进气量不足，从而引起发动机推力下降，喘震甚至停车！因此，在进气道附近进行局部的附面层湍流处理是超音速进气道的基本技术！常规二元进气道，其进气口形状通常有平直矩形、平直弧形，斜切口矩形等等，无论哪种形状，其设计都是以利于局部剥离附面层或干扰附面层湍流为前提的。我们举例说明：歼八II及后续都采用平直矩形二元进气道结构，在进气道前端加了一块矩形隔板，且与机体存在一定缝隙，是为了，在进气道前端推迟附面层形成的过程，并在飞机达到最大速度，附面层稳定后干扰附面层湍流，增加进气效率！而SU-27与F/A-18都采用斜切口矩形进气道，不同的是，前者布置在机腹，而后者在两侧！但他们都处于主翼前缘下方附面层上，因此仍然要留剥离附面层的缝隙，但由于斜切口进气道的进气效率随着切口向后以二次函数增加，本身能起到进气道隔板的作用，所以，不用特意加进气道隔板，就足以保证进气效果。我国的歼十也采用了类似的技术。当然，留下那道缝隙，确实会造成一定的诱导阻力！但这条缝造成的阻力和其提供的升力相对而言，升力是主流！所以也就不用去研究这道缝的阻力了！当然，新的DSI进气道技术通过蚌式鼓包造成局部附面层发散，也能很好的解决上述问题，而且还不会造成太大的阻力，但DSI进气道由于不可调，所以当速度过大，附面层厚度覆盖了进气道以后，进气效率就不高了！所以使用这类型技术的飞机，一般比较重视跨亚音速阶段的能力，而不答注重高超音速阶段的能力（其实战可用超音速阶段M数不高于1.6）。所以，楼主的四个问题，做以下回答：一、进气道与机身之间的缝隙是用来推迟进气道口附面层形成及干扰附面层湍流用的。二、进气口处靠机身一侧多出的矩形部分为常规平直矩形超音速进气道附面层隔板，作用同上。 三、有些战机的进气道确实与机身容为一体，但不是F-18C！枭龙、改型的歼十B，F-35，欧洲阵风都是。前三者都使用了DSI进气道，而最后这个把进气道安置在鸭翼干扰面后端，鸭翼在干扰翼根湍流宽度的同时，也提供了进气道湍流干预。而多数常规二元进气道的三代机，进气道与机身要么有缝隙，要么有隔板！后面附了一张F-18C的图，他使用的是和歼八II一样的平直二元进气道及附面层隔板，只不过不是矩形而是弧形的而已。四、气流吹到缝隙之间会增大阻力，这点是肯定的！但这一结构首先是为了提高发动机推力作出的，在阻力与推力之间，他的贡献远大于造成的弊病！呵呵！不知道说明白没有！呵呵！</t>
  </si>
  <si>
    <t xml:space="preserve">急求会计作业“基础会计”作业1一.单项选择题1.会计的基本前提包 </t>
  </si>
  <si>
    <t>1、C．持续经营2、A．核算和监督4、A．一贯性5、D．会计与出纳分管6、C．客观性7、A．经济利益的总流出8、C．会计科目9、B．账户性质10、A．资产=负债+所有者权益11、D．期末余额12、A．经济业务13、D．两个或两个以上账户14、D．所有者权益15、B．一借一贷16、B．应付福利费17、D．所得税18、A．制造费用19、B．本年利润20、A．生产成本21、A．生产费用22、C．销售开票23、B．原料成本差异没时间了……</t>
  </si>
  <si>
    <t xml:space="preserve">鼻咽癌治愈率怎么样？能治好吗？ </t>
  </si>
  <si>
    <t xml:space="preserve">鼻咽癌是治疗效果较好的恶性肿瘤之一，特别是早期，单纯放疗即可。疗程要放疗医生根据具体情况而定。随着近年来诊断治疗水平的逐步提高早期鼻咽癌其5年生存率已经达到90%以上。（5年不复发基本可以判断此肿瘤已经治愈）。 </t>
  </si>
  <si>
    <t xml:space="preserve">各位大师600435中兵光电现在能介入吗？昨天尾盘拉升 </t>
  </si>
  <si>
    <t>600435可以操作,短线压力注意15.47 .具体操作可以和我交流!祝您好运!</t>
  </si>
  <si>
    <t xml:space="preserve">请教现在流行的电视墙如何装修? </t>
  </si>
  <si>
    <t>这个问题如同楼上所说，太广泛啦!所以，应该反过来问你：你喜欢什么风格的电视墙？然后，才会涉及到这种风格的设计样式。如果先回答我的问，那么，我可以再答你的问。希望我的回答能够对你有所帮助。</t>
  </si>
  <si>
    <t xml:space="preserve">看图识坦克幽默题？（2）这是什么型号的坦克？ </t>
  </si>
  <si>
    <t>请注意它的行走装置，这不是坦克，这是牵引式火炮。该火炮口径：不详生产国：不详主要特点：配备一辆两轮自行车作为牵引车，低价而且环保，由于该炮经常加装硬纸板式拼装装甲，很容易使人误认为是坦克，可以有效的吓阻企图近战偷袭占便宜的敌人。</t>
  </si>
  <si>
    <t xml:space="preserve">2级4级5级开拓者徽章拿来有什么用? </t>
  </si>
  <si>
    <t>开拓者徽章除了交任务（以后好象还有个要9级的开拓者徽章的任务），除次就象楼上所说的，除了刷水晶就是卖VIS了。虽然是主线任务，你不做也可以的。（我有个号一个任务都没做，到了92级想拿小罗，就去提斯 把那的主线做了 。）</t>
  </si>
  <si>
    <t xml:space="preserve">谁能告诉我活着是为了什么? </t>
  </si>
  <si>
    <t>可能，自己无法从中获得某些满足。使得自己一直压抑着。从而产生了失落感与悲观心态。 学会去发现美好的事物，学会用欣赏的眼光去看待周围。 更重要的是，让自己去满足什么。只有自己去满足了什么，才能使得自己的心态得到完全的改变。 还是那一句话，生活并不赋予我们什么，我们怎么对待生活，生活就会回报我们什么。学会让自己积极对待生活，去积极的融入周围，很多事情只有自己真正去了解了，才明白其实质是什么。 不消极对待生活，不让生活中的种种不如意左右自己。尽力展现自己，认同自己，学会去追求自己想要的一切。不让自己空置在消极的圈子中。生活正是因为许多的不如意，才让我们懂得去珍惜其他事物。用欣赏的眼光去看待身边的一切，否则，一旦认为自己是深处黑暗，也将使自己沉寂下去。 平时懂得平衡自己，懂得舒缓自己的情绪。 活着并不为了什么。在自己头脑闪出一个动机时，活着便得有意义了。在意义的赋予之下，行动便开始了。如果，自己一直沉寂，意义便也沉寂着。活着便似乎是一个空泛。本身世上没有任何东西存在意义，我们赋予了某些东西一个需要或者被需要的态度，意义就产生了。</t>
  </si>
  <si>
    <t xml:space="preserve">陈冠希有首歌的词是“要用你心和声音打动每一个心灵要用你心去聆听每? </t>
  </si>
  <si>
    <t xml:space="preserve">正确答案：这首歌的歌词并非陈冠希所唱，而是张敬轩演唱《声音》-张敬轩作词：Hins　作曲：Hins 释放你的声音　透露你的感(心)情把属于你的故事　唱给每一个人听GO 我一直在聆听　要用掌声证明现在你就是最耀眼的明星别让太多困难迷惑了你的眼睛坚定的信念如影随形 音乐不一定能让谁变成明星只要你用了心(用了心) 就有最真的感情　你要用你的心和声音打动每一个心灵　你要用你的心去聆听每个角落的声音　你要用信心 勇敢去面对路的高低不平　雨遇就会天睛坚强努力前行你要用你的心和声音　打动每一个心灵你要用你的心却聆听　每个角落的声音音乐的声音　能化作天空最闪亮的流星要你用心聆听用真心感应 </t>
  </si>
  <si>
    <t xml:space="preserve">厨房烟道反味、开吸油烟机卫生间下水反风我家新装修，烟道反味，五楼 </t>
  </si>
  <si>
    <t>1、由于室内太密闭，下次开抽油烟机要开窗，室内要有进气的地方。2、卫生间下水道（老式才行）要有水隔离。3、注意卫生间抽风机是否与里面的管道密封好。</t>
  </si>
  <si>
    <t xml:space="preserve">佩戴静电环须注意那些？ </t>
  </si>
  <si>
    <t>第一要接触皮肤，第二要经常测量，静电手腕容易接触不好。带的时候别带翻了，有金属的要接触到皮肤，不能隔着衣服</t>
  </si>
  <si>
    <t xml:space="preserve">放量中阳线报收显示仍有继续冲高潜力　　周三两市大盘呈低开高走态势 </t>
  </si>
  <si>
    <t>很多还在犹豫的个股,下午也都有翻多走红的倾向,继续观察.</t>
  </si>
  <si>
    <t xml:space="preserve">请教牧马人老师我手中有交银精选已一年了，一段时间来增长不理想我想 </t>
  </si>
  <si>
    <t>该仍,我早就杀了,换长城品牌了.</t>
  </si>
  <si>
    <t xml:space="preserve">右眼皮老跳这是病兆吗 </t>
  </si>
  <si>
    <t>眼皮跳的原因眼皮跳，很多人认为是有好的事情发生或者有不好的事情发生。从医学上讲，眼皮跳的学名是“眼睑震颤”，主要是因为眼睑内一条很薄的肌肉－轮匝肌反复收缩，起因有两种，一种是因为休息、睡眠不足，或者是因为贫血、烟酒过度，另外一种是因为眼病引起，比如近视、远视、散光、结膜炎、角膜炎……医治方法一方面要注意休息，如果严重的话可适量服用奎宁，特别严重的要到去哦！这里除了引用科学理论外，我对眼皮跳可能的后果作一下简单的分析，如果一个人的眼皮总跳，一方面因为休息不当或疲劳等上述原因，一方面因为不停的眼皮跳，势必会心绪不宁，在工作的时候真的可能引发出来一些意外或者错误，如果是在马路上走路、骑车甚至开车，有很大可能性导致事故发生，这基本上就是眼皮跳所引发的“祸”，至于说跳“财”恐怕只能牵强附会了！伴随生活节奏的加快，眼皮跳越来越多地困扰人们的工作生活，特别是在换季的时候。长期以来，由于面神经学这一学科没有统一的、规范的诊断和治疗标准，对“眼皮跳”说法各异，或片面或盲目，导致在治疗和预防上存在着诸多误区。 一、有些人认为眼皮跳无所谓，民间有“左眼跳财，右眼跳灾”之说，尤其对左眼跳更不在意，结果延误了病情；二、一些人过于敏感，眼皮刚刚跳，马上就去治疗。期望“立竿见影”好得快，慌不择法，也不考虑后果。结果把本来是一种容易治好的常见病，变成了极为难治的疾病。三、混淆或不确定病症。错把眼皮跳都当痉挛治，更有人拿面瘫后遗症出现的眼皮跳也当痉挛治。 北京伊济源面神经学研究院院长孙连桂通过对临床8000余例面神经疾病可视性病例分析后认为，无论是眼皮跳，还是面肌痉挛，除占位性病变外，多是由于精神紧张，眼肌疲劳，睡眠不足，慢性疾病前兆和面瘫后遗症等因素，使得神经功能传导减弱，眼部营养不足，毛细血管与神经末梢形成触点式粘连，牵动肌肉，导致不自主跳动。毛细血管与神经末梢接触面积增大，从触点式粘连变成线状性粘连，由跳动变成抽动，就形成了面肌痉挛，病灶也在眼部。从诊断上看，单纯的眼皮跳与面肌痉挛有着明显的区别，单纯的眼皮跳，一般面部肌肉没有凹陷、鼻唇沟不对称或面颊呈线状萎缩带；眨眼时，口轮匝肌没有牵动感。 其实，眼皮跳是每个人在生活中都可能遇到的，大部分人可以在短期自行消失。所以，当眼皮刚刚跳动时，不要马上去治疗，而是要多注意休息，放松精神，保持良好的心态；同时，注意观察一下，眼皮跳是逐渐减少还是增加，有没有向下扩大的趋势和从眼周围向口角的线状牵拉感。另外，照照镜子，瞧一瞧、摸一摸有没有明显的萎缩处(凹陷处)。如果一周后眼皮仍然跳，就应该到专业医疗机构进行诊治。</t>
  </si>
  <si>
    <t xml:space="preserve">为什么英文XP系统不能玩机战? </t>
  </si>
  <si>
    <t>建议您使用简体中文系统</t>
  </si>
  <si>
    <t xml:space="preserve">阿根廷队大名单;门将：卡里佐(拉齐奥)、罗梅罗(阿尔克马尔)、奥 </t>
  </si>
  <si>
    <t>楼主辛苦了！！！大名单对竞猜有帮助！！！</t>
  </si>
  <si>
    <t xml:space="preserve">请问原来105散仙要5重才可以用的bug问题是修复了！现在总算显 </t>
  </si>
  <si>
    <t>你好估计还没彻底更新好吧下次更新估计就可以了请耐心等待诛仙资料组飞机</t>
  </si>
  <si>
    <t xml:space="preserve">我的女友要和我分手，理由是我对她在无意中的伤害太多了。我很爱她，? </t>
  </si>
  <si>
    <t>你真的很爱她吗？这个问题你得好好想清楚。爱一个人不一定要留在身边，只要她过得好，过得开心；她可以说出这样的理由，那又说明了什么呢？生活中有这么多的无意伤害，你都没有去留意吗？没去改吗？很爱她就放开她。没法失去她，还是要失去她；也许并没有失去她！失去与放开只在你一念之间！很爱她，就要给她自由，给她理由...爱一个人是要想着对方的感受的。如果对方的感受不对；这问题是要解决的。爱她，就尊重她！祝福她！！</t>
  </si>
  <si>
    <t xml:space="preserve">怎样在家里赚钱家里贷款买的房，靠老公一个人还，资金紧张。压力也好 </t>
  </si>
  <si>
    <t>开网店是一个好的办法.但是人们对网店还有一较个担心.方法一,找家公司干兼职主管会计,方法二,小资金的炒一下股票,学会计的对财务数字还是蛮精通的.方法三,找一个门面方,自已做生意(当然啦,方子不好找,但是一定要坚持经常找,我想一定能找到的)慢慢生意做好了,做大了,聘上人干,就可以轻闲自得了.最后,祝你好运 因为我们是同行.</t>
  </si>
  <si>
    <t>怎么求一点关于直线对称的另一点(数学问题)?如点(</t>
  </si>
  <si>
    <t>轴对称的定义：线段AB彼直线L垂直平分，则A、B称作关于直线L成轴对称。由此可见：1，直线AB与L的斜率是互为负倒数，2，AB的中点在L上。由此得解法：设A(-3,0)的对称点是B(x,y),则k(AB)*1=-1---&gt;y/(x+3)=-1---&gt;y=-x-3……(1)AB的中点((x-3)/2,y/2)满足y=x+9---&gt;y/2=(x-3)/2+9=0---&gt;y=x+15……(2)解（1）、（2）的方程组，得到x=-9,y=6.所以A(-3,0)关于y=x+9的对称点是B(-9,6).</t>
  </si>
  <si>
    <t xml:space="preserve">我没银行帐号怎么办我没银行帐号但想卖游戏装备你们可不可以直接把卖 </t>
  </si>
  <si>
    <t xml:space="preserve">尊敬的客户:    您好！5173客户服务052很高兴为您服务！交易成功后我们会把钱直接转入卖家的5173帐户，卖家可以选择提现或者是购买5173上的物品，但是没有填写个人信息和银行卡信息是不能出售的，如果您不准备提现，您可以随意填写一个银行卡号。    如果您还有疑问，请您登入5173用户名,进入我的5173，选择左边任务栏中的"我的咨询投诉"，在线提交您的问题，工作人员在30分钟内为您处理在线答复您，您可以在"咨询投诉管理"中查看回复结果，并对我们的服务进行评价。感谢您对5173的支持!!!                                               </t>
  </si>
  <si>
    <t xml:space="preserve">问题在仙剑3种，打唐门那2个人，我总是打不过去，有什么方法吗？附 </t>
  </si>
  <si>
    <t>战前准备：实在打不过的话就先回永安当铺右边的市集上去换上一套防御高一点的装备，多准备些止血草（鼠儿果也可备少量），如果钱不够的话，可以考虑卖掉身上的一些东西，因为这些东西后面后会有很多捡的，即使没捡的话以后还是可以买回来的，前面阶段，钱不要太在乎了，慢慢你会发现钱是很容易就能挣回来的战时准备：景天如果可以用残影剑，在第一个回合里就用掉，以后的回合里面就负责用草药或者是酒钱笺补血，雪见在安全的情况下可以用飞岩术（其他的时间里面负责补血）。此战注意事项：敌人乃风属性，须准备多点寒山枫解风毒。因为此战敌人的攻击力颇高，所以请以龙葵为主力（使用惊雷闪）而景天和雪见就负责补血，雪见可在安全的情况下进攻。(集中先消灭一个,我记得我上次打到这儿的时候有烟月神镜,给总被攻击的人用上吧)此时亦需要注意龙葵的神，不足时应立即补充。阵形方面，龙葵应站在”雷”上，以增加攻击力，而任何人也切勿站在”土”上。</t>
  </si>
  <si>
    <t xml:space="preserve">用转职书声望从风云掉回月影？？？65级传称号春风，用转职书转成巫 </t>
  </si>
  <si>
    <t>转神经西西简单说一下转之前什么声望到转之后遇到锁的称号歌声1/4转歌声3/4月影0/4转月影3/4春风1/4转风云1/2风云0/4转金星1/4风云1/2转金星1/2风云3/4转金星3/4金星1/2转慈雨1/2慈雨0/4转太阳0/4太阳0/4转敬畏PS：每转一次保证书，刷满声望了，都会得原称号的下一个称号</t>
  </si>
  <si>
    <t xml:space="preserve">博时精选、博时价值增长、广发大盘这三只基，跑得真慢，郁闷死了我想 </t>
  </si>
  <si>
    <t>博时精选半年来涨幅还是不错的,建议在观察一段时间.一个星期的时间是判断不出一只基金的好坏的.</t>
  </si>
  <si>
    <t xml:space="preserve">谁能告诉我怎么屏避交易说的话最近有人一直在交易刷屏卖游戏B，弄的 </t>
  </si>
  <si>
    <t>点左下方的那个对号标志，直接把交易频道关掉吧。那种交易刷屏的人实在是太可恶了。</t>
  </si>
  <si>
    <t xml:space="preserve">有学眼科的朋友，麻烦你帮下忙。我在楼下配了个眼睛。看远处可以看清 </t>
  </si>
  <si>
    <t>可能你的右眼散光轴向不对，没有矫正到最佳矫正视力，你最好先去医院验光，并在医院试带眼镜后再拿验光处方去配镜。</t>
  </si>
  <si>
    <t xml:space="preserve">鸳鸯是否真的像我们想象中的真的对爱情很忠贞!鸳鸯是否真的象我们想 </t>
  </si>
  <si>
    <t xml:space="preserve">　 自古以来，人们都把鸳鸯比作形影不离的恩爱夫妻，喜欢用鸳鸯来形容男女生死不渝的爱情。相传鸳鸯是雄者为鸳，雌者为鸯，它们一旦结为伴侣，便朝夕相依，形影不离，并且传说鸳鸯是生死生双的，一方死去，另一方则从此独居，或者殉情而死。    其实，鸳鸯并非终生配偶制，而是一种临时配偶的动物。雌雄鸳鸯的结合只不过昙花一现，根本谈不上什么白头偕老。 春季进入鸳鸯的繁殖季节，在交配期间，雌雄鸳鸯确实是形影不离的。交配后，雌鸳鸯将卵产在树上的巢穴中，一般来说雌鸳鸯一天产卵一枚，产卵十几枚后，雌鸳鸯开始孵化。小鸳鸯在出壳后的第二天，自己从树上的巢穴跳到地面，同雌鸳鸯共同生活。 雌雄鸳鸯在一个生育周期内组成一个家庭，在此期间，它们交配、生育、觅食、御敌。这个生殖期一过，坚贞的爱情和美满的“家庭”便象肥皂泡一样破灭了。这时，雄再婚，雌再嫁，各走各的路。有时即使在同一生育周期内，雄鸳鸯也是朝秦暮楚，到处寻花问柳。   </t>
  </si>
  <si>
    <t xml:space="preserve">现有九十个分数:1/2,1/3,1/4,1/5,...,1/90? </t>
  </si>
  <si>
    <t>（-1/2）+（-1/3）+（-1/6）+（-1/9）+（1/10）+（-1/15）+（1/18）+（1/30）+（-1/45）+（1/90）=（-45-30-15-10+9-6+5+3-2+1）/90=-90/90=-1如果要使和等于+1，前三项改成正号就可以了。（1/2）+（1/3）+（1/6）+（-1/9）+（1/10）+（-1/15）+（1/18）+（1/30）+（-1/45）+（1/90）=（45+30+15-10+9-6+5+3-2+1）/90=90/90=1祝你好运。</t>
  </si>
  <si>
    <t xml:space="preserve">深圳的医务工作者月收入有多少？比如说好点的麻醉师！主治医师职称公 </t>
  </si>
  <si>
    <t>我就是麻醉医生!而且我们私人医院算是很好的待遇了,怎么工资才4000加上点提成一个月最多一次拿了11000,别看的太死了,还没那么离谱,有本事的都在北京呢,北京待遇高谁在深圳啊!</t>
  </si>
  <si>
    <t xml:space="preserve">三国群英传5在组合兵种时应该是那些兵种组合更厉害呢?组合两种和两 </t>
  </si>
  <si>
    <t>组合兵种只要让将不同兵就可以了用修改器都改为带铁人兵就无敌了呵呵兵种相克如下1. 步兵克弓兵，被骑兵克。不是那么实用。　　2. 弓兵不善近战，要有其它兵种作保护, 其远程攻击才能发挥极大威力（建议每战必带）　　3. 驽兵不善近战，只要前面被阻就不可攻击, 初期其远程长射攻击还行。但到后期就力不从心了, 往往杀不了十数人, 敌人已到了面前.....　　4. 枪兵克骑兵，被步兵克。　　5. 骑兵克步兵，但被枪兵克。万能兵种, 只要避开枪兵, 大多能取胜。不过抗弓箭能力较差。　　6. 蛮兵可说是被驽兵所克，蛮兵对起骑兵时亦岂不逊色, 这点比起步兵来说绝对是一大优势，但其抗弓能力则较为逊色。　　7. 女兵移动快, 攻击速度快, 亦可中距离攻击, 虽被骑兵克, 但却能克制猛兽兵　　8. 猛兽兵被女兵所克，和蛮兵有点相似, 亦是对枪兵有所抵抗力。但比起其余骑兵的移动力为慢　　9. 黄巾兵克尸兵，被全兵克。几乎没什么用。 　　10. 匈奴兵，比一般骑兵更能抵抗弓箭。　　11. 忍者移动快, 攻击速度快, 感觉上比女兵为佳, 亦可中距离攻击　　12. 浪人，攻击力和防守力较步兵为佳　　13. 木人移动力慢, 其余能力皆高, 只要升为铁人将会无坚不摧　　14. 尸兵被黄巾兵克，移动力慢,但在步兵中攻击力最高　　15. 驽车不善近战, 但移动力较佳,射程更远, 当前面有自己士兵时就不能攻击　　16. 投石车不善近战，要有其它兵种作保护, 其远程攻击才能发挥极大威力。不过其攻击间隔太长, 比起弓兵来就投石车只适合攻城之用。</t>
  </si>
  <si>
    <t xml:space="preserve">网页广告方面问题？我想请教一下，有时我上一些网站，你第一次点击它 </t>
  </si>
  <si>
    <t>加段代码,一些游戏其实是Flash做的</t>
  </si>
  <si>
    <t xml:space="preserve">新手题3限新手回答每人宪回答2题，多回答，不采纳不采纳匿名哪个国 </t>
  </si>
  <si>
    <t xml:space="preserve">巴顿式军礼：右手食指、中指并拢，屈其余三指，还礼后指向右上方。   </t>
  </si>
  <si>
    <t xml:space="preserve">海贼王第10位船员会在第几集时出现 </t>
  </si>
  <si>
    <t xml:space="preserve">没有第十位 只有九位船长：蒙奇·D·路飞剑士：罗罗诺亚·索隆   动画3集加入狙击手：乌索普   动画17集加入 第323集重新加入航海士：娜美   动画8集加入 44集重新加入厨师：香吉士   动画30集加入船医：多尼多尼·乔巴  动画90集加入考古学家：尼可·罗宾  动画130集加入 修船工：弗兰克   动画322集加入音乐家：布鲁克   动画381集加入 </t>
  </si>
  <si>
    <t>数学设复数z=3cosθ+i2sinθ,求函数y=θ</t>
  </si>
  <si>
    <t>0&lt;argz&lt;π/2,这是为什么?看不懂啊z不是复数吗? 首先argz是指复数z与x正向的夹角。这里z=a+ib, a=3cθ,y=2sinθ.因为a&gt;0, b&gt;0, 所以z在第一象限，所以argz在0和π/2之间。别把argz和θ混在一起，这是两个不同的事情。对任何复数z=a+ib, tan(argz)=b/a, 所以这里tan(argz)==2sinθ/3cosθ。还是别搞混argz和θ。θ是原来的某个角，现在z的角是argz. 现在的argz等于多少呢？tan(argz)=2sinθ/3cosθ=(2/3)tanθ. tan(θ-argz)=[tanθ-tan(argz)]/[1+tanθtan(argz)]=(1/3)tanθ/[1+2/3tan^2θ]&lt;=(1/3)tanθ/[2根号{2/3}tanθ]=(1/3)/[2根号{2/3}]=根号{6}/12,此为tan(θ-argz)的最大值。y=(θ-argz)的最大值为arctan根号{6}/12. (因为在0和π/2)。上面我们用到了不等式c^2+d^2&gt;=2xy, 这里c=1,d=根号{2/3}tanθ等式成立时，c=d--&gt;根号{2/3}tanθ=1--&gt;tanθ=根号{3/2}，θ=arctan根号{3/2}，</t>
  </si>
  <si>
    <t xml:space="preserve">锋迷们最喜欢哪个女明星？ </t>
  </si>
  <si>
    <t>最喜欢赵薇，柏芝、阿SA、笔畅也还可以。</t>
  </si>
  <si>
    <t xml:space="preserve">腱鞘炎怎么办有腱鞘炎该怎么办？我是左手大拇指上的，拿东西活动都特 </t>
  </si>
  <si>
    <t>食疗方：1、生姜鸡：用刚刚开叫的公鸡1只，生姜100～250g，切成小块，在锅中爆炒焖熟，不放油盐。会饮酒者可放少量酒，1天内吃完，可隔1周或半月吃1次。用于关节冷痛，喜暖怕寒者。2、鹿茸鸡：以当年的公鸡1只，鹿茸3-6g，在锅内焖熟，不放油盐。吃肉喝汤，两天吃完。可根据情况每隔1周或半月吃1次。夏天关节红肿疼痛者勿用。3、赤小豆粥：赤小豆30g，白米15g，白糖适量。先煮赤小豆至熟，再加入白米作粥加糖，能除湿热。4、粟子粥： 粟子15枚，猪腰l对，粳米30克。先将栗子炒香(用沙炒)，后去壳，与粳米加水适量同煮粥。或将栗子风干，磨粉，以栗粉30克，粳米20克，猪肾1对，同煮粥亦可，每次1小碗，每日1次。本方有补肾强筋、健脾养胃之功，可用于坐骨神经痛脾肾亏虚证。针灸法：本病症的现代针灸治疗，首见于1958年，用隔姜灸，取得较好的效果，六十年代多采用针刺加挤压之法，七十年代又用三棱针点刺、温针来提高疗效。自八十年代以后，有关本病各种穴位刺激法的报道颇多，在继承以往各法的基础上，又增添了火针、指针、针刺加罐及穴位注射等法。为了防止复发，一般都主张针刺后局部加压。从已有的经验而言，针灸确是本病较好的保守疗法之一，但需要坚持治疗方可治愈。西医药治疗西医治疗腱鞘炎尚没有较为完善的治疗药物，目前西药治疗方可起到镇痛消肿功效，但对治疗腱鞘炎用处不大。其中手术治疗腱鞘炎乃最治疗方法，若以上治疗方法无好转可使用手术治疗。此外西医治疗还包括封闭治疗，封闭治疗一周可做1-2次，一般2周即可见效，但治疗对局部组织伤害较大，且无法完全治愈腱鞘炎，无法保证无复发现象发生。一般患者治疗可选择保守治疗方可治愈。</t>
  </si>
  <si>
    <t xml:space="preserve">月经中带有大量血块是什么原因我最近每次来月经都不大正常,刚开始量 </t>
  </si>
  <si>
    <t>不用太过担心，这是正常的。但是最好用中药调理一下，脱下来的哪些是子宫内膜来的。你这样的情况应该是中医中所说的宫寒吧。</t>
  </si>
  <si>
    <t xml:space="preserve">程教授您好，我想知道孩子上幼儿园该不该学习小学知识？我是内蒙古的? </t>
  </si>
  <si>
    <t xml:space="preserve"> 我们不赞成幼儿园教育小学化的倾向。知识是学不完的，要活到老，学到老。特长技能只要学一两项即可，孩子成长是有“机会成本”的，有时间学这个，就没有时间学那个。关键是要培养孩子的创造智慧和拥有幸福的能力。</t>
  </si>
  <si>
    <t xml:space="preserve">这个网站老是强制设置为主页?怎么去掉?谢谢!用了多种办法无法解决? </t>
  </si>
  <si>
    <t>你的主页更改后弹出的不是你选择的网页，是吧？有二种原因引起的，一个是上网后又被恶意网站修改。另一个是在你的中有一个恶意网站的自动连接程序，是他将你的主页修改回来的。解决方法：（一）建议你下载恶意软件和木马强杀工具windows清理助手查杀恶意软件和木马： 下载地址：  1、下载安装后，首先升级到最新版本，然后退出正常模式并重启按F8进入到安全模式，在安全模式中。 2、打开软件，点击“系统扫描”，对扫描结果全选，然后点击“执行清理”按钮，如果问你是否备份，选择“是”（为了防止万一，如果清理后系统没有异常，就删除备份），按提示进行操作即可（软件也可以在正常模式中进行查杀）。（二）查杀恶意软件和木马后，打开IE选工具/ Internet选项/在常规中设置你的主页。 建议你下载超级兔子，在她的IE中设置你的主页，这样你的主页就不容易被恶意网站更改了。如果IE选主页为灰色不可选，这样设置，开始/运行输入 c回车打开组策略，在左侧选用户配置/管理模板/Internet Explorer/在右侧选“禁用更改主页设置”双击它，在打开的对话框中选择“未配置”然后按应用确定，重启电脑即可。（三）设置主页后，将主页锁住不让恶意网站修改：开始/运行输入 c回车打开组策略，在左侧选用户配置/管理模板/Internet Explorer/在右侧选“禁用更改主页设置”双击它，在打开的对话框中选择“已启用”然后按应用确定，重启电脑即可。（四）使用超级兔子修复IE，清理恶意插件，禁止弹出广告。建议你不要下载小网站的软件或插件，这样就能避免上述故障的发生。下载地址： （五）到你的防火墙的例外中看看,如果有这个网站的选项，将其删除或将前面的勾去掉按确定即可。</t>
  </si>
  <si>
    <t xml:space="preserve">我的训兽2血2魔加,学什么技能? </t>
  </si>
  <si>
    <t>这么加一定要骑龙,黄金巨龙和完美幼龙具体怎么骑.....变身卡变翼龙,只有人系和龙系有坐骑LV3,所以变龙\1开始这么练要有号带练级10调教10骑宠 10宠魔法的驯才能体现威力技能因为可以到15个所以很多选择但是3抗要要,反吸无可以自己斟酌,但是吸一定不要,没必要,谁没钱买血???</t>
  </si>
  <si>
    <t xml:space="preserve">你们怎么对待肯德基问题吃肯德基的人很多,大人、小孩。出了问题，我 </t>
  </si>
  <si>
    <t>当时看这个问题，好像是个别餐厅，你不要太担心了。我不吃肯德基，不知道麦当劳是否也会出现类似问题。我们现在能做的，就是拒绝洋垃圾，支持中国的快餐业。</t>
  </si>
  <si>
    <t xml:space="preserve">用电饭锅可以熬中药吗？ </t>
  </si>
  <si>
    <t>我如果没记错的话,是不行的.因为电饭锅是铝制品.容易和中草药产生反映,产生别的物质.对人体有危害.你最好用沙锅煎制.</t>
  </si>
  <si>
    <t xml:space="preserve">东莞那里有便宜的休闲装批发呀,我现金交易我在家开了个铺子,家里面 </t>
  </si>
  <si>
    <t>嗯，不错，我也想开个铺，有好货也要联络一下我</t>
  </si>
  <si>
    <t xml:space="preserve">我家宝宝晚上不爱睡觉怎么办？我家宝宝50天了，晚上不爱睡觉怎么办 </t>
  </si>
  <si>
    <t>婴儿是有些少是这样的,不用担心,等过了百天,自然会好.</t>
  </si>
  <si>
    <t xml:space="preserve">狂暴者头盔40级用能加多少暴?就是血色武器库掉的那个头~~把暴的 </t>
  </si>
  <si>
    <t>37时用加的暴最多,每升一级就会减少一点!37级大约1.38%左右吧!~~</t>
  </si>
  <si>
    <t xml:space="preserve">我想自己创业，办理一个个体营业执照，我是青岛的，做电脑配件类的产? </t>
  </si>
  <si>
    <t>你好！到你们当地的工商局和税务局的服务大厅咨询一下就都明白了！上述部门的咨询是免费的，请放心！</t>
  </si>
  <si>
    <t xml:space="preserve">17个月大幼儿发高烧怎么办？急我女儿昨天发高烧，昨天去了医院检查 </t>
  </si>
  <si>
    <t>找中医看看吧</t>
  </si>
  <si>
    <t xml:space="preserve">狗狗剪毛后长出来的毛会和以前一样吗?我家的博美狗毛特别的厚，想给 </t>
  </si>
  <si>
    <t>最后一次提醒大家：1、再厚的毛也不会让狗狗感到热的2、狗狗的毛是根据生活环境生长的3、狗狗的皮肤没有汗腺，剪毛不会让它感到凉爽的4、毛剪短后容易造成皮肤被紫外线灼伤除非你的狗狗患了皮肤病，否则不要给它剪毛，没有任何好处。</t>
  </si>
  <si>
    <t xml:space="preserve">口袋西游25副本在哪接的...怎么找不到唐僧接任务啊 </t>
  </si>
  <si>
    <t>我也出现这样的情况呢.还好朋友告诉我进到25的副本里面就见到唐僧了然后接任务,接了之后杀一个任务怪不要着急交任务可以等你最后要出去了在交要不然任务的经验就白白的仍掉了!!!嘿嘿</t>
  </si>
  <si>
    <t xml:space="preserve">生殖器疱疹能治愈吗？可以使用疱落静组合吗？ </t>
  </si>
  <si>
    <t>生殖器疱疹是hsv病毒感染所致，是一种性病，这种病复发率极高，很难彻底的治愈，有的可能会伴随终身，用药治疗以抗病毒和提高免疫力治疗为主，只要症状半年内不再复发临床上就可以称为治愈，目前【疱落静组合】治疗的效果最好，纯中药的，彻底治愈后不会再次复发，她们的在线咨询专家QQ：2279846710 你可以去了解一下</t>
  </si>
  <si>
    <t xml:space="preserve">法律根据我国商标法的规定,我国对申请注册的商标采取()A形式审查 </t>
  </si>
  <si>
    <t>是的．主要是看商标是否符合法律强制性规定．另外产品不能存在欺诈</t>
  </si>
  <si>
    <t xml:space="preserve">这个帐号还有救吗？该帐号由于被盗时间比较早，还没有绑定密码保护卡 </t>
  </si>
  <si>
    <t>如果不是账号里有什么好东西，强烈建议你重建个号！因为根据你的情况，再去找万恶的九C已经没救了......</t>
  </si>
  <si>
    <t xml:space="preserve">请问：营销实战的具体含义？ </t>
  </si>
  <si>
    <t xml:space="preserve">营销实战八步法 一：定位营销主张  二：组建营销化的组织  三：定位市场   四：构造品牌  五：产品设计与市场定位  六：定位渠道  七：实现推广      八：实现营销和销售的对接 </t>
  </si>
  <si>
    <t xml:space="preserve">地狱怎么进去啊？？ </t>
  </si>
  <si>
    <t>废墟通行，10个邀请函</t>
  </si>
  <si>
    <t xml:space="preserve">宠物的小问题请问怎么得到那个啸天犬??? </t>
  </si>
  <si>
    <t>大年初三当天的任务。已经结束了。而且那个狗不是很好。初始有收集，神力，灵通3个技能，后期容易学会的有，霹雳，回魂，逃逸，护主等。还算凑合的一只狗吧。是魔法型的，智慧和精神长的很快，狗10级的时候，精神和智慧都是66。回魂很好用。忘了说明了，那个小狗没办法交易，丢地，出售。</t>
  </si>
  <si>
    <t xml:space="preserve">亚洲预赛：伊朗VS朝鲜！两队过去都可以称之为亚洲的足球的前辈，并 </t>
  </si>
  <si>
    <t>伊朗在亚洲不怕靠身体吃饭的球队，说实话朝鲜是什么养的风格由于看他的比赛很少不太清楚要是他和韩国球风相似，爆冷的可能很小，望楼主介绍一下朝鲜。</t>
  </si>
  <si>
    <t xml:space="preserve">爱因斯坦相对论中为什么说时间是相对的？ </t>
  </si>
  <si>
    <t>首先，请先考虑一下经典的时空观，也就是伽利略的时空观，不同惯性系间，时间是同步的，而位矢和速度有简单的加减关系。在力学范畴，暂且看不出差别，但是对于电磁现象这种关于高速的现象，经典时空观出现了矛盾，波动方程反应了电磁波在真空中的传播速度是光速，但是这个速度到底是相对于哪个参考系？如果换为另一个参考系，这个波动方程的形式就会发生改变，不满足物理规律协变性的要求（即在一切惯性系中，物理规律应该具有相同的形式，牛顿定律就满足这样的形式）。正是在这一点以及迈克尔孙测量地球相对于以太的运动等试验基础上，爱因斯坦提出了相对论，主要是关于一种新的时空观的建立（即时间不再是与空间无关的量）。所谓时间的相对性，一方面是指由数学表达式推导出来的“动钟延缓”理论，另一方面还是这么个意义：钟的快慢只是相对的，如果把惯性系固定在运动的钟上，钟上的时间叫做固有时间，随钟一起运动的人看到的时间是最本质的时间，而在固定于地面坐标系上的人看钟的时间会发现钟变慢。可见，位于不同参考系上的人观察同一个钟，对时间的感觉会有差别，这并不是人的错觉，而是一种自然本质，客观事实，时间的相对性也正是体现在这里，简单点就是“换位思考”，假设自己位于不同的参考系上分别考虑问题。</t>
  </si>
  <si>
    <t xml:space="preserve">3G幽灵船任务4问题？听说3G幽灵船任务4可以几个人一起做，就象 </t>
  </si>
  <si>
    <t>是真的。。但是现在4的任务还不能做。。。做了拿不到武器。。。我是新傲世的。。绝对可靠。。建议你等光通公布任务系统好了再做</t>
  </si>
  <si>
    <t xml:space="preserve">动物学研究方向！！！！希望从事动物学研究，尤其是无脊椎动物学，最 </t>
  </si>
  <si>
    <t xml:space="preserve">嗜血性无脊椎动物天然凝血因子，为临床开发抗凝血药物提供新的方向。 水生无脊椎动物细胞培养，比较基因组学方面的。 大型底栖无脊椎动物水质快速生物评价的研究，环保方面的。 无脊椎动物免疫学 无脊椎动物中药研究 </t>
  </si>
  <si>
    <t xml:space="preserve">光线飞车关于好用的排气管问题~高手指导下~我看很多人都用一个人物 </t>
  </si>
  <si>
    <t>你这样的问题是不是在以前放弃过什么任务，你回到老城找找个别的NPC看看有没有遗漏的任务。。。</t>
  </si>
  <si>
    <t xml:space="preserve">怎么治疗重度酒精依赖症？又没有好的方法？ </t>
  </si>
  <si>
    <t>问题分析：你好，只要是喝酒者本人有毅力，是可以戒掉的！大量的饮酒，不但伤害身体，还容易造成家庭和工作的矛盾。戒酒不要一下子全部戒掉，可以采取慢慢戒酒的方式，比如先2/3的量，后1/3的量，最后再1/4的量。意见建议：患者应该及时抓紧时间进行治疗，同时要尽早戒酒，以免使病情加重。如果自己没有毅力戒酒，最好到神经科医生进行诊治，更科学有效。最好多吃富含B族维生素的食物，如燕麦、全麦面包、动物内脏、瘦肉、花生、大多数种类的蔬菜、麦麸、牛奶等。你好，戒酒一般只能分为两种，于是自己主动，自愿戒酒，二是家人意见统一后送到当地精神专科医院，强制戒酒。你好，戒酒是一个长期的过程，首先要选对适合自己的方法，其次要有持之以恒的精神，更重要的是要有坚定不移的信心。</t>
  </si>
  <si>
    <t xml:space="preserve">1佛教化众生，是以因果为主要的讨论的命题。我们众生希求好的果报，? </t>
  </si>
  <si>
    <t>佛曾讲过，一个普通的人想要证明因果的存在是比较不容易的，但也不是完全没有办法。佛教讲缘起现象，因缘和合。缘起是什么呢？缘起就是有了因就肯定有果，内外所有的事物，都是缘起的现象，因缘的结果。比如说一个人杀生，这对于被杀的众生是一个很大的伤害，此人造了这么严重的业，哪能没有果呢？如同在潮湿和温暖的土壤里随便丢一粒种子，即使不管它也会发芽。同样的，在世间的一切有为法中，没有任何因是不结果的。佛教的见解是缘起，缘起包含了许多内容，从名言谛来讲，就是有因必有果。现今一切悲欢离合等形形色色的事物，都有各自的因，其中有一些因我们可以看见，有一些肉眼则无法看见，唯有特殊的人才可以全面知晓。有因必然有果，无因就不会有果。若需求人天福报或快乐的话，就要去种快乐的因，这个因就是行善；若想避免痛苦和灾难的话，就不要种痛苦的因，痛苦的因就是造恶业。凡夫人由于愚痴和无明，欲求快乐果却反种痛苦因，比如时下许多人杀害各种动物，用它们的血肉和生命换取自己的延年益寿，这不是完全的颠倒吗？其余的事情也都是这样。所以如果凡夫人对因果没有一个正确的观点和取舍，则所做的多半是错误的，由此感受的也将是他们意想不到也不愿接受的苦果。学佛第一个条件，就是让你深信因果，那你去深信因果了，你就不会做错事情，所以佛陀就讲了，因为我们众生不相信因果，那就随着你的贪嗔痴的习气，因为你不相信因果吗，所以你会造作杀盗淫，恶口，两舌，绮言，妄语，你造了这些无边的罪业，所以你就堕落三恶道，所以众生一直在六道轮回，讨债了，还债了，抱怨了，那报恩的人特别的少，我们这个世间造业的人特别多，那我们这个世间学佛的人也特少，所以众生不能不深信因果。佛法最重要就是深信因果，佛法的宗旨就在于诸恶莫作，众善奉行，自净其意，这就是我们学佛的宗旨，释迦摩尼佛来这个世间，他所讲经三百余会，说法四十九年，那浓缩起来就是诸恶莫作，众善奉行，自净其意，是诸佛教。</t>
  </si>
  <si>
    <t xml:space="preserve">怪的问题？我想问一下怪一共有几种颜色，都爆什么物品？ </t>
  </si>
  <si>
    <t>紫色   超级BOSS，爆出的DD太多，好DD也多，无法具体说！（怪很厉害）绿色    BOSS    爆出的DD太多，好DD也多，无法具体说！！（怪很厉害）黄色    普通BOSS   爆出的DD一般多，一般是黄装+蓝装，运气好的时候暴点书和宝石（有时候有好书）蓝色    最低级BOSS   爆出的DD一般多，一般是蓝装，运气好的时候暴点黄装和书（有时候有好书）（几率很小）白色   普通怪    暴一般的DD，运气好就不说了（你打过你应该知道）上面的暴率和你等级有关系，大号打死小怪（BOSS）是相应的减少暴率，相差超出20级（好像是）基本就不暴了！！补充：以上怪都会暴白色装备！！  ^_^你说的那种怪，是征途在那个地图上设置的超级怪，完全等于小BOSS，一般是任务才会打他，不然就不要去打，打了什么DD都不暴，还又超级难打！！经验也一般！！</t>
  </si>
  <si>
    <t xml:space="preserve">当今世界足球发展的趋势是 </t>
  </si>
  <si>
    <t>从这次世界杯来看，又是保守足球的一次胜利。今年的4强中竟然有3只球队打单前锋,这在历年中是难以想象的,同时这些球队也尝到了甜头,意大利靠它拿到了冠军,法国拿了亚军。足坛有可能在这届杯赛后掀起一股防守热潮,只有个性不羁的南美人会将自己的漂亮足球继续进行下去。今年也是欧洲的天下,南美球队没有一只进入4强,依然是欧洲占主流,以巴西,阿根廷为首南美与之竞争.非洲不排除黑马的可能,说不定会有异军突起!亚洲继续陪太子读书!体力速度和稳健的防守，仍是一段时期内的主流，而以技术华丽、优雅，但防守强度略嫌不足的西班牙、阿根廷，要走的路还很长。加之希腊在欧洲杯的故事。更感叹力量，体力，速度型足球渐渐崛起。巴西和崇尚攻势足球的阿根廷能否抗起技术大棋，捍卫技术足球的尊严，决定着未来足球的走势。</t>
  </si>
  <si>
    <t xml:space="preserve">手心太热我手心比平常人要热许多.尤其是晚上,会全身发热.别的也没 </t>
  </si>
  <si>
    <t xml:space="preserve">手心热 证名。两手掌心有发热感觉。一名掌中热。手三阴经是动、所生病证之一。详见掌中热条。又为劳倦内伤及五心烦热的症状之一。《内辨惑论》卷上：“内伤及劳役饮食不节，病手心热，手背不热；外伤风寒则手背热，手心不热，此辨至甚皎然。”参见掌中热、五心烦热条。 应请①从饮食上注意，少食油炸，油腻食品含脂肪和胆固醇高的动物内脏和肥肉等，多食蔬菜、水果和清淡的饮食，如绿豆百合汤，忌酒和烟。②可用金银花、野菊花、芦根泡水代茶有清火作用，少吃可口可乐及奶制品冷饮. 此外, 梨、葡萄吃着正当时：梨，含有丰富的维生素，具有祛痰止咳、利咽，保护心脏，减轻疲劳和通便的作用；葡萄，有抑制癌变细胞扩散、抗动脉硬化、调节心搏次数的功能。但是对于老人孩子，食用的分量不宜过多。 便秘、痔疮者可多食菠菜、芹菜、竹笋等多纤维食物以及猪、羊的大肠、黑芝麻、蜂蜜等。 手心发热——几种疾病的征兆 肺结核 :为最常见的手心发热原因 ,特别是青年人 ,同时伴有盗汗、乏力、咳嗽、精神萎靡不振等。照胸片或化验检查一般可以发现病变的存在。 慢性肾盂肾炎 :大多数中青年女性 ,慢性活动期一般有持续性或间歇性手心发热 ,或伴有全身发热。仔细回忆在当时或以前有腰酸、乏力、尿频、尿急、尿痛等症状 ,尿液检查发现异常。 肝病 :病毒性肝炎 (乙肝等 )、肝硬化、慢性胆道感染等 ,均可能有手心发热现象。这些病一般还伴有食欲不振、消瘦、乏力、腹胀、肝区隐痛、失眠等。肝功能或肝炎免疫学检查通常能查出病情。 结缔组织疾病 :风湿热、系统性红斑狼疮、类风湿性关节炎等虽可引起手心发热 ,但发生率不高 ,而且一般伴有明显全身发热症状。   </t>
  </si>
  <si>
    <t xml:space="preserve">问一下各位男滴，我弟弟脸上长痘痘然后有黑黑的痘印，请问你们用什么? </t>
  </si>
  <si>
    <t>外在做好清洁补水修护消炎杀菌，内在注重肠道排毒血液排毒以及调节内分泌。痘痘不是病，看医生开的药膏什么的容易造成毛孔粗大痘坑等问题喔，最好尽快进行护理，免得越往后造成肌肤不可逆的伤害。可以搭配个护肤方案给你参考下。如果信息对你有用，请点个好评，谢谢(*^__^*) 嘻嘻。做好清洁舒缓消炎，可以给你推荐尤加利海泥膜还有海藻面膜哦。舒缓消炎哦欢迎来关注哦，来教你祛痘护肤哦要是你自己比较有自律精神，就自己买暗疮针酒精先消毒再清理掉已经熟透的痘痘，然后买祛痘用的面膜，和祛痘的产品，要坚持使用哦，这样坚持是很有效果的，要是不能自律就只有到专门祛痘的机构，她们会帮助你的《略尽绵薄之力，如果能帮到你，希望能给个好评哦！谢谢啦！</t>
  </si>
  <si>
    <t xml:space="preserve">急~~~开机问题我的N95开机就显示正在安装怎么解决啊？跪求高人 </t>
  </si>
  <si>
    <t>方法1：去程序管理里面看看有没有标明“未安装”的程序，有的话，将标注“未安装”程序都安装下就可以了；       方法2：如果方法1办法安装不了，记住这些程序的名字。用手机数据线连接PC，然后手机上选择数据传输模式（普通版使用读卡器也可以），进入电脑选择可移动存储，利用电脑搜索功能在搜索栏键入你刚才记住的那些程序名，然后搜索，搜索到后直接选中删除就可以了。以后再开机的时候就不会有“正在安装”的提示了；       方法3：看看你的主题文件安装在哪里，如果是大容量存储器（内存卡）的话，将主题文件删除，然后安装到手机存储就不会有这类提示了。方法4。使用数据传送模式让手机与电脑相连。电脑设置显示隐藏文件夹。删除大容量存储\private\10202dce里面的全部内容。</t>
  </si>
  <si>
    <t xml:space="preserve">我做的烤瓷牙是300一颗的，医生说不是镍合金的，他说是进口的，我? </t>
  </si>
  <si>
    <t>烤瓷牙全称是烤瓷熔附金属全冠，是一种理想的修复体。它是先用合金制成金属基底，再在其表面覆盖与天然牙相似的低熔瓷粉，在真空高温烤瓷炉中烧结熔附而成，因而有金属的强度和烤瓷全冠的美观。它的特点是能恢复牙体的形态功能，抗折力强且颜色、外观逼真，表面光滑，耐磨性强不会变形，色泽稳定， 成功的烤瓷修复体应当是形态逼真，色泽稳定．耐酸碱，属永久性修复体。 烤瓷牙的适应症和禁忌症：烤瓷修复较多用于前牙的和牙体缺损修复，如变色牙、四环素牙、畸形牙等，残根、残冠经根管治疗后，也可以做烤瓷修复。但以下情况不宜采用烤瓷修复方法：青少年恒牙尚未发育完全，烤瓷牙基牙扭转、畸形致磨牙重大损伤牙髓健康，患牙周病、牙松动及牙龈不健康者，要先治牙周病。严重深覆牙合，咬合紧或有夜磨牙习惯者，不宜烤瓷修复。　　戴用烤瓷修复体者一定要尽量避免吃过硬的食物，还要注意吃饭时不要硌到沙子，这种非正常的力极易造成崩瓷或贴面剥离金属基底。　　成功的烤瓷修复体应当是形态逼真，色泽与口内天然牙一致或接近，龈缘密合，基底冠与牙体密合，烤瓷冠的瓷厚度适中，冠的大小与口内天然牙相匹配，无咬合高点，颌面恢复良好，不会有食物嵌塞。根据固位方式可分为固定烤瓷牙与活动烤瓷牙。　　根据完成的假牙名称可分为嵌体、贴面、全冠、桩冠、固定桥、活动桥。瓷贴面　　根据烤瓷牙组成的材料可分为合金联合烤瓷、全瓷、水晶瓷。　　根据合金的熔点和瓷粉的烧烤温度可分低熔高温瓷、中温瓷、低温瓷和中熔、高熔合金配高、中、低温瓷。　　烤瓷修复分为金属和无金属烤瓷。　　金属烤瓷是指先制作金属内冠，以此为支架，在其表面用与自然牙色相似的瓷粉恢复牙外形后，在真空烤瓷炉内烤制，使瓷与金属合金熔合形成烤瓷牙冠。　　金属烤瓷牙的金属冠强度高，是烤瓷的骨架，瓷具有自然牙的颜色和质地。用瓷覆盖金属表面，可以弥补金属颜色的缺陷，充分体现自然牙的色泽和形态，且瓷与牙龈有较好的生物相容性不引起牙龈炎。　　金属烤瓷分为贵金属和非贵金属烤瓷两种技术。　　贵金属烤瓷的金属内冠一般是含有金、钯等贵重金属。其有两大优点：　　一是颜色，尤其是瓷牙与牙龈接触的地方很漂亮，不出现发青、发灰；　　二是瓷与金属的结合非常好，很少有崩瓷的情况发生。现在，欧美等国家主要应用此技术。　　　非贵金属烤瓷一般是在镍铬合金上烤瓷。其优点是成本较低。目前，我国主要应用非贵金属烤瓷技术。　　无金属烤瓷是指烤瓷牙无金属内冠，属全瓷牙，主要出现在８０年代后期，１９９６年，又研制成功超瓷复合纤维桥技术。　　由于受瓷强度影响，现主要用于制作单个瓷冠或前牙贴面修复来改善美观。如四环素牙，死髓牙等变色牙的美容，不久的将来，全瓷修复将逐步代替金属烤瓷。　　稳定等优点。　　目前，烤瓷牙主要分为金属烤瓷牙和全瓷烤瓷牙两大类。金属烤瓷牙分非贵金属烤瓷牙、半贵金属烤瓷牙、贵金属烤瓷牙和钛及钛合金烤瓷牙。全瓷牙又分陶瓷牙、铸瓷牙、二氧化铝瓷牙、二氧化锆全瓷。　　非贵金属烤瓷牙三种比较　　1.镍铬合金烤瓷牙：以该种金属为烤瓷的基底，生物相容性差，一部份人会发生过敏现象，镍、铍元素的缓慢释放，会造成牙龈变色和口腔毒性，影响人体健康。在发达国家通常是禁用的，优点是价格低廉。所以我们不太建议患者做这种烤瓷牙。　　2.钴铬金属烤瓷牙：物理性能可以，由于不含镍元素，生物相容性大大提高，造成牙龈变色的概率也降低，以德国BEGO公司钴铬合金最为理想，对要求不是很高的患者修复效果还是可以的。　　3.钛及钛合金烤瓷牙：钛具有良好生物相容性，对人体无毒，同时有良好耐腐蚀性，是目前发展较好的金属材料，但由于制作工艺难度高，对临床应用进一步发展有待进一步研究。半贵金属烤瓷牙两种比较:　　银钯合金烤瓷牙银钯合金烤瓷牙：以银钯合金作烤瓷基底，由于完成的烤瓷牙基底是白色，故市场上又称白金烤瓷。但现在由于银在口腔中的稳定性有待进一步研究，故推荐银钯合金烤瓷在减少。　　金钯合金烤瓷牙金钯合金烤瓷牙：钯是一种生物相容性很好的贵金属，金钯相加，贵金属含量已达80%左右，具有相当高的生物相容性。烤瓷牙颈缘牙龈极少发生素透黑，牙龈黑线等，一般不会造成牙龈变色。又有良好物理性能，是贵金属的最好代替品。其经济实惠，是发展中国家比较推荐的类型。　　贵金属性烤瓷牙两种比较：　　贵金属烤瓷牙：含黄金约86%，故又称黄金烤瓷牙，极好生物相容性，金属性能稳定、耐腐蚀，金属延展性好，极少发生牙龈变色。另外，瓷粉能在黄金的表面反映自身的颜色，使烤瓷牙更美观，完全能满足美容修复的要求。所以黄金烤瓷既有全瓷的美感，又有金属烤瓷牙的强度，是目前最为推崇的金属烤瓷。目前国外大部分制作此类型烤瓷牙，适合于前、后牙。缺点是价格比较贵。　　金沉积技术烤瓷牙：含约99.9%黄金，生物相容性极好，但由于工艺复杂，适合于前牙制作，目前在推广之中。　　瓷全冠全瓷牙：　　全瓷材料具有美观，色泽跟牙接近，生物相容性好等优点，故烤瓷牙极少发生牙龈变色，但其脆性大。目前大部分局限于前牙修复。近来，二氧化锆全瓷的成功开发应用，由于二氧化锆全瓷牙是通过计算机辅助设计、激光扫描，再由计算机程序控制研磨制作而成的，物理性能大大提高，增加韧性和硬度，有一些性能已超过了金属，是目前最为理想的全瓷牙和烤瓷牙。　　烤瓷牙主要针对病况：　　1.牙齿缺失，一般要求缺失数目较少，并且邻牙健康，没有炎症或虽有炎症，但经过治疗得到控制，经医生检查可考虑做烤瓷牙修复；　　2.牙齿颜色或形态不佳，如四环素牙、锥形小牙等；　　3.是牙列形态异常又不宜做正畸治疗的患者，可考虑做烤瓷牙修复；　　4.是因外伤而折断的牙齿或残留的牙根，如牙根有足够的长度，牙周情况又较好时，经过完善的根管治疗，可进行烤瓷牙修复；　　5.是龋齿或牙齿缺损较大，牙齿变色呈灰色或黄褐色，可通过烤瓷牙恢复美观及增加强度。</t>
  </si>
  <si>
    <t xml:space="preserve">大家好，请问如何判断英文状态下输入的是半角还是全角呢？ </t>
  </si>
  <si>
    <t>不论是在全角状态下还是半角状态下，输入的英文字母显示的都是半角状态下的字体,一般地在输入英文字母时都是在半角状态下输入的.</t>
  </si>
  <si>
    <t xml:space="preserve">人的一生中什么最重要？你觉得什么最重要那方面的都行 </t>
  </si>
  <si>
    <t>有一个好的心态最重要，这样就可以少受伤。</t>
  </si>
  <si>
    <t xml:space="preserve">到底内向吗?我很是个被动的男生,都是别人找我聊天我才肯说,但只要 </t>
  </si>
  <si>
    <t xml:space="preserve">  应该 算是有一些，不过 这一点是可以加强  锻炼的，有时 因为工作的需要，你就必须学会处理这个问题了 ，如果别人  找你聊天你会很好的和他交谈下去的话，应该说你还是不是太内向的，不要太自卑了，学会多说多想，不过有时候沉默是金。</t>
  </si>
  <si>
    <t xml:space="preserve">请问我电脑每次开机后出现这串英语InvalidArgument是? </t>
  </si>
  <si>
    <t>卸载打印机后然后重新安装驱动.</t>
  </si>
  <si>
    <t xml:space="preserve">小狗不爱吃东西，只喝水，喝完就吐？，我家吉娃娃刚买回来1个多月， </t>
  </si>
  <si>
    <t>你买回来后有没有给它打过疫苗?如果没打过疫苗而去过医院,很可能从医院里染上一些传染病的,医院里什么病菌都有,现在只是呕吐和拉稀,并不一定就是细小病毒的,所以不要乱给药.先带去给医生检验吧.它喝水的这个情况,我比较担心它是狂犬多过细小.水肯定要喂的,放些清水给它,不要让它喝脏的水,否则也会引起呕吐的.</t>
  </si>
  <si>
    <t xml:space="preserve">怎么知道女孩喜欢自己我是一高中生，我喜欢坐在我前面的女生很久了， </t>
  </si>
  <si>
    <t>你现在还是一个中学生，你的首要任务是学习，而不是谈情说爱，如果你觉得这个问题比较困扰你，我建议你可以把她当作好朋友看待</t>
  </si>
  <si>
    <t xml:space="preserve">新年礼物送什么好送小孩子儿童小朋友的哪些礼物比较合适？最最盼望春 </t>
  </si>
  <si>
    <t xml:space="preserve">         当然是送孩子喜欢的啦，如今的小孩子10个有9个喜欢电脑游戏，但直接送个PSP这样的游戏机也不成，有带坏小孩子的嫌疑哦，呵呵～～不过可以考虑一下纯益智类游戏的游戏机，孩子有的玩肯定高兴，边玩边动脑，有助于提高智力，家长也乐见其成，算是两全其美吧。                  现在纯益智类的游戏机比较少见，我只在淘宝上找到过一款，叫“动脑机”的小平板，原来还以为是什么学习机、点读机的近亲呢，女儿玩过之后才发现，完全不一样！它主要通过一些锻炼思维的小游戏，从各方面帮助孩子开发智力。我女儿很爱玩这类动脑动手的游戏，现在都动脑成瘾了，有时你问她一个问题，她不会直接作答，而是绕个弯弯提出各种假设、再给出各种答案，脑子转的比一般小孩多很多，也许这就是聪明的表现吧，哈哈！还有一点很好的，就是不用上网就能玩，终于没网络污染的后顾之忧了。买回来也有好几个月了，女儿仍是津津有味，我感觉在益智上也挺有帮助，所以打算过年时再给两小外甥们买2台。估计这新出来的东东有很多小朋友都还没有，送出去应该很别致</t>
  </si>
  <si>
    <t xml:space="preserve">CCTV5今天直播哪场 </t>
  </si>
  <si>
    <t>有02:30 白俄罗斯vs英格兰 CCTV-5 \</t>
  </si>
  <si>
    <t xml:space="preserve">宁波银行的前身是什么银行? </t>
  </si>
  <si>
    <t>宁波银行的前身宁波市商业银行成立于1997年4月10日,是一家具有独立法人资格的股份制商业银行。今年2月13日银监会正式批准其更名为“宁波银行”。</t>
  </si>
  <si>
    <t>两道英语单选高考题1.</t>
  </si>
  <si>
    <t>第一题：它的结构是can't wait to do something 等不及做某事。而leave something behind 是远离某物的意思，在这里是远离this place（这里）的意思。整句翻译是：我非常乐意。我已经等不及离开这个鬼地方了。第二题：逗号前面的是条件状语，由while引导。如果你真正理解了后面的句子，C是唯一可选的答案。后面的句子是这个意思：生态系统将要花费很多年去恢复。AB很明显错误了，关键是D，如果用D了，那么这是一个假设，那么后面的就必须用过去完成时了，不知道你们又没有学到，比如：once you go there , you would(will的过去式）find him.只要你去，就可以找到他。不知道这样回答你是否满意呢。满意就设为正确答案吧。呵呵。</t>
  </si>
  <si>
    <t xml:space="preserve">有谁知道这首歌从哪里下载？甄妮的《依然是你的双手》，罗大佑做词做 </t>
  </si>
  <si>
    <t>我刚找到一个罗大佑演唱的版本，但是我想你是想听甄妮的吧?</t>
  </si>
  <si>
    <t xml:space="preserve">完美世界里的洗点卷是怎么回事啊可以洗几点啊？？？ </t>
  </si>
  <si>
    <t>就是你的属性点加错了。比如WX灵加40了。那就要用洗点券了。一张洗8点。不过好贵一张。只能冲卡用积分得到或到世界里买别人的。</t>
  </si>
  <si>
    <t>加攻好还是不加攻好？</t>
  </si>
  <si>
    <t>当然加攻好了PK不死的攻改打人很疼的配合士兵或者舞跳睡这样就能打到了一般任务那点敏够了本来敏就底在加敏也没多少用虽然加敏血成长高点。</t>
  </si>
  <si>
    <t xml:space="preserve">乳腺红外线检查大概需多少钱 </t>
  </si>
  <si>
    <t>这个不好定，因为每个城市及医院都有自己的定价，到医院咨询一下吧。</t>
  </si>
  <si>
    <t xml:space="preserve">请问医生胆红素高是什么意思请问医生胆红素高是什么意思 </t>
  </si>
  <si>
    <t>你好,这种情况药物治疗无效,只要平时需用注意保持良好的生活习惯,注意休息,少吃辛辣刺激油腻食物,特别是烟酒,多吃蔬菜水果,绿色食品,如果实在不放心可以口服一些消炎利胆片,就行了,你好,这种情况需要进一步做肝胆B超检查</t>
  </si>
  <si>
    <t xml:space="preserve">虹口区办健康证在那个地方？本来是123终点站那的。。也就是商务中 </t>
  </si>
  <si>
    <t xml:space="preserve">47路到周家嘴路下，步行到舟山路，那里有虹口区妇幼保健院。那个就是虹口区办健康证的地方。健康证费用在70左右，带好身份证即可。 </t>
  </si>
  <si>
    <t xml:space="preserve">如何选择数码相纸? </t>
  </si>
  <si>
    <t>相纸就是专为打印照片制造的纸张，既有一定的厚度和硬度要求，还要能色彩鲜艳、长时间保持颜色。从技术上讲，相纸是在普通纸的基础上涂上特殊的涂层，这样纸张看起来更加光亮，并且能够快速吸收颗粒极小的墨水，使之固化，长时间保持照片颜色鲜艳。此外，纸张质地比较硬，进行高分辨率打印也可以有效防止墨水渗透。就涂料层及纸张介质的不同来分类，相纸可分为光泽照片纸 、相片纸、光面纸和高分辨率纸（厚相片纸）四种，所以购买时，先了解以下知识会有很大帮助。 相片纸类别光泽照片纸：光泽照片纸的英文全称是“Photo Quality Glossy Film”。光泽照片纸，顾名思义，其最大特点就是打印出来的照片表面有一层光泽。此外，有传统照片的质感，还有良好的防潮效果，所以打印的照片看起来非常舒服。它适用于打印较高质量的照片，以及唱片封套、报告封面等等，在选购相纸的时候，它是首选纸张。光面纸：光面纸英文全称为“Photo Quality Glossy Paper”，与光泽照片纸相比，光面纸的细致程度要好，而且表面还有一层很强的光泽。但并不是说它就比光泽相片纸好，因为它没有光泽照片纸那么厚。相对来说，它的价格比较低，适合打印一些要求打印量高的照片和有大量文字的材料，但艺术照片要好好保存，不要让它有褶皱的机会，这样经济又实惠。光面相片纸：光面相片纸英文全称为“Photo Paper”，它表面是树脂层覆盖，非常光滑，呈现出带光泽的亮白色。用它打印的照片，能产生最大的颜色饱和度，颜色鲜艳，细节表现得比较生动，很具有吸引力，所以用来打印一些广告横幅、海报和产品目录之类的就非常适合。当然，打印照片、贺卡、圣诞卡，或者制作家庭和个人影集都非常不错。高分辨率纸(厚相片纸) 厚相片纸：这种相纸的最大特点是“厚”，所以价格就比其它照片纸高。这主要在于其涂层比普通喷墨打印纸厚，表面非常平整，打印效果也非常不错，接近传统照片质量。如果想创作鲜艳夺目的图像，它是极好的选择，比如用它来打印厚海报和一些工艺制图等等。当然，分类方法不只这一种，从不同分类标准来分类，就是从不同角度认识和评价相纸，会带给您意外的收获。依据涂布方法和涂层材料的不同，相纸又可分为膨润型相纸、铸涂型防水相纸、间隙型相纸，这里就不详述了。相纸品牌推荐：相纸不要轻信那些国外品牌，其实那些在质量及售后服务上并不比国内的好，而且价格又贵，不合算。这里我向大家推荐安妮牌，我用过，感觉相当好，能做出一些很专业的东西来，我有几个搞摄影的朋友也用这个品牌的相纸来打印他们的照片。安妮高光相纸、安妮亚光喷墨打印纸、安妮双面喷墨相片纸、安妮背胶高光相片纸、安妮双面喷墨名片纸、 安妮绢丝布、安妮彩纹喷墨打纸、安妮彩色喷胶片、安妮写真油画布、安妮珍珠画布……等等，很多很多，我不一一详列了，该品牌所推出的产品大多可满足日常各种相片创意需要。该品牌由厦门安妮纸业有限公司生产，是目前市场上质量及品牌都较好的品牌，该公司是福建民企百强，国家火炬重点高新技术企业，质量及售后均较为可靠。在价格上，普通用户也能接受。具体产品信息你可以上该公司网站 查看，你会有意想不到的收获的。该公司还有其他几个品牌可供选择，如王子牌、王子鱼、亮彩、热带鱼等，你可以依自己需要选择。</t>
  </si>
  <si>
    <t xml:space="preserve">为什么说女人不坏男人不爱?好女人就没人爱吗?? </t>
  </si>
  <si>
    <t>这里女人的"坏"是指"骚"男人的"爱"是"性爱"所以不是真正意义上的爱!</t>
  </si>
  <si>
    <t xml:space="preserve">复制动态图片后，它为什么就不动了？？？求救！ </t>
  </si>
  <si>
    <t>呵呵.你复制是动态的GIF图片时,再粘贴到PS或者其他处理软件时,平面软件只能识别最前面的一帧.变成了静态的图片.所以不会有动画,应该直接保存好GIF动画.再到Adobe ImageReady或者其他优秀的动画处理软件中.这样才不会有少帧的情况.就可以继续处理动画了.祝你顺利.</t>
  </si>
  <si>
    <t xml:space="preserve">书荒了。。。。求完本小说求几本修炼身体的完本小说或者斗气的小说不 </t>
  </si>
  <si>
    <t>修炼小说有《凡人修仙记》《道》《阳神》《行仙路》《修真世界》重生为人的小说有《枭臣》《葬明》    以上都是我看过或正在欣赏的优良精华小说、或情节曲折动人心扉、或正气磅礴振奋情怀；值得一看有时我能看到凌晨4点36分。望书友参考！</t>
  </si>
  <si>
    <t xml:space="preserve">可以麻烦你帮忙一下吗？我想在饶平买房，想知道有哪些新开的楼盘！或? </t>
  </si>
  <si>
    <t>我在重庆、只知道重庆的楼盘</t>
  </si>
  <si>
    <t xml:space="preserve">晚礼服种类的名称求所有种类的晚礼服名称，例如，吊带晚礼服。。。最 </t>
  </si>
  <si>
    <t>晚礼服的分类很多，我觉得你可能是想知道样式方面的，答案如下：  抹胸晚礼服 吊带晚礼服 含披肩晚礼服 露背晚礼服 拖尾晚礼服 短款晚礼服 鱼尾晚礼服 如看图片：请登录“晚礼服图片”</t>
  </si>
  <si>
    <t xml:space="preserve">甘南自驾游路线求教1、兰州出发，经临夏广河、达宗湖前往夏河2、拉 </t>
  </si>
  <si>
    <t>1、 兰州--夏河。拉卜楞寺，贡唐宝塔看日出。2、 夏河--合作。米拉郎日佛阁。3、 合作--郎木寺镇。达仓郎木寺和天葬台、格尔底寺和纳摩峡谷、红石崖。4、 郎木寺镇--若尔盖。壮阔的大草原，如果有时间可去看黄河第一弯。     从兰州早上出发经临夏市到夏河县。行程300公里。中午就到。午餐参观完拉卜楞寺，下午4，5点到桑科草原游览。出夏河县沿大夏河逆流南行15公里即可到桑科草原。夜宿夏河县。在夏河县拉卜楞寺及寺取藏传佛教风情。晚宿夏河县。第二天早上从夏河县到甘肃省最南端的玛曲县，行程近300公里，中午到合作市午餐。下午经阿木去呼奔玛曲，途中游美丽的尕海湖和俯视黄河源。傍晚可拍摄黄河日落，宿玛曲。从玛曲去郎木寺，77公里。下午游揽拍摄郎木寺和格尔底寺。宿郎木寺。拍摄郎木寺，格尔底寺之晨。上午去八寨沟降扎温泉。翻二郎山，穿若尔盖草原到若尔盖县。住政府招待所。行程130公里。  气温还是比较低，白天比兰州低5－10度，夜晚更低。白天T恤加夹克。夜晚要穿棉服，自带也可以，当地宾馆和藏族毡房也提供。海拔最高2900，不必担心高原反应。</t>
  </si>
  <si>
    <t xml:space="preserve">哪些玉带在身边对人有益 </t>
  </si>
  <si>
    <t xml:space="preserve">    一般来说玉都是有保健作用的，但是指的是天然的玉，佩玉、玩玉和使用玉石器械，对养生保健是非常好的，特别是古玉更好。    要注意千万不可使用经化学药品仿制的古玉，不但于健康无益，还会有损健康。 </t>
  </si>
  <si>
    <t xml:space="preserve">不会引起留存收益变动吗？提取法定盈余公积　　借：利润分配——提取 </t>
  </si>
  <si>
    <t xml:space="preserve">留存收益包括盈余公积和未分配利润两个部分，提取法定盈余公积，留存收益一增一减，不会引起留存收益变动。会计分录：提取分录： 借：利润分配--提取法定盈余公积 贷：盈余公积--法定盈余公积 同时 借：利润分配一未分配利润 贷：利润分配一法定盈余公积  </t>
  </si>
  <si>
    <t xml:space="preserve">我是不是一个废物？我大专毕业已经两年了，学的是法律专业，今年25 </t>
  </si>
  <si>
    <t>专科所学习的知识，非常有限。要想适应社会、适应工作，仍需要继续深造。悲观，与年龄有关，与自己的经历有关，最主要的是缺乏艰苦的磨练。你自我感觉没有感觉，实际上你并不是没有感觉，而是自己没有发现是感觉而已。诸如：觉得自己活的没有意义，这实际上是最大的感觉。这个想法的最根本的原因，就是你缺乏责任感，对社会的责任，对家庭的责任，对自己的责任。你对这三个责任想清楚了，存在感就会应运而生。</t>
  </si>
  <si>
    <t xml:space="preserve">天师印符怎么换是是站在天师旁等着人叫啊 </t>
  </si>
  <si>
    <t>为五斗米祭酒  可否重复 否 任务限制 LV55 任务类型 技能任务 起始NPC位置 邺 五斗米天师 (115 18) 任务奖励 技能－技力上升 任务步骤 1.详知五斗米之衷：详细了解五斗米天师创立五斗米教的想法。2.找寻五斗米教司众：由五斗米天师传送前往天门峰朝阳洞，寻找五斗米司众(36,23)。3.完成司众交待的试炼：准备金钱 50000、技能点5000、饭团500个。4.寻访五斗米教司钟：前往天门峰朝阳洞内洞，寻找五斗米司钟(362,86)。5.取回天师印：打倒朝阳洞中的怪物小鬼，取回五斗米司钟被夺的天师印。6.回报试炼成果：回到邺城，将完成试炼的成果回报五斗米天师。7.交换信物：与不同职业的其它玩家交换信物。再将两种不同的信物交给五斗米天师，完成试炼。 天师印接了任务后打倒朝阳洞中的怪物小鬼就可以得到而术印或武印最好是同团里的人交换或开聊天室喊人交换,如以上两种都不行你就要到汝南向玩家购买了.</t>
  </si>
  <si>
    <t xml:space="preserve">我是上次问您的那个人，这次检查报告出来了，您帮我看一下好么，还有? </t>
  </si>
  <si>
    <t>你好，根据你的检查单，是有假酵菌丝，就是有念珠菌性阴道炎了。有根据你的叙述，性交之后白带，宫颈充血加重的。是属于霉菌性阴道炎，是属于性病了。跟之前的推论一样，有阴道炎，检查结果也证实了，亚急性慢性阴道炎。</t>
  </si>
  <si>
    <t xml:space="preserve">新FB要注意的地方，小妹是82级WX,没过过4关的，听说5关要注? </t>
  </si>
  <si>
    <t>4关你都到过了，我就从第5关开始说，第5关第一波出来的怪有霹雳它是近身反震就和YJ给的呼啦圈作用一样，所以WX不能上去群，你只要吼，然后单砍一个就行，MG在后面开箭阵杀的很快的，等霹雳都杀完了或者剩1 2个你就可以群了，以后就没什么了还是跟前几关一样第6关不用在路口哪儿了，一般都是拉到眼睛那周围去打，当然如果有人帮忙开无限豆，也可以在路口哪儿直接抗的，这要很多人帮忙，挺麻烦，先说普通的吧（你们自己挖豆得那种） 第一波怪不强直接过不说了，最难的是第6关的2  3波怪，这两波是一块来的，所以如果直接顶的话一般不行，所以要SS去分怪，这样安全点，WX还是吼群，没什么，注意和SS轮流拉仇恨，要不你们谁挂了，队就灭了第6关过的话，第7 8关都好说了第9关没小怪只有BOSS，物理群攻WX没说的，使劲杀就行，这儿要看SS和MM的，特别是MM一定要专业，如果两个MM老挂的话，基本杀不完</t>
  </si>
  <si>
    <t xml:space="preserve">四年级奥数题帮帮忙买A型笔3支，B型笔2支要8元5角；买A型笔4 </t>
  </si>
  <si>
    <t>3A+2B=8.5元;(1)4A+5B=16元.(2)(两式相加得:)7A+7B=24.5元,则1A+1B=3.5元…………A、B各一支要花3.5元。</t>
  </si>
  <si>
    <t xml:space="preserve">客观性是不是新闻要素？ </t>
  </si>
  <si>
    <t>新闻的6要素分别的时间、地点、人物、事件、经过、结果。没有客观性，但是却又是新闻所必须遵循的原则，新闻最基本的就是真实性。</t>
  </si>
  <si>
    <t xml:space="preserve">梦三国申什么是诉回执编号 </t>
  </si>
  <si>
    <t>回执编号是你申诉你的梦三号的重要凭证</t>
  </si>
  <si>
    <t xml:space="preserve">对"工业园区进行外来车辆管理登记的的新闻报道"范文求如题范文一例 </t>
  </si>
  <si>
    <t>新闻报道的写作方法简单地说，新闻是新近发生的事实的报道。1）主题突出，文字精炼。一条新闻通常报道一件事实，说明一个问题。　　（2）文字简明扼要，用事实说话，必要时可以有适当的精湛的议论。　　（3）开头通常有一段导语，简要说明全文的主题思想或主要事实，唤起读者注意，使读者先有一个总的概念。　　（4）结构严密，层次分明。一般是按照事物的内在联系，把最重要、最新鲜的事物写在最前面，然后再写次要的，更次要的；也可以依照事物的发生、发展、变化的顺序来写，但要突出主要部分。　　（5）交代必要的背景：事物的历史背景、发生、发展、变化的环境、条件以及与其他事物的联系。目的是通过比较、衬托，更鲜明地阐述事物的政治意义。背景材料应简明扼要，不可喧宾夺主。并非每条新闻都要背景材料。 你应该针对对"工业园区进行外来车辆管理登记的主题突出对外来车辆进行登记做一报道</t>
  </si>
  <si>
    <t xml:space="preserve">升级装备的？号应该摆什么物品？ </t>
  </si>
  <si>
    <t>答案是你想放什么就放什么！但最好是放眼睛听别人说这样暴的几率就小！</t>
  </si>
  <si>
    <t xml:space="preserve">天台爱情结局是什么意思呢[思考]求解释 </t>
  </si>
  <si>
    <t>个人认为就是他们失散多年 然后最后遇到了浪子膏没死，那个老头就是他，那个女的就是心艾。那个摄影的是浪子膏办的老了以后的浪子高和李心爱相遇，感动回忆。</t>
  </si>
  <si>
    <t xml:space="preserve">子公司怎么翻译 </t>
  </si>
  <si>
    <t>subsidiary companyconstituent company underlying company控股子公司(Holding Company)</t>
  </si>
  <si>
    <t xml:space="preserve">excel文件是不是设置了密码容易染毒?我以前的老师说过exce </t>
  </si>
  <si>
    <t>那个老师是误人子弟。excel一般中的是宏病毒，它是破坏excel运行程序，恶意删除、修改、锁定某些源代码（一段运行程序），使得某些功能不能发挥作用或作用被恶意改变。这与有未设密码无关。</t>
  </si>
  <si>
    <t xml:space="preserve">关于分红如果我在“股权登记日”之前买入，在“股权登记日”之后抛掉 </t>
  </si>
  <si>
    <t>-----在“股权登记日”之前买入，在“股权登记日”之后抛掉，那么到“现金红利发放日”那天我能分红吗？-----能得到分红，但蝇头小利，不要也罢，羊毛还是出在羊身上啊！！！</t>
  </si>
  <si>
    <t xml:space="preserve">19岁对于爱情的困过我是一个怎样的女孩呢，自己觉得是挺普通一个人 </t>
  </si>
  <si>
    <t>你好，从你的描述上看，你说想找一个彼此都喜欢对方的人，不能说没有，只能说你们的缘分还没到。你说自己是在别人眼里的佼佼者，也可以说是优秀的才女。恕我直言，有可能你是缺少“小鸟依人”的女人味！相反，恰恰就是你自身具备的自强自立，耿耿于怀的自我意识！我说的不是绝对的，只说猜测。再有，你说喜欢你的人不符合你找另一半的要求，其实，有些事情不是你想怎样就能怎样的！就像你自己说的，你喜欢别人，被人不喜欢你，或者说是，别人喜欢你，而你不喜欢人家。都是情理之中有可能发生的事情···我就想告诉你，如果再有喜欢你的男孩子，首先，你扪心自问？对方离你选择另一半的标准相差多少？是不是占最主要的位置？我是说，人无完人，金无足赤。你应该心知肚明。如果喜欢你的人离你选择另一半的要求差的不是很多，建议你，还是试着去交往一下···看看你们彼此的性格是否合拍？在对待问题的观点上是否有共同的理念？是否有共同兴趣和爱好···等等。期间，也许你就会有意外的收获呢。你明白我的意思吗？祝你心想事成，好运！</t>
  </si>
  <si>
    <t xml:space="preserve">?賓卡?(主)vs唐姆斯基主队虽名气大客队虽名不经转，但客队上轮 </t>
  </si>
  <si>
    <t xml:space="preserve">支持一球小胜。。。。呵呵        </t>
  </si>
  <si>
    <t xml:space="preserve">注意悬赏通告说出你心中的追好3胆，并且说出理由100分 </t>
  </si>
  <si>
    <t>马拉加3  桑坦德 1   努曼西0</t>
  </si>
  <si>
    <t xml:space="preserve">电饭锅加热盘变形的问题，急！！谢谢急！！家里电饭锅才买了二年，最 </t>
  </si>
  <si>
    <t>我也建议你买新的，因为发热盘变形说明是由于故障才造成的变形，要知道，发热盘是电饭锅的主要部件，如果线路有问题，你换一个发热盘还会出问题，电器故障不可以凑乎，你还是买一个新的，用着也放心。</t>
  </si>
  <si>
    <t xml:space="preserve">幻想三国志2续缘篇和幻想三国志2有什么区别？我用BT下载的幻想三 </t>
  </si>
  <si>
    <t>4CD的是原版，续缘篇是资料片，单CD，就是增加了一些剧情。</t>
  </si>
  <si>
    <t xml:space="preserve">请教各位大虾在哪看动态的足彩赔率？？？？？ </t>
  </si>
  <si>
    <t>500W合买里有即时指数，亚盘和欧赔都有，这里不能发网址好像。</t>
  </si>
  <si>
    <t xml:space="preserve">我们家装修，喷门的漆粘到玻璃上怎么去掉阿？我爸爸用手指甲蹭，结果? </t>
  </si>
  <si>
    <t>去汽配市场买个清雪用的刮板，或者买一瓶除漆剂，喷在布上一擦就可以了。</t>
  </si>
  <si>
    <t xml:space="preserve">跳线问题硬盘、光驱上的跳线是干什么的,有什么作用。 </t>
  </si>
  <si>
    <t xml:space="preserve">是用来设置IDE设备的主从关系的。因为计算机中的一个IDE通道可以连接两个IDE设备，但是要求区分主从。一般把硬盘跳线帽插在maste（主）上，连接到数据线的master位置（末端），光驱的跳线帽插在slave（从）上，连接到数据线的slave位置（中间），占用同一个IDE通道。如果只有一个硬盘和一个光驱，而且主板有两个IDE通道，就把光驱和硬盘都设置为主，连接到数据线的master位置（末端），在bios中自动侦测ide设备，保存即可。 </t>
  </si>
  <si>
    <t xml:space="preserve">大家认为最感动的歌~是什么？大家认为最催人泪下的歌是什么？ </t>
  </si>
  <si>
    <t>if i were a bird我将化作小鸟再见中国海夏天的风蓝染  吐血推荐!</t>
  </si>
  <si>
    <t xml:space="preserve">对于理工科的学生来说，毕业论文和毕业设计是什么关系？谢谢大家。 </t>
  </si>
  <si>
    <t>首先我要说的，上边的说法是错的，因为理工科包括理科和工科。一般理科专业，诸如数学之类的专业通常会做毕业论文，而工程类的专业，例如土木工程之类的专业一般都会做毕业设计，但是由于很多学校师资和教学经费有限，一般也是论文为多，设计为少，这要看导师安排！我们学校就是这样，但也不排除理科做毕业设计的可能。另外，毕业设计一般都进行争优答辩，成绩为优的，应该发相关证书并且就奖励，我们学校是300元。另外，毕业论文和毕业设计没有关系毕业论文应该是以论文格式，即文字方式将毕业课题成果表述出来！而毕业设计是指完成规定或自选的设计项目，当然它也会包括文字类的计算或书面说明，但这和论文的形式和实质是不同的！所以，毕业论文和毕业设计是两回事而到了硕博阶段，基本都称毕业论文，而很少称毕业设计。</t>
  </si>
  <si>
    <t xml:space="preserve">求助．．．．．急求教＂古文字环岛之旅任务中的杰村加钠村哑留特村的 </t>
  </si>
  <si>
    <t>1.到法兰城(236,59)与家艾柯对话取得特制墨水和调查事项注意手册.注1. 2.双击调查事项注意手册获得需要调查的石刻信息. 3.调查圣拉鲁卡村(168，179);伊尔村(696，319);亚留特村(623，28);杰诺瓦村(341，446);加纳村域鲶鱼洞地下3楼(40,11)处的"古代的石碑"获得拓片.注2. 4.带着任意3处石碑的拓片回到法兰城找到语言学家对话.根据拿到的拓片组合不同可分别获得礼包、艾柯的介绍信、特制墨水. 注3. 支线1: 1.持有艾柯的介绍信到里谢里雅2楼图书室找图书馆管理员(28,23)对话取得古代语资料. 2.带着资料回到法兰城找语言学家艾柯对话获得礼包. 支线2: 1.持有用拓片换到的特制墨水到青龙洞窟地下2楼(47,8)拿取拓片. 2.带着拓片回到法兰城找语言学家艾柯对话进入战斗.注4. 3.胜利后传入艾柯的小屋.与之对话获得礼包. 注1:特制墨水不可交易,丢地消失,注销时消失。并且持有任务道具时会被禁止使用传送石建议做任务时使用记忆快速回城. 注2:杰诺瓦村坐标从村子东门出去过桥.加纳村附近的石碑须进入鲶鱼洞窟. 注3.持有拓片后随机得到礼包等物品. 一般伊尔村+亚留特+圣拉鲁卡村处的拓片可换取礼包. 亚留特村+杰诺瓦村+加纳村的拓片可以换取特制墨水. 亚留特村+伊尔村+加纳村的拓片可换取艾柯的介绍信. PS：以上只是部分组合。 直接获得礼包可开出:白熊肉排、心语巧克力、1个誓言之证、1把白钥匙、15把铜钥匙、100魔币、3个水的水晶碎片 获得艾柯的介绍信后获得的礼包可开出：3个魔族的水晶、传送石回数票、5级冒险之星、5级黄宝石、海洋之心、2000魔币、3把黑钥匙、20个火的水晶碎片 获得特制墨水后获得的礼包可开出：火焰之魂、8级蓝宝石、情比金坚戒、5000魔币、3个鱼翅汤、神之金 注4：战斗时出现BOSS为30级的龙骨，使用技能：攻击、防御、魔法封印、单体补血。血量约2000~3000。</t>
  </si>
  <si>
    <t xml:space="preserve">昆虫如何根据取食量来控制繁殖后代的雌雄比例请问昆虫如何根据取食量 </t>
  </si>
  <si>
    <t>若食物充足则雌性较多若食物缺乏则雄性较多</t>
  </si>
  <si>
    <t xml:space="preserve">为什么我QQ聊天场景里没有声音?我在用QQ跟网友聊天时,为什么聊 </t>
  </si>
  <si>
    <t>你换热键了吗？？？</t>
  </si>
  <si>
    <t xml:space="preserve">紧急问题!!!我们刚刚登入完美有个选择服务器///那中间又有个什 </t>
  </si>
  <si>
    <t>选好区就是了，尽量去新区~别搞不清网通很电信就是了，传输速度是会变的，看那个进服务器不怎么实际广东啊，一般选电信的区啊最新的好像是西南的千秋吧</t>
  </si>
  <si>
    <t xml:space="preserve">找QQ空间图片类似以下图片 </t>
  </si>
  <si>
    <t>是这样的图片吗？</t>
  </si>
  <si>
    <t xml:space="preserve">谁能告诉我魔力里哪个人物烧技能动作最快？听说动作快的比普通的每小? </t>
  </si>
  <si>
    <t>看你烧什么技能了。烧乱射的话就用中国娃娃（如果不想做人妖可以用格斗形象）那个形象，魔法的话就用雄男那个形象，蛋蛋的话还是用专职格斗那个形象好。</t>
  </si>
  <si>
    <t xml:space="preserve">请教问题哦有没有一种修辞手法叫舛互？举例说明好吗？ </t>
  </si>
  <si>
    <t>《草原》（人教版六年制第九册）一文中有这样一句：“初入草原，听不见一点儿声音，也看不见什么东西，除了一些忽飞忽落的小鸟。”有学生提出是病句，理由是“看不见什么东西，就包括看不见小鸟”。后来我在一本《小学生导读》中得知此句并非病句，而是运用了“舛互”修辞手法。我就把这些知识告诉了学生。学生又提出，像“今天，全班都去看了，只有小王一个人去了图书馆”这样的句子，也不应该算为病句。我本人水平有限，究竟如何去讲此类句子呢？或者怎样跟学生讲清楚这种修辞手法呢？安徽省来安县兴隆乡中心小学　甫德法舛互（“舛”，读chuǎn，意为“违背”）这一修辞格，是1983年10月中国修辞学会华东分会编的《修辞新格》（福建教育出版社，谭永祥主编）一书中首先提出来的。所谓“舛互”，是指对某一事物既全部肯定又部分否定，或者既全部否定又部分肯定。肯定，是为了衬托、强调否定部分；否定，是为了衬托、强调肯定部分。例如：①表兄弟表姐妹都笑起来，只有列宁没有笑。（《诚实的孩子》）②我望望爸爸的鼻子，又望望伯父的鼻子，对他说：“大伯，您跟爸爸哪儿都像，就是有一点不像。”（《我的伯父鲁迅先生》）例①写“表兄弟表姐妹都笑起来”（全部肯定），是为了衬托、突出“列宁没有笑”（部分否定）。这样就让读者的注意力集中到列宁为什么没有笑这个问题上，从而有效地表现了列宁的诚实──没有笑，实际上已承认花瓶是自己打碎的。例②写大伯“跟爸爸哪儿都像”（全部肯定），是为了强调大伯的“鼻子”不像爸爸（部分否定）。这样便巧妙而自然地引出了一席对话，从而通过“碰壁”这个双关语，抨击了旧社会的黑暗，歌颂了鲁迅先生与恶势力作斗争的勇敢精神，深化了文章的主题思想。这类运用舛互修辞格的句子在学生的作文中也常发现。如：“阅览室里肃静无声，只听见大家翻书报的声音。”写连翻书报的声音都听得见，有效地强调了阅览室里的“静”，突出了大家专心致志看书看报的学习气氛。又如：“今天，全班都去看电影了，只有小王一个人去了图书馆。”写全班都去看电影了，是为了突出小王更喜欢看图书。因此，这些句子都不能算病句。不过，运用“舛互”写成的句子，要写得含蓄一点，巧妙一点，尽量用一些模糊语言，不能说得太过直露，否则读者是难以接受的。像上面一句，如果说成“全班所有的人都去看电影了，只有小王一个人去了图书馆”，就把话说死了，让人接受不了。如果说成“同学们都去看电影了，只有小王一个人去了图书馆”，则比原句更好，因为“同学们”不等于“全班（同学）”，是一种模糊说法。至于《草原》中的那个句子，其实并没有运用舛互修辞格。句中的“除了一些忽飞忽落的小鸟”是一个后置状语，还原后便是：“……除了一些忽飞忽落的小鸟，也看不见什么东西。”意思即是：除了看见一些忽飞忽落的小鸟之外，什么也看不见了。这里头不存在“既全部肯定又部分否定或既全部否定又部分肯定”的表达特征。正如“全班同学除了小王外，都去看电影了”这样的句子，不能看作运用了舛互修辞格。</t>
  </si>
  <si>
    <t xml:space="preserve">夫妻男人有老婆还要跟别的女人，而女人有老公也要去偷汉呢？是味道问 </t>
  </si>
  <si>
    <t>可能是在一起时间长产生矛盾，或者是某些方面不满意，或者生理兴趣不一致，或者是差异较大，或者如你所说的体味不相称什么的。金钱也可能是重要的原因之一。</t>
  </si>
  <si>
    <t xml:space="preserve">你好，我家宝宝15个月了，上眼睑部出现了一个脓包，像黄豆大小，请? </t>
  </si>
  <si>
    <t>我的出生时也有的，枕部一大片，及左眼上眼睑,属于血管瘤的一种。 血管瘤常见的有5种，不是每一种均需治疗的，有的会自行消退，请看一下以下的介绍，确认你宝宝属于哪一种，再对症处理。 血管瘤是小儿时期常见的良性肿瘤，约3/4小儿血管瘤在出生时就已存在，其余的也在1岁内出现，女婴较男婴多见。血管瘤好发于颜面及四肢皮肤，影响美观，还可因外伤、摩擦、搔抓出血，而引起细菌感染。有些血管瘤生长先快、后慢、甚至会自行消失。家长应该密切观察婴儿血管瘤的生长情况，做好家庭护理，掌握最佳时机进行治疗。 小儿常见的血管瘤有以下五种： ◎橙色斑 出生后即有，斑块大小不等，呈橙红或淡红色，不高出皮肤表面，轻压即退色，哭闹时颜色加深。橙色斑多见于前额、上眼睑及枕部，一般都在出生后数月内自行消退，不必处理。 ◎红斑痣 又称葡萄酒色斑。出生后即有，为淡红色或暗红色斑块，压之不退色，不高出皮肤表面，位于真皮层内，由毛细血管网组成。出生后，红斑痣随身体的增长按比例增长，但范围不再扩大。红斑痣不能自行消退。红斑痣除影响美观外，一般无其他危害，必要时可采用冷冻治疗。 ◎毛细血管瘤 多见于皮肤，以枕部、头面、四肢和背部最多，不少长于口唇和舌部。毛细血管瘤大小不一，大的可占据面部或肢体的大部，小的只有几毫米，略高于皮肤。毛细血管瘤一般出生后就已存在，6个月内生长迅速，一二岁后逐渐停止生长。它影响美观，破损后有大出血的危险，家长应密切留意。如果血管瘤较小，生长速度较慢，不在暴露部位，可待其停止生长后自行消退。若血管瘤生长速度较快，又严重影响美观，就应立即进行治疗，可采用同位素敷贴等方法治疗。 ◎海绵状血管瘤 在皮肤、皮下组织、肌肉，甚至肝、肾等处都可发生。外观呈紫红色，周围有迂曲、怒张的小静脉，扪之柔软，有弹性，挤压时缩小，撤压后即复原。这种血管瘤随婴儿年龄增长而增大，有时长得很大、很深，严重损害容貌和破坏正常组织。一旦确诊，应立即进行治疗，注射硬化剂或行手术切除。 ◎蔓状血管瘤 多见于四肢，表面及周围有许多树枝状扩张的血管，迂回曲折呈蔓状，局部皮肤呈暗红色或蓝紫色，有时可摸到血管搏动或听到血管杂音。对于这种血管瘤，应尽早手术，也可用弹力绷带等包扎肢体，以缓解肢体出现的酸痛等症状。 （我估计你宝宝的不是橙色斑就是红斑痣，对健康没有影响的。）</t>
  </si>
  <si>
    <t xml:space="preserve">买什么道具得守护？大概需要多少元宝？ </t>
  </si>
  <si>
    <t>买什么道具得守护？大概需要多少元宝？答：买守护不需要道具。只需要元宝，不过守护所需要元宝会根据玩家的等级不同，而有所增加比如说：40级买守护要481元宝41级要498元宝。60级要668元宝80级要1338元宝会根据等级慢慢增加。</t>
  </si>
  <si>
    <t xml:space="preserve">ＨＰ的激光打印机的墨盒的墨粉可以用多久? </t>
  </si>
  <si>
    <t xml:space="preserve">激光打印机里是硒鼓，据说能打3000张。实际上不好说，但是只要不连续地打印，打个2000多张还是没问题的。它不象喷墨的，墨一干就完了。这个是根据个人的使用情况来决定的 打印机耗材寿命是指在打印标准A4纸张，5%覆盖率情况下的打印页数。 打印机型号 打印机产品号 粉盒颜色 粉盒型号 粉盒寿命 </t>
  </si>
  <si>
    <t xml:space="preserve">瓶子里剩下一点点咖啡为什么一段时间后会发霉？一次我喝完咖啡后瓶子? </t>
  </si>
  <si>
    <t>你说什么食物放的时间长了不会发霉？只要存在营养，微生物就会很快地繁殖</t>
  </si>
  <si>
    <t xml:space="preserve">汗疱疹怎样治疗好?手掌和手指缝里都长了汗疱疹，怎么治疗好？ </t>
  </si>
  <si>
    <t>汗疱疹中医处理的方法主要分为外治法和内治法，由于汗疱疹是以湿邪为特点的，因此外治法应采取收湿敛疱法治疗。而内治法则应注意辩证施治，如果是湿-热内盛证，则表现为掌跖部位出现深在水疱，常集簇成群，有针尖大小，且有剧烈的瘙-痒感，如果揩破水疱，则滋水黄粘，常伴舌红苔腻，脉象滑数，此时中医治疗应以清热除湿为原则，直接涂抹汗疱疹油，标本兼治汗疱疹。但是如果是脾虚湿盛证，则表现为掌跖处有散在的针尖至粟米大小的水疱，为半透-明状，疱液清稀，时有瘙-痒感，伴舌淡水滑，脉象濡滑，此类汗疱疹中医处理的方法是健脾除湿法，涂抹[汗疱疹油]即可。</t>
  </si>
  <si>
    <t xml:space="preserve">关于身分证号码请问15位身份证有以X结尾的号码吗？ </t>
  </si>
  <si>
    <t xml:space="preserve">    公民身份号码由18位阿拉伯数字组成：从左到右1至6位为行政区划代码，第7至14位为出生日期码，第15至17位为顺序码，第18位为校验码。校验码是计算机自动生成的，是为了校验计算机输入公民身份号码前17位数字是否正确，其取值范围是从1到10，按照国家质监总局《公民身份号码国家编制标准》的规定，当值等于10时，须用罗马数字符号“X”表示。因此，不存在任何含义。15位身份证号码没有以x作为结尾的。</t>
  </si>
  <si>
    <t xml:space="preserve">我母亲患胰腺炎，采取了电击的疗法，合适吗？会有负面影响吗？ </t>
  </si>
  <si>
    <t xml:space="preserve">因为急性胰腺炎都是有症状的，而且相对还算内科里症状较重的病，所以看来不是；慢性胰腺炎的诊断比较难确立的，需要通过本人的病史、症状，化验胰腺的内外分泌功能等才能相对可靠的得出，所以，本人感觉，诊断可能难以成立，也许，就是B超检查看胰腺回声增强得出的结论，暂不用恐慌。可到正规医院进一步明确诊断再治疗不迟。 </t>
  </si>
  <si>
    <t xml:space="preserve">法师宝宝贪抢经验吗比如一个狼人50经验，法师自己打得50那和自己 </t>
  </si>
  <si>
    <t>法师召唤出的宝宝是不会吃自己的经验的，但是如果是养的宠舞的话就会吃你10%的经验。</t>
  </si>
  <si>
    <t xml:space="preserve">计算题d∫e^x^2dx=?∫(tanx)'dx=?若∫f(x) </t>
  </si>
  <si>
    <t>d∫e^x^2dx=? =e^(x^2)+（因为对函数求导和积分是两个互逆的过程）∫(tanx)'dx=? =tanx+C若∫f(x)dx=cos3x+c,则f'(x)=? 由∫f(x)dx=cos3x+c 方程两边求导===&gt; f(x)=-3sin3x所以：f'(x)=(-3sin3x)'=-9cos3x+C∫(∫(sin^5x+1/2)dx=? [3 -3]∫(sin^5x+1/2)dx=∫sin^5xdx+∫(1/2)dx=∫sin^5xdx+(x/2)=∫sin^4xd(-cosx)+(x/2)=-∫(sin^2x)^2d(cosx)+(x/2)=-∫(1-cos^2x)^2d(cosx)+(x/2)=-∫(1-2cos^2x+cos^4x)d(cosx)+(x/2)=-[cosx-(2/3)cos^3x+(1/5)cos^5x]+(x/2)+C=-(1/5)cos^5x+(2/3)cos^3x-cosx+(x/2)+C所以：∫&lt;-3,3&gt;(sin^5x+1/2)dx=[-(1/5)cos^5(3)+(2/3)cos^3(3)-cos3+(3/2)]-[-(1/5)cos^5(-3)+(2/3)cos^3(-3)-cos(-3)+(-3/2)]因为cosx为偶函数，所以：cos(-3)=cos3所以，原式=[-(1/5)cos^5(3)+(2/3)cos^3(3)-cos3+(3/2)]-[-(1/5)cos^5(3)+(2/3)cos^3(3)-cos(3)+(-3/2)]=(3/2)+(3/2)=3或者，根据“奇函数在关于零点对称区间上的定积分为零，偶函数在关于零点对称区间上的定积分为其在一半区间上定积分的二倍”可以知道：∫&lt;-3,3&gt;(sin^5x+1/2)dx=∫&lt;-3,3&gt;sin^5xdx+∫&lt;-3,2&gt;(1/2)dx上式中∫sin^5xdx因为sin^5x为奇函数，所以它在[-3,3]上的定积分=0，∫(1/2)dx因为1/2（常数函数）为偶函数，所以它在[-3,3]上的积分为在[0,3]上积分的2倍，则：=0+2∫&lt;0,3&gt;(1/2)dx=∫&lt;0,3&gt;dx=[x]|&lt;0,3&gt;=3-0=3</t>
  </si>
  <si>
    <t xml:space="preserve">怎么看显卡是什么的啊。指点一下我才学。。谢谢。。。 </t>
  </si>
  <si>
    <t>你点开始-运行后输入dxdiag.exe后就能看见一电脑的所有配置了,当然包括显卡了,</t>
  </si>
  <si>
    <t xml:space="preserve">行政法规由哪个部门制定？ </t>
  </si>
  <si>
    <t>《中华人民共和国立法法》第五十六条规定：“第五十六条国务院根据宪法和法律，制定行政法规。”行政法规是国务院根据宪法和法律而制定的有关行政方面的具有国家强制力的规范性法律文件。也就是说行政法规是由国务院制定的。省、自治区、直辖市的人民代表大会及其常务委员会根据本行政区域的具体情况和实际需要，在不同宪法、法律、行政法规相抵触的前提下，可以制定地方性法规。国务院各部、委员会、中国人民银行、审计署和具有行政管理职能的直属机构，可以根据法律和国务院的行政法规、决定、命令，在本部门的权限范围内，制定规章。省、自治区、直辖市和较大的市的人民政府，可以根据法律、行政法规和本省、自治区、直辖市的地方性法规，制定规章。国务院各部门以及地方行政机关制定行政规章，效力低于行政法规。</t>
  </si>
  <si>
    <t xml:space="preserve">汽车年审问题我1月份买了一辆轿车,不知道年审是什么时候审,一年? </t>
  </si>
  <si>
    <t xml:space="preserve">新车应该是两年后再审的,看行驶证副页上有合格期限,小型、微型非营运载客汽车6年以内每2年检验1次；超过6年的，每年检验1次；超过15年的，每6个月检验1次； </t>
  </si>
  <si>
    <t xml:space="preserve">怎样减掉臀部、腿部和小腹的坠肉 </t>
  </si>
  <si>
    <t>多运动,多吃蔬菜水果,少吃肉,争取每天跑800米以上</t>
  </si>
  <si>
    <t xml:space="preserve">劳力士胶囊能彻底解决男性肾功能障碍吗？ </t>
  </si>
  <si>
    <t>劳力士胶囊应用美国超临界流体萃取技术、从数十种名贵中药材中提取两大有效成分—抗衰老物质HD元素和男性器官增长因子生精多肽，终于制成促进男性器官二次发育的全新增长素，恢复海绵体新陈代谢功能，使男性器官更强，增强人体免疫力，同时解决阳痿、早泄、前列腺问题。它首次将抗衰老物质HD元素应用于男性肾功能障碍的治疗上，能阻止肾和前列腺衰老，使肾恢复年轻态；生精多肽能生精生力、补充肾气，提高男人精气神。</t>
  </si>
  <si>
    <t xml:space="preserve">每年七夕的鸟儿都很少为什么？除了那个牛郎织女鹊桥相会的传说，鸟儿? </t>
  </si>
  <si>
    <t>可能是吧。。。鹊桥会。。。</t>
  </si>
  <si>
    <t xml:space="preserve">自己可以让自己复活吗我自己普通模式练了个祭司。在我同个号中又练了 </t>
  </si>
  <si>
    <t>冲值买复活的东西就可以复活自己了哦 ~~~</t>
  </si>
  <si>
    <t xml:space="preserve">狗狗空运从广州到湖北十堰多少钱？火车托运呢？ </t>
  </si>
  <si>
    <t>看你选择的是什么了，空运一般提前一周办理，具体程序大约就是：检验检疫：要带：县级以上畜牧兽医站或指定的医院出具的《狂犬病免疫证书》（注射狂犬病疫苗的日期至起程日不超过30天)原始的宠物健康证书(具体的你询问下当地需要不需要，有的地方不需要)运输器械消毒证明（航空箱或者自制动物笼子这些都是要自备的，还有这些器材已经消毒的证明）填妥的《报检单》。经检查合格，检验检疫机构将签发动物健康证书办理手续：买个宠物专用的航空箱，提前3天打电话到航空公司订舱位，要和自己一个航班。顺便到民航货运站打听好需要提交哪里的检疫证明（通常在机场附近有代办点，给钱拿证，不用打针）。当天提前3小时把宠物送到机场货运站办手续，交费，买保险。注意：千万别让宠物过X光机，只过箱子就好了。然后到目的地的提货中心凭身份证明接宠物。一般来说，要求笼子为钢筋结构，底盘和四周应该用铁皮围起来，只允许上面留为通风口，还得用麻袋或者棉质的垫子绑在底盘下面，目的是为了不使大小便泄漏污染其它货物，笼子的两侧需要有提取时用的襻手（可以用铅丝制作），笼子的开口处需用铅丝扎紧。宠物在长途旅行前，应该打完所有的疫苗才安全。在航空笼中固定好饮水器，越大越好，宠物在旅途中会很容易口渴。冬季要给宠物穿上保暖的衣服，防止受冻。飞机运输狗狗的环境肯定不会像人的头等舱一样了，肯定是和货物还有其他动物一起关着，这种情况，如果狗狗不是很坚强和健康的话，可能会生些小病或者受到些惊吓，也有可能会有晕机的反应，所以接到狗狗以后要安抚而且要让狗狗好好休息，不要有很大的动静在惊吓到狗狗</t>
  </si>
  <si>
    <t xml:space="preserve">这是谁发的照片啊。~~~~~~~~~~~~怎么能把笔笔和那个什么 </t>
  </si>
  <si>
    <t>超女我是没有兴趣的 可是宇春真的是不一样 说来也奇怪总是有人不怀好意去毁谤别人自己的喜好是什么又追求什么真的清楚吗 喜欢的人还是喜欢 可是不喜欢的人还为什么要去管别人怎么样呢 宇春的确有些地方有男孩子的气质可是这才是真实的她啊 比起有些人装青春可爱……相比之下那宇春就更加可爱了 希望她保持她独有的魅力</t>
  </si>
  <si>
    <t xml:space="preserve">我应不应该问问他？我的男朋友快要过生日了，我和他交往了只有一个月 </t>
  </si>
  <si>
    <t>可能是你男朋友告诉他你的存在 只是没说清楚你是哪的假如你男朋友真的有很多女朋友,那你男朋友的朋友也不是白痴顺便去乱说啊,你说你对你男朋友深信,那为什么遇到一点小问题就开始怀疑了呢?还是继续去相信他吧,你最好不要去问他,问了影响感情的,还是暗中调查</t>
  </si>
  <si>
    <t xml:space="preserve">大家看看她什么意思无聊一下，大家帮忙分析下，MM到底在想什么。在 </t>
  </si>
  <si>
    <t>有三种可能！    一，她是一个很神经质的女孩！少理！！不然有道不完的歉！何苦找不自在！！    二，前后两次上来的不是一个人，还有一个冒充她的人！！也许有一天会显形，可以期待！    三，就是存心故意这样，拿网友开涮玩！怎么办？自己看着办！    四，聊友太多，同时聊的太多，记不过来了，你是无法记忆的一部分，蒙吧！爱谁谁！</t>
  </si>
  <si>
    <t xml:space="preserve">班徽设计各位朋友，请问108班的班徽应该怎么设计？要求图片中还有 </t>
  </si>
  <si>
    <t>不知是什么学校?要包含什么寓意?</t>
  </si>
  <si>
    <t xml:space="preserve">哺乳不宜吃的食品有哪些哺乳的母亲不应该吃哪些食物 </t>
  </si>
  <si>
    <t>哺乳期的妈妈应该多吃一些水果，应该吃新鲜的，刚从冰箱里拿出来的水果应该放一放再吃，不要太凉。水果的种类没有太多限制，只是注意有便秘现象的产妇可以适当多吃一些香蕉，容易上火的水果不宜多吃，如荔枝等。 哺乳期饮食禁忌 1、药品和酒精 药品和酒精进入血液，并能通过乳汁进入婴儿体内。因此应注意药品的禁忌症，避免喝酒。 2、辛辣食品和咖啡因 应当避免橙子、洋葱、大蒜及其他辛辣食品，它们能引起婴儿拉肚子或胀气。这是因为这些食物被母体的消化系统吸收，会改变奶的味道和酸度。如果注意到某一食物使婴儿肠胃不适，就不要吃它。 尽量避免饮用含咖啡因的饮料，否则会影响胎儿。 3、只含热量的食品 尽量不要用油腻或甜的食物，如油炸薯片、糖及蛋糕来代替合理的饮食。因为这些食物通常含的热量较高，但缺乏营养，只能提供短暂的能量。 附： 亲子育儿网，里面的资料很全的！~~</t>
  </si>
  <si>
    <t xml:space="preserve">“中国低碳城市工作委员会”，协会旨在促进低碳城市的建设和发展。请? </t>
  </si>
  <si>
    <t>National Committee on Low-Carbon Cities</t>
  </si>
  <si>
    <t xml:space="preserve">每天晚上都有洗头，而且用的是控油的洗发水，可一到下午头发看起来就? </t>
  </si>
  <si>
    <t>那就从饮食上控制吃清淡食物。</t>
  </si>
  <si>
    <t xml:space="preserve">我想赚钱怎么赚请问43级的战士怎样能快速升级与赚钱。。1。挖矿总 </t>
  </si>
  <si>
    <t>我也说说吧,本人华南1区的60级法师,说实话我玩法师玩到43级的时候嘛正好是法师的一个转点,也就是说是该开始升级的时候了,呵.对于你嘛,战士^43级我绝得应该去天泉里面。组个药师，在组个级高一点JK或ZS，去刷天一，哇快啊，让JK或ZS引，你就打，43级的时候在里面经验是最高的了，3个人的话也有个1500左右的样子，要是想更高吗就不要药师了。而且还有机会得到套装、名器……，也是挣钱的地方。</t>
  </si>
  <si>
    <t xml:space="preserve">73期赛前晒单图二~~~中了！哈哈！哈哈！ </t>
  </si>
  <si>
    <t>好单子  恭喜LZ中奖了 秋天又要到  又是丰收时 若问谁最牛  楼主准一流         恭喜恭喜</t>
  </si>
  <si>
    <t xml:space="preserve">为什么我下了游戏安装不起我下载游戏后为什么说游戏已经损坏安装不起 </t>
  </si>
  <si>
    <t>你下的是什么游戏，建议你到官网重新下载一个试试</t>
  </si>
  <si>
    <t xml:space="preserve">看本座这个牵强附会的对联有何感想？宜将剩勇追穷寇得饶人处且饶人有 </t>
  </si>
  <si>
    <t>建议改一下：宜将剩勇降穷寇----以善待人得饶人处且饶人----安定共处</t>
  </si>
  <si>
    <t xml:space="preserve">我家女儿现在上初二我已上班她就看电视怎么办？我上班走后她就开始看 </t>
  </si>
  <si>
    <t>你上班走后她就开始看电视，等到你下班后她就和没事人一样。看来小孩已经对你的管理有一种恐惧感了。但聪明的小孩都会想着法子，干自己喜欢干的事，这样才出现象你所说的情况。有什么办法吗？首先，你要改变自己的看法：看电视并不是坏事！看电视能学到很多有用的知识。再叫他自己检查一下，长时间看电视，会不会影响他的学业。让他自己评价自己，才是最好的办法。</t>
  </si>
  <si>
    <t xml:space="preserve">为什么冒险岛登录不上？我家原来是W2000，可以玩，后来换成XP </t>
  </si>
  <si>
    <t>装个DX9侃侃问题能解决不</t>
  </si>
  <si>
    <t xml:space="preserve">收到这个电话是什么意思一个陌生的号码拨通我的的手机，我还没来得及 </t>
  </si>
  <si>
    <t>现在好多不法分子都利用手机电话进行诈骗活动，有两种方式：1、随机拨通你的手机号码，刚响一声就挂了，让你用手机打过去，只要你电话打过去一通，就能扣你的手机话费，进行牟利。所以建议你，以后看到陌生的未接电话，特别是手机号码的，千万不要用手机回过去，一、可以用固定电话回过去；二、可以在移动网站上查查这个号码的所在地，如果是你没有认识的朋友在那个地方，特别是广东、深圳、北京等等地方的，你就更要小心了！2、就像你遇到的，打电话通知你中了什么奖，不要相信，肯定是骗人的。现在估计你遇到这二合一的骗局，建议你到移动柜台查查你的话费，看看有没有大的扣除，如果有了，你可以向移动反映，说明情况，可能会返还给你的，因为现在移动在搞满意100活动，会尽量做到客户满意的。下次就要小心了！</t>
  </si>
  <si>
    <t xml:space="preserve">我是该选择放弃还是？还是他，昨天晚上我和他谈了一下，我说我们一起 </t>
  </si>
  <si>
    <t>虽然爱一个人是要付出，我觉得你的付出太大了，怎么可以让你和他一起吸呢？他不关心你的生命吗？这样的男人又有什么值得珍惜的呢？爱一个人是要疼她，照顾她一辈子，而现在的他对你是这样吗？他在毁你啊，收手吧，离开他，放弃他。祝你健康。</t>
  </si>
  <si>
    <t xml:space="preserve">裁判就是要南非赢球啊太假了，那意思就是南非今天晚上肯定赢法国 </t>
  </si>
  <si>
    <t>南非出资买机票，发奖金送法国队员回家。</t>
  </si>
  <si>
    <t xml:space="preserve">做过美容，皮肤受到伤害了，怎么补救？我做过两年皮肤护理，可是今年 </t>
  </si>
  <si>
    <t>首先不要再做美容院的皮肤护理了,认真的呵护皮肤,肌肤随时间的增长会慢慢的恢复的</t>
  </si>
  <si>
    <t xml:space="preserve">南京专业肛肠医院哪家好？专业肛肠医院收费？怎样看专业不专业南京专 </t>
  </si>
  <si>
    <t>在南京这边的肛肠医院是有很多，要说专业和技术的好的话，那也没有几家了，我认为南京军区机关医院的肛肠科不错，上次我一个朋友看痔疮跑了很多家医院都没有看好，最后就是在这家医院看好的，而且收费也比之前那些医院要好的 多了，所以我推荐你去这家医院看。</t>
  </si>
  <si>
    <t xml:space="preserve">朝鲜辣白菜怎么做？ </t>
  </si>
  <si>
    <t xml:space="preserve">正宗的朝鲜族辣白是比较麻烦的，你要不辞辛苦，听我娓娓道来。 所需作料： 1、韩国辣椒面。 2、虾米水，朝鲜话发音叫（米儿 气 zao 安，去买的时候就说买我告诉你的发音） 3、大喜大（一种粉末状的调味品） 以上，如若做纯正的好吃的泡菜，一定需要。蛇口记得有韩国商品超市，去找一找。找不到的话我介绍你个地方，就在兴华宾馆对面的南园路和爱华路交界，爱华路边上有几个韩国料理和韩国商品超级市场，你就对他们说买这三种，要做辣白菜，他们会给你的。但尽量不要买超市里现成的辣白菜，不是很好吃。至于清酒、明太鱼、鱿鱼，尤其是雪鱼酱（好吃死了），还有解酒的小瓶装的类似饮料的东东，零食什么的，亢奋建议买之。 步骤开始。。 1、准备一盆盐水，（多放盐）把整颗大白菜切成两半（想多做就多整几棵），泡上四个小时（must)，捞上来，挤一下，稍微干点就可以。 2、在每一层的菜叶上抹上精盐，叶子不用抹，菜梆抹一层就可。 。之后再放四个小时(must too)。 3、放好之后，把白菜放在步骤1里面的盐水里洗刷，把盐洗掉，挤干，切成块（不切也可以，超市的就是不切的） 4、买点糯米，加多水，糯米要非常少，在小盆里之后晾！晾到非常干非常透为止。之后放多些韩国辣椒面、虾米水和大喜大，以及生姜、味素、白糖和盐。和白菜搅拌在一起。 5、在冰箱里放一天。 你就会吃到正宗的，好吃的，爽口的朝鲜辣白菜了！！！！！ 几种吃法！ 1、当咸菜吃。 2、辣白菜炒饭，非常好吃！！做法和蛋炒饭是一样的，放油放辣白菜放米饭。民间曾有“宁舍三顿饭，不舍辣白菜炒饭”一说。 3、做辣白菜汤！就是你说的泡菜火锅，没啥神秘的。 就是煮开一锅水，放多辣白菜，和半肥半瘦的猪肉，加点洋葱，大把香菜！就可以，特好喝。。。 </t>
  </si>
  <si>
    <t xml:space="preserve">我怀孕3个月,天天吃羊肉,喝羊肉汤,自己家做的,可以吗? </t>
  </si>
  <si>
    <t xml:space="preserve">病情分析：    您好！能喝羊汤，但是不要过于频繁，每月两到三次，而且只限于冬季。古老的说法说怀孕期间不能喝羊汤，孩子会得羊癫疯，这种说法缺乏科学根据。喝羊汤还有助于产后身材的恢复。猫肉性温，味甘酸，无毒。补虚益气，疏风通络，软坚散结。所以怀孕期间千万不能吃猫肉，以免引起不必要的麻烦。况且吃猫肉并非中国普遍习俗，猫肉中含有大量的肺吸虫，病菌等，烹调方法不当很难将其杀灭，国家也明文规定慎食猫肉！    怀孕期间要千万注意，尽量避免感冒，不要乱服一些抗生素（消炎药），需要用的话一定谨遵医嘱。另外，活血化瘀的中药也不要吃，如当归，红花，桃仁，三七，丹参等。太过辛辣油腻的食物，海鲜，烟酒，毒品都会对胎儿造成不良影响。“产前宜凉，产后宜温”饮食清淡，蔬菜水果为佳。下面将怀孕期间的饮食注意方面给你列出来，希望对您有用！指导意见：    第一期妊娠早期（0～3个月）：是胚胎各组织器官形成时期，也是胎儿最易致畸的时期。这一时期要注意膳食应多样化，营养丰富全面，以清淡少油腻主，少食多餐。同时要注意不要吃太凉的食物，螃蟹、甲鱼等海鲜尽量少吃，以免造成流产；还有生冷、含有刺激性、油腻的食物也尽量少吃；要忌烟、忌酒，忌毒品，避免饮用浓茶和咖啡等刺激性饮料。    第二期妊娠中期（4～6月）：胎儿平稳发育期。这一时期，妊娠反应基本消失，食欲趋于好转，胃口大增，胎儿发育加快，因此食物的品种应更加多样化。含蛋白质、钙、铁、锌这些重要元素的食物必不可少，同时要补充含叶酸、维生素E、维生素D、维生素C之类的食物。如绿叶类蔬菜，瘦肉，蛋，奶，鱼等。总之，这一时期最重要的就是不可偏食，同时要注意饮食健康，以免影响胎儿的总体发育。    第三期妊娠晚期（7个月以后）：胎儿成熟稳定期。这一期是胎儿生长发育最迅速的时期，也是胎儿大脑细胞发育的关键时期。所以孕妇每天除了食用上述食物外，还应适当补充对胎儿大脑发育有好处的食物，如核桃、虾、菌类（蘑菇等），同时还有补充含碘的食物，如海带、紫菜等。但要注意保持体内的酸碱平衡，这一时期的孕妇易出现水肿，所以膳食中应控制盐的摄入量。对有明显下肢浮肿者，应避免食用腌肉、咸鱼、咸菜、等含盐高的食品。    另外，怀孕期间做菜的时候尽量不要放味精、酱等调味品（婴幼儿也尽量不要接触），辛窜类如葱，姜，蒜，韭菜也要少吃！ </t>
  </si>
  <si>
    <t xml:space="preserve">五香瓜子如何做的？ </t>
  </si>
  <si>
    <t>五香原料配方 西瓜子100千克 生姜125克 小茴香62.5克 八角250克 花椒31.3克 桂皮125克 牛肉100克 白糖2千克 食盐5千克 植物油1千克工艺流程 西瓜子→石灰液浸泡→清洗→加香煮制→拌香料→烘烤→摊晾→装→成品制作方法 1.湿瓜子处理：湿瓜子是用制作罐头时取出的，将取出的湿瓜子用清水淘洗干净，漂洗去除瓜子以外的杂质，然后捞在专用筛子里沥水待用。2.干瓜子处理：原料筛土，除去杂质，剔出质次不能加工的瓜子；将水灌入储槽中，再把石灰投入水中，充分搅拌溶解，待多余的石灰沉淀后，取澄清的石灰液抽入另一储槽，再将筛选的瓜子倒入石灰液中浸泡。浸泡时间24小时。经浸泡的瓜子捞出盛入粗铁筛内，用饮用水冲洗干净，并去除杂质和质次的瓜子。3.香料制备：按比例称取生姜100克，小茴香50克，八角200克，花椒25克，桂皮50克，封入二层纱袋内，纱袋要松宽，给辛香料吸水膨胀时留出空隙。辛香料需要封装若干袋，以备集中煮制瓜子使用。4.瓜子预煮：将浸泡清洗过的瓜子倒入夹层锅内，数量约50千克，再倒入饮用水为瓜子的4倍，然后拧开夹层锅蒸汽阀煮沸1小时，捞出盛入铁筛中冲洗干净。如果是收集制作罐头工序中取出的湿瓜子，只要冲洗干净，就省去了清水煮沸的工序。5.瓜子入味：一夹层锅盛入饮用水70升，加入10％的食盐，并放入辛香料1份、牛肉1份，然后加入瓜子40千克，拧开夹层锅蒸汽阀煮沸2小时，此时需要经常添水至原容积。煮瓜子使用的辛香料，1份可煮两次，使用完取出另行处理。牛肉每次煮1小时取出，1份牛肉可连续煮500千克瓜子。每次煮后，再补添水至原有的数量，并且添加1％食盐弥补消耗量。夹层锅的蒸汽工作压力不超过2千克/厘米2。6.瓜子烘烤：1.将煮出的瓜子以100千克原料计，趁热拌入5千克食盐和2千克白糖，搅拌均匀。取洁净的竹箅，上面铺塑料编织网，将瓜子均匀地撒在上面，每箅的瓜子约1千克。将装有瓜子的竹箅送入烤房，排列在烤架上。烤房的温度一般以70～80℃之间，烘烤约4小时。烘烤时间内还经常启动排气机排潮，间隔30分钟排1次，每次1～2分钟。7.摊晾：取出的瓜子要集中拌入植物油，用量为原料的1％，拌植物油时要用油刷充分搅拌均匀。然后送入保温库均匀摊开，晾至表面略干，即可进行包装。8.成品与包装：包装前要对瓜子进行全面筛选，除去杂质(包括残缺不整或未成熟的瓜子)，每千克制品的杂质不超出10个点。按消费要求，瓜子可包装成不同规格的小袋，重量为200克或250克为宜，应采用符合食品卫生要求的塑料袋或复合膜袋包装。瓜子也可采取大包装方式，即使用塑料编织袋内衬符合食品卫生要求的塑料膜包装。</t>
  </si>
  <si>
    <t xml:space="preserve">去皱方法哪种最靠谱？跪求好的去皱方法啊。 </t>
  </si>
  <si>
    <t>我个人推崇使用专业的去皱产品，比手术法更安全可靠。给你推荐个牌子——法国蓓肤雅，独创的EGF+双分子玻尿酸双效祛皱科技，天然植物配方，对于消灭皱纹、改善肤质、补水保湿都有着非常好的功效，我现在也一直在用，对于皱纹的效果真的很不错。</t>
  </si>
  <si>
    <t xml:space="preserve">打印机问题？我买了一台惠普388一体机，每次开机时都会嗑嗑啪啪响 </t>
  </si>
  <si>
    <t>它开机时进行自动检测是会发出一些声音的。</t>
  </si>
  <si>
    <t xml:space="preserve">学汽修的什么专业未来会比较流行？比较好发展？ </t>
  </si>
  <si>
    <t>汽车4S专业工程师啊，将来一定会有很好的发展前景的，随着中国汽车保有量的持续增长，随之而来的汽车4S店的新车销售、汽车维修、零部件供应、金融服务、保险服务、附件销售、二手车销售、交通驾驶教育的市场空间膨胀。一般而言，汽车4S店售后服务市场是汽车产业链中最稳定的利润来源，可占据总利润的60%-70%左右。目前，相对于整车销售的利润缩水，中国的汽车4S店售后服务市场利润率高达40%，而整个市场还处于初级阶段，发展潜力惊人。你可以去我们学校看看哦</t>
  </si>
  <si>
    <t xml:space="preserve">老师，问问000420，本来今天早上还有上攻的走势，下午却一泻千? </t>
  </si>
  <si>
    <t xml:space="preserve">000420(吉林化纤）：跟随大盘走势 . 600137(浪莎股份)： 一、2007年度向浪莎控股集团有限公司定向发行的1010.63万股人民币普通股限售期将满，已于2010年5月10日起上市流通； 二、2009年向机构定向增发的2640.00万股人民币普通股限售期将满，将于2010年5月26日起上市流通 . 以上的两个限售、及增发股上市信息便是炒作的很好的题材 ！ </t>
  </si>
  <si>
    <t xml:space="preserve">请“宪光回答请介绍一下 </t>
  </si>
  <si>
    <t>幻影，下次不来这么玩的吭，这是俄罗斯皇家海军的巴杨号巡洋舰，日俄战争中在旅顺被击沉，后被日军俘获，加入日本海军服役，舰名改为阿苏号，主要作为海军兵学校的练习舰使用，1932年作为靶船被击沉。</t>
  </si>
  <si>
    <t xml:space="preserve">已购买CDKEY,但未激活任一分区,7日21点后再激活是否同样享? </t>
  </si>
  <si>
    <t xml:space="preserve">bu neng </t>
  </si>
  <si>
    <t xml:space="preserve">4人黑。。。大家说下最厉害的组合。。。 </t>
  </si>
  <si>
    <t>个人认为。。。一个战戈。。开天运+接投壶无双。。一个投壶、、C3晕人，和战戈接无双。。2个洗衣机。一个觉醒甘宁，一个庞德，，，前期就是不觉醒也可以接无双杀人。。。后期，基本战戈，投壶跑位好。甘宁 庞德杀人无敌了哦、、、</t>
  </si>
  <si>
    <t xml:space="preserve">很多衣服的牌子上都写着我有莱卡，莱卡是什么？ </t>
  </si>
  <si>
    <t>莱卡（LYCRA），是杜邦公司研制成功的一种人造弹性纤维的注册商标。它是用干法纺丝生产的聚酯型氨纶，其纤维是由柔性链段和刚性链段组成，正是这样的分子结构，赋予了莱卡优异的延伸性和弹性回复性能。莱卡可拉伸到原长的4-7倍，回复率100%，与橡胶相比，弹性更长更持久，而且重量轻1/3。目前，莱卡已被广泛用于纺织产品生产的各个领域，其在行业的应用也十分宽广；从轻薄贴身内衣到厚重外衣、从运动装到时尚套装等。 莱卡是美国杜邦公司推出的新型纤维，目前，只要是采用了莱卡的服装都会挂有一个三角形吊牌，这个吊牌也成为高质量的象征。据杜邦公司推出的品质说明，莱卡与传统弹性纤维不同的是它的伸展度可达500%，且能回复原样。就是说，这种纤维可以非常轻松地被拉伸，回复后却可以紧贴在人体表面，对人体的束缚力很小。莱卡纤维可以配合任何面料使用，包括羊毛、麻、丝及棉，以增加面料贴身、弹性和宽松自然的特性，活动时倍感灵活。与大多数的氨纶丝不同，它拥有特殊的化学结构，在湿水后处于湿热密封的空间里也不会长霉。所以，莱卡被称作是“友好的”纤维，不仅因为它可以彻底地与天然及人造的纤维融合在一起，并且还可以增加面料或衣物的舒适度、束身感、运动自如以及使用寿命。 莱卡不可单独使用，能与任何其他人造或天然纤维交织使用。它不改变织物的外观，是一种看不见的纤维，能极大改善织物的性能。</t>
  </si>
  <si>
    <t xml:space="preserve">野鸡养殖技术野鸡适合放养吗？沙滩是否适合养殖野鸡？ </t>
  </si>
  <si>
    <t>野鸡适合放养在有草有树的土地或草地上，沙滩不太适合养殖鸡（因为沙滩上没有遮阳/虫子这些条件）。</t>
  </si>
  <si>
    <t xml:space="preserve">上投双息 </t>
  </si>
  <si>
    <t>它刚分红完.你要说什么?</t>
  </si>
  <si>
    <t xml:space="preserve">白羊座的性格描述白羊座一般会有什么特征？ </t>
  </si>
  <si>
    <t>性格特征个性　　喜欢冒险的白羊座人说：“我是”。 　　表达爱情的方式：直言不讳。 　　是一个：感情起伏较快的人。 　　渴望：温暖开朗落落大方有共同兴趣爱好可以一起去疯的人。 　受骗：当有新的追求时。 　　喜欢：新鲜美好有意义而耀眼，自由的可以不断施展行动力的地方。 　　害怕：擅长破罐子破摔所以没什么特别害怕的 　　追求：新鲜，激情，行动力，不断前进，耀眼，快乐的脑力风暴。 　　弱点：三分钟热度，容易被激怒 　　有利条件：善良，毅力，很乐观。 　　不利条件：太单纯，容易受骗。 　　假期生活：一直在各种兴趣各种爱好中沉迷，有时抽身出来关注一下好奇的东西。朋友之间大量的团体行动。心智表现　　白羊座的人直接爽快，他们的机智反应和嘲讽的态度，往往能在最紧张的时刻，博人一笑。然而过分敏捷的反应有时也会惹出麻烦，他的脑筋动得太快，常常像脱了缰的野马，不受逻辑的束缚，不过在面临抉择时，总能快速而正确地下判断。从表面看来，白羊座的人比较难以相处。他精力充沛、外向、厌恶单调、不愿受到限制。也很没耐性，要他们重复做一件事不如杀了他们。也不喜欢走回头路，有时他们甚至不走原来的路而宁愿走更远的路，除非是在极度疲惫的情况下。但是实际上，只要有充分的自由，无论是工作上或人际关系上，都能有最好的表现。 　　他们的思考方式常会受到其他行星位置的影响（地球以外之九大行星影响不同的方面，例如：水星和智力、头脑、神经系统的协调及身体的呼吸系统、心思灵敏度、甲状腺及每日的交通有关；金星影响人爱人的能力、情感及身体的腰部、肾脏、喉咙、副甲状腺及女性的影响力。...以后若有时间再一一说明）例如水星若在双鱼座，则白羊座最占优势的思想敏捷就无法完全发挥，会受到限制，虽然他的反应依然很快，但有健忘的情形和糊涂的倾向，有时看来甚至是全然的无知和愚蠢。其他星座的人，尤其是较世故、练达的星座或许会嘲笑白羊座的冲动、善变，但他那不经修饰，甚至近乎原始的，几乎仅凭本能的冲动，常常让人有耳目一新的感觉，有时甚至还会为他带来好运。</t>
  </si>
  <si>
    <t xml:space="preserve">9889尾号码怎么？吉祥吗？ </t>
  </si>
  <si>
    <t>蛮好的,,久发发久...</t>
  </si>
  <si>
    <t xml:space="preserve">怎样制作网页 </t>
  </si>
  <si>
    <t>用软件:Microsoft Frontpage 2000/xp/2003都可.或Dreamweaver MX+flash MX 这两套软件分别是做网页和动画的</t>
  </si>
  <si>
    <t xml:space="preserve">裁判和波多尔斯基主导了这一场德国的输球！！！ </t>
  </si>
  <si>
    <t>波多尔斯基是主角，要在俱乐部这样肯定是板凳！！！</t>
  </si>
  <si>
    <t xml:space="preserve">周三027西班牙国王杯皇家贝蒂斯VS巴塞罗那 </t>
  </si>
  <si>
    <t>晕，发那么多干什么啊</t>
  </si>
  <si>
    <t xml:space="preserve">战斗蜗牛大师,你告诉我的第二个网址打开之后怎么操作呀?请指教 </t>
  </si>
  <si>
    <t>用网际快车下载，在那个写着下载地址的地址1的地方按右键，选择用网际快车下载（需要先安装个网际快车的），然后在网际快车里设置下载到的地方就可以了。</t>
  </si>
  <si>
    <t xml:space="preserve">请达人帮忙取英文名中文名三个字后两个是怡静想取个和中文名像的谢谢 </t>
  </si>
  <si>
    <t>Eileen, Erika,Evelyn,Eleanor,Idoit?</t>
  </si>
  <si>
    <t xml:space="preserve">怎样注册商标？需要多少钱？ </t>
  </si>
  <si>
    <t xml:space="preserve">商标注册费用规费1000元，这是国家商标局统一注册费用，是上报到国家商标局的费用。如果是委托商标代理机构办理，另需交800—1000元的代理费用，我在“知易博士团”注册商标时候就是最低的代理费，只要了800块，申请10个商品/服务项目以上，官费增收100元/个，代理费80元/个。一般代理费用视代理机构的服务水平而定。 现在经常听到很多商标申请人报怨商标胡乱上报的案件，其实在商标申请之前的专业咨询是衡量一个商标代理机构专业与否的重要标准，因此在选择代理机构时不能仅以费用来抉择代理机构，需多更多的了解其专业性和代理经验。这里您可以搜索“知易博士团”点击第一个进入网站后即可在线免费查询商标。 </t>
  </si>
  <si>
    <t xml:space="preserve">哪些食品可以预防中暑？ </t>
  </si>
  <si>
    <t xml:space="preserve">不要等口渴了才喝水，因为口渴表示身体已经缺水了。最理想的是根据气温的高低，每天喝1.5至2升水。出汗较多时可适当饮用一些盐水，弥补人体因出汗而失去的盐分。另外，夏季人体容易缺钾，使人感到倦怠疲乏，含钾茶水是极好的消暑饮品。 夏天的时令蔬菜、新鲜水果，如生菜、黄瓜、西红柿、桃子、杏、西瓜、甜瓜等，都可以用来补充水分。另外，乳制品既能补水，又能满足身体的营养需要。 </t>
  </si>
  <si>
    <t xml:space="preserve">头晕腿软我弟弟突然头一晕，腿软了，整个人坐在了地上，但是马上又恢 </t>
  </si>
  <si>
    <t xml:space="preserve">    这应该是颈椎骨质增生引起的.建议去拍个X光片确诊,只有根据检查结果才能判断其病情轻重.</t>
  </si>
  <si>
    <t xml:space="preserve">我想考成人高考，请问哪个学校有人力资源专业我是北京的，我想找一个 </t>
  </si>
  <si>
    <t>对外经济贸易大学人民大学北京大学这些学校都有人力资源专业,你可以打电话联系一下</t>
  </si>
  <si>
    <t xml:space="preserve">请问数码相机和摄像机都能拍照吗？拍像哪个好？录像呢？数码相机也可 </t>
  </si>
  <si>
    <t>　　DV机拍照片，只有80-120万像素左右，远不及DC机；DC机拍活动图像，时间有限，图像也远不及DV机。各有各的专长，真是“鱼和熊掌不能兼得”。　　要说兼用，只有电视广告上的“拍得丽”吹牛吹得是天下没有第二，买了就上当，当玩具用用还可以。</t>
  </si>
  <si>
    <t>高二数学题解答证明/a+b/+/a</t>
  </si>
  <si>
    <t>可用向量法来证:过点O作OA,OB,使OA=a,OB=b,（都表示向量)以OA,OB为邻边完成平行四边形OAMB,则OM=a+b,BA=a-b,平行四边形的两对角线的长大于它任意一组对边长的和,即｜a+b｜+｜a-b｜≥2｜a｜还可用代数证法:｜a+b｜平方+｜a-b｜平方≥2｜a+b｜*｜a-b｜所以有:(｜a+b｜+｜a-b｜)的平方≥4｜a+b｜*｜a-b｜=4｜a平方-b平方｜≥4｜a｜的平方,两边开平方(注意都非负)得:｜a+b｜+｜a-b｜≥2｜a｜</t>
  </si>
  <si>
    <t xml:space="preserve">“每周中一次9场”87期432元任九实买图，三个0蛋我一直是这么 </t>
  </si>
  <si>
    <t>法兰克福的0不是很看好。</t>
  </si>
  <si>
    <t xml:space="preserve">我的手怎么要掉皮？就是一层层的脱掉… </t>
  </si>
  <si>
    <t>正常!开春都这样,多用热水泡泡就行了正常现象,不用担心!</t>
  </si>
  <si>
    <t xml:space="preserve">为什么我输入完帐号密码却进不去啊？它说请使用桌面快捷方式或正确的 </t>
  </si>
  <si>
    <t>启动文件损坏了，你把游戏重新装一下。如果重新装也不行就重新下载再重新装；如果还是不行就重新装了系统重新装游戏。</t>
  </si>
  <si>
    <t xml:space="preserve">孩子自闭症怎么治疗孩子确诊为自闭症，请问该怎么办？哪里有治疗自闭 </t>
  </si>
  <si>
    <t>多带孩子外出，与社会交流；和与亲属的子女多在一块生活。没有专业治疗只能到儿科医院咨询。</t>
  </si>
  <si>
    <t xml:space="preserve">描述下列nf配置文件作用 </t>
  </si>
  <si>
    <t xml:space="preserve">/etc/ nf是主要NIS伺服器常驻行程ypserv和NIS传输转换行程ypxfrd的档案对这东西不太熟，你可以到这网站下载这说明介绍挺详细的。 </t>
  </si>
  <si>
    <t xml:space="preserve">奥运会如何测百米赛跑的成绩？现在使用何种技术和手段精确地测出百米 </t>
  </si>
  <si>
    <t>红外红外感应器，一个在运动员起跑的踏板上，一个在终点处，最后交给电脑处理</t>
  </si>
  <si>
    <t xml:space="preserve">耳朵下面冻裂了怎么办?我家宝宝2岁了,每年秋季到冬季的时候耳朵下 </t>
  </si>
  <si>
    <t xml:space="preserve">建议多补充维生素（多吃水果），耳朵保温要注意，每天涂蛇油膏或红霉素软膏或者甘油试试。 </t>
  </si>
  <si>
    <t xml:space="preserve">因第三者插足并辱骂原配而导致拉扯，抓伤了她的脸，该怎么办？她发现 </t>
  </si>
  <si>
    <t xml:space="preserve">    天下哪 有这种不讲理与不懂得羞耻的事！做了每三者了。妨碍与破坏了别人家的那种家庭和睦，被打了（这么一点点痕也是她做那种事的惩罚）还有脸去找人评理？唉！这种女人真是让我们丢光了脸啊！   不过，你抓了她的脸这种事，虽说也是你的气愤之举。但是你也要想想她是不是也是受害的呢？是不是你的老公他的。。。当然她也是水性杨柳的女人。一般正经的女人哪 能去破坏他家的和谐 呢？这是不可能的啊！！所以，回家想想还是先也得从你的老公身上找找原因呵！再也可能是你的方面也有点那个吧！没有了那种爱的保鲜吧！  所以，事情既然出了。派出所也不想管你们这种事了（这是家里的丑事）呀！那你也就不要再为这种事生气了啊！还是好好想想下一步你如果走吧！   如果你是原谅他的，想和为主的。那就宽容他这一次吧！你就好好地与他谈谈你的委屈与你的心里的感 受呀！你为他他这样地苦呵！他是知道的呀！他也是懂得这种做法是错误的啊！他对不你起的。更是知道 那种女人是没有爱的哟！  如果你不想与他好了，你能过自已的的。那么你就碣一点。就是要与他离婚，给他一点压力！不然。他就不懂得尊重你了。他就不行道爱情是什么了？   所以，这个主动权你也是要掌握的呀！我就说得这么多了！！</t>
  </si>
  <si>
    <t xml:space="preserve">账户登入不了游戏里去昨天还可以玩的,今天就登不了了=_= </t>
  </si>
  <si>
    <t>正常事，有时我也是的，过几个小时应该可以登上的</t>
  </si>
  <si>
    <t xml:space="preserve">机油不好是否会造成熄火，有时候车凉车熄火，怎么解决？ </t>
  </si>
  <si>
    <t>有这个可能，10W-40W的机油很多不适合中国大部分地区（国土面积太大，就是这点不好。）10W是指适应的最低温度是零下20摄氏度。北方大部分地区冬天夜里都超过零下15度。南方很多地区冬天夜里也低于零下了。此标号机油，在低温下，流到性很差，所以，车子长时间停放后，初次打火，机油沉在发动机底部，不能迅速上来，机油压力不够，发动机得不到润滑，电脑自动熄火了。如果换用5W或者0W的机油，估计熄火的情况会大幅降低（东北还有新疆的朋友，冬天尽量换用0W的机油）。</t>
  </si>
  <si>
    <t xml:space="preserve">使用excel录制宏，未出现停止录制小窗口，怎么办？使用exce </t>
  </si>
  <si>
    <t>未出现停止录制小窗口不要紧，点“工具/宏/停止录制”即可停止录制操作。</t>
  </si>
  <si>
    <t xml:space="preserve">为什么技能都不卡平砍出刀就卡0.5秒左右一直想练个敏力龙``但一 </t>
  </si>
  <si>
    <t>我也有这样的情况，应该是服务器的问题,因为有时候过了12点,平砍又不卡了.</t>
  </si>
  <si>
    <t xml:space="preserve">为什么出汗后不可立即洗冷水澡？ </t>
  </si>
  <si>
    <t xml:space="preserve">    锻炼刚结束时，人体仍处于代谢旺盛、产热增加、皮肤血管扩张的状况，这时如果立即洗冷水澡，皮肤受到冷水刺激，会通过神经反射引起皮肤血管收缩，结果可使出汗散热受阻，反而会使散热困难、体温升高。同时，皮肤血流量减少使回心血量突然增加，会增加心脏负担。     还有，机体从热环境一下进入冷环境，来不及适应调整，常容易患感冒或者引起胃肠痉挛等。锻炼后肌肉疲劳、紧张度增加，这时再受到冷刺激，还可能引发抽筋。 夏炼出汗后应适当饮用一些盐开水，然后休息1小时左右，作一些准备活动再洗凉水澡。如果条件允许，最好洗温水澡。 </t>
  </si>
  <si>
    <t xml:space="preserve">请问世界上有什么药吃了可以忘记伤痛?并绝情绝爱我想忘记一切,变得 </t>
  </si>
  <si>
    <t>时间可以冲淡一切，不要刻意的去忘，使自己忙碌起来，用不了太久，幸福会降临在你的身上，以前的伤痛也不再痛。</t>
  </si>
  <si>
    <t xml:space="preserve">藏羚羊的生活习性? </t>
  </si>
  <si>
    <t>藏羚羊，被称为"可可西里的骄傲"，我国特有物种，群居，国家一级保护动物，也是列入《濒危野生动植物种国际公约》中严禁贸易的濒危动物。藏羚羊不是大熊猫。它是一种优势动物。只要你看到它们成群结队在雪后初霁的地平线上涌出，精灵一般的身材，优美得飞翔一样的跑姿，你就会相信，它能够在这片土地上生存数千万年，是因为它就是属于这里的。它不是一种自身濒临灭绝、适应能力差的动物，只要你不去管它，它自己就能活得好好的。 中国藏羚羊保护白皮书 藏羚羊主要分布于中国青藏高原，是青藏高原动物区系的典型代表。经过漫长的自然演替和发展，该物种种群曾达到相对稳定状态，且数量巨大。但从80年代末开始，该物种遭受了从未有过的大规模盗猎，种群数量急剧下降。针对猖獗的大肆盗猎藏羚羊和走私藏羚羊绒的非法活动，中国各有关方面作出了巨大努力，实施了一系列打击行动，然而上述非法活动仍在继续。为有效遏制非法盗猎藏羚羊及走私藏羚羊绒的犯罪势头，中国国家林业局将会同国家濒危物种进出口管理办公室及中国有关方面继续采取严厉措施，并希望各有关国家政府、国际组织和友好人士共同实施藏羚羊保护行动，促使藏羚羊种群的恢复和发展。  一、藏羚羊种群的分布及其生态学习性  藏羚羊在中国主要分布于青海、新疆、西藏、四川四省区海拔3700～5500米的高山荒漠草原。这些区域植被稀疏，并均为高原草本植物。此外，这些区域气温较低，许多地方年被雪覆盖期超过6个月。在青藏高原独特恶劣的自然环境中，为寻觅足够的食物和抵御严寒，经过长期适应，藏羚羊形成了集群迁徙的习性，并且其身体上生长有一层保暖性极好的绒毛。虽然藏羚羊在每年夏季自然更换一次绒毛，但由于自然更换的绒毛是零星掉落、随风飘散，目前还无人尝试收集自然更换的绒毛的活动。  二、中国藏羚羊资源正遭受十分严重的破坏  虽然藏羚羊分布区是人烟稀少、气候恶劣的高寒地区，但近10年来盗猎者手持武器、不断涌入藏羚羊栖息地或守候在藏羚羊迁徙路线上屠杀藏羚羊。根据中国有关部门近年来查获的藏羚羊皮、绒数量和各有关单位在藏羚羊分布区发现的藏羚羊尸骸情况分析，每年被盗猎的藏羚羊数量平均在20，000头左右。此外，由于盗猎活动的严重干扰，藏羚羊原有的活动规律被扰乱，对种群繁衍造成严重影响。 盗猎的严重后果之一，是藏羚羊种群数量急剧下降。80年代末至90年代初的调查资料表明：1986年冬季在青海西南部调查到藏羚羊分布密度为每平方公里02～03头，1991年羌塘自然保护区东部藏羚羊分布密度为每平方公里0 .2头，并且还能看到集群数量超过2，000头的藏羚羊群。1994年在新疆昆仑山进行的一次调查，估算该区域藏羚羊数量约43，700头。而据一位多年在青藏高原从事野生动物研究的资深专家估计，在1995年中国藏羚羊总数已急剧下降至约50，000～75，000头左右，并且现仍在继续下降。近几年来，也无人再见到集群数量超过2，000头的藏羚羊群。在许多昔日藏羚羊集聚的地方，如今只能看到零星的藏羚羊。这个古老的物种已经走向面临灭绝危险的边缘。  三、中国为保护藏羚羊做出巨大努力  藏羚羊作为青藏高原动物区系的典型代表，具有难于估量的科学价值。藏羚羊种群也是构成青藏高原自然生态的极为重要的组成部分。中国政府十分重视藏羚羊保护。1981年中国加入《濒危野生动植物种国际贸易公约》，鉴于藏羚羊为附录I物种，中国政府严格禁止了一切贸易性出口藏羚羊及其产品的活动。1988年《中华人民共和国野生动物保护法》颁布后，中国国务院随即批准发布的《国家重点保护野生动物名录》将藏羚羊确定为中国国家一级保护野生动物，严禁非法猎捕。此外，中国政府还在藏羚羊重要分布区先后划建了青海可可西里国家级自然保护区、新疆阿尔金山国家级自然保护区、西藏羌塘自然保护区等多处自然保护区，成立了专门保护管理机构和执法队伍，定期进行巡山和对藏羚羊种群活动实施监测。  为保护好藏羚羊，在藏羚羊分布区，还开展了广泛的宣传教育，培养了一批保护管理和科研人员，组织资源调查和科学研究等。对十分猖獗的盗猎藏羚羊、走私藏羚羊绒的违法犯罪活动，中国原林业部(现国家林业局)予以特别关注，并进行了专门调查；中国各有关部门和当地政府组织森林公安机关等执法力量，在藏羚羊分布区、重要运输路线及加工点、重点海关及边境线，连续多年实施了严厉的打击行动。据不完全统计，自1990年以来，中国森林公安机关共破获盗猎藏羚羊的案件100余起，收缴被猎杀的藏羚羊皮17，000余张、藏羚羊绒1100余公斤、各种枪支300余支、子弹15万发、各种车辆153辆，抓获盗猎藏羚羊的犯罪嫌疑人近3000人，击毙盗猎分子3人。在艰苦恶劣的条件下，为保护藏羚羊及其栖息地，涌现了一批可歌可泣的英雄人物。原青海省治多县西部工委书记索南达杰同志就是保护藏羚羊英雄们的典型代表，他领导的队伍不畏艰难困苦，连续三年在10多万平方公里渺无人烟的可可西里地区辗转巡护，抓获许多盗猎藏羚羊的犯罪分子。1994年1月18日，这位年仅40岁的英雄，在追捕非法盗猎藏羚羊犯罪分子的战斗中，不幸中弹，壮烈牺牲。  四、中国藏羚羊保护仍面临着重重困难  其根本原因是由于在中国境外存在着利润巨大的藏羚羊绒及其织品贸易 然而，尽管中国有关部门多次实施严厉的打击行动，却并没有从根本上制止住非法盗猎藏羚羊、走私藏羚羊绒的活动，中国藏羚羊总数仍显示出不断下降的趋势。究其原因，一是由于藏羚羊分布区总面积超过60多万平方公里，海拔均在3700～5500米以上，人烟稀少、空气稀薄、气候恶劣，以现有的警力、装备和财力难于实施全方位、不间断的巡护，而盗猎分子则抓住空隙对藏羚羊群进行大肆屠杀；二是犯罪分子在盗猎、运输、取绒和走私等各个环节建立了更严密的组织，采取了更隐蔽的手段，对上述犯罪行为实施打击的难度因此进一步增加。  另一方面，当中国的执法人员在恶劣环境中艰难追捕盗猎分子的时候，令人遗憾的是，部分国家和地区的藏羚羊绒及其织品贸易并未得到有效打击和制止，而这恰恰是盗猎分子疯狂猎杀藏羚羊的根本原因。这可从以下几方面看得十分清楚： 1、盗猎分子猎杀藏羚羊的根本目的，是为了获得藏羚羊绒。到目前为止，中国所逮捕的所有盗猎分子的供词都证实了这一点。另一方面，由于藏羚羊肉寄生虫很多、藏羚羊皮制革性能差等原因，还不存在对藏羚羊肉、皮、头骨、角等的贸易性开发利用，中国境内也没有藏羚羊及其产品的需求市场。在所有盗猎藏羚羊现场都可以看到大量遗留的藏羚羊尸体、头骨、角，而取绒后被丢弃的大量藏羚羊皮则在其它许多地方被发现，可充分证明获得藏羚羊绒是引发大肆猎杀藏羚羊的根本目的。 2、藏羚羊绒贸易给盗猎分子带来巨额利润。大量藏羚羊被猎杀取绒后，一部分绒被走私分子藏夹在棉被、羽绒服中或藏匿在汽油桶、车辆和羊绒中，蒙混通过中国西藏的樟木、普兰等口岸出境；而另一些走私分子则人背畜驮到边境秘密交易点进行交易。在中国境外，1公斤藏羚羊生绒价格可达1，000～2，000美元，而一条用300～400克藏羚羊绒织成的围巾价格可高达5，000～30，000美元。如此高额的利润，进一步刺激了盗猎分子欲望，并使他们有条件获得更有效的武器和装备，用于大肆屠杀藏羚羊。毫无疑问，这还进一步加大了中国实施打击行动的难度。 3、中国从来没有利用藏羚羊绒的传统习俗，至今也没有藏羚羊绒及其产品的消费市场。盗猎分子所获藏羚羊绒，最终都是在中国境外转换成资金或他们所需的物资。综合分析上述实际情况，国际上许多关注藏羚羊保护的组织、人士和我们得出的结论都是一致的：正是由于在部分国家和地区一直存在着藏羚羊绒加工及贸易，并由此给盗猎分子带来丰厚的收益，刺激盗猎活动愈演愈烈，直至威胁藏羚羊的生存。从根本上清除部分国家和地区至今仍然存在的藏羚羊绒加工及贸易，是保护、恢复藏羚羊种群的关键和当务之急。  五、保护藏羚羊需要国际社会的理解和共同行动  当今社会已经普遍认识到，不受控制的野生动物及其产品国际贸易，势必严重损害某些野生动植物种的自然发展，甚至危及物种的生存；而对野生动植物及其产品国际贸易进行控制和对某些物种实行保护，仅依靠某一个国家的力量是难以实现的。正是基于这一认识和对每一物种价值的深刻理解，1973年3月3日在华盛顿诞生了《濒危野生动植物种国际贸易公约》，并在此基础上许多国家和地区开始了一系列野生动植物保护国际合作，取得的成效令世人瞩目。  目前，一批批藏羚羊在呻吟中死去，而盗猎者、加工者和贸易者却仍在部分国家和地区通过走私、非法国际贸易等形式获得了浸满藏羚羊血的巨额利润；一些消费者为追求时尚，仍在麻木地作为帮凶而加剧了对藏羚羊的残杀。这不仅是对许多国家相关法律的对抗，也是对《濒危野生动植物种国际贸易公约》的蔑视和对全人类保护野生动物意愿的践踏。为此，我们提请特别是在藏羚羊绒织品加工及贸易仍然存在的国家和地区的有关政府、组织和人士，对上述情况予以必要的关注，并采取有效措施加以制止。  保护藏羚羊及濒危野生动物，是中国政府的坚定决心，也是中国人民的良好意愿。中国政府和人民已经并将继续为此作出不懈的努力。但由于在中国境外存在着利润巨大的藏羚羊绒及其织品加工贸易和消费市场，保护和挽救藏羚羊种群迫切需要国际社会的合作和努力。对此，我们挚诚希望有关国家政府、组织和人士，珍惜藏羚羊这一古老物种的价值和人类保护野生动物的美好意愿，切实理解加强国际合作对保护藏羚羊的重要性和必要性，采取有效行动打击和制止一切从事藏羚羊绒加工贸易和消费等危及藏羚羊生存的活动，以促使藏羚羊种群最终得以恢复和发展。</t>
  </si>
  <si>
    <t xml:space="preserve">【高手请进我选购相机难以取舍】柯达V1233富士F50富士Z10 </t>
  </si>
  <si>
    <t>你说的全部是家用级的，无所谓性能啥的，其实都一样；挑个你的就可以了。</t>
  </si>
  <si>
    <t xml:space="preserve">弯刀哪里买??如提..这个弯刀哪里买的?多少钱?还是只能从玩家手 </t>
  </si>
  <si>
    <t>1.武器收集册No.1或者新大陆探险宝箱得到.购买的话各服务器的都不一样,我们这边几万吧,收集册奖励的掩饰的就要贵的多的(因为可以垫昂贵)</t>
  </si>
  <si>
    <t xml:space="preserve">司法考试一共几分？2005年的司法考一共多少分？明年和后年呢？ </t>
  </si>
  <si>
    <t>2004年的司法考试总分从400改为了600，2005年也就是今年也是600分。以后很大可能就是600分了！</t>
  </si>
  <si>
    <t xml:space="preserve">怎么可以这样让弱队跟星级球员对战每次我打胜者为王时！连赢2把后系 </t>
  </si>
  <si>
    <t>您好，此为按照实力排定赛程，增加联赛竞争度，提供游戏可玩性。祝您游戏愉快!~</t>
  </si>
  <si>
    <t xml:space="preserve">邵武去吉安要怎么坐车最快邵武到吉安要怎么坐车最方便 </t>
  </si>
  <si>
    <t>最快到吉安的方式坐车就是自己开的车，最快最方便了。如果您觉得正确或者采纳的话，麻烦给我好评哦，谢谢。</t>
  </si>
  <si>
    <t xml:space="preserve">09棋.M9垃圾单,兄弟们,请欣赏,垃圾之中的垃圾单1布莱克本V </t>
  </si>
  <si>
    <t>兄弟水平，现在真是无语啊，那都是些什么理由啊，全是主观意识流，唉，事情的发展不以人的意志为转移啊，</t>
  </si>
  <si>
    <t xml:space="preserve">现在是不是中国历史上最不强盛的时代什么原因造成的科技么 </t>
  </si>
  <si>
    <t>元朝很强么？黄祸，而且这个王朝百年不到就倒台了，给世界也没留下多少可崇拜的回忆。马可波罗不过诉说了一个虚假的盛世故事。明朝很强么？巴西那个时候已经是别人殖民地了，明朝的皇帝和太监在干吗？打个日本都费死劲，被一根稻草压死的帝国。轰轰烈烈的大航海时代，不属于中国。清朝很强么？彼得大帝和康熙大帝相比，谁比较像一个开拓时代的大帝？单就微服私访的经历，彼得就辉煌得多。剃须，易服，这样的勇气和魄力清朝没皇帝有——赵武灵王，好久了。事实上，我们一直仅仅自己认为祖先很强，镜花水月罢了。鸦片战争的时候，清朝最精英的人，都认为英军士兵的装束会让他们在岸上摔得不亦乐乎。以前跟周围一些不开化的国家比，中国当然很强。但明朝以后，跟先后崛起的资本主义帝国比，中国算什么？今天，我们是争夺总冠军的队伍之一，这就不用说了，世界上就五个一咳嗽地球就得感冒的国家。</t>
  </si>
  <si>
    <t xml:space="preserve">为什么我的博客名字从soso上搜不到，而别人的可以？原来我的也能? </t>
  </si>
  <si>
    <t>我用你的博客名试了一下,确实搜索不到.注意名字要起好，新浪博克采用关健字搜索的方法，如果你的名字中有用得不多的关键字（词），就很容易找到，如果运气不好，采用同一关键字（词）的很多，搜索出十几页，那就不好找了，淹没了。可能在新浪的关键字表中没有你所用的这些字(词),或者说还没有作为关键词登陆搜索引擎的服务器，所以搜索不到,改个名字吧.应该这样做：进入“控制面板”，在“BLOG信息设置”下面有“更改基本信息”项，点击进入，右边有“BLOG标题更改”，这样你就可以改名了。起个好名字,你现在的名字像电子邮箱地址,不太好找,建议改用中文字.会好找一些.试试看，祝你成功。</t>
  </si>
  <si>
    <t xml:space="preserve">历年欧洲杯冠军得主是哪个? </t>
  </si>
  <si>
    <t>历届欧锦赛冠军届次 决赛阶段主办国 决赛日期 决赛成绩 最佳 进球数 第1届 法国 1960.07.10 苏联2:1(加时)南斯拉夫 方丹(法国) 6球 第2届 西班牙 1964.06.12 西班牙2:1苏联 马德森(丹麦) 11球 第3届 意大利 1968.06.10 意大利再赛2:0南斯拉夫 里瓦(意大利) 7球 第4届 比利时 1972.06.18 西德3:0苏联 穆勒(西德) 11球 第5届 南斯拉夫 1976.06.20 捷克 斯洛伐克点球5:3(2:2)西德 吉文斯(爱尔兰) 8球 第6届 意大利 1980.06.22 西德2:1比利时 基冈(英格兰) 7球 第7届 法国 1984.06.27 法国2:0西班牙 普拉蒂尼(法国) 9球 第8届 联邦德国 1988.06.25 荷兰2:0苏联 克劳森(比利时) 7球 范巴斯滕(荷兰) 7球 阿尔托贝利(意大利) 7球 第9届 瑞典 1992.06.26 丹麦2:0德国 帕潘(法国) 11球 第10届 英国 1996.06.30 德国2:1(加时)捷克 希勒(英格兰) 5球(为决赛阶段) 第11届 荷兰、比利时 2000.07.03 法国2:1(金球)意大利 米洛舍维奇(南斯拉夫) 5球 科鲁伊维特(荷兰) 5球(为决赛阶段) 第12届 葡萄牙 2004.07.04 葡萄牙 0-1(0-0) 希腊 巴罗什(捷克) 5球</t>
  </si>
  <si>
    <t xml:space="preserve">关于自动关机的问题6章后,我在进行游戏时,可以双开,但电脑会自动 </t>
  </si>
  <si>
    <t>哎，官网真是有点不负责任啊。2位，别去打官网的那个补丁吧，那个补丁根本就不能对所有的系统使用，因为微软发布的补丁都是有关联性的，你前面的补丁都没打，就去打这个补丁，不出问题才怪！所以，赶紧去把你系统的所有补丁都打上吧。方法就是找个能查系统漏洞的杀毒软件去查，然后下载，安装。2楼的，别着急，几次强制关机就把硬盘烧了的可能性还是比较小的，最大的可能就是系统崩溃，找个懂得起电脑的人来给你检查一下吧，估计要重装系统了。呵呵。</t>
  </si>
  <si>
    <t xml:space="preserve">麻烦医生帮我看看医生，您好！我是26岁，女，已婚，婚检时候查出卵 </t>
  </si>
  <si>
    <t>您好！一般卵巢囊肿的手术指证是大于等于5公分的，小于五公分的话可暂时观察，看是否在短期内增大。您如果没有什么临床症状，那么是不影响怀孕的。如果囊肿比较大，而且有临床症状的话，那么肯定是会影响怀孕的，最好及时手术治疗以后再要孩子。</t>
  </si>
  <si>
    <t xml:space="preserve">我加的锦鲤为什么经常跳出水面还摔在地上? </t>
  </si>
  <si>
    <t>可能是你的池子太浅了，2斤多的鱼，在不透明的水泥池子里，水深约60厘米，会有恐惧感，建议将池子改为1.5米深、或池子建的有台阶，若能再种植一点水面生长的植物，估计鱼就不会跳出来了。</t>
  </si>
  <si>
    <t xml:space="preserve">羊羔风有什么症状？发作时有哪些症状？ </t>
  </si>
  <si>
    <t>羊羔疯患者发作前一般都会出现肢体麻刺感和上腹部不适，被称为羊羔疯发作先兆。发作先兆是发作最开始的部分，发作先兆发生于意识丧失之前，记忆仍完整的时候，此时从外表观察不出任何异常情况，病人是清醒的，是有记忆力的，出现羊羔疯发作症状后，此时意识完全丧失，发作先兆主要是患者的感觉，年幼儿和智力低下者往往表达不出。羊羔疯发作的预兆包括前驱症状和先兆症状。前驱症状是指在大发作前的数日或数小时，病人出现的全身不适、易激惹、烦燥不安、情绪忧郁、心境不佳、常挑剔或抱怨他人的症状。先兆症状是指大发作前数秒钟内病人出现的错觉、幻觉、自动症、局部肌阵挛或其它特殊感觉等。有些精神运动性发作也可出现类似大发作的前驱症状。当出现前驱症状时预示着病人可能在数小时或数日内出现大发作。首先要做好心理护理，帮助病人稳定情绪，免得病人惹事生非;其次可临时加大原服抗羊羔疯药的剂量，或在原服药物的基础上加用其它抗羊羔疯药物，以预防发作。</t>
  </si>
  <si>
    <t xml:space="preserve">关于代码代码是怎么一回事?是不是每个人都可以自制代码?我如果瞎打 </t>
  </si>
  <si>
    <t>HTML代码???比如&lt;br&gt;换行height="X"表格高度瞎打...如果在&lt;body&gt;&lt;/body&gt;里打出来的话...应该瞎打的什么显示的就是什么</t>
  </si>
  <si>
    <t xml:space="preserve">我没有赶上确认时间，请问现在还可以到现场确认吗？（我是山东考生） </t>
  </si>
  <si>
    <t>报名确认时务必做到：　　① 提交近期免冠一寸照片2张(照片背面请写清报名序号)；　　② 缴纳有关费用；　　③ 领取准考证主证；　　④ 认真填写公共科目笔试成绩通知邮寄信封。　(　未按期参加报名确认者视为放弃考试报名。)请注意最后一句,没办法了.下次继续</t>
  </si>
  <si>
    <t xml:space="preserve">每到冬季，身上的皮肤就会很痒我老妈每到冬天的时候，身上的皮肤就会 </t>
  </si>
  <si>
    <t>我也有过类似的经历，可以口服维生素B1来缓解。看过中央台的电视节目说是体内缺乏维生素B1的缘故。尽量不要抓，其实痒的时候皮肤一点异样没有，抓完就起了小红疙瘩，有的时候还能把小疙瘩再抓破，很痛苦，我现在一直口服维生素B1和谷维素，缓解了不少，小疙瘩的地方你可以外用一些治疗过敏的药膏，如：曲咪新软管、宝宝湿疹膏等，很有效的。</t>
  </si>
  <si>
    <t xml:space="preserve">失眠求解救｜怎么这几天晚上总睡不好呢？ </t>
  </si>
  <si>
    <t>提高睡眠质量的十个方法　　1.坚持有规律的作息时间，在周末不要睡得太晚。如果你周六睡得晚周日起得晚，那么周日晚上你可能就会失眠。 　　2.睡前勿猛吃猛喝。在睡觉前大约两个小时吃少量的晚餐，不要喝太多的水，因为晚上不断上厕所会影响睡眠质量；晚上不要吃辛辣的富含油脂的食物，因为这些食物也会影响睡眠。 　　3.睡前远离咖啡和尼古丁。建议你睡觉前八小时不要喝咖啡。 　　4.选择锻炼时间。下午锻炼是帮助睡眠的最佳时间，而有规律的身体锻炼能提高夜间睡眠的质量。 　　5.保持室温稍凉。卧室温度稍低有助于睡眠。 　　6.大睡要放在晚间。白天打盹可能会导致夜晚睡眠时间被“剥夺”。白天的睡眠时间严格控制在1个小时以内，且不能在下午三点后还睡觉。 　　7.保持安静。关掉和收音机，因为安静对提高睡眠质量是非常有益的。 　　8.舒适的床。一张舒适的床给你提供一个良好的睡眠空间。另外，你要确定床是否够宽敞。 　　9.睡前洗澡。睡觉之前的一个热水澡有助于你放松肌肉，可令你睡得更好。 　　10.不要依赖安眠药。在服用安眠药之前一定要咨询医生，建议你服用安眠药不要超量。希望点击好评</t>
  </si>
  <si>
    <t xml:space="preserve">关于净身出户由于对方有外遇造成离婚,是否可以叫过错方净身出户,法 </t>
  </si>
  <si>
    <t>1、“是否可以叫过错方净身出户,法律上支持吗?需要什么证据?”：如果他自己同意净身出户可以，但如果他不同意，法律上不会支持的，不管有什么证据。2、对于男方有过错导致离婚的惩罚，在我国的法律中规定太轻：（1）如果是以婚外异姓又起结婚证或以夫妻名义同居：是重婚罪，可以让他负刑事责任并在分割共同财产时，向他索要精神损害赔偿。但也不是一点财产不给他。（2）如果他不构成重婚、但与她人不以夫妻名义却持续、稳定共同居住，也可以在离婚时要求精神损害赔偿。（3）如果他没有以上两种情况，仅是与她人有婚外情，即使是已经生了孩子，也只能是在离婚时适当少分财产。</t>
  </si>
  <si>
    <t xml:space="preserve">西安市丰胸手术大概需要多少钱啊？ </t>
  </si>
  <si>
    <t>　丰胸手术大概需要多少钱与以下因素相关：一、丰胸手术方式的不同影响手术费用。丰胸手术主要有两种：假体丰胸手术、自体脂肪丰胸手术。选择不同的隆胸方式，手术价格就会不一样。1 、自体脂肪丰胸最大的优势是在瘦身的同时，完善塑造女性动人曲线。自体脂肪丰胸可以减掉自身局部多余脂肪，又可将自身脂肪填充到胸部，使胸部变得坚挺饱满。且采用这种丰胸方式，术后胸部不仅看起来外形好，手感真实，所以很多人更加乐意选择。但是，这种手术方式只适用于那些有一定胸部基础，且能提供丰胸所需脂肪的人。由于手术技术难度较高，需经验丰富的隆胸专家来实施手术。 2、假体隆胸是目前最常见的隆胸方式，在胸部内植入假体，效果明显、安全可靠，必要时可完整取出假体。假体隆胸术的价格上下变化很大，它与很多因素有关，比如假体的选择。假体材料分为进口、国产以及合资几种，价格上差异很大，临床常用的是锥形和半球形，它们比较符合东方人的审美。另外，假体植入方式也有不同，主要还是针对求美者自身的情况及要求。可以肯定的一点是，假体丰胸不会影响怀孕和哺乳。一些由于先天性发育不良或者是哺乳后胸部下垂、萎缩的女性，都可以使用这种方法使胸部恢复丰满坚挺。 二、医院的硬件设施以及医生的水平影响手术费用。通常大的整形机构能提供较好的医疗环境，医生的资质也较较高，所以收费自然会较高。但是，为了丰胸手术的安全及效果，还是要选择正规的整形机构。</t>
  </si>
  <si>
    <t xml:space="preserve">我弟弟初中毕业没事干，想让去参加个动画培训，广州有好的动画培训学? </t>
  </si>
  <si>
    <t>去cgwang 学动漫吧没有电脑操作基础就可以！</t>
  </si>
  <si>
    <t xml:space="preserve">山区旧路改造的造价山区旧路改造，拓宽原路（路弯，有坡度，坡度20 </t>
  </si>
  <si>
    <t>1、如果老路不挖出必须铺20CM泥灰结石或水稳。2、砼路面浇筑。计算：水稳3+0.6=3.6*2000=7200平方米*0.2=1440立方米1440*198元=28.5万元砼路面3*2000=6000*30元=18万元28.5+18=46.5万元总费用约46.5万元</t>
  </si>
  <si>
    <t xml:space="preserve">孕妇注射丁胺卡纳我对象怀孕一月时注射了丁胺卡纳一支和洁灵素一支， </t>
  </si>
  <si>
    <t>你用的药物对胎儿都有影响的 丁胺卡纳，利特灵在动物实验中有致畸作用，但人体还没有发现的</t>
  </si>
  <si>
    <t xml:space="preserve">如何从一个地图移动到另一个地图？ </t>
  </si>
  <si>
    <t xml:space="preserve">各个地图相互有传送门相连，如果希望快速的达到某一个地图，可以使用“卷轴类道具”到达所需地点。 </t>
  </si>
  <si>
    <t xml:space="preserve">怎样把字体载入到ＰＳ中？怎样才能把网上下载下来的字体载入到ＰＳ里 </t>
  </si>
  <si>
    <t>直接将它装到操作系统里就可以啦，在windows\font目录下，安装新字体</t>
  </si>
  <si>
    <t xml:space="preserve">请问在深圳租房哪个地方最便宜?请问在深圳租房哪个地方最便宜的?最 </t>
  </si>
  <si>
    <t>稍微便宜一点的地方就是梅林关了，上沙那稍微贵点</t>
  </si>
  <si>
    <t xml:space="preserve">我安装完圣安地列斯了DVD光盘一张盘也能玩,英文版但是就是不能存? </t>
  </si>
  <si>
    <t>楼上说的太麻烦了..你去游侠网下个升级免CD那样的补丁 然后覆盖原文件就能存档了。我跟原来跟你一样。</t>
  </si>
  <si>
    <t>关于洗点的问题？我是牧师1</t>
  </si>
  <si>
    <t>沉默 暗影形态 精神鞭笞 吸血鬼的拥抱一些天赋技能回没有不过你可以在神圣里可以学新的天赋技能`第一次洗点要一个金  后面要5个金]以后每洗一次会增5个金  当然学天赋技能的钱在分外</t>
  </si>
  <si>
    <t xml:space="preserve">白癜风患者生活护理注意事项? </t>
  </si>
  <si>
    <t>你好，重庆医院专家解答：  1.体育锻炼：要求结合白癜风所在部位进行锻炼，如白癜风在上半身，可结合篮球，排球，仰卧起坐，乒乓球，甩手（手指部位白斑不结合乒乓球，羽毛球）.白癜风在下肢可结合跑步、跳绳等。体育锻炼应逐步加大运动量和运动时间。而消耗能量太大也就是太激烈的运动应少作，这可能和有一些运动员患白癜风有关。  2.饮食：忌食：各种酒类、鸭肉、鱼虾和各种海鲜、狗肉、羊肉等。少食：维生素C含量过高的食物和药物如：生辣椒、大枣、山楂、广柑、桔子、猕猴桃、草莓、凉拌菜、生西红柿等；牛奶；西药：维生素C、施尔康、金维他.少食影响消化、吸收的冷饮，尤其少年儿童，还应少吃零食.多食：动物肝、肾、鲜蛋类、鲜豆腐、豆类、瘦肉、新鲜蔬菜、甘蔗、生葵花子、黑芝麻、核桃。  3.睡眠：如白癜风发生在上半身，需适当增加睡眠时间。头部、面部有白癜风的患者枕头宜低一些好.睡午觉。  4.衣着：内衣、内裤、皮带不宜过紧，我们有很多白癜风病人就是因为皮肤被长期压迫后影响局部血液循环营养所导致。  5.皮肤保护：应该尽量避免皮肤受损，有很多病人皮肤受伤后产生白癜风；另外一些增白的化妆品应该少用或不用.还应该避免阳光曝晒，尤其中午的时候应该避免.白癜风在颜面部和手部的更应该少晒太阳.</t>
  </si>
  <si>
    <t xml:space="preserve">感觉德甲很正路(图)!这种对阵只能增加难度,9场奖金一般不会太高 </t>
  </si>
  <si>
    <t>法兰克过了，希望就大了</t>
  </si>
  <si>
    <t xml:space="preserve">怎么设置首页背景 </t>
  </si>
  <si>
    <t xml:space="preserve">第一步、登录新浪博客，输入“登录名”“密码”和“验证码”后点击“登录”。登录新浪博客　第二步、点击进入主页上方的“控制面板”。进入控制面板　　第三步、进入“个人首页维护”。进入个人首页维护　　第四步、进入“自定义空白模板”进入自定义空白模板　　第五步、打开任意一个已建好面板,注意，一定要是已建好的！随意打开一个已建好的面板　　第六步、勾选面板下方的“显示源”勾选框，此处注意一定要勾选，否则将不能成功。　　第七步、将以下代码加到原本代码之后，然后点击“保存”。&lt;style type=text/css&gt;&lt;!--body{b (这里填写背景图片地址) #ffffff repeat scroll!important;}--&gt;&lt;/style&gt;　　代码说明：　　将括号里面的这里填写背景图片地址替换为你所要显示的背景图片地址，#ffffff表示背景颜色为#ffffff(白色)修改为你想要的背景颜色代码，repeat表示图片平铺，不平铺改为no-repeat，　　scroll表示图片随对象滚动，图片固定不滚动改为fixed，!important表示这里的设置优先，不要将它去掉，否则有可能会引起冲突，造成显示不正常！贴入代码，点击“保存” </t>
  </si>
  <si>
    <t xml:space="preserve">《火影忍者》人物角色的英文名字有谁可以给一份《火影忍者》所有动漫 </t>
  </si>
  <si>
    <t xml:space="preserve">旗木西 hatake kakashi 旋涡鸣人 uzumaki naruto 宇智波佐助 uchiha sasuke 春野樱 haruno sakura 凯 gai 日向宁次 hyuga neji 李洛克 rock lee 天天 tenten 猿飞阿斯玛 sarutobi asuma 山中井野 yamanaka ino 奈良鹿丸 nara shikamaru 秋道丁次 akimichi choji 夕日红 yuuhi kurenai 日向?田 hyuga hinata 油女志乃 aburame shino 犬冢?inuzuka kiba 赤丸 akamaru 桃地再不斩 momochi zabuza 白 haku 大蛇丸 orochimaru 自来也 jiraiya 纲手 tsunade 药师兜 yakushi kabuto 我爱罗 gaara 勘九郎 kankuro 手鞠 temari 月光疾风 gekkou hayate 御手洗红豆 mitarashi anko 森乃伊比喜 morino ibiki 日向花火 hyuga hanabi 日向日足 hyuga hiashi 日向日差 hyuga hizashi 水木 mizuki 伊鲁卡 iruka 惠比斯 ebisu 木叶丸 konohamaru 宇智波鼬 uchiha itachi 干柿鬼鲛 hoshigaki kisame 九尾 kyubi 蛤蟆文太 gamabunta 癞蛤蟆吉 gamakichi LAIKAGE=雷影 DOKAGE=土影 SUIKAGE=水影 ） 中文名 曰文名 曰文平假名 罗马音 木叶小组 木ノ叶グルプ このはぐるぷ Konoha Gurupu 旋涡鸣人 涡??きナルト うずまきなると Uzumaki Naruto 春野樱 春野サクラ はるのさくら Haruno Sakura 宇智波佐助 宇智波サスケ うちはさすけ Uchiha Sasuke 旗木卡卡西 旗木カカシ はたこかかし Hatako Kakasi 奈良鹿丸 奈良シカマル ならしかまる Nara Shikamaru 山中井野 山中井野 やまなかいの Yamanaka Ino 秋道丁次 秋道チョウチ あきみちちょうち Akimichi Tyuchi 猿飞阿斯码 猿飞アスマ さるとびあすま Sarutobi Asuma 犬冢牙 犬冢牙 いぬつかが Inutsuka Ga 赤丸 赤丸 あかまる Akamaru 曰向雏田 曰向雏田 ひなたひなた Hinata Hinata 油女志乃 油女志乃 ゆにょしの Yunyo Sino 夕曰红 夕曰红 ゆうひくれない Yuuhi Kurenai 李洛克 ロック·リー ろっく·りい Roccu Rii 天天 テンテン てんてん Tenten 曰向宁次 曰向宁次 ひなたねいじ Hinata Neiji 凯 カイ かい Kai 木叶其他 木叶丸 木ノ叶丸 このはまる Konoha Maru 海野伊鲁卡 海野イルカ うみのいるか Umino Iruka 猿飞 猿飞 さるとび Sarutobi 曰向曰足 曰向曰足 ひなたひあし Hinata Hiasi 曰向曰差 曰向曰差 ひなたひさ Hinata Hisa 水木 水木 みずき Mizuki 三忍 三忍 さんにん Sannin 大蛇丸 大蛇丸 おおじゃまる Oojyamaru 自来也 自来也 じらや Jiraya 刚手 纲手 つなて Tunate 后面加个“??”表示尊称， 大蛇丸大人 大蛇丸?? おおじゃまるさま Oojyamaru sama 自来也大人 自来也?? じらやさま Jiraya sama 刚手??大人 纲手?? つなてさま Tunate sama 火影大人 火影?? ほかげさま Hokage sama 一代火影 初代目 しょだいめ Syodaime 二代火影 二代目 にだいめ Nidaime 三代火影 三代目 さんだいめ Sandaime 四代火影 四代目 よんだいめ Yondaime 五代火影 五代目 ごだいめ Godaime 风影三人组 风影三人众 ふうかげさんにんしゅ Fuukagesanninsyu 我爱罗 我爱罗 があら Gaara 手綯 手綯 てなえ Tenae 勘太郎 勘太朗 かんたいろう Kantairou 其他人物 その他人物 そのたにんぶつ Sonotaninbutsu 桃地再不斩 桃地ザブザ ももちざぶざ Momochi Zabuza 2 火影曰语培训 雷牙 雷牙 たいが Raiga 兰丸 兰丸 らんまる Ranmaru 千怖鬼鲛 千怖鬼鲛 ちこわおにさめ Chikowa Onisame 宇智波鼬 宇智波イタチ うちはいたち Uchiha Itachi 别称 好色仙人 エロ仙人 えろせんにん Erosennin 刚手老太婆 纲手ばあちゃん つなてばあちゃん Tsunatebaachyan …………………………………………………… 忍术 忍法 にんぼう Ninbou 影分身术 影分身の术 かげぶんしんのじゅつ Kagebunsin no jyutu 多重～ 多重～ たじゅ～ Tajyu～ 写轮眼 写轮眼 しゃりんがん Syaringan 万花筒～ 万华镜～ まんげきょう～ Mangekyou～ 豪火球术 豪火球の术 ごうがきゅうのじゅつ Gougakyu no jyutu 风魔手里剑·影风车 风魔手裏??·影风车 ふうましゅりけん·かげふうしゃ Fuumasyuriken·Kagefuusya 水分身术 水分身の术 みずぶんしんのじゅつ Mizubunsin no jyutu 火遁 火遁 かとん Katon 水遁 水遁 すいとん Suiton 雷遁 雷遁 たいとん Raiton 风遁 风遁 ふうとん Fuuton 土遁 土遁 ととん Toton 地名 木叶村 木ノ叶の裏隠れの村 このはのうらかくれのむら Konohanourakakurenomura 沙隐村 砂隠れの村 すなかくれのむら Sunakakurenomura 雾隐村 雾隠れの村 きりかくれのむら Kirikakurenomura 音隐村 音隠れの村 おとかくれのむら Otokakurenomura 云隐村 云隠れの村 くもかくれのむら Kumokakurenomura 火之国 火の国 ひのくに Hinokuni 风之国 风の国 かぜのくに Kazenokuni 水之国 水の国 みずのくに Mizunokuni 田之国 田の国 たのくに Tanokuni 石之国 石の国 いしのくに Isinokuni 几个常用的忍术 螺旋丸 螺旋丸 らせんがん Rasengan 千鸟 千鸟 ちどり Chidori 雷切 雷切 らいせつ Raisetsu 倍化术 倍化の术 ばいかのじゅつ Baikanojytsu 部分倍化术 部分倍化の术 ぶぶんばいかのじゅつ Bubunbaikanojyutsu 表华莲 表华莲 おもてかれん Omotekaren 里华莲 裏华连 うらかれん Urakarenn 狮子连弹 狮子连?? ししれんだん Sisirendan 鸣人连弹 涡??ナルト连?? うずまきなるとれんだ Uzumakinarutorendann 其他 鸣人钱包 ナルト财布 なるとさいふ Narutosaifu 一乐拉面 一?Sラーメン いっらくらあめん Irrakuraamen忍者登记号----日文名---------中文名-----------英文名----------目前年龄--------毕业年龄 000256: うたたねコハル----转寐小春-------Utatane Koharu----68 000261: 三代目火影-------猿飞XX---------the Third Hokage--68 000293: 水?趺钮邾啷?----水户门炎--------Mitokado Homura-68 002300: 大蛇丸------------大蛇丸----------Orochimaru---------50--------------6 002301: 自来也------------自来也----------Jiraiya----------------50--------------6 002302：纲手--------------纲手------------Tsunade-------------50--------------6 005159: 日向ヒアシ--------日向日足--------Hyuga Hiashi-------41 005160: 日向ヒザシ--------日向日差--------Hyuga Hizashi------32（死亡年龄） 009717: 足并ライドウ-------足并雷同--------Ashinami Radio-----31 009720: はたけカカシ-------旗木卡卡西-----Hatake Kakashi-----26-------------5 009744: 山城アオバ--------山城青叶--------Yamashiro Aoba----30 010203: 不知火ゲンマ------不知火炫间------Shiranui Genma----29 010252: ガイ----------------阿凯-------------Gai--------------------26-------------7 010777: エビス-------------惠比斯-----------Ebisu------------------28------------10 010829: 猿飞アスマ--------猿飞阿斯玛------Sarutobi Asuma-----27-------------9 010881: 夕日红------------夕日红-----------Yuhi Kurenai---------27-------------9 010913: 森野イビキ--------森野伊比喜------Morino Ibiki-----------27------------10 010997: 飞竹トンボ--------飞竹蜻蜓---------Tobitake Tonbo------27 011141: ミズキ-------------水木-------------Mizuki------------------27 011226: みたらしアン-------ヨ御手洗红豆----Mitarashi Anko-------24------------10 011450: イルカ-------------海野伊鲁卡------Umino Iruka----------25------------11 011671: 月光ハヤテ--------月光疾风--------Gekko Hayate--------23------------12 011930: 赤胴ヨロイ---------赤胴铠-----------Akato Yoroi-----------23 011981: ??ミスミ------------剑三隅-----------Tsurugi Misumi-------23 012021: たたみイワシ-------叠?（港译）----Tatami Iwashi-------23 ps：就是那个中忍考试向红豆通风报信的忍者 012049: 神月イズモ---------神月出云---------Kamizuki Izumo-----24 012050: はがねコテツ-------铜子铁-----------Hagane Kotetsu-----24 012110: うちはイタチ--------宇智波鼬---------Uchiha Itachi---------17------------7 012140: 薬师カブト----------药师兜-----------Yakushi Kabuto------19-----------10 012561: ロック?リー---------洛克李------------Rock Lee--------------13-----------12 012573: テンテン-------------天天-------------TenTen----------------13------------12 012587: 日向ネジ-----------日向宁次----------Hyuga Neji-----------13------------12 012601: 春野サクラ---------春野樱------------Haruno Sakura-------12------------12 012604: 山中イノ------------山中井野---------Yamanaka Ino--------12------------12 012606: うちはサスケ--------宇智波佐助-------Uchiha Sasuke-------12------------12 012607: うずまきナルト------漩涡鸣人----------Uzumaki Naruto-----12------------12 012611: 奈良シカマル-------奈良鹿丸----------Nara Shikamaru-----12------------12 012612: 日向ヒナタ----------日向雏田----------Hyuga Hinata--------12------------12 012618: 油女シノ------------油女志乃----------Aburame Shino------12------------12 012620: 犬冢キバ-----------犬冢牙------------Inuzuka Kiba---------12------------12 012625: 秋道チョージ-------秋道丁次----------Akimichi Choji---------12-----------12 ＝＝＝＝＝＝＝＝＝＝＝＝＝＝＝Everz＝＝＝＝＝＝＝＝＝＝＝＝＝＝＝＝＝＝＝＝＝ 音忍五人众： 君麻吕 Kimimaro 鬼郎丸 Kidoumaru 多由也 Tayuya 左近\右近 Sankon/Ukon 次郎坊 Jiroubou 砂忍3人组： 勘九郎 カンクロウ Kankuro 我爱罗 ガアラ Gaara 手鞠 テマリ temari 马基 Baki 音忍3人组： 杜斯砧 Dosu Kinuta 萨克镫 Zaku Abumi 金土or琴土 Kin Tsuchi 雨忍3人组： 时雨シグレ Shigure 骤雨バイウ Baiu 霉雨ミダレ Midare 草忍3人组： 篝かがり Kagari 胧おぼろ Oboro 梦火むび Mubi 木叶其它配角忍者： 木叶丸 Konohamaru 日向花火 Hyuga Hanabi 猪鹿蝶 Ino-Shika-Cho 三忍 Sannins 縄树 Nawaki 静音 Shizune 雾隐忍者村： 干柿鬼鲛 Hoshigaki Kisame 桃地再不斩 Momochi Zabuza 白 Haku 忍者世界五影： 火影 Hokage 风影 KazeKage 雷影 RaiKage 水影 MizuKage 土影 TsuchiKage 木叶村： コノハ（木の叶） konoha 召唤兽： 九尾 キュビ Kyubi 守鹤 Shukaku 猿猴王・猿魔 Enko-O Enma 蛞蝓 Katsuyu 蛤蟆文太 GamaBunta 蛤蟆吉 GamaKichi 蛤蟆龙 Gamaron 赤丸 アカマル Akamaru 忍术： 火遁・虾蟇油炎?? Katon Gamayu Endan 忍法・创造再生 Ninpou Souzou-Saisei 针地蔵 Hari Jizou 黄泉沼 Yomi Numa 或者 Kousen Numa 兵粮丸 Hyourou-gan 牙通牙 Ga-tsu-ga 螺旋丸 Rasengan 一、木ノ叶の裏隠れの村（火の国） （一）鸣人小组 旋涡鸣人 涡??ナルト うずまきなると Uzumaki Naruto 春野樱 春野サクラ はるのさくら Haruno Sakura 宇智波佐助 宇智波サスケ うちはさすけ Uchiha Sasuke 旗木卡卡西 旗木カカシ はたけかかし Hatake Kakashi （二）鹿丸小组（猪鹿蝶） 奈良鹿丸 奈良シカマル ならしかまる Nara Shikamaru 山中井野 山中井野 やまなかいの Yamanaka Ino 秋道丁次 秋道チョウチ あきみちちょうち Akimichi Tyochi 猿飞阿斯玛 猿飞アスマ さるとびあすま Sarutobi Asuma （三）油女小组 犬冢牙 犬冢キバ いぬつかきば Inutsuka Kiba 赤丸 赤丸 あかまる Akamaru 日向雏田 日向雏田 ひゅがひなた Hyuga Hinata 油女志乃 油女志乃 ゆにょしの Yunyo Shino 夕日红 夕日红 ゆうひくれない Yuuhi Kurenai （四）宁次小组 李洛克 ロック•リー ろっく•りい Rokku Rii 天天 テンテン てんてん Tenten 日向宁次 日向宁次 ひゅがねいじ Hyuga Neiji 迈特凯 マイト•カイ まいと•かい Kai （五）鸣人小队 木叶丸 木ノ叶丸 このはまる Konoha Maru 萌黄 モエギ もえぎ Moegi 乌东 ウドン うどん Udon （六）火影 火影大人 火影?? ほかげさま Hokage sama 一代火影 初代目 しょだいめ Syodaime 二代火影 二代目 にだいめ Nidaime 三代火影 三代目 さんだいめ Sandaime 四代火影 四代目 よんだいめ Yondaime 五代火影 五代目 ごだいめ Godaime 猿飞 猿飞 さるとび Sarutobi 钢手 纲手 つなて Tsunate （七）木叶中忍老师 海野伊鲁卡 海野イルカ うみのいるか Umino Iruka 水木 水木 みずき Mizuki （八）火影秘书 刃金子铁 刃金コテツ はがねこてつ Harane Kotetsu 神月出云 神月イズモ かみけついずも Kamiketsu Izumo （九）宇智波家族 宇智波富岳 宇智波フガク うちはつがく Uchiha Tsugaku 宇智波美琴 宇智波ミコト うちはみこと Uchiha Mikoto 宇智波带土 宇智波オビト うちはおびと Uchiha Obito 宇智波止水 宇智波シスイ うちはしすい Uchiha Shisui 宇智波鼬 宇智波イタチ うちはいたち Uchiha Itachi （十）老一辈猪鹿蝶 奈良鹿久 奈良シカク ならしかく Nara Shikaku 山中井野市 山中いのいち やまなかいのいち Yamanaka Inoichi 秋道丁座 秋道チョウザ あきみちちょうざ Akimichi Chyouza （十一）犬冢家族 犬冢花 犬冢ハナ いぬつかはな Inutsuka Hana 犬冢爪 犬冢ツメ いぬつかつめ Inutsuka Tsume （十二）日向家族 日向日足 日向ひあし ひゅうがひあし Hyuga Hiasshi 日向日差 日向ひざし ひゅうがひざし Hyuga Hiszashi 日向花火 日向はなび ひゅうはなび Hyuga Hanabi （十三）油女父亲 油女志尾 油女シビ ゆうにょしび Yuunyo Shibi （十四）卡卡西父亲 旗木朔茂 旗木サクモ はたけさくも Hatake Sakumo （十五）木叶中忍考试考官 森乃伊比喜 森乃イビヒ もりのいびひ Morino Ibihi 御手洗红豆 御手洗アンコ みたらしあんこ Mitarashi Anko 月光疾风 月光ハヤテ げっこうはやて Gekkou Hayate 不知火玄马 不知火ゲンマ ふちかげんま Fuchika Genma （十六）木叶顾问 水?趺叛?水?趺钮邾啷?みずこもんほむら Mizukomon Homura 转寝小春 ?寝コハル うたたねこはる Utatane Koharu （十七）木叶其他及相关人物（包括叛徒） 雀 スズメ すずめ Suzume 惠比寿 エビス えびす Ebisu ?? ?イワシ たたみいわち Tatami Iwachi 飞竹蜻蛉 飞竹ドンマ とびだけどんま Tobidake Donma 并足雷同 并足ライドウ ならあしらいどう Naraashi Raiton 钢树 纲树 つなき Tsunaki 断 ダン だん Dan 静音 静音 しずね Shizune 卯月夕颜 卯月ユウガオ うづきゆうがお Utsugi Yugao 自来也 自来也 じらや Jiraya 大蛇丸 大蛇丸 おろじまる Orojimaru 药师兜 薬师カブト やくしかぶと Yakusi Kabuto 森乃伊达 森乃イダケ もりのいだけ Morino Idake 蓝 青い あおい Aoi 二、雾隠れの村（水の国） 桃地再不斩 桃地ザブザ ももちざぶざ Momochi Zabuza 白 白 はく Haku 干怖鬼鲛 干し柿キサメ ほしがききさめ Hoshigaki Kisame 雷牙 雷牙 らいが Raiga 兰丸 兰丸 らんまる Ranmaru 业头 业头 ごうず Gouzu 冥头 冥头 めいず Meizu </t>
  </si>
  <si>
    <t xml:space="preserve">我20岁了，是X型腿，同学们很笑话我，我很自卑，请问还能矫正吗？ </t>
  </si>
  <si>
    <t>你认为这值得你去自卑吗？人嘛是活在自己的世界里，不是活在别人的世界里，而且做矫正是很痛苦的。</t>
  </si>
  <si>
    <t xml:space="preserve">高数极限 </t>
  </si>
  <si>
    <t>1.分子极限为2，分母极限为0，原极限为无穷大2.此极限就是求x^(1/3)的导数，结果为（1/3)x^(-2/3)3.x^n-1=(x-1)(x^(n-1)+...+x+1)x^m-1=(x-1)(x^(m-1)+...+x+1)分子分母消去（x-1)后直接代值得结果为n/m</t>
  </si>
  <si>
    <t xml:space="preserve">怎么用手机买Q币?短信~要么其他告诉下谢谢 </t>
  </si>
  <si>
    <t>每个手机号码每日只能向1个 。以保护您的正常权益。参考文献;[url=][img][/img][/url][url=]点此链接立即购买[/url]</t>
  </si>
  <si>
    <t xml:space="preserve">内盘和外盘是什么意思？怎么区分？ </t>
  </si>
  <si>
    <t>内盘：在成交量中以主动性叫卖价格成交的数量，所谓主动性叫卖，即是在实盘买卖中，卖方主动以低于或等于当前买一的价格挂单卖出股票时成交的数量，显示空方的总体实力。 外盘：在成交量中以主动性叫买价格成交的数量，所谓主动性叫买，即是在实盘买卖中，买方主动以高于或等于当前卖一的价格挂单买入股票时成交的数量，显示多方的总体实力。 内盘，外盘这两个数据 大体可以用来判断买卖力量的强弱。若外盘数量大于内盘，则表现买方力量较强，若 内盘数量大于外盘则说明卖方力量较强。 通过外盘、内盘数量的大小和比例，投资者通常可能发现主动性的买盘多还是主动性的抛盘多，并在很多时候可以发现庄家动向，是一个较有效的短线指标。 但投资者在使用外盘和内盘时，要注意结合股价在低位、中位和高位的成交情况以及该股的总成交量情况。因为外盘、内盘的数量并不是在所有时间都有效，在许多时候外盘大，股价并不一定上涨；内盘大，股价也并不一定下跌。</t>
  </si>
  <si>
    <t xml:space="preserve">请翻译outofthisworld.的引申义 </t>
  </si>
  <si>
    <t>1. 十全十美的，极优秀的；非凡的，妙到极点的；好得难以形容，好得不可思议2.不现实的，脱离实际的；不合理的</t>
  </si>
  <si>
    <t xml:space="preserve">荷兰和捷克谁更强荷兰主场2：0击败捷克，十多年来第一次战胜捷克。 </t>
  </si>
  <si>
    <t xml:space="preserve">都强 </t>
  </si>
  <si>
    <t xml:space="preserve">牛蹄子烹调问题牛蹄子是炖烂了又营养，还是炖化了有营养 </t>
  </si>
  <si>
    <t xml:space="preserve"> 若炖化了，首先牛蹄那种略带韧性的口感没有了， 其次一团黏黏呼呼的东西吃起来怪怪的， 所以，炖烂即可，</t>
  </si>
  <si>
    <t xml:space="preserve">求FM披风　敏捷＋３的出处RT </t>
  </si>
  <si>
    <t>我印象中这个图纸是世界掉落的。30级以上35级以下的怪才掉。所以，多去拍卖行转转吧，应该能找得到。</t>
  </si>
  <si>
    <t xml:space="preserve">为什么金币变少了为什么现在每赢一把得的金币更少了，经验也少了 </t>
  </si>
  <si>
    <t>L3选手到初级就减少.....................</t>
  </si>
  <si>
    <t xml:space="preserve">咨询下迪黛儿面膜为什么这么贵 </t>
  </si>
  <si>
    <t>亲，给你说了，迪黛儿产品原材均采用高于国家标准的进口型无添加天然原料，人工成本、货运成本、研发成本高于一般品牌。迪黛儿可是采用纯天然蚕丝为基材，是纯天然的，能为你提供高效、安全护肤服务，我和表姐用的就是迪黛儿，效果很理想的，推荐你用下试试</t>
  </si>
  <si>
    <t xml:space="preserve">小问题，帮帮忙，急急急急急滴水之恩当以泉涌相报用中文怎么翻译。请 </t>
  </si>
  <si>
    <t xml:space="preserve">The kindness of dripping, well up the spring looks newspaper </t>
  </si>
  <si>
    <t xml:space="preserve">在excel中，给当前单元格输入文本型数据时，默认为（）A.居中 </t>
  </si>
  <si>
    <t>B.__________________________左对齐</t>
  </si>
  <si>
    <t xml:space="preserve">女友乳头内陷怎么弄出来 </t>
  </si>
  <si>
    <t>就是吸或是抚摩,女孩想做爱的时候,乳头也会自动出来,并且坚挺还有点硬.</t>
  </si>
  <si>
    <t xml:space="preserve">[制谜]（献丑了）江山雨霁拥青螺。（谜友一）（献丑了）诗句出自《 </t>
  </si>
  <si>
    <t>同乐，同乐，哈哈。。。。。。。。。。。。。。。。是你自己吗？？再蒙一个：找乐13797 ？？？？</t>
  </si>
  <si>
    <t xml:space="preserve">69JpFC进本人想打造69JpFC,请教各位高手FC该拥有哪些 </t>
  </si>
  <si>
    <t>加点:2敏3血或2.5敏2.5血;装备:铠甲+180或180以上防御,最好是加敏的,武器要加敏的打躲避石头     帽子+80或80以上防御,项链+110以上灵力,鞋子要加或40以上速     度;腰带不打光芒,打5J黑宝石特技:慈航,笑里藏刀,心似明镜(选带)孩子:养PT皇帝孩子,群P好用,单P可以考虑DT蚩尤孩子 本人天津区:精午门69FC傲视天下</t>
  </si>
  <si>
    <t xml:space="preserve">关于二战的问题！~~~~```（困饶了我很久的）为什么二战中瑞士 </t>
  </si>
  <si>
    <t>只有中立才能得到和平，国际国内的形势也要求瑞士能够中立。为了和平，瑞士也严格实施武装保卫中立。从国际环境说，由于瑞士所处“过境国”的位置和世界金融工业中心的经济地位，保持瑞士的中立和不依附于任何外国势力，这对所有的欧洲国家是有利的。即使对交战双方来说，保持一个和平的瑞士，也无异于在自己的侧翼保留了一个安全地带和回旋余地。瑞士在国际事务中，也认真扮演了中立的角色。他们总是用自己的政策和行动不断地告诉邻国：“忠实于百年来的传统，在任何情况下决不背离中立的原则。”在充满世界纷争的国际环境之中，执行中立政策也不是一件容易的事。不时来自国外的，国内的，右的，左的干扰，非常难于对付。例如法西斯煽动的感染，共产国际的宣传，特别瑞士是一个拥有法语区、德语区、意大利语区等多民族的国家，邻国的战争往往会引起国内不同民族的不同反响。但瑞士政府严格遵守一视同仁和决不介入外国争端的传统。他们小心翼翼地驾驶着瑞士这叶小舟，绕过了形形色色的暗礁，终于躲开了一次又一次乌云笼罩的国际风暴。瑞士的中立形象树立起来以后，国际上凡是发生了什么争端，总是请瑞士出来当中间人或仲裁者，好像中立国的公民一定是公正不偏的。国内有人从狭隘的立场出发，反对接受这种国际任务。但政府明确地表示，瑞士无意完全避开世界政治，应该准备到需要她服务的任何地方，做力所能及的一切。从１９１６年到第一次世界大战结束，瑞士根据国际协定一共收容了各国伤员大约六万八千人，其中有些学生还由专门的救护团体管理，得到了上大学的机会。瑞士因此在保持中立的传统中，形成了一系列成功的理论与实践，如果没有这些，他们就对内无法统一思想，对外无法昭示列国。再加上瑞士这块中立国土越来越被用作各种国际机构的地址，越来越多的国际会议选在这里召开，因此瑞士作为中立形象的国际地位也越来越高了。光靠别人的恩赐，还赢不来持久的和平，更要靠自己的争取。如前面所说，瑞士努力扮好中立的角色，是一个方面。更重要的方面，就是严格实施武装保卫中立。瑞士人在历史上当过将近三百年的外国雇佣军，英勇善战一向驰名全欧，现在又团结为一个民主、自立同时高举中立旗帜的联邦，再加上他们严格执行兵役制度，依仗着能攻能守的山区战略地位，所以谁也不敢轻易来啃这只“刺猬”。在第二次世界大战期间，希特勒军队在攻陷法国以后，有五十个师团部署在瑞士东部边境。瑞士人民在克服了悲观恐惧情绪以后，由联邦议会选举了吉桑为全军统帅，发布了全国动员令。几小时之内，男人们穿上了军装，走上了战斗岗位；妇女们代替了男人的工作；全国实行了严格的食品定量制度，包括饭馆和旅馆。为了防备纳粹军队的突然袭击，全国进行了三次大动员。其中最大的一次是１９３９年，在一个只有四百万人口的国家里竟动员了５０万人。由于瑞士人民这种同仇敌忾的决心以及当时希特勒面临着东西两面应战的困难，才使瑞士在战火横飞的欧洲免于一场灾难。这种居安思危的传统，一直延续到现在。在第二次世界大战中和第二次世界大战以后挖掘的山洞和隧道网纵横交错，有人比喻瑞士像块满是洞孔的干酪。居民在地道里贮备粮食和武器弹药。公路旁伪装的居民小屋实际是军事基地的大门，从里面可以开出坦克和装有导弹发射架的军用卡车。阿尔卑斯山好像是一艘巨型的陆地航空母舰，超音速战斗机通过自动开启和关闭的岩洞大门，在山体内的秘密跑道上起降。他们义务服兵役的制度，比其他国家都严格。欧洲有些国家可以用从事某些许多人不愿意做的工作来代替服兵役，瑞士没有这种通融的办法，凡是２０岁至５０岁的男子，在不同的年龄阶段都必须十三次服兵役，第一次是十七周，以后为三周或两周，共约一年的时间。而且军事训练的强度很大，不论是山区行军，还是越野滑雪，都必须咬牙刻苦。这种全民皆兵的防务体制，对树立国防观念，加强组织纪律性，培养吃苦耐劳的精神都有很大的作用。他们称此为“刺猬战略”，意思是刺猬不侵犯人，但遇到来犯便浑身是刺。</t>
  </si>
  <si>
    <t xml:space="preserve">我刚配的机器大家看看怎么样性价比如何！！高手来撒！！刚配的机器显 </t>
  </si>
  <si>
    <t>华硕的东西是好，就是价不好，贵！不过这块板子要780有点高了，最少多要了你50块，但显卡和CPU还是便宜的，差不多，总价还是很合适的，东西也不错，就是机箱电源不知道怎么样，这东西可别用差的，最好回家后多试试机子，用3DMARK05多跑几圈，再用软件看下CPU温度，别有散热不好的情况。还有电源，看看额定功率多高，你这配置得用300W或以上的比较好，CPU和显卡功率都不算小的。</t>
  </si>
  <si>
    <t xml:space="preserve">武器制作~现在做斧头好冲好卖还是？弓？剑？还是枪？ </t>
  </si>
  <si>
    <t>其实，哪个或者做什么赚钱，这都是随着形势变化的，现在弓多了，很多人可能会想着去做造弓师来赚钱，其实，当你这么想时，很多人也这么想。于是，过了不久以后，满街上的都是卖弓的，你也面临着更激烈的同类产品的竞争，这就导致现在魔力里封印师泛滥的原因之一，满街上只见卖宠的，买宠的却屈指可数……还有就是几次练级时，队里的人都说卖料理赚钱多，当时我也有点心动，曾有再去开个号做厨师的想法，可后来有放弃了……果然过了不久，新城那里又都是卖锅子，卖发面的。。。。我上面说了那么多废话，就是想提醒楼主市场是不断变化的，没有什么东西是好卖或不好卖的，应该根据实际情况，把握住商机，市场缺什么就卖什么，说白了就是多开些号，以后总有用的；拿封印来说，面对满街的绿，黄螳螂，你会想到什么，当然是去抓蓝的，灰的；面对别人的武器/防具卖的很贵，你就应该把自己的产品降低一些价钱，不要盯着那么几千几百，否则摆摊消耗的点卡都不够你耗……总之，赚钱要把握时机，要在价格上对顾客优惠些，我卖宠也经常搞赠送或降价活动（别人6DTL卖2W，我才卖6000，还送只TL0，所以别人要摆一天的宠，我几分钟就卖光了说到你的卖武器，也是同样的，砍牛的话别人用斧头，风的话别人用剑、弓、杖，但是比起来，还是后者武器的等级较高，卖的价钱自然高，但是前者对于初期的玩家和砍牛的也是一大客源，发展什么楼主自己可以考虑一下，希望楼主的生意能够蒸蒸日上回答完毕</t>
  </si>
  <si>
    <t>请教排列组合的公式N为数字数，比如1</t>
  </si>
  <si>
    <t>N（N-1）(N-2)(N-3)(N-4)....(N-n+1)/n*(n-1)*(n-2)*(n-3)....*1比如说如果N=10，n=5，那就是：10*9*8*7*6/5*4*3*2*1</t>
  </si>
  <si>
    <t xml:space="preserve">各位朋友们，爱波网怎么不能投注了！ </t>
  </si>
  <si>
    <t>关键是好多地方没卖单场啊</t>
  </si>
  <si>
    <t xml:space="preserve">长期使用抗癫痫药物会有那些副作用 </t>
  </si>
  <si>
    <t>对皮肤、結締組織的影响：常吃抗癫痫药会影响患者的皮肤和結締組織，尤其是女性，更要注意这一点，抗癫痫药会引起皮疹、荨麻疹，使面部痒痒、发红，严重影响个人形象。对骨骼的影响：药物对骨骼的影响多见于儿童，由于癫痫药导致维生素D减小、缺钙，从而使儿童癫痫患者出现佝偻病、X型腿、牙齿稀疏、四肢无力、低血磷、胎儿畸形等。对内渗出系统的影响：长期不间断的进服药物可导致激素代谢加快、激素的传输异常，从而引起高泌乳素血症、糖尿病、阿狄森氏综合征、青春发育异常等内渗出系统疾病，也会导致甲状腺、性腺低下。对免疫力系统的影响：长期服用癫痫药物可能会毁坏患者自身免疫力系统，可致使少数病人出现抵抗力下降(易感冒)、假性淋巴瘤、红斑狼疮、免疫球蛋白下降等情况。</t>
  </si>
  <si>
    <t xml:space="preserve">我老婆跟我第一次发生关系时不流血也不痛？但她却说是第一次，有这种? </t>
  </si>
  <si>
    <t>处女是不会说的，是感觉的，通常不是处女的往往说自己是处女！</t>
  </si>
  <si>
    <t xml:space="preserve">诺基亚N81照相,摄像不支持怎么办照相与摄像功能不被支持，软格机 </t>
  </si>
  <si>
    <t>你好！你确定你用软格机*#7370#时候，没有按错代码的么？建议你再试一试。硬格机方法是先关机，再开机的时候按住拨号键、“*”键、“3”键，打开电源直到“NOKIA”字样出现（此过程不能松开任何一个按键）。硬格机会把手机当中所有的数据都会恢复初始化，所以在格式化前，一定要备份你的重要资料，包括通讯录，日程，短信等资料。硬格机不会对手机造成什么伤害的。这个和电脑重装系统的道理类似。猛龙祝你天天好心情！</t>
  </si>
  <si>
    <t xml:space="preserve">请问:大盘短期头部成立了吗?RT </t>
  </si>
  <si>
    <t>连续性的下跌肯定会出现，但不一定是明天，明天也许回反身向上的。</t>
  </si>
  <si>
    <t>这样的四灵幡好吗22级神品四灵幡，攻击向性（84</t>
  </si>
  <si>
    <t xml:space="preserve">如果再和神品朱雀印血练 要记得加相应的灵媒 就OK </t>
  </si>
  <si>
    <t xml:space="preserve">九城通行证咋注册　我问拉可没看到答案　　　老是说身份证不对　　　 </t>
  </si>
  <si>
    <t>建议使用正确的身份证....亲戚的也可以...帐号申请后,身份证号码永远都不能更改了乱输入的话,以后被盗号就拿不回帐号了...无数WOW的怨念人士就是这样后悔的.</t>
  </si>
  <si>
    <t xml:space="preserve">周大福戒指里圈刻的ctfG18ks和D0185各代表什麽意思? </t>
  </si>
  <si>
    <t>ctf 是周大福的品牌标志18K 是说明戒指是18K金的DO185 应该是戒指款式的代码多少钱的问题  首先要看是多少克的18K金不是很贵   千足金比较贵</t>
  </si>
  <si>
    <t xml:space="preserve">改造TL问题冲稳后掉1防2敏1魔值多少钱啊? </t>
  </si>
  <si>
    <t>4D的东西,100W左右网通牧羊我也有个4D的,就卖了100W</t>
  </si>
  <si>
    <t xml:space="preserve">划拳时，怎样用手指来表示数字？请多多指教 </t>
  </si>
  <si>
    <t>划拳不离大母子，什么数都要出个大母子，如果你出二，就大母子、食指三，大母子、食指、中指四，大母子、中指、无名指、小指五，全出。个别地方有禁喊五、十总之你喊的数要比你出的数大或者说平。划拳是闽南的一文化，慢慢学吧</t>
  </si>
  <si>
    <t xml:space="preserve">一台设备运行，最大需要50kw，如果使用100kw电机，是否可以? </t>
  </si>
  <si>
    <t>不可以。变频控制器是应该和该控制器输出端所接的电动机配套使用的，您如果用50KW的变频控制器来带100KW 的电动机，尽管设备最大只要50KW 的功率输入，但50KW的变频器带100KW的电动机还是属于“小马拉大车”，变频器不但容易损怀，而且可能无法对电动机实行变频控制。</t>
  </si>
  <si>
    <t xml:space="preserve">狂暴专注之爪和屠龙大师宝珠哪个好?狂暴专注之爪和屠龙大师宝珠对于 </t>
  </si>
  <si>
    <t>....楼上1爆=23智力的说法我怎么从没听说过!我只听说过1爆=7法伤!我认为爆击对冰法来说确实不如法伤重要,但是楼主认为你一辈子都是冰法吗?资料片快到了不想转火玩玩!火法暴击重要性要远超法伤,如果你暴击不够会非常郁闷,我现在不低于500法伤基础上,首选都是暴击!我要的就是将来天赋能随便选,冰法早就玩腻了!</t>
  </si>
  <si>
    <t xml:space="preserve">我想学习编曲谁可以教教我啊！哪怕只要一点点的基础也可以，最好能教 </t>
  </si>
  <si>
    <t>要想在电脑上写歌曲，需要下载：简谱字库下载地址：http:/ 简谱字库由两个TrueType字库文件（ f和JianPu  f）组成，下载后解压并保存。</t>
  </si>
  <si>
    <t xml:space="preserve">北京海淀刑警队地址从北京西站到海淀刑警队做哪个公交车 </t>
  </si>
  <si>
    <t>高山流水 请分清海淀分局和刑警队的区别 谢谢从西站北广场对面 乘坐414路也就是西站北广场的公交枢纽对面坐到五路桥东下车下车往回走看到对面有个牌楼 上面写着恩济西园穿牌楼过第一排楼的楼洞右前方的楼就是刑警队</t>
  </si>
  <si>
    <t xml:space="preserve">圣诞节要送她礼物她不要，说我乱花钱，怎么办？说我出来上学本来就要 </t>
  </si>
  <si>
    <t>这是一个真正喜欢你关心你的女孩，她已经不把你当外人了，所以实际了些，忽略了恋爱的浪漫，但你送她小礼物，她还会很开心的。不用太贵，头上小饰品足矣。</t>
  </si>
  <si>
    <t xml:space="preserve">我在亲戚的公司的工作是一个人干两个人的活,我想换工作,可一时也找? </t>
  </si>
  <si>
    <t>继续找工啊,碰到这样的情况还不换工作?老板又不信任你,这样的工作做的没意思,会闷死你的.你会开车,有驾驶证还怕找不到工作吗? 像你每天出去跑,也可以留意一下哪里有打工的啊,比喻招司机什么的,总比你现在的工作要好吧!辞职吧,祝你早日走出困境!</t>
  </si>
  <si>
    <t xml:space="preserve">提问为什么老不能显示出来都是很简单的问题又没有敏感的东西，为什么 </t>
  </si>
  <si>
    <t>重新提问试一下，如果不行，就说明没希望了，本人也是遇到这种情况。</t>
  </si>
  <si>
    <t xml:space="preserve">战场是“友好相处”的净土？我晕了真打了居然还被骂，被踢，什么世道 </t>
  </si>
  <si>
    <t>刷装备来得快。真打很有意思，不过刷子体会不到。组支15人真打队伍吧。</t>
  </si>
  <si>
    <t xml:space="preserve">狗狗呕吐怎么办？我家狗狗4个月大。前2天拉稀，昨天开始呕吐，我喂 </t>
  </si>
  <si>
    <t>白色的粘液一样的东西么？吃东西不？怕冷吗？有没流鼻涕，眼屎多不？最好带去医院检查一下，小狗容易生病，验下细小跟狗瘟，如果不是这两种，就比较好治了</t>
  </si>
  <si>
    <t xml:space="preserve">关于吃荔枝一个荔枝三把火,是真的吗? </t>
  </si>
  <si>
    <t>荔枝一次不可过多食用，以免上火。“一个荔枝三把火”，民间却很流行先把剥了壳的荔枝放入盛着盐水的器皿里，稍浸片刻捞起才吃，说是可以化解荔枝肉那此引起上火的成分，于是可放心细细品尝了。</t>
  </si>
  <si>
    <t xml:space="preserve">上海哪家美甲学校好？ </t>
  </si>
  <si>
    <t>我觉得找一家实实在在教你技术的学校最重要，让你交的每一分钱都能学回一分技术。推荐你去上海佳悦美甲学校，很不错的学校，认真做实事的学校。你值得信赖。</t>
  </si>
  <si>
    <t xml:space="preserve">老师好,我的000936是11.10的成本,后市该怎么办啊? </t>
  </si>
  <si>
    <t xml:space="preserve">000936该股交易非常踊跃；从综合技术指标上分析，该股短线弱势盘局特征明显；该股今日的主力成本为8.90元，当前价格已运行于成本之下，说明该股中长线处于弱势状态，虽然短线有反弹的可能，但还应注意风险的防范；筹码分析显示，该股调整压力加大，观望。近期该股有反弹要求，耐心持股。 </t>
  </si>
  <si>
    <t xml:space="preserve">"馋猫”为什么用“猫”？"馋猫”为什么用“猫”，而不用“狗”，“ </t>
  </si>
  <si>
    <t>你听说过恶意骂人用猫的吗？用"馋猫”表示亲昵的语气，不表示恶意而是开玩笑．况且猫真得比较馋而且还挑食．</t>
  </si>
  <si>
    <t xml:space="preserve">高一化学问题12.4gNa2X中含有0.4molNa＋离子，Na </t>
  </si>
  <si>
    <t xml:space="preserve"> 12.4gNa2X中含有0.4molNa＋离子，Na2X的摩尔质量是多少g/mol？它的相对分子质量是多少？X的相对原子质量是多少？该物质的式是？     12.4g/M  *2 ==0.4 mol    M =62g/mol    相对分子质量是62     X的相对原子质量是=62-2*23 =16   是氧元素   Na2O2、 1.7gNH3共有多少mol质子=1.7/17 *(7+1*3)= 1.0mol    0.1molH2S共约有多少个电子=0.1 *(1*2+16)*N(A)=1.8N(A)    同物质的量的NH3和H2S气体的质量比为多少？17:34==1:2    同质量的NH3和H2S气体的分子个数比为多少？　m/17:m/34==2:13、2.3克钠投入多少克水中，才能使每100个水分子中溶有1个钠离子？   2Na + 2H2O ==2NaOH  + H2  n(Na)=2.3/23 =0.1mol   反应需水 0.1 *18 = 1.8g则有 0.1/n(H2O)==1/100  n(H2O)==10mol共需水 ==10 * 18 + 0.1 *18 =181.8g　　　　　　　　　　　　　　　　4、多少克过氧化钠投入到459克水中，才能使水分子与钠离子的个数比为25：1？并求此时溶液的质量分数？  设需NaO2为xmol  2 Na2O2 + 2H2O2 ==4 NaOH + O2  反应需水xmol则有   2x/(459/18  - x)  ==1 / 25   x=0.5mol                                     质量=0.5*(46+32)=39g溶液的质量分数=m(NaOH)/m(溶液）*100%               =0.5*2*40/(39+459-0.5/2  *32)*100%               =8.16%　　　　　　　　　　5、混合溶液中含SO42－2.5mol，Cl－5mol ,NO3－2.5mol ,Na＋2.5 mol ,其余为H＋ ，则H＋物质的量为多少？ 设H+为xmol    2.5*2 + 5*1 + 2.5 *1 ==2.5*1 + x *1             x=10mol                  正负化合价代数和为零要学好化学，请多参阅我上传的资料，祝学习进步！！！！！！！！</t>
  </si>
  <si>
    <t xml:space="preserve">《西厢记》的作者是谁？ </t>
  </si>
  <si>
    <t xml:space="preserve">西厢记作者：(元）王实甫西厢记第一本：张君瑞闹道场杂剧    &gt; 楔子　第一折　第二折　第三折　第四折  　 西厢记第二本：崔莺莺夜听琴杂剧    &gt; 楔子　第一折　第二折　第三折　第四折　第五折   西厢记第三本：张君瑞害相思杂剧    &gt; 楔子　第一折　第二折　第三折　第四折  　 西厢记第四本：草桥店梦莺莺杂剧    &gt; 楔子　第一折　第二折　第三折　第四折  　 西厢记第五本：张君瑞庆团圆杂剧    &gt; 楔子　第一折　第二折　第三折　第四折  </t>
  </si>
  <si>
    <t xml:space="preserve">美国是大熔炉的思想源于谁?这句话该怎么解释? </t>
  </si>
  <si>
    <t xml:space="preserve">塞缪尔 亨廷顿.美国是个移民国家，来自世界各地不同的民族在这里交汇，碰撞，形成了别具特色的一种文化。熔炉在此是指不同文化与种族的人移居到美国,共同生活,融合在一起,创造了我们今天称作美国文化的奇妙文化. </t>
  </si>
  <si>
    <t xml:space="preserve">怎样退订邮箱我申请的邮箱想退掉，不知怎么办。 </t>
  </si>
  <si>
    <t xml:space="preserve">如果您的免费邮箱在90天内没有通过任何方式登陆（web或者pop3),那么该免费邮箱将会被冻结（不能再接收邮件）同时邮箱里面的一切数据将被清空，仅仅保留邮箱名字，如果再次登陆将会恢复正常使用。如果您的免费邮箱超过180天没有通过任何方式登陆（web或者pop）,那么该免费邮箱地址将会被删除。退订任你邮，有两种方式，请注意：如果您的邮箱已经开始收费，退订成功后，从下个月起将不会从您的上再次扣费。退订后，您的收费邮箱到期后将不能使用，所以请您一定要做好备份。　　　一、退订请您发邮件给webmaster@  ,提供您邮箱名字和密码前三位，续费的手机号码和手机密码的前三位，核实后，我们将帮您退订。另外，如果您是注册免费邮箱过程中获赠收费邮箱的，免费邮箱会自动导入到收费邮箱里面，取消收费邮箱后想继续使用免费邮箱的话，请点击下面的链接将您的免费邮箱从收费邮箱里面恢复。  二、通过手机发送短信方式退订邮箱，发送内容“00000”（请注意是5个零），联通手机发到9888，移动发到8888。发送成功后，您的手机会收到反馈信息的。如果开通了短信提醒功能，请到邮箱里，将其关闭掉。如果您是注册免费邮箱过程中获赠收费邮箱的，免费邮箱会自动导入到收费邮箱里面，取消收费邮箱后想继续使用免费邮箱的话，请点击下面的链接将您的免费邮箱从收费邮箱里面恢复  如有更多问题， 请咨询新浪客服中心。全国统一客服热线：  咨询邮箱：webmaster@ </t>
  </si>
  <si>
    <t xml:space="preserve">矿产怎么进口？要走些什么程序？ </t>
  </si>
  <si>
    <t>1、根据船到达卸港的时间提前通知提供所需的全套报关单据复印件。2、进口报关的时限：自运输工具申报进境之日起14天内申报，超日海关证收滞报金，在出税单的14天内没缴纳税款，海关征收滞纳金。3、报检程序：水尺测量--报验--交商检费--出入境通关单--抽样化验--品质证书报关程序：申报--征税--放行--查验--结关4、报关报检单据报验单据：报检委托书、报验单、合同、invoice、国外的水尺重量单、品质证明书。报关单据：报关委托书、报关单、合同、invoice、重量单、商检通关单、保单、信用证复印件。 其中铜矿、铁矿、铝矿的进口除了监管条件A（入境通关单）之外就是一个7（自动进口许可证），如果有害物质含量没有超过国家有色行业对矿产的规定的话，就可以进口，没有问题。</t>
  </si>
  <si>
    <t xml:space="preserve">我把男朋友甩了我和他不在一个学校上学.再一起时,也不怎么说关于自 </t>
  </si>
  <si>
    <t>有的人是陪你走一路，有的人是陪你走一生的，喜欢和爱是两回事，如果你不知道什么爱时，就不要决定，被人喜欢和喜欢一个人是一件非常好的事，享受吧</t>
  </si>
  <si>
    <t xml:space="preserve">腹部不舒服？两片肋骨中间靠点右侧，那是哪啊。坐着那就会不舒服。也? </t>
  </si>
  <si>
    <t>那可能是您的胃有毛病了。您可以到医院去做个钡餐造影或者胃镜检查看看，是否患上了胃炎或是十二指肠溃疡等疾病。</t>
  </si>
  <si>
    <t xml:space="preserve">大家研究研究怎样才能抄底逃顶 </t>
  </si>
  <si>
    <t>楼主,讨论问这个问题就象怎么买彩票能中大奖一样困难和没有意义.指数的飘忽不定,虽然有一定的技术部分可以预测,但是现在的经济受政策管控占主要成分,并且现在的政策经常会给我们一个"惊喜",谁又能想到下一个交易日会怎样呢?看了一些名流blog的分析,虽然是很有道理,但是也是各家说法不一,经常是两个极端.</t>
  </si>
  <si>
    <t xml:space="preserve">请问哪里可以看到最近正在放的电视剧《一起走过的日子》的分集剧情介? </t>
  </si>
  <si>
    <t xml:space="preserve"> 在这个网站里，也许可以让你知道一些。。。。</t>
  </si>
  <si>
    <t xml:space="preserve">关于建筑风格问题？什么是巴洛克建筑风格和哥特式建筑风格？及它们的 </t>
  </si>
  <si>
    <t xml:space="preserve">  巴洛克建筑是17～18世纪在意大利文艺复兴建筑基础上发展起来的一种建筑和装饰风格。其特点是外形自由，追求动态，喜好富丽的装饰和雕刻、强烈的色彩，常用穿插的曲面和椭圆形空间。   体现巴洛克的罗马耶稣会教堂巴洛克一词的原意是奇异古怪，古典主义者用它来称呼这种被认为是离经叛道的建筑风格。这种风格在反对僵化的古典形式，追求自由奔放的格调和表达世俗情趣等方面起了重要作用，对城市广场、园林以至文学艺术部门都发生影响，一度在欧洲广泛流行。   意大利文艺复兴晚期著名建筑师和建筑理论家维尼奥拉设计的罗马耶稣会教堂是由手法主义向巴洛克风格过渡的代表作，也有人称之为第一座巴洛克建筑。   手法主义是16世纪晚期欧洲的一种艺术风格。其主要特点是追求怪异和不寻常的效果，如以变形和不协调的方式表现空间，以夸张的细长比例表现人物等。建筑史中则用以指1530～1600年间意大利某些建筑师的作品中体现前期巴洛克风格的倾向。   罗马耶稣会教堂平面为长方形，端部突出一个圣龛，由哥特式教堂惯用的拉丁十字形演变而来，中厅宽阔，拱顶满布雕像和装饰。两侧用两排小祈祷室代替原来的侧廊。十字正中升起一座穹窿顶。教堂的圣坛装饰富丽而自由，上面的山花突破了古典法式，作圣像和装饰光芒。教堂立面借鉴早期文艺复兴建筑大师阿尔伯蒂设计的佛罗伦萨圣玛丽亚小教堂的处理手法。正门上面分层檐部和山花做成重叠的弧形和三角形，大门两侧采用了倚柱和扁壁柱。立面上部两侧作了两对大涡卷。这些处理手法别开生面，后来被广泛仿效。   巴洛克风格打破了对古罗马建筑理论家维特鲁威的盲目崇拜，也冲破了文艺复兴晚期古典主义者制定的种种清规戒律，反映了向往自由的世俗思想。另一方面，巴洛克风格的教堂富丽堂皇，而且能造成相当强烈的神秘气氛，也符合天主教会炫耀财富和追求神秘感的要求。因此，巴洛克建筑从罗马发端后，不久即传遍欧洲，以至远达美洲。有些巴洛克建筑过分追求华贵气魄，甚至到了繁琐堆砌的地步。   从17世纪30年代起，意大利教会财富日益增加，各个教区先后建造自己的巴洛克风格的教堂。由于规模小，不宜采用拉丁十字形平面，因此多改为圆形、椭圆形、梅花形、圆瓣十字形巴洛特式的圣卡罗教堂等单一空间的殿堂，在造型上大量使用曲面。   公元395年，以基督教为国教的罗马帝国分裂成东西两个帝国。史称东罗马帝国为拜占庭帝国，其统治延续到15世纪，1453年被土耳其人灭亡。  东罗马帝国的版图以巴尔干半岛为中心，包括小亚细亚、地中海东岸和北非、叙利亚、巴勒斯坦、两河流域等，建都君士坦丁堡。拜占庭帝国以古罗马的贵族生活方式和文化为基础。由于贸易往来，使之融合了东方阿拉伯、伊斯兰的文化色彩，形成独自的拜占庭艺术。    拜占庭式建筑的特点是十字架横向与竖向长度差异较小，其交点上为一大型圆穹顶。穹顶在方形的平面上，建立覆盖穹顶，并把重量落在四个独立的支柱上，这对欧洲建筑发展是一大贡献。圣索菲亚大教堂是典型拜占庭式建筑。其堂基与罗马式建筑的一样，呈长方形，但是，中央部分房顶由一巨大圆形穹窿和前后各一个半圆形穹窿组合而成。  在建筑及室内装饰上，最早的成就表现在基督教堂上，最初也是沿袭巴西 利卡式的形制。但到5世纪时，他们创立了一种新的建筑形制，即集中式形制。这种形制的特点是把穹顶支撑在四个或更多的独立支柱上的结构形式，并以帆拱作为中介连接。同时可以使成组的圆顶集合在一起，形成广阔而有变化的新型空间形象。与古罗马的拱顶相比，这是一个巨大的进步。  哥特式建筑是11世纪下半叶起源于法国，13～15世纪流行于欧洲的一种建筑风格。主要见于天主教堂，也影响到世俗建筑。哥特式建筑以其高超的技术和艺术成就，在建筑史上占有重要地位。最负著名的哥特式建筑有俄罗斯圣母大教堂、意大利米兰大教堂、德国科隆大教堂、英国威斯敏斯特大教堂、法国巴黎圣母院。  哥特式建筑是以法国为中心发展起来的。在12—15世纪，城市手工业和商业行会相当发达，城市内实行一定程度的民主典型的哥特式建筑政体，市民们以极高的热情建造教堂，以此相互争胜来表现自己的城市。另外，当时教堂已不再是纯属宗教性建筑物，它已成为城市公共生活的中心，成为市民大会堂、公共礼堂，甚至可用作市场和剧场。在宗教节日时，教堂往往成为热闹的赛会场地。  法国斯特拉斯堡大教堂的玫瑰窗哥特式建筑的特点是尖塔高耸、尖形拱门、大窗户及绘有圣经故事的花窗玻璃。在设计中利用尖肋拱顶、飞扶壁、修长的束柱，营造出轻盈修长的飞天感。以及新的框架结构以增加支撑顶部的力量，使整个建筑以直升线条、雄伟的外观和教堂内空阔空间，再结合镶着彩色玻璃的长窗，使教堂内产生一种浓厚的宗教气氛。教堂的平面仍基本为拉丁十字形，但其西端门的两侧增加一对高塔。  </t>
  </si>
  <si>
    <t xml:space="preserve">四六级证书什么时候发 </t>
  </si>
  <si>
    <t>快的话，四月份吧。慢的话，可能会拖到五月份</t>
  </si>
  <si>
    <t xml:space="preserve">怀孕期间对睡姿有没有要求?孕妇睡姿 </t>
  </si>
  <si>
    <t>现在开始炼左侧睡，孕晚期时不要平躺，最好也不要右侧睡。</t>
  </si>
  <si>
    <t xml:space="preserve">为了给宝宝均衡一下营养，所以换了个牌子的奶粉喝，结果发现宝宝喝的? </t>
  </si>
  <si>
    <t>这与奶粉质量没关系的，因为小孩的身体发育的还不怎么健全，经常换对小孩的肚子和胃都吃不消的，想均衡营养的话建议你买国产奶粉，听说许多国产奶粉还是不错的，针对中国儿童体质设计，营养丰富而且容易吸收</t>
  </si>
  <si>
    <t xml:space="preserve">物理作业问题10 </t>
  </si>
  <si>
    <t>选（B）（D）由题可知，弹簧压缩到最短时，AB速度相同,但加速度不相同。排除A。刚开始，A加速度大于B，AB最短时，va=vb,所以在这之前，有A加速度等于小于B的时刻，随着AB间距减小，弹簧弹力增大，B的加速度也增大，A的减小，所以va=vb时，A加速度必小于B。所以（B）正确，也可推出（C）错误，（D）正确。选A 。设伸长为X，且F&gt;f。达到稳定时加速度为a=(F-f)/2m.所以对右边一个受力分析可得，向左的弹力kx，向右的拉力F，处于平衡状态可得kx+ma=F,即x=(F+f)/2k</t>
  </si>
  <si>
    <t xml:space="preserve">???有人在觀察600418?幔?它的盤面是不是在??樱? </t>
  </si>
  <si>
    <t>有资金吸纳的痕迹，短线恐难有作为。</t>
  </si>
  <si>
    <t xml:space="preserve">谁能介绍一下米高扬公司的现状听说要破产了 </t>
  </si>
  <si>
    <t>应该是米格公司，米高扬是其下属的一个设计局米格公司成立于1999年2月，其前身是1893年成立的生产自行车的“杜克斯”工厂。米格公司现辖14个分公司，包括工程中心（即米高扬设计局）、技术装备后勤支援中心、市场和销售中心、费多托夫飞行试验中心等，拥有6万名员工，是俄罗斯最大的飞机制造企业。目前，该公司是一个集军、民用飞机设计、生产、市场营销、售后服务、产品改造于一身的联邦国家单一制企业。迄今为止，公司已生产了6万余架飞机和直升机，其中1.1万架出口到全球40多个国家和地区。　　米格公司的主要产品有米格—29系列前线歼击机及其各种改进型、米格—31截击机、米格—AT教练机、卡莫夫系列直升机、伊尔—103轻型飞机、图—334中程客机等。在众多产品中，米格—29系列机是其拳头产品。　　近年来，由于国防订货减少，加之国外客户又多看中“苏”系列飞机，米格公司的日子比较难过。为了在困境中求生存，公司在加强对现有飞机现代化改造的同时,也开发了米格—29K型舰载机等新产品。2002年，公司外贸出口取得可喜成绩，受到普京总统的表扬。在8月19日第六届莫斯科航展开幕式上，普京总统还专门参观了米格公司的展台，并听取了公司总裁尼基京的汇报。据报道，今年该公司歼击机生产和改装的签约额已达45亿美元。</t>
  </si>
  <si>
    <t xml:space="preserve">请问华南师范大学的生物系实力如何？硕士毕业后可以去当老师吗？每年 </t>
  </si>
  <si>
    <t>华南师范大学的不如中山大学的 你考虑中山大学的吧</t>
  </si>
  <si>
    <t xml:space="preserve">阳台瓷砖多少钱一平方米，阳台瓷砖的价格什么样的合适？ </t>
  </si>
  <si>
    <t>阳台瓷砖的价格相比便宜。十几到几十元每平方不等。每个人的购买能力和对产品的价值理解不同，你到“亚洲陶瓷商城” 不同的产品报价吧。高中低档都有，想必总有一款适合您的</t>
  </si>
  <si>
    <t xml:space="preserve">我只能听到别人说话，我说别人听不到为什么我只能听到别人说话，别人 </t>
  </si>
  <si>
    <t xml:space="preserve">1.检查一下麦克连接是否正确或者松动2.看看在UTａｌｋ界面上麦克是关闭还是开启状态3.点击调节，把话筒音量增强打上勾4.看看调节里面输入音量是否可以调节 5.点击测试，自己说话看自己是否可以听到6.如果设置的按键发言,请您一直按着快捷键发言.7.点击电脑左下角开始-程序-附件-娱乐-录音,自己说话录一段音,然后播放出来听听看有没有声音  </t>
  </si>
  <si>
    <t xml:space="preserve">有谁知道她是谁啊[思考] </t>
  </si>
  <si>
    <t>这个是韩梅梅  以前初中英语课文中的人物</t>
  </si>
  <si>
    <t xml:space="preserve">关于美食任务请问那个任务里果梨和赤松是要给那老头多少啊?是每个人 </t>
  </si>
  <si>
    <t>果梨和赤松各一组.40个/组那种.凡是要做任务的人必须准备好相关的材料.打白眼狼那步,队伍中如果有没持有不靠谱的地图的人,和白眼狼对话都不能触发战斗.</t>
  </si>
  <si>
    <t xml:space="preserve">有个版子是无限出人类步兵的，可以4个人一起玩的，叫什么名字啊，请? </t>
  </si>
  <si>
    <t>就叫 FOOTMAN</t>
  </si>
  <si>
    <t xml:space="preserve">卓越全场免运费免到啥时候阿？我看上一个手机，不过手里暂时钱不够。 </t>
  </si>
  <si>
    <t>卓越全场免运费对于下小额订单的人是个福音。而对于想在卓越买手机的人来说，我觉得大可不必在意卓越的免运费问题，因为从以前的卓越来看，大于百元的订单总是会免运费的。</t>
  </si>
  <si>
    <t xml:space="preserve">治疗强直性脊柱炎哪里的医院好？治疗强直性脊柱炎哪里的医院好？ </t>
  </si>
  <si>
    <t>强直性脊柱炎治疗医院。目前对该病尚无根治方法，但大多数患者病情可以得到有效控制。早期明确诊断，尽快使用控制病情的药物，是减少致残的关键。药物治疗包括非甾体类抗炎药、糖皮质激素及中药，应当在正规风湿免疫医师指导下应用。同时，应监测药物不良反应，对于严重髋关节、脊柱畸形可行手术治疗。治疗强直性脊柱炎医院：你好,中药治疗完全可以,强直性脊柱炎是一种以骶髂关节和脊柱关节的慢性进行性炎症为主,并侵犯四肢关节和其它脏器的全身性疾病. 此病致残率较高：一般先侵犯骶髂关节,然后沿脊柱逐渐向上发展,而累及腰椎,胸椎,甚至颈椎.强直性脊柱炎在没有变形之前是可以治愈的,如果变形就只能控制不发展. 治疗从提高免疫系统和滋补肝肾着手全面调理,配合调和脾胃.去风通络,活血散寒,消肿止痛,治疗用追风舒筋疗法,没有任何副作用,疗效好,疗程短.不要用西药,副作用太大.不要喝酒,不要劳累,注意休息.</t>
  </si>
  <si>
    <t xml:space="preserve">显卡Intel(R）8280用哪个驱动程序？为什么我找的驱动总是 </t>
  </si>
  <si>
    <t xml:space="preserve">这个网站上驱动程序多，你自己试试 </t>
  </si>
  <si>
    <t xml:space="preserve">越来越爷们儿的女孩，什么事都要做完美，宁愿不做，这也给我带来很多? </t>
  </si>
  <si>
    <t>不要过分要求自己，也不要过分要求别人，我们都是平常人。找个时间放松放松。可能工作节奏太快了，要注意啊。</t>
  </si>
  <si>
    <t xml:space="preserve">请教种地高手本人缺少奥石和恩石,想请教一下,该到哪儿种地能得到这 </t>
  </si>
  <si>
    <t>不敢说自己是高手,但绝对是个种地老手!奥石就在古鲁丁买冷气柯塔,区域——古镇，古村，说话岛都行。我的经验：种奥石的情况：种地：当你一转前全在说话岛种（20级以下），普顶一套，1级时直接传战胜纪念塔，打狩猎狼人和狼人酋长；升到17级时就要换地方了，建议去精灵废墟，一直跑到底儿，有3只蜘蛛的地方，杀过去左手有间房，里面刷6只火蜥蜴，2倍血怪（血倍数越多，一个种子收获的果实越多），就打它们，80%情况能收4个果实，其他情况收3个，还是很效率的。一转后去古村，唯一的一个庙（别说你不知道啊），传蜥蜴人营地，跑几步进去，打里面的4倍血怪，可以种到大概26级（知道你觉得收获果实的成功概率低于50%时就停手吧，再种也无所谓，毕竟此时一个种子成功播种并回收的果实在5个以上！）果实交易：这步最关键，相当于农民工进城打工的年底结款！这果实的系统交易价格应该是3000一个，但一般情况没有城主以这种价格收购（黑心啊，BS下），最多情况是按500一个收购，也就是说6个果实换一个奥石（按此比例你可以自己算下你们服务器的收购情况，再低就不要卖了，否则不划算）。注意：看清报酬种类，奥石是第二种报酬，第一种是垃圾软皮，别交易错了！种恩石的情况：种地：接上，练到26级就可以改种这个了，继续在古鲁丁混，买红色柯柏种子，装备D顶一套，还是在那个庙里种；建议升到32（学完技能转战迪恩）。到迪恩还是买这种子，下游击队那个庙继续种，可以种到2转，其他不多说了。果实交易：这果实的系统交易价格应该是12000一个。但这个果实种的人很多，城主收购的数量有限，不太好卖，自己估计每天晚8点的集中收购时间吧，最好精确到秒，否则抢卖不出去的！以上是你想要的，完全经验奉上，不给我分就实在那个了。。。。。。呵呵最后祝你好运！</t>
  </si>
  <si>
    <t xml:space="preserve">请问二手奥拓、面包、夏利，这三种车哪个最便宜而且实用想买个二手车 </t>
  </si>
  <si>
    <t>奥拓没夏利动力好，空间也小，奥拓还有分电器受潮的通病，小面包也不好，我觉得夏利最好</t>
  </si>
  <si>
    <t xml:space="preserve">给孩子起名字2006年6月21日，晚上10点生，男孩，7斤，父亲 </t>
  </si>
  <si>
    <t xml:space="preserve">张龙太郎 </t>
  </si>
  <si>
    <t xml:space="preserve">我现在该怎么做呢昨天我向一个女生表白了,可是遭到了拒绝,她说我不 </t>
  </si>
  <si>
    <t>继续追，说不定，她只是在考虑，有可能也想试试你。加油！！！</t>
  </si>
  <si>
    <t xml:space="preserve">求助75青云加9武器上了3重没把好装备很累，想问问加9的奔雷剑大 </t>
  </si>
  <si>
    <t>晕，你是几区的？是新区还是老区，不同的区价格不一样。新区75+9可能会卖到100元宝左右，+8的也会卖到50元宝左右，至于老区嘛，当垃圾扔都不知道有没有人捡。。。。。。。。</t>
  </si>
  <si>
    <t xml:space="preserve">游戏香港地区很快可以玩战地OL了是这样吗？ </t>
  </si>
  <si>
    <t xml:space="preserve">目前战地OL台服已经确定，2012年台港澳地区的玩家就可以玩到。国服还没有确定但是国内已经出了官方博客 </t>
  </si>
  <si>
    <t xml:space="preserve">西安航空旅游学院的院长是谁？ </t>
  </si>
  <si>
    <t xml:space="preserve">  西安航空旅游学院的院长是董旭峰先生。董旭峰院长曾荣获第十五届“西安市十大杰出青年”称号，被授予“新中国60年民办教育十大风云人物”，并光荣当选西安市人大代表， 西安市第十五届人民代表大会民族宗教侨务外事委员会委员。  董旭锋院长自创办西安航空旅游学院以来，开创了民办院校国内多项第一，创造了陕西民办教育史上的奇迹，成为西部乃至全国教育界的一面旗帜，被誉为“民办高校成才第一人”。2008年7月27日，西安航空旅游学院被评为“中国民办高校科学发展创新院校”。2009年11月21日，董旭锋院长荣膺“新中国60年民办教育十大风云人物”称号。2009年12月16日，在多家权威媒体等单位举办的2009年西部主流媒体问卷调查活动中，西航院荣获“中国西部最具竞争力十佳院校”，董旭锋院长同时被授予“西部开发杰出贡献奖”。</t>
  </si>
  <si>
    <t xml:space="preserve">病人甲亢引起房颤15年，还有高血压（已服药控制）、后来碘131放? </t>
  </si>
  <si>
    <t>1他的症状首先要明确是甲状腺机能减退导致的，还是甲亢性心肌病导致的，因此迫切需要心超的结果来证实。2如果心律是心房颤动，心率60次/分，那么心率太低了，心率低也有可能是引起他气促不适的原因，因此有必要做一次24小时动态心电图，来判断他心率的整体情况。3既然心率慢，就暂时不要吃地高辛了，肾功能正常且停用已25天，再测地高辛浓度不可能高的。4芪苈强心胶囊对他的病情有多大帮助？目前很难说。</t>
  </si>
  <si>
    <t xml:space="preserve">梦见考试，还不知道是否通过，什么预兆？ </t>
  </si>
  <si>
    <t>你好 这是你心理压力大了，你应该放松心态的</t>
  </si>
  <si>
    <t xml:space="preserve">香港有哪些大学? </t>
  </si>
  <si>
    <t>香港有六所比较好的大学：香港中文大学、香港大学、香港理工大学、香港城市大学、香港科技大学和香港浸会大学，其中中文大学和香港大学建校较早。申请香港的大学与申请美国大学的程序大致差不多，但也有不同之处。下面大致介绍一下。 首先，可以到网上去查询一下各大学的情况，如系科分配、奖学金多少等，以确定申请的目标。如香 港大学的网址是 ，城市大学为 。确定目标之后便开始正式申请 。香港大学的研究生的申请一般需要以下材料： 1．本科成绩单：中英文的各一份，并须经过学校公证。 2．英文水平证明：一般应具有托福成绩。与美国不同的是，香港的大学并不要求一定要ETS寄送成绩 ，而是只要原件的复印件即可。有些大学如甚至不一定要托福成绩，大陆的四、六级证书也可接受。不过 一个好的托福成绩显然更有竞争力。 3．GRE成绩：随着竞争的激烈，香港的大学现在又要求GRE成绩，与托福一样，只需复印件即可。这 两项可以为我们节省25美元。 4．申请表格：一般来说，只要发一个电子邮件给招生办公室或者系里，对方便会寄来有关表格。不 过与美国不同的是，香港的大学会要求你说明自己的研究意向，当然只要一个很宽泛的范围即可，无须非 常具体。材料一般是免费的，如果觉得麻烦，甚至可以从网上下载。 5．研究计划：这是与美国大学不同的一点，也是最重要的一点。这与美国的大学要求的 PERSONAL STATEMENT完全不同，研究计划（RESEARCH PROPOSAL）是纯学术的，无须加入诸如个人经历、感情这些东 西必须是非常具体的，不能太宽泛。研究计划一般包括以下几点： （1）研究对象（TOPIC），即你想要解决的问题 （2）研究此问题的意义 （3）前人的研究状况即遗留的问题 （4）你的研究方法（METHODOLOGY） （5）参考文献（BIBLIOGRAPHY）：这一点很重要，但往往会被忽视。 一般来说，系里会建议你先与某位教授联系，确定研究的题目、方法等，取得教授的同意后，在递 交正式的计划。当然，如果你能引起教授的注意，请他为你提意见甚至给你修改，那么成功的几率就很 大了。 6．推荐信：香港大学一般只要两封推荐信，但必须是学术领域中的人，其他人则不被接受。推荐信 是一、两份表格，而不是洋洋洒洒的一大篇。其内容是对你学术才能的评价。此外还要求对你的研究计 划做出评价和建议，这一点也不应忽视。 7．此外就剩下申请费（APPLICATTON FEE）了。香港的大学申请费比美国低得多，一般一两百港币， 一般人均能承受。 申请时要注意的是，如果想得到奖学金，必须申请全日制 （FULL－TIME）。香港的水平很高， 学费加申请费至少需要一万港币每月，一般人肯定读不起，不过如果得到STUDENDSHIP的话（每月约一万 四到一万五港币），所有开销便无须担心了。</t>
  </si>
  <si>
    <t xml:space="preserve">债务利息、税后盈余、财务杠杆系数、EPS这几种计算的公式是什么？? </t>
  </si>
  <si>
    <t>这些公式书上应该都直接或间接的提到过，债务利息＝有息负债总额*利率，税后盈余＝税前利润*（1－所得税率），财务杠杆系数＝EBIT/[(EBIT-I-PD/(1-T)]，EPS＝税后盈余/发行股数</t>
  </si>
  <si>
    <t xml:space="preserve">怎么样才能看出小观赏鱼快要下小鱼了？凤尾鱼，鱼肚子比较大，因为是 </t>
  </si>
  <si>
    <t xml:space="preserve">一 凤尾是卵胎生，繁殖应是非常容易，繁殖水温以20-23摄氏度。繁殖时不需要再挑选亲鱼，它们在生长过程中就可以交配，小鱼长到两个多月的时候就要开始要繁衍后代了，不知什么时候小母鱼就怀孕了，小公鱼其实在很小的时候就开始追着小母鱼了，待到雌鱼的胎斑由白变黑，肛门突出时，便是临产征兆。 二 当发现有了临产征兆，就应将临产的雌鱼捞到繁殖箱里，所以您必需准备好一个繁殖箱，那是因为当母鱼在生产的过程中会有别的大鱼会把刚出生的小鱼吞吃掉。当母鱼生产前把它放到单独的繁殖箱里，开始的时候它会万分惊慌的飞快的游来游去，在发现新的环境十分安全了，那明早你起来的时候就会看到温馨喜人的一幕了：几十尾幼鱼偎依在母亲身边。但是受环境的影响，如水温过低，或是母鱼觉得周遭鱼太多对小鱼不安全，母鱼会为了自己的宝宝的小生命安全而推迟生产。 雌鱼每次下仔20-40尾，有的高达70-80尾。幼鱼产出后即会游动和觅食，其生长迅速，1个月后即可判别性别，4个月便发育成熟。繁殖周期为1个月左右。一般来说母鱼不会吞噬自己的孩子，但是分养还是必要的，为了给小鱼一个安全悠哉的环境，母鱼在完全生产后就要把它放回原来的大鱼缸了。是将母鱼捞出不是捞幼鱼! </t>
  </si>
  <si>
    <t xml:space="preserve">易方达的净值怎么还不出来呀这么慢 </t>
  </si>
  <si>
    <t>稍安勿躁，就要出笼了！易方达的净值现在已经出来啦！</t>
  </si>
  <si>
    <t xml:space="preserve">奥迪可以漂移吗如题，还有，漂移和甩尾怎么区分？ </t>
  </si>
  <si>
    <t>当然可以，任何车都可以。  漂移(drift,drifting)是术语，指让车头的指向与车身实际运动方向之间产生较大的夹角，使车身侧滑过弯的系列操作。其目的是为了克制过弯时的转向不足，但在标准的柏油路面并没有抓地力，一般只是用在拉力赛中，增加了赛车运动的观赏性。  甩尾是后驱车通病，常造成各种交通事故，特别是在雨雪天、砂石或光滑路面上行驶时更要减速缓行以避免发生甩尾。摩托车与电动自行车等二轮机动车更易发生甩尾造成人员伤亡，即使是在普通的路面的突然制动也可能造成严重的甩尾，虽然可通过加装防甩尾装置减少甩尾现象的产生或减轻甩尾的幅度，但都不能完全避免甩尾。   日本说法漂移是甩尾的一种.而甩尾并不全是漂移.日本人认为FR车型做出来的甩尾才叫漂移.例如FF的甩尾在日本叫动力滑胎4WD的车叫高速甩尾。 　　漂移产生的条件　漂移产生的条件归咎到底就是一个：后轮失去大部分(或者全部)抓地力，同时前轮能保持抓地力(最多只能失去小部分，最好是获得额外的抓地力)；这时只要前轮有一定的横向力，车就甩尾，即可产生漂移。　　使相对静摩擦力转换为滑动摩擦力的时候就会产生漂移现象。对重心与滑动动摩擦力和静摩擦力的相对角度与距离及大小等因素的精确控制可使这种漂移的过程可控。</t>
  </si>
  <si>
    <t xml:space="preserve">我用的是HP喷墨打印机，怎样更改双面打印顺序？ </t>
  </si>
  <si>
    <t>先打奇数页，然后打偶数页（这时要在选项里把逆页序打印前的对勾选上）。注意纸的方向。如果末页是奇数的，打偶数页时把这页拿出去。有什么问题给我留言。</t>
  </si>
  <si>
    <t xml:space="preserve">联程票中途改签一定能当日走吗? </t>
  </si>
  <si>
    <t>旅客不能按票面指定的日期、车次乘车时，在不延长客票有效期的前提下，可以办理一次提前或改晚乘车签证手续。办理改晚乘车签证手续时，最迟不超过开车后2小时，团体旅客必须在开车48小时以前办理。往返票、联程票、卧铺票不办理改签。旅客可要求变更高于原票等级的列车或铺位、座席。办理时核收变更区间的票价差额，核收手续费，不足起码里程按起码里程计算。变更低于原票等级的列车、铺位、座席时不予办理。旅客中途自行变更低于原票等级的列车、铺位、座席时，票价差额部分不予退还。一、“限当日乘当次车”： 如果你买的是1号0001次列车的车票，你就应当在1号这天乘坐0001次列车出行。如果不能按指定时间、车次出行，你应当事先到车站办理改签手续（且只能改签一次），经车站同意并办理手续后，你可以乘坐早于或晚于0001次的其他列车。如果你到车站后，0001次列车已经开出，那么你必须在0001次开车后的2小时之内办理改签手续，按车站指定的车次乘车，如果2小时以后再去办改签，你的车票就作废了！ 二、“三日内到达有效”： 1、你1号从出发地乘车，必须在3号的24：00到目的地，中间可数次下车中转。譬如：你1号从北京上车（目的地是上海，假设有效期是3天）），2号早上到泰山玩一天，2号晚再乘车。3号早上到南京玩一天，傍晚再乘车，3号晚24：00前到上海即可。如果3号24：00你才到苏州，那么苏州----上海这一段你就另掏银子补票。千万记住，中途下车后要到车站办理签字才能换乘其他的车次。 2、你买的是北京到上海的卧铺票，在泰山下车后，卧铺票即失效。再换乘其他车次时只能去硬座车厢，而且很可能没座位。 3、旅客中途患病下车就医，不能在3日内到达目的地，可凭的证明到（下车就医的那个）车站办理手续换乘其他车次。若病重，短时间内不能成行，则可以凭医院的证明到车站退票，车站应当退回旅客未乘坐区间的车票钱。但是，车站对退票旅客的态度是很冷漠的，以至于有上述情况的旅客自认倒霉也不去车站退票。 下面是二条相关的规章供参考. 第30条 旅客须按票面载明的日期、车次、席别乘车，并在票面规定有效期内到达到站。旅客如在票面指定的日期、车次于中途站上车时，未乘区间票价不退。旅客可在列车中途停车站下车，也可在车票有效期间内恢复旅行，但中途下车后，卧铺票即行失效。 中转换车和中途下车旅客继续旅行时，应先行到车站办理车票签证手续。 第25条 车票的有效期按下列规定计算： 1.客票的有效期按乘车里程计算： 500千米以内为两日，超过 500千米时，每增加1000千米增加一日，不足1000千米的尾数也按一日计算。 市郊票的有效期由铁路运输企业自定。 2.卧铺票按指定的乘车日期和车次使用有效，其他附加票随同客票使用有效。 3.各种车票的有效期从指定乘车日起至有效期最后一日的24时止计算。 4.改签后的客票提前乘车时，有效期从实际乘车日起计算；改晚乘车时，按原指定乘车日起计算。 5.变径后的客票有效期按分歧站以后的里程重新计算。 6.其他票种按票面规定的时间或要求使用有效。</t>
  </si>
  <si>
    <t xml:space="preserve">象牙饰品应如何清洁保养？ </t>
  </si>
  <si>
    <t>如果同志们有象牙的贴身饰品，洗澡的时候请务必摘下，因为象牙一旦在热水中时间过长的话，会开烈并变色。还有最好不要摔在地上了`因为这样很容易损坏的`````没事的时候多把玩把玩~~~~ 不要让象牙粘到象洗涤灵一类带有刺激性的液体，那样表面的光泽会变暗颜色发乌，把玩时间长了颜色慢慢发黄，是正常现象，还有象牙平时应该如何保养才不会老化和变黄呢？如果是佩饰没有办法阻止，因为人的汗水会使它变黄，如果是摆件的话，可以想办法使它与空气阻隔开来，比如用玻璃罩子罩上，并放点水，以防止开裂。牵强象牙是娇气的玩意，请好好爱护它。象牙不建议用油保养，如果脏了可以用牙刷沾着牙膏清洁，但是时间不能过久，否则容易开裂。象牙制品对温度和湿度都很敏感，请注意保湿。50%以上的湿度是就可以了，如果手串常用就无所谓了</t>
  </si>
  <si>
    <t xml:space="preserve">为什么流氓坐车不用给钱？ </t>
  </si>
  <si>
    <t>坐警车啊</t>
  </si>
  <si>
    <t xml:space="preserve">怎么抽奖?????不是说冲点卷可以抽奖的吗？去那里抽的？ </t>
  </si>
  <si>
    <t xml:space="preserve">你充值的时候需要登录你的天联帐户,充值之后系统给你帐户发了兑换券,找到你的兑换券(在你充值时登录的帐户里),点击抽奖,就会你一堆兑换码,拿兑换码到打开  ,充到你的游戏角色上就可以了 </t>
  </si>
  <si>
    <t xml:space="preserve">北京韩式半永久化妆培训机构怎么选？春甜学院是最好的吗？ </t>
  </si>
  <si>
    <t xml:space="preserve">确实是这样的。我在北京春甜韩式半永久化妆学院学习了以后回来开店顾客都是忙不过来了，一方面客户对我的半永久化妆技术非常认可，另一方面按照春甜学院的创业指导做好了客人关系，使得大家很愿意选择我们。北京半永久化妆培训机构方面，春甜学院很不错！ </t>
  </si>
  <si>
    <t xml:space="preserve">想知道自己喉咙得了什么病为何多年治不好怎么检查验证去治疗身体(喉 </t>
  </si>
  <si>
    <t>应该做喉镜和胃镜检查</t>
  </si>
  <si>
    <t xml:space="preserve">多乐士的“超易洗”、“超易洗强化”“2代5合1”哪个更好？我们这? </t>
  </si>
  <si>
    <t>回答了你的前一问题后，又看到这个问题。也谈谈看法：一、你所了解到的商家报价，我认为“超易洗”报价太高，应当在190元左右。二代五合一的价格差不多。二、从性能上说，二代五合一当然比超易洗好得多。因为，它的配方中已经对防污、抗细微裂纹、抗碱等作了应对。这在商家的资料介绍中可以看出。但在实际上，如果你的墙面没有什么碱性，你的腻子底层处理得比较好，出现裂纹的可能性很小，你的天花不可能有孩子涂鸦，那么，五合一与其它的系列就比较不出来孰优敦劣。所以，建议你根据自己的实际情况选择。但就如我对许多网友所建议的一样，仍然建议你把天花与墙面的乳胶漆分开，天花上只用一般的，不用最好的。希望我的回答能够对你有所帮助。</t>
  </si>
  <si>
    <t xml:space="preserve">主版那些是一线品牌那些品牌是啊 </t>
  </si>
  <si>
    <t>现在的主板个人觉得能被称为一线的只有华硕和技嘉了．以前微星是当之无愧的一线大厂！但是现在它的产品的销量已经不如以前了，主要是它的做工方面，很多产品是别人代工的！你看下他的产品和技嘉的对比一下就知道差别了．但是它的黑板系列还是可以的，主要是红板不怎么好．个人现在一线的只推荐技嘉的产品，做工不错．华硕也有点偷工减料的手脚了．二线的升技的板做工最出色！</t>
  </si>
  <si>
    <t>闲着没事画个图，供大家玩玩</t>
  </si>
  <si>
    <t>看图可以，但不可以太相信，看以往的高低点，那一次不是人为造成的？当通道支撑起来了，政策不会出现，当它肯定要向下破位的时候，说不定政策就出来了。</t>
  </si>
  <si>
    <t xml:space="preserve">晚上睡觉小腿抽筋怎么办？ </t>
  </si>
  <si>
    <t>有两中可能：1。白天运动量偏大，肌肉疲劳；2。缺钙。引发的抽搐。</t>
  </si>
  <si>
    <t xml:space="preserve">?W小语种读四川大学的小语钟专业还是读西安外国语大学的小语种专业? </t>
  </si>
  <si>
    <t>外语学校当然首选川外，就是重庆哪个四川外国语学校</t>
  </si>
  <si>
    <t xml:space="preserve">国道上的号码是什么意思？比如，国道324是什么意思 </t>
  </si>
  <si>
    <t>我国现有国道７０条，总长１０.６万公里。以国道为骨架，辅以地方干线公路（省道）和普通公路，形成了全国公路网。 　　国道，就是国家干线公路的简称，是在国家公路网中具有全国性政治、经济意义，并经确定为国家干线的公路。目前，这7０条国道根据其地理走向分为３类。第一类是以首都北京为中心，作扇面辐射的公路，共１２条，约１.４万公里；第二类是中国版图之内南北走向的公路，共２８条，约３.９万公里；第三类是东西走向的公路，共３０条，约５.３万公里。 　　为区分这３类国道，每一条公路干线常采用三位阿拉伯数字作为编号来表示。编号３位数中的第一位数字表示国道的类别：１××代表第一类以北京为中心的放射性国道；２××代表第二类南北走向的国道；３××代表第三类东西走向的国道。编号３位数中的第二、三位数字表示国道的排列顺序，“１××”的“××”就是第一类国道自北向南按顺时针方向排列的序数。</t>
  </si>
  <si>
    <t xml:space="preserve">中药的搭配就那红参泡茶太上火.不知道加点胖大海可以吗?谢谢了,知 </t>
  </si>
  <si>
    <t>红参和胖大海是“风马牛不相及”的两种药材，不知你为何用红参泡茶？红参大补元气，你整天地补，不上火才怪呢。是事要有“度”，物极必反。胖大海生津润喉，平时以其代茶倒也无可非议。红参代茶又苦又辣，也不好喝啊。</t>
  </si>
  <si>
    <t xml:space="preserve">粽子叶是哪种植物的叶子？ </t>
  </si>
  <si>
    <t>粽叶分两种，一是苇叶（芦苇，又称苇子，多年生草本，生在浅水里。茎中空，可造纸、编席等。根茎可入药），另一种是箬叶（Indicalamus Leaf）,箬竹属（l.NaKai）中的阔叶箬竹（ tifolius）的叶片，主要分布于长江以南各省丘陵地区。粽叶一些生长在陆地（箬叶），一些生长在水里（苇叶）在我国南方大部分一直用箬叶包粽子，就是利用其特殊的竹香味和防腐作用。生长在广袤的丛山峻岭中，根系发达，生命力强，不仅是一种很好的水土保护植被，而且还是一种取之不竭的财富，是山区百姓的“ 绿色银行”，面积达20万亩，产量达8000吨。它含有大量对人体有益的叶绿素和多种氨基酸等成份，可提取天然香精香料和食品添加剂，气味芳香，闻上去有回归大自然的感觉。它不仅能用于包粽子，还用于包装其他的食品及餐桌上的装饰和食品的陪衬，还可用于编制器皿、做盒饭盒和剪成各种形状。粽叶，天然生长，无毒害，无污染，并且年年可采，季季可收，做为食品包装，具备无污染和使用的“一次性”。因此，被当今营养学家称之为“天然绿色食品”。   《本草纲目》中早就有记载，粽叶具有有清热止血、解毒消肿、治吐血、下血、小便不利、痈肿等功效。近年来研究证明，箬竹叶多糖物具有抗癌效果。《中药大词典》中也介绍粽叶有清热止血、解毒消肿，治吐血、小便不利、喉痹、痈肿等功用。</t>
  </si>
  <si>
    <t xml:space="preserve">帮帮我~!~!!~20分但是各位帮帮我啊~~!为什么我一开游戏就 </t>
  </si>
  <si>
    <t>重新启动,我的机子也经常发生这种事,你也可以=1,2个小时再登陆</t>
  </si>
  <si>
    <t xml:space="preserve">REALPLAYER使用时占用CPU使用率太高最近使用RealP </t>
  </si>
  <si>
    <t>可以更换KMPLAYER.我个人认为比RealPlayer好。</t>
  </si>
  <si>
    <t xml:space="preserve">春天来了，我这身材都不敢穿过露的衣服，整天包得跟粽子一样，愁死我? </t>
  </si>
  <si>
    <t>我也是啊，好看的衣服都不能穿了，真是急死我了。减肥都减不下去。身材又走样了</t>
  </si>
  <si>
    <t xml:space="preserve">向@道培医院孙媛提问：孙医师，下午好！请问白血病会传染吗？ </t>
  </si>
  <si>
    <t>白血病不会传染！</t>
  </si>
  <si>
    <t xml:space="preserve">我想做超市，但不知如何才能获得供货商的进场费？　　我真搞不懂：要 </t>
  </si>
  <si>
    <t>你好!首先收取进场费的超市要有一定的规模,有一定的销货量.不知道你和供应商采用的是何种结算方式,如果你们地区象你这样规模的超市都不 收取进场费或者按月结算,你可以以付现金的形式收取一定的费用,如果规模不大,到不如要求供应商节假日在你店多做些活动,既增加了卖量,有提升了人气,供应商也开心,何乐而不为呢!谢谢你对我的信任!祝生意兴隆!</t>
  </si>
  <si>
    <t xml:space="preserve">我尿尿分叉又一年多了，尿时没有痛感也没有什异常，只是JJ硬的时候? </t>
  </si>
  <si>
    <t>以下是我和的医生的对话，你看一下，看是否对你有帮助。男科专家4 12-18 09:07:17您好您 12-18 09:07:30小便分叉，不痛，有阻塞感是怎么回事情男科专家4 12-18 09:07:44年龄多大了男科专家4 12-18 09:07:49这样的情况有多长时间您 12-18 09:07:58一年男科专家4 12-18 09:08:20年龄多大您 12-18 09:08:3429（不知道你年纪多大，我随便说的）男科专家4 12-18 09:08:35排尿不顺畅对吗您 12-18 09:09:07有点堵塞男科专家4 12-18 09:09:34从症状上分析，主要考虑是前列腺炎，应该做个前列腺的检查，因为尿分叉是前列腺炎很典型的症状您 12-18 09:09:55这个需要手术么男科专家4 12-18 09:10:20不需要手术，首先做个前列腺的检查，看看前列腺具体的情况，针对性的治疗您 12-18 09:10:40检查主要检查什么项目？男科专家4 12-18 09:10:43如果方便可以来我院查一下，检查费用是16元，根据你的情况采取一个适合你的方法男科专家4 12-18 09:10:56化验前列腺液就可以您 12-18 09:11:32这样啊您 12-18 09:11:46不治会怎么样男科专家4 12-18 09:12:23前列腺炎会影响性功能，造成阳痿，早泄。严重的对生育也会有影响。所以还是及时的检查一下您 12-18 09:13:07好的，谢谢您</t>
  </si>
  <si>
    <t xml:space="preserve">请教清泉大师600396?600396如何操作?成本17.78买 </t>
  </si>
  <si>
    <t>000768 持有.600396 补仓.</t>
  </si>
  <si>
    <t xml:space="preserve">你们能射出多少毫升的精液?不许吹牛,每毫升有几个精子啊?象我2天 </t>
  </si>
  <si>
    <t>最多5－6ml，如果连续射精，一次比一次降低。</t>
  </si>
  <si>
    <t xml:space="preserve">这游戏升级快吗吗？我准备玩个格斗龙。不知道升级怎么样。快不快？有 </t>
  </si>
  <si>
    <t>格斗龙到中期后技能攻击杀伤强,升级有很多途径,加入一个好的公会,有人带的话,升级会很快,而且可以拿到许多AC物品.</t>
  </si>
  <si>
    <t xml:space="preserve">请教高手财务问题：请问在应付帐款上不用付给人家的钱（1万多）可以 </t>
  </si>
  <si>
    <t>应付款的单位是同城的吗？如果是同城的就按你老板说的做好了，不过记得要在支票存根联上写收款单位的名称，还有要是能有一张收据就最好了。如果不是同城的，开支票有点勉强，不过也没有更好的方法了。其实就挂着不处理比较好点。</t>
  </si>
  <si>
    <t xml:space="preserve">北京560开头的电话号码是那里 </t>
  </si>
  <si>
    <t>应该是 北京海淀区的号码。</t>
  </si>
  <si>
    <t xml:space="preserve">"曾经沧海难为水，除却巫山不是云＂的理解常常会遇到＂曾经沧海难为 </t>
  </si>
  <si>
    <t>“曾经沧海难为水，除却巫山不是云。”这句话的意思：经历过无比深广的沧海的人，别处的水再难以吸引他；除了云蒸霞蔚的巫山之云，别处的云都黯然失色。</t>
  </si>
  <si>
    <t xml:space="preserve">中国的"克格勃"叫什么? </t>
  </si>
  <si>
    <t>国家安全部和国家保密局</t>
  </si>
  <si>
    <t xml:space="preserve">关于剧情技能对于大唐来说学什么剧情技能比较合适？变身是怎么回事？ </t>
  </si>
  <si>
    <t>我觉得什么门派学满查旗和2J仙灵店铺都不错变身是剧情技能,就是可以利用变身卡变成某种怪物.可以找方寸的PT祖师学习,消耗是4点剧情点/级.一共5级这个技能还是很有用的...我给你说一下变身卡的作用你就知道了[变身后可以附加效果,而且不会被他人PK]变化是有时间限制的,一般变化时间为基础变化时间X(1+变化术等级)我再举几个变身卡的作用...(1)高攻门派:虾兵(必杀),白熊(反击),天将(强力)(2)法术门派:灵符女娲(魔心)(3)肉盾型门派:天兵(防御)另外有个技能可以破除变身效果,那就是"火眼金睛"在天宫扬戬处学习.消耗是2点/级,一共5级</t>
  </si>
  <si>
    <t xml:space="preserve">猎人和厨师怎么加点,还有做料理和狩猎要变身吗?我是新手,大家帮帮? </t>
  </si>
  <si>
    <t>新手啊,建议你把主号先练高点然后开的厨师和猎人加纯血魔就可以了做料理有必要时可以变,比如你才3级料理想造4级的东西时候猎人的卡时还是拿来练技能,别拿去变身花了</t>
  </si>
  <si>
    <t xml:space="preserve">急肝炎病毒出了人体，能存活多长时间？ </t>
  </si>
  <si>
    <t>指肝脏发炎。许多病原微生物如病毒、细菌、真菌、立克次体、螺旋体及某些原虫和寄生虫的感染都可能引起肝脏发炎；各种毒物（如砒霜）、毒素（细菌的内外毒素）和某些药物（如雷米封、消炎痛、氯丙嗪等）的中毒都可引起中毒性肝炎。由药物中毒引起的称为药物性肝炎；由细菌引起的肝炎称为细菌性肝炎；而可引起肝脏炎症的病毒除肝炎病毒外，还有疱疹病毒、EB病毒、巨细胞病毒、水痘病毒、肠道病毒及腺病毒等。 但是通常人们所说“肝炎”指的是由甲型、乙型、丙型、丁型、戊型、己型及庚型肝炎病毒所引起的病毒性肝炎。上述各型肝炎的病变都在肝脏，都具有相似的临床表现，也都具有传染性强、病程较长及危害性大的共性。而在病原学、血清学、临床经过及预后等方面却有明显不同。 危害最大的是乙型肝炎。这是因为感染后，可以成为无症状病毒携带者。新生儿期及3岁以下的婴幼儿感染后大多数成为表面抗原或病毒携带者，这些携带者中的一部分能发展成急。慢性乙型肝炎、肝硬化或肝癌。因为肝硬化和肝癌发展历程很长，大约需30－40年，故婴幼儿感染了乙型肝炎病毒并成为病毒携带者，发展成肝硬化和肝癌的可能性要大于成年人期乙型肝炎病毒感染。但这里不是说凡是感染过乙型肝炎病毒的人都会有不好的后果，而是指感染了乙型肝炎病毒，迁延不愈，血中总带有乙型肝炎表面抗原或乙型肝炎病毒的人及慢性乙型肝炎患者。这些人很难治愈，慢性乙型肝炎病人中25%前景不好，但有75%的人仍然有恢复的可能。 保护易感人群除消毒隔离、提高个人卫生水平和卫生知识、加强个人防护、避免接触传染源、切断各种可能的传播途径外，预防注射是保护易感人群最好的措施之一，但目前不是五种肝炎都有可用的疫苗，只有甲型肝炎和乙型肝炎已有有效的疫苗和免疫球蛋白可作为易感者的主动免疫和被动免疫以预防甲型肝炎和乙型肝炎传播和流行。 甲型肝炎疫苗：在甲型肝炎流行期间，易感人群主要为婴幼儿、学龄儿童和血清抗-HAV-IgG阴性的其他高危人群，均应接种甲型肝炎减毒活疫苗（H2无毒株）为预防甲肝的主要手段。用法及用量为一岁以上儿童/成人一次1毫升，注射于上臂皮下，用过丙种球蛋白者，需隔8周后注射。对患有肝炎、发热、急性传染病者、患有急性或慢性严重疾病者、免疫缺陷病和使用免疫抑制剂者以及孕妇均禁忌注射甲型肝炎疫苗。 丙种球蛋白：市售人血丙种球蛋白和人胎盘丙种球蛋白对甲型肝炎接触者或有可能暴露于甲型肝炎病毒者，有一定保护作用，接种时间越早越好，不应迟于接触后1-2周，剂量为儿童0.05-0.1毫升/公斤，一次肌肉注射，成人为3毫升，一次肌肉注射。免疫期3周，一般可防止发病和减轻症状。 乙型肝炎疫苗：主要用于阻断母婴传播和新生儿预防及其他高危人群，在有条件的地区可对学龄前和学龄儿童进行接种。全程免疫为10-30微克按0、1、6个月各肌肉注射一次，新生儿生后应立即（不迟于12小时）注射HBIG，2-4周后再按0、1、6方案注射乙肝疫苗每次30微克。全程免疫后抗体生成不好者，可再加强免疫一次30微克。免疫期5年，每5年加强注射一次。其禁忌症为发热、急慢性严重疾病或有过敏史者。极少数接种疫苗后可不产生抗体，其原因可能为患者有慢性丙肝、或是隐匿性乙肝病毒感染，这种情况用PCR法可测出HBV-DNA阳性。 乙型肝炎免疫球蛋白（HBIG）：HBsAg阳性母亲（尤其HBeAg阳性）所生新生儿，医源性或意外受HBsAg阳性血污染者，可注射HBIG。新生儿生后24小时内和2个月龄各肌肉注射一次，每次1毫升（100单位），与乙肝疫苗联用时，参见上述乙肝免疫注射。医源性污染后立即肌肉注射5毫升，免疫期2个月。</t>
  </si>
  <si>
    <t xml:space="preserve">如何回答这道公务员面试题从你的同事那里了解到，你的人际关系比较紧 </t>
  </si>
  <si>
    <t>首先要表明自己平常的人际关系是可以的,但既然要回答这样的题目就从以下几点来说:1.应该要进行自我反省,先从自身找原因,是不是自己平常说话不注意,或者是工作的处理方法不对?知道原因之后有针对性的纠正自己的行为.2.要尊重同事,要虚心向同事学习,凡事多请教.3.同事间要互相帮忙,对不是自已份内的事,但同事忙不过来也可以帮助一下.</t>
  </si>
  <si>
    <t xml:space="preserve">高一上学期数学都学习什么内容学习三角函数吗？ </t>
  </si>
  <si>
    <t>我们没学数列~~~~学概率~算法~~新科改~~~我们这是广东~~新课改~~~~深圳~~~~~~江苏版教材~~上学期学两本书：内容有：：：“集合，基本初等函数1”    “立体几何初步，平面解析几何初步”下学期两本书：内容：：：“算法初步，统计，，概率”     “三角函数，平面向量。三角恒等变换”</t>
  </si>
  <si>
    <t xml:space="preserve">大学英语四级备考方法高中时候英语水平一般，高考是120，也就是平 </t>
  </si>
  <si>
    <t>高考英语120分的难度,要远大于四级及格的难度.如果你能考120,那么四级不用担心，基本保过,考前多读点文章找一下感觉，巩固一下过去的基础,就很容易过了.</t>
  </si>
  <si>
    <t xml:space="preserve">淘宝和拍拍哪个更好呢？ </t>
  </si>
  <si>
    <t>淘宝，这个用户要比拍拍要多N倍，而且淘宝的商家大部分有保证金开店的。竭力真诚为您解答，希望给予【好评】，非常感谢</t>
  </si>
  <si>
    <t xml:space="preserve">尤文下半场再进3个,痛宰巴特2:5.顶的进来 </t>
  </si>
  <si>
    <t>严重支持尤文胜利!</t>
  </si>
  <si>
    <t xml:space="preserve">请问１８位身份证号为什么总是不正确现在不管玩什么游戏都有防沉迷的 </t>
  </si>
  <si>
    <t>你外国来的？</t>
  </si>
  <si>
    <t xml:space="preserve">宝宝不长身高，怎么办？我家宝宝六个月到七个月之间才长了0.5cm </t>
  </si>
  <si>
    <t xml:space="preserve">首先祝你的孩子健康成长。从你孩子的情况看见，是有点缺乏营养了。建议你：一、给孩子喝牛奶，全面补充营养（如果是才几个月大的孩子，要坚持喂母乳）1、多炖骨头汤，尤其是猪胴骨汤，用骨头汤煮粥+胡萝卜。2、多吃黄豆等豆类及其豆制品（豆腐、豆浆等）。3、用塘角鱼或者黄鳝鱼＋青菜煮粥。４、用猪肝、瘦肉等＋青菜煮粥。　　注意要少吃多餐。如果可能的话，在孩子半夜三更醒来时加喂一餐。二、让宝宝多活动多晒太阳。活动能强筋壮骨，促进骨头生长，晒太阳能把体内的胆固醇转换成维生素D,维生素D有助于帮助钙的吸收。从而促进宝宝长高。三、适当用药物补钙。 推荐使用以下药物:1、美国乐力（复方氨基酸鳌合钙），在各种氨基酸螯合矿物质的生产工艺中所采用的氨基酸系大豆蛋白水解产物再经高新技术精制所得的全谱氨基酸，包括人体所需的8种必需氨基酸（赖氨酸、色氨酸、缬氨酸、苯丙氨酸、苏氨酸、亮氨酸、异亮氨酸、蛋氨酸），共20种。乐力钙除了吸收率卓越外,复合补钙的理念也是非常先进的。仅仅补“钙”难以满足骨骼常青的需要。就像吃饭,除了主食钙之外,骨骼还需要其他的菜肴(如锰、镁、硅、矾、硒、锌等“骨营养矿物质族”)。美国乐力钙具备这两个领先的优势。它于1997 年进入中国市场，累计用户超过 5000 万，未出现不良反应报道。由于“乐力”钙在治疗和预防钙及微量元素缺乏引起的各种疾病有非常好的效果,成为《学新发展》、《妇产科常见病用药指南》、《骨质疏松学》等权威书籍中的推荐药物。适应症:补充钙质需要，增强机体免疫 用法及用量: 口服，温水送下。成人一日 1-2 粒； 6 岁以下儿童一日半粒， 6 岁以上按成人剂量服用。幼儿及吞服不便者，可打开胶囊用适量果汁冲服。 包装及规格: 1g / 粒， 30 粒 / 瓶 批准文号:进口注册证号： BH20030216 ，国药准字 J20030087 市场价格：28元/瓶。2、哈药集团三精制药有限公司生产的 “ 葡萄糖酸钙口服溶液”英文名称：Calcium Gluconate Oral Solution汉语拼音：Putaotangsuangai Koufurongye[成 份] 本品每毫升含主要成份葡萄糖酸钙100毫克（相当于钙9毫克），辅料为乳酸、氢氧化钙、甜菊糖甙、香精。[性 状] 本品为无色至淡黄色粘稠液体，气味芳香，味甜。[适 应 症] 本品为补钙剂，用于预防和治疗钙缺乏症，如骨质疏松，手足抽搐症，骨发育不全，佝偻病，以及妊娠和哺乳期妇女、绝经期妇女钙的补充。[用法用量] 口服，成人一次1-2支，一日3次。儿童一次1次，一日2次。[注意事项] 1、心肾功能不全者慎用。2、高钙血症、高尿血症、含钙肾结石或有肾结石病史者禁用。3、服用洋地黄类药物期间禁用。4、当药品性状发生改变时禁止服用。5、儿童必须在成人监护下使用。6、请将此药品儿童不能接触的地方。[不良反应] 偶见便秘。[规 格] 10毫升：1克[贮 藏] 密封保存。[包 装] 蓝色玻璃瓶，每支装10毫升，每盒10支。[有 效 期] 三年市场价格：13元/瓶  </t>
  </si>
  <si>
    <t xml:space="preserve">为什么我海盗登不进啊！！！我按进入游戏后自动退出的啊我下载了海盗 </t>
  </si>
  <si>
    <t xml:space="preserve">估计是电脑问题!或者没更新好 请你试下 进入游戏 旁边的检查版本 </t>
  </si>
  <si>
    <t xml:space="preserve">奇怪了~我怎么一连接就出现OS:WindowsXP5.1(Bui </t>
  </si>
  <si>
    <t>你的显卡3D效果不行，不能玩，换一个好的显卡吧，或重装一下显卡驱动</t>
  </si>
  <si>
    <t xml:space="preserve">我的邮箱一直没有验证，现在我想要验证，请问怎么办 </t>
  </si>
  <si>
    <t>你好！到天堂2注册页面去验证即可。祝你成功！</t>
  </si>
  <si>
    <t xml:space="preserve">故障码为什么删不了？.我刚换了氧传感。点火器。钢线，火花塞。浓度? </t>
  </si>
  <si>
    <t>汽油，空气滤芯，喷油嘴检查一下。</t>
  </si>
  <si>
    <t xml:space="preserve">怎样才能把青春期小孩从颓费中拉出来弃学、抽烟、平凡更坏交男朋友， </t>
  </si>
  <si>
    <t xml:space="preserve">  首先父母是孩子们学习的最好榜样,如果孩子们经常生活在酒桌旁,生活在麻雀旁,那么要一个孩子不学会那是不可能的啊.所以要求家长们在孩子们面前要摆正位置.  其次是孩子们的问题.他们必须从小养成不喝酒,不吸烟的好习惯.要多看书多认识一些名人,丰富自己的思想,陶冶自己的情超.  再次是老师的引导.老师对学生一概是起引导作用.要多多的鼓励孩子们对学习的信心让他们不能对学习失去信心,要交他们一些课堂上所学不到的知识.  总之要交好孩子必须要有耐心.信心再加真心</t>
  </si>
  <si>
    <t xml:space="preserve">一战中德军钢盔为何有的有尖顶而有的没有？过去总把尖顶钢盔作为一战 </t>
  </si>
  <si>
    <t>那时用的还是顶部饰有强尖的骑士头盔，后来被更加实用的钢盔所取代。</t>
  </si>
  <si>
    <t xml:space="preserve">请大家推荐好用的唇彩,请教大家什么唇彩好用,不粘,比较适合夏天使 </t>
  </si>
  <si>
    <t>刚买了雅芳新出的蕾丝唇蜜 效果非常不错 超赞~！ 价钱也不贵（网上淘一般8块左右） 另外新炫唇蜜也不错哒，我有用过。</t>
  </si>
  <si>
    <t xml:space="preserve">现在为止！我是亏还是赚了！我刚收个天马黄金马达140W！亏还是赚 </t>
  </si>
  <si>
    <t>运气不错啦!要卖200万的东东哦</t>
  </si>
  <si>
    <t xml:space="preserve">杜绝甲骨文?这是不是指考古出土的甲骨上刻的所有甲骨文都不能在高考? </t>
  </si>
  <si>
    <t>不可以，这样会紧固人们的审美发展。</t>
  </si>
  <si>
    <t xml:space="preserve">酒窝整形能坚持多久？秦皇岛酒窝整形哪里最好？要多少钱呢？想做过酒 </t>
  </si>
  <si>
    <t>可以去纪辉那里咨询看看。他家做美容很好。我朋友有在那里做过的</t>
  </si>
  <si>
    <t xml:space="preserve">三打白骨精的剧情中杀老太婆是不是要到105级?我现在100但拿着? </t>
  </si>
  <si>
    <t>是105J才可以的</t>
  </si>
  <si>
    <t xml:space="preserve">苹果mac系统怎么才能rmrmvd的影片呢？？？越详细越好 </t>
  </si>
  <si>
    <t xml:space="preserve">RM和RMVB格式播放方法Windows平台的用户可能都了解RM和RMVB文件都为Realplayer的播放格式,是的在苹果mac系统下依然可以使用Realplayer播放,你只需要下载一个RealPlayer播放器一切轻松搞定。当你安装好Realplayer后,你只需下载这两种格式的电影，点击打开后，系统会自动使用Realplayer播放！看我以下的参考资料：  </t>
  </si>
  <si>
    <t xml:space="preserve">电脑的物理内存怎么样知道？物理内存指哪的内存？怎么样才能知道？ </t>
  </si>
  <si>
    <t>最简单的方法就Ctrl+Alt+Del调出任务管理器，在“性能”选项卡中，又物理内存栏，包括总数、可用数、系统缓存，都有！</t>
  </si>
  <si>
    <t xml:space="preserve">FS奥术输出问题天赋57/3/11不加状态下GS4000，命中3 </t>
  </si>
  <si>
    <t>你命中溢出了 LM 11%~~BL 12%就可以了 而且这还是团队FB 你下5人本 命中可以更低你要是5人本 DPS这么低 正常 小副本不好打高DPS 不过应该可以到3000+另外 你要有双天赋 看下技能是不是用的最高级的 双天赋学了新技能只会更新当前天赋的技能 另外个天赋的会悲剧。。。奥 天赋 装备命中达标 1法伤 2急速 3暴 命中溢出就是浪费属性了等你牌子毕业会发现个悲剧 呵呵</t>
  </si>
  <si>
    <t xml:space="preserve">贝壳里的珍珠刚取出来就是硬的吗？有软的吗？我家在鱼肚子里面发现一? </t>
  </si>
  <si>
    <t xml:space="preserve">我就是研究珍珠的。我对珍珠有 2，30年的经验，我可以负责任的对你说：   你看到的是鱼眼睛。   贝壳里取出 珍珠就是硬的。【来    源】珍珠贝科动物马氏珍珠贝Pteria martensii (Dunker)、或蚌科动物三角帆蚌Hyriopsis cumingii (Lea)、皱纹冠蚌Cristaria plicata (Leach)等双壳类动物。【历史沿革】我国是世界上最早利用珍珠的国家之一。早在4000多年前，珍珠就是我国宫廷中的珍品。魏晋时期的《名医别录》把珍珠列为治疗疾病的重要药材，并阐明了珍珠的药效。在《日华子本草》载，珍珠“安心、明目。”《本草衍义》曰：“除小儿惊热。”《本草汇言》曰：“镇心、定志，安魂，解结毒，化恶疮，收内溃破烂。”在2000多年前的汉代刘安《淮南子》中记载：“明月之珠，螺蚌之病而我之利也。”说明我国此时已认识到珍珠的成因。十三世纪，我国以铅制核，植入乌贝，成功地育成了有核珍珠。【生态环境】马氏珍珠贝在营养盐类丰富、浮游生物多、水质肥沃的海水中。一般栖息在低潮线附近至水深20多米的地方区域，以水深10米为多。蚌为底栖类软体动物，一般生活在江、河、湖泊、沼泽、小溪或水田等淡水环境中。【生物学特性】马氏珍珠贝一般为雌雄异体，但有转性现象，所以有时可见雌雄同体的现象。马氏珍珠贝适宜生活的温度为范围为15～30℃，要求栖息海区海水的比重较高，为1.0150～1.0280。第一年出生的马氏珍珠贝到第二年的繁殖期已具有繁殖的能力。繁殖期集中在每年5～10月份。①动物珍珠  其它名称　真朱，真珠，蚌珠，珠子，濂珠本品为较常用中药。始载于宋"开宝本草"。珍珠系蛤类及螺类受刺激所产生的分泌物层叠而成。市售品分二类：一类为天然产的珍珠；一类为人工养殖的珍珠，称为"养珠"，系将生石决明的颗粒或砂粒等投入蚌壳内经数年后所形成。[原动物]1. 珠贝母 别名：真珠贝。Erosari(Ravitrona) caputserpentis (L.)-软体动物门Mollusca，瓣鳃纲Lamellibranchia，假瓣腮目Pseudolamellibranchia，真珠贝科Pteriidae 为暖海底栖贝类，具二枚介壳，左右不等，左壳比右壳略大，且凹陷较右壳为深。壳之长度与高度差不多相等，通常长高为6～7厘米左右，大者可大于10厘米。前耳突大而短，后耳突长。壳面黄褐色，具黑色放射条纹。生长级明显。具有密生鳞片，易碎断，近壳顶处较为平滑。壳内白色或带淡黄色，富有珍珠光泽。壳缘较薄，呈黄褐色，铰合处平直有1～2个主齿。韧带细长，褐色。闭壳肌痕大，略呈耳形，几乎位于壳之中央。壳顶位于前端，距离近。足小，能生足丝线，于右壳前面之小孔伸出。附着于岩礁砂 。当珍珠母贝和蚌贝在水中生长时，若偶然遇有细微的砂粒或较硬质的生物窜入壳中外套膜内，外套膜受到刺激后，殊感不适，遂分泌真珠质逐渐包围由外窜入之砂粒或生物，并日益增大成为珍珠。养珠亦系利用此原理，一般选用3龄左右个体，施行插核手术，有意识地放入砂粒，让外套膜感觉不适而分泌许多真珠质来包被这些进入的砂粒，因而形成了人工珍珠，甚至人为地将投入物作成各种形状，结果所得的养珠也是各式各样的。产于暖海1～10米深处。幼体栖息地区较浅，长大后渐向深海区移动。主要分布于海南岛及广东其他沿海地区。2. 褶纹冠蚌Cristaria plicata Leach--蚌科Unionidae 淡水底栖贝类。壳厚大，外形略似不等边三角形。前部短而低，前背缘冠突不明显，后部长高，后背缘向上斜出伸展成为大形的冠。壳的后背部自壳顶起向后有一系列的逐渐粗大的纵肋。后缘圆。腹缘长近直线。壳顶位于距前端壳长约1/6处，壳顶有数条肋脉。成体的冠常仅留残痕，幼体的贝壳一般完整。壳表面深黄绿色至黑褐色，壳顶常受侵蚀而失去表层颜色。铰合部强大，韧带粗壮，位于冠的基部。左右两壳各具有一高大的后侧齿。前侧齿细弱，后侧齿下方与外面相应有纵突和凹沟数个。前闭壳肌痕大呈楔状，伸足肌痕圆形，前缩足肌痕小而深，后闭壳肌痕大而浅，外套肌痕宽，真珠层有光泽。生活在江河、湖沼的泥底，行动缓慢。分布于全国各地，黑龙江省的镜泊湖和松花江，安徽省的宁国，江苏省的武进，北京等地，都有发现。此种蚌可用来产生真珠，贝壳为制造纽扣的原料。以上二种原动物的检索表：1.淡水底栖贝类。壳近三角形。前部短而低，前背缘冠状突不明显，后背缘向上斜伸出...为大形的冠。壳顶有数条肋脉………………………………褶纹冠蚌Cristaria plicata1.暖海底栖贝类，壳左右大小不等，常左壳比右壳大，壳之长宽略相等。前耳突大而短，...后耳突长……………………………………………………珠母贝Pteria margaritifera[采制]全年皆产，通常以十二月较多，潜到海底，自水草或石头上取下海蚌，从其中取出珍珠。肉可食用。[炮制]用布包好，放入豆腐浆中，煮约3小时，取出洗净，研成极细粉即成。[药材及产销]本品为蚌类中得到的颗粒状珍珠。[名称] 珍珠Margarita 别名：真珠。[产地及销售习惯] 主产于广东合浦，黑龙江庆安，安徽宣城、南陵、当涂，台湾等地，销全国各地。[化学成份]主含碳酸钙。并含有多种氨基酸：亮氨酸(Leucine)，蛋氨酸(Methionine)，丙氨酸(Alanine)，甘氨酸(Glycine)，谷氨酸(Glutamic acid)，天门冬氨酸(Aspartic acid)等。性状鉴别   天然珍珠呈圆球形、椭圆形、不规则的球形或长圆形，直径1～6毫米。表面类白色、黄白色、浅粉红色、浅蓝色等，具美丽的彩色光泽，平滑。作过装饰品的珍珠，中央多数有穿孔。质坚硬，难破碎，断面呈层状。用火烧之有爆裂声。气无，味微咸。 养珠形状与天然珍珠相似，但表面光泽较弱，断面中央有圆形的砂粒或石决明碎粒，表面有一簿的真珠层。入药仅用真珠层。气无，味微咸。以颗粒圆整、光泽透明、有宝光、质地坚硬者为佳。[效用][性味] 甘咸，寒。[功用] 安神定惊，清热滋阴，明目，解毒。[主治] 热病惊痫、烦热不眠、咽喉肿痛腐烂、口疮、溃疡不收口、目赤翳障、并能润泽肌肤。[用量] 0.6g～1.2g。[禁忌] 无实热者慎用。珍珠是一种有机宝石，自古以来一直被人们视做奇珍，据地质学和考古学的研究证明，在两亿年前，地球上就已经有了珍珠。我国是世界上利用珍珠最早的国家之一，早在四千多年前，《尚书禹贡》中就有河蚌能产珠的记载，《诗经》、《山海经》、《尔雅》、《周易》中也都记载了有关珍珠的内容。珍珠按照成因分为天然珍珠和人工养殖珍珠两种，天然珍珠主要是指在贝、蚌的体内自然形成的珍珠；习惯上人们把珍珠又分为海水珠、淡水珠、人造珠三种类型，淡水珍珠是指江、河中产出的珍珠。我国的天然淡水珍珠主要产于华南诸岛。珍珠有白色系、红色系、黄色系、深色系和杂色系五种，多数不透明。珍珠的形态以正圆形为最好，古时候人们把天然正圆形的珍珠称为走盘珠。珍珠的形成湖海里的珠蚌，当开启蚌壳，一些外界的杂物如砂粒等，会进入到贝的体内并接触其外套膜时，外套膜受到刺激便分泌出一种碳酸钙的化合物，这些碳酸钙便以杂物为中心，层层包裹，经过三五年或者更长时间，直到形成珍珠。构成珍珠和贝壳的物质，大部分是碳酸钙。碳酸钙随结晶时条件的不同而形成方解石、霰石等，珍珠是由霰石构成的，而贝壳是由方解石构成的棱柱层。因此，它们虽然同是碳酸钙结晶，但由于结晶系的不同，所以就形成不同的物质-珍珠和贝壳。②（首见《红楼梦》第二十九回）贾母的丫头。鸳鸯上吊，是她首先发现的。又袭人在贾母处当奴婢时，亦曾取名珍珠。珍珠的英文名称为Pearl，是由拉丁文Pernulo演化而来的。早在远古时期，原始人类在海边觅食时，就发现了具有彩色晕光的洁白珍珠，并被它的晶莹瑰丽所吸引，从那时起珍珠就成了人们喜爱的饰物，并流传至今。珍珠是一种古老的有机宝石，产在珍珠贝类和珠母贝类软体动物体内，由于内分泌作用而生成的 含碳酸钙的矿物（文石）珠粒，是由大量微小的文石晶体集合而成的。珍珠的化学组成为： CaCO391.6%、H2O和有机质各4％、其它0.4%。珍珠的形状多种多样， 有圆形、梨形、蛋形、泪滴形、纽扣形和任意形，其中以圆形为佳。非均质体。颜色有白色、 粉红色、淡黄色、淡绿色、淡蓝色、褐色、淡紫色、黑色等，以白色为主。白色条痕。具典型的 珍珠光泽，光泽柔和且带有虹晕色彩。透明至半透明。折光率1.530－1.686，双折射率0.156。 无色散现象。硬度2.5－4.5。天然淡水珍珠的密度一般为2.66－2.78g/cm3，因产地不同而有差异。 无解理。韧性较好。在短波紫外光下珍珠显白色、淡黄色、淡绿色、蓝色荧光，黑色珍珠发淡红 色荧光；X射线下有淡黄白色的荧光。遇盐酸起泡。珍珠以它的温馨，雅洁，瑰丽，一向为人们钟爱，被誉为珠宝皇后。珍珠的成分是含 有机制的碳酸钙， 化学稳定性差，可溶于酸，碱中，日常生活中不适宜接触香水， 油，盐，酒精，发乳，醋和脏物； 更不能接触香蕉水等有机溶剂；夏天人体流汗多,也不宜戴珍珠项链，不用时要用高级中性肥皂或洗洁 精轻轻洗涤清洁，然后晾干，不可在太阳下暴晒或烘烤；收藏时不能与樟脑丸放在一起，也不要长期 放在银行的保险 库内。珍珠的硬度较低。佩戴久了的白色珍珠会泛黄，使光泽变差，可用1%-1.5%双 氧水漂白，要注意不可漂过了头，否则会失去光泽.关于珍珠的西方传说     在西方的传说中，说法是美神维纳斯出生于贝壳中，当贝壳打开的时候，从她身上滴下来的露水就变成了一粒粒晶莹剔透的珍珠。文艺复兴时期，著名画家波堤切利在《维纳斯的诞生》一画中，将女神置于一扇巨大的贝叶之上，从水底缓缓而出，女神抖落的水珠形成粒粒珍珠，洁白无瑕，晶莹夺目。丹麦人将珍珠与美人鱼扯在一起，美人鱼思念王子而不得，泪洒相思地，被守护在身边的贝母蚌珍藏起来，时间长了，眼泪就变成颗颗珍珠。    珍珠小简介    珍珠，又名真珠、蚌珠、珠子等，是一种珍贵的有机宝石，与玛瑙、水晶、玉石一起并称我国古代传统“四宝”。珍珠在英语中叫Pearl，源于拉丁语Pernnla。它的另一个名字Margarite，则由古代波斯梵语衍生而来，意为“大海之子”。      在古印度，人们相信珍珠是由诸神用晨曦中的露水幻化而成；波斯的神话则认为象征光明和希望的珍珠，更是由诸神的眼泪变成；而罗马人干脆将珍珠的形成与爱神维纳斯拉上关系，传说当爱神从充满泡沫的蚝壳沐浴完毕，走出来时，其身上滴下的水珠被爱神散发出的动人光彩凝结成了闪光的珍珠。中国民间亦有“千年蚌精，感月生珠”、“露滴成珠”等说法。从神话到传说，珍珠一直被认为是诸神送给大地的礼物，事实上，除了以上天恩赐作解释外，也真难让人相信，一只平凡如斯的蚝竟可孕育完美如斯的宝物。不过，现代科学表明，珍珠产于某些软体动物如白蝶贝、蛛母贝等珠蚌类（pearloyster），贝壳因异物渗入壳内成为“珠胚”而形成珠状颗粒。这种珠状颗粒随着岁月流逝，就会因蚌分泌物的包裹而成为越来越大的珍珠。因此，一般而言，珠蚌越老，珍珠也越大，所以历来有“老蚌生珠”之说。      珍珠的主要成份是碳酸钙，约占总量的82-93%。此外，珍珠还含有4-14%的角蛋白质和2-4%的水份，以及十几种氨基酸和28种微量元素，其中包括硒、锗等抗衰物质。珍珠的硬度为3，比重为2.71，折射率为1.53-1.68，珍珠用谷令计量，1谷令约为0.0648克。珍珠晶体呈珠状或矛头状垂直排列，形成放射状的珍珠层，在光线的作用下，这些放射状的珍珠层会产生虹彩光泽，即珠光。珍珠的价值取决于珍珠的大小、圆度、光泽和形状，等等。      一块未经雕琢的宝石，并不是贵重的宝石，而从珠蚌中取出的优良珍珠，不需琢磨，就是一件漂亮的饰品。因此，一些宝石专家认为，珍珠可能是人类最早使用的装饰品。珍珠究竟何时被人们发现，已无据可查，因为珍珠容易受损，所以古代珍珠很难流传下来。地球上最早的珍珠，出土于距今2亿年前的匈牙利三叠纪地层中，直径仅为0.1mm；在德国中新世地层中发现的2000多万年前的一枚珍珠，其直径则为4mm。这些藏匿于远古贝壳体内的珍珠化石，在漫长的岁月里，历经剧烈的地质运动，不仅完整地保持了珍珠闪光的品质，同时也保守了珍珠形成的秘密。       大约5000年前，古印度人开始把珍珠作为宝物，与宗教一起并称佛教七宝，在恒河文化中开始享有极高的声誉。和印度一样，中华民族也是世界上最早认识珍珠并利用珍珠的民族之一。《海药本草》称珍珠为真珠，意指珍珠至纯至真的药效功用。《尔雅》把珠与玉并誉为“西方之美者”。秦昭王则把珠与玉并列为“器饰宝藏”之首。儒家典籍《尚书·禹贡》中记载有“淮夷嫔珠”，说明最迟在公元前2200年的夏禹时代，淮水夷水等地就已经出现了淡水珍珠，并被列为当时必须交纳的贡品。       珍珠晶莹凝重，圆润多彩，高雅纯洁，被誉为“宝石皇后”。国际宝石界还将珍珠列为六月生辰的幸运石，结婚十三周年和三十周年的纪念石。具有瑰丽色彩和高雅气质的珍珠，象征着健康、纯洁、富有和幸福，自古以来为人们所喜爱。 </t>
  </si>
  <si>
    <t xml:space="preserve">阿桑唱的哪一首歌最好听？ </t>
  </si>
  <si>
    <t>温柔的慈悲其实我早应该了解你的温柔是一种慈悲但是我怎么也学不会如何能不被情网包围其实我早应该告别你的温柔和你的慈悲但是我还深深的沉醉在快乐痛苦的边缘你温柔的慈悲让我不知该如何面对再也不能给我任何安慰再也阻挡不了我的泪水你温柔的慈悲让我不知道如何后悔再也不可能有任何改变再也愈合不了我的心碎    百听不厌的！！经常在我的千千静听里！</t>
  </si>
  <si>
    <t xml:space="preserve">飞利浦电视机如何回复出厂设置？飞利浦电视机玻璃屏，无法转换视频， </t>
  </si>
  <si>
    <t>这些一般得专业的人事来做答，不过你打一下他们的400电话就差不多能知道了，会有客服人员解答的</t>
  </si>
  <si>
    <t xml:space="preserve">2010投资什么好？今年投资点什么好，因为我是刚起步，资金也有限 </t>
  </si>
  <si>
    <t>我觉得你不要只把目光放在形形色色的金融产品上，我个人感觉，金融都会有泡沫，有泡沫就随时有破的可能。我觉得到是可以关注一下黄金市场，它是稳定的火，呵呵……今年我同事都流行做黄金定投，选依波喜悦金砖的比较多，第一他们原来做金表的，退出的金砖质量肯定有保障。第二有小克重，一个月投资一块没什么问题。第三，方便变现。你到他们网站了解一下再说~</t>
  </si>
  <si>
    <t xml:space="preserve">双鞭好贵呀！！今天到中介看了看双鞭。。。。都贵的要死。没特的R4 </t>
  </si>
  <si>
    <t>```同意LZ的说法``现在R4双B 女扇 夏圈`又少又贵</t>
  </si>
  <si>
    <t xml:space="preserve">那个云南磨盘山一字万金真的假的如题 </t>
  </si>
  <si>
    <t>我看是真的，很多网站都看到了，规则写的很清楚，一个字一万块，你百度搜云游网，注册下就可以报名参加了</t>
  </si>
  <si>
    <t xml:space="preserve">在辽宁，高考580多分能上什么样的学校？ </t>
  </si>
  <si>
    <t xml:space="preserve">辽宁省的211工程大学这要有东北大学 大连理工大学 东北财经大学  这是三所最出名的学校 但580分可以进这个学校但进不了王牌专业 所以还是报一些王牌专业比较好 像沈阳药科大学的药学专业 </t>
  </si>
  <si>
    <t xml:space="preserve">我的阴毛太少我都19岁得人了，可是我下面的毛很少。我该怎么办？ </t>
  </si>
  <si>
    <t>毛少没事啊   也属于正常生理现象</t>
  </si>
  <si>
    <t xml:space="preserve">汉译英:请允许我向你们做一下自我介绍汉译英：1.请允许我向你们做 </t>
  </si>
  <si>
    <t>1.请允许我向你们做一下自我介绍 Please let me give you a introduction about myself.或者是：Please let me introduce myself to you.更简单些．2.那笔钱后来怎么样了？How about that sum of money then?希望我的回答对你有所帮助．</t>
  </si>
  <si>
    <t xml:space="preserve">那个恶梦惊魂怎么玩的啊那个恶能惊魂怎么玩的啊 </t>
  </si>
  <si>
    <t xml:space="preserve"> 1小男孩晚上又做起了恶梦，你要帮助他走出恶梦，不要被小鬼吓醒。攻略：1捡起地上的报纸，骨头，拿走死神的镰刀2进入右边的通道，来到新画面3树上有一把钥匙，但没办法拿到，一会再拿，现在进入右边的小屋4屋内有三个棺材，选最小的棺材打开，有一对骷髅做的沙锤。5来到屋外，进入左边的小屋，里面有一个孩子在玩遥控蝙蝠，蝙蝠被蜘蛛网缠住,用镰刀帮他把蝙蝠取下，他会把遥控蝙蝠送给你6这里来到刚才取不下的钥匙前，使用遥控蝙蝠，拿到钥匙。7现在回到最开始的画面，进入左边的通道8对狗使用骨头，拿起垃圾桶，进入右边的小屋9打开屋内的木棺材，拿到琴，再拿取火把，出屋10进入左边的小屋，把火把挂在墙上，用钥匙打开四把锁11回到最开始的画面，把垃圾桶放在刚才被锁住人的面前，把骷髅沙锤给小孩,琴则给自己，过关！2小男孩晚上又做起了恶梦，你要帮助他走出恶梦，不要被小鬼吓醒。攻略：1.进入小朋友的梦境中...乖乖哩个东,地上六个小箭头!茫然啊!但别盲目.先请朝最左手边的箭头走,顺手拿起两块木板,别说你看不到啊!当然,您如果执意要朝离身边近的箭头走...哪,嘿嘿,就后果自负吧!2.来到一棵张牙舞爪的大树上.拿起鱼网,水桶.点点那棵椰子树吧!先拿上四颗椰子,不够,下次再来!走人!3.现在朝最右手边的箭头走.OH,好大一条蛇哦!先拿起那根青藤,然后放好鱼网,再拉拉那团象抹布似的东东...一只活蹦乱跳的小猴就会吱哇乱叫的向你表示谢意!走出此画面吧!以后都不用再来!4.哈,现在轮到小猴帮你啦!拿个椰子,点右手边靠上的蛇.小猴就帮你搞定了那张骇人的蛇嘴,趁蛇嘴暂时没空的时候,进入第一个蛇洞.拴好青藤.荡过去.拿上剪刀.然后玩个(好象这游戏挺流行的,大凡历险类的GAME都少不了)就可以看到蛇蛇心有不甘地倒地而亡了!出洞!5.接下来的就依此照办吧!如果发现椰子不够,就去摇树!用剪刀剪蜘蛛,用桶灭火,收集齐铺桥的木板,玩游戏!...终于,全部搞定!那个开始一直蹲在树上很郁闷的,不时捶地大吼的猩猩笑了...6.梦醒了!3小男孩晚上又做起了恶梦，你要帮助他走出恶梦，不要被小鬼吓醒。攻略：1捡起地上的绳子，钥匙，打开黄色的书2移动书架梯，点第三个箭头（从左向右）拿老花镜，用绳子救出虫子3进入第一个箭头，把眼镜给猫戴上，拿羽毛书签4进入书的右边，拿黄色的胡萝卜，树枝，带黑点的雪堆5进入书的左边，捡石头（雪人的眼睛），小雪包，帽子，树枝，然后在雪堆上做个雪人6带雪人来到书的右边，拿到铲子，回到主画面7进入第二个箭头，拿羽毛书签给书里虫子挠痒痒8进入第四个箭头，把书的沙拼图拼好就会发现另一个虫子被罩在玻琉杯里对其用铲子现在虫子把房子都打扫干净了，老鼠也吃上了奶酪，过关!选我我说的很细</t>
  </si>
  <si>
    <t xml:space="preserve">求大师帮宝宝取名，万谢！宝宝性别：女，姓氏：谢，出生年月日时：2 </t>
  </si>
  <si>
    <t>出生地：广东珠海　　经度：113度31分出生钟表时间＝2009年8月29日21时5分出生地方时间＝出生钟表时间－26分56秒出生真太阳时＝出生地方时间＋0分2秒实际出生时间＝2009年8月29日20时39分　　　　 　　 　坤造：　　己丑　　　 壬申　　　 丙午　　　 戊戌　　　 (寅卯空)　类别  年柱纳音  月柱纳音  日柱纳音  时柱纳音  命宫纳音  胎元纳音乾造  己丑阴火  壬申阳金  丙午阳水  戊戌阳木  癸亥阴水  乙亥阴火藏干  癸辛己  庚壬戊  丁己  辛丁戊  壬甲  壬甲十神  偏印  正印  比肩  劫财  食神  伤官  偏财  正财  七杀  正官  五行  阳木  阴木  阳火  阴火  阳土  阴土  阳金  阴金  阳水  阴水  五行力值  9  14.5  36  27  50    ★、日干强弱    己力（印和比劫）23.5，异力（食伤、财、官）113。   异己力商在4.8左右，为日干偏弱。    ★、格局    命局金旺当令，土、水旺从令，木、火弱而违令，为正官格。    ★、喜忌神   正官格，用神须抑强扶弱，取喜用神印比：木火，忌神食伤财：土金水．★、姓名格局优选谢（属金•17画），宜采用金—水—木的五行姓名格局，使金生水，水生木，补助用神。其余格局均不太理想。笔画数采用吉祥数理笔画组合： 17金-8水-10木，17金-8水-16木， 17金-18水-17木综合上述：选出以下符合命理用神喜忌和吉祥数理组合的名字，仅供参考：谢沐芸   谢孟桦  谢孟颖    谢雨桐  谢明凇   谢雨梦     以上所有、改名资料，都是按照统一的格式进行整理。资料中的每一个数据都是用手工计算出来的，在电脑软件上绝对找不到相关数据。对于所起名字中的每一个汉字的五行属性，都是经过认真仔细的分析归类而确定的。</t>
  </si>
  <si>
    <t xml:space="preserve">我和她认识18个月了,在一起6个月,一开始她喜欢我.后来因为她原? </t>
  </si>
  <si>
    <t>女孩子其实都是很需要被关怀的，如果你也真的喜欢她，那就坚持去感动她。我相信你的努力最终会换取她的真心。加油吧！</t>
  </si>
  <si>
    <t xml:space="preserve">我的一个朋友，在结婚前，男方父亲和他奶奶存在经济纠纷，男方父亲为? </t>
  </si>
  <si>
    <t>1、“这套房子的产权能属于我的朋友吗？”：（1）这套房子应当是你朋友的财产。因为：我国的不动产以登记为公示制度，《物权法》第九条规定：不动产物权的设立、变更、转让和消灭，【经依法登记，发生效力】；未经登记，不发生效力，但另有规定的除外。” 也就是说：房产的所有权以房产证上登记的所有人为准，如果房产所有权变更，也必须经房产部门变更登记、变更房产证才算数。　这套房子房产证上是你朋友的名字，就属于你朋友所有，不管男方父亲当初是真卖还是假卖（他说是假卖，就要拿出证据到法院起诉、然后变更房产证，但不能这样扣房产证，这样做就是侵犯你朋友的房产所有权。如果拿不出证据，这套房就与他没有任何关系）（2）那份协议：不管是否公证都没有效力，不必管它。因为物权变动必须经变更登记，这是法律的强制性规定。当事人以协议约定所有权变更没有法律上的效力，即使是房产买卖、买家已经交了房款，如果没有过户，也不发生房产所有权变更为买家的效力，只是买卖合同有效、卖方仍有协助办理过户的义务，更何况只是一纸约定。（3）房产证和土地使用证被男方父亲收走不正常：你朋友可以向他索要，如果不给就去起诉请求返还，可以到房管部门调出房产登记档案作为证据。2、“在法律上我朋友这种情况能站得住脚吗？”：不知道你指的是什么，如果是房子，上面已经回答。3、“会出现几种可能呢？4、由于夫妻俩因工作属于两地分居状态”：还是不知道你在问什么？房子？还是他们两人的关系？4、关于他们的离婚：（1）财产：不是男方说“家里所有东西都可以给女方，房屋除外，另外钱也一分不给”就行的，房子如果是在你朋友结婚前就已经过户到你朋友名下：那是你朋友的个人财产，离婚时男方无权分割；如果是在他们结婚后过户的，男方可以要求分割一半。　　其他财产：一人一半，如果他不答应就让你朋友去起诉或是等他起诉。（2）“男方在外有女人已经大概半年以上，但是我朋友没有确实证据，这种情况在婚姻法中是什么性质，有没有达到重婚”：是否重婚要看具体情况：如果男方与其他女人领取了结婚证、或是与婚外女性以夫妻名义长期共同居住，才是重婚，女方可以重婚提起刑事自诉，男方要负刑事责任、还要给女方损害赔偿（包括精神损害赔偿）。　　如果男方没有以上情形，但有不以夫妻名义、但长期持续稳定共同居住，或是有家庭暴力（好像没有遗弃、虐待女方的情形吧？）的，虽然不构成重婚罪，但也属于《婚姻法》规定的可以要求损害赔偿的情形。　如果只是有女人、又只有半年，还是不要追究、只办离婚吧，因为取证不容易、取证时还会生很多闲气，财政政策有过错时少分的财产也不会很多，能拿到房子就很不错了。</t>
  </si>
  <si>
    <t xml:space="preserve">T字部出油怎么办~？我额头出有很严重，但是脸颊却比较干，我这是混 </t>
  </si>
  <si>
    <t>你和我的皮肤情况一样。前一段日子我额头冒油并且长满痘痘，鼻子也很多油。两颊很干。美容师说我是混合型皮肤，别看年纪还小，也是需要精心护理的~~``她说油多也是因为缺水，是油和水分失衡导致的。所以第一步是补水，她推荐我每天早晚用洗面奶洗脸在用柔肤水。持之以恒~~~~~~~~现在我皮肤有很大改善，痘痘没有了，油也少了。不妨一试</t>
  </si>
  <si>
    <t xml:space="preserve">什么色的背景对人眼最好看书,用电脑时,主要是看电子书时 </t>
  </si>
  <si>
    <t>电脑背景颜色？我说草绿色看上去最舒服，对眼睛好，又能舒缓压力。注意：不要用红色，橙色，黄色做背景，彩色过于鲜艳，有刺激效应。</t>
  </si>
  <si>
    <t xml:space="preserve">拜佛的正确姿势我懂,请问在道观里,又是如何拜道教的神仙?上次我在 </t>
  </si>
  <si>
    <t>当然是道教的拜法</t>
  </si>
  <si>
    <t xml:space="preserve">京东商城能用支付宝吗？在京东网上用支付宝的性质跟在淘宝网上用支付 </t>
  </si>
  <si>
    <t>京东能用支付宝的，我都买过东西了</t>
  </si>
  <si>
    <t xml:space="preserve">喝过水的奶瓶要怎么消毒? </t>
  </si>
  <si>
    <t>热一下，消毒。。。。。</t>
  </si>
  <si>
    <t xml:space="preserve">F1对车手的体能要求有多高？ </t>
  </si>
  <si>
    <t xml:space="preserve">《车手的体能》　　在空气动力学及轮胎的配合之下，F1赛车的过弯能力高达4个G，因此F1的驾驶员必须是世界上最强壮的运动员，通常一场比赛车手必须换档2500次，平均2秒钟要换档一次，车手的注意力必须高度集中，过弯时的4个G，让车手的重量变成四倍，身体或许还有安全带可固定，但头部就需要极强壮的颈部肌肉才能支撑。而一场比赛下来，车手会脱水3.5到4公斤，如果换成一般人早已出现休克；这些对车手的体能都是极大的挑战。比一场F1所花的体力和踢一场世界杯足球赛或打一场NBA篮球赛相当。 </t>
  </si>
  <si>
    <t xml:space="preserve">传说中的汗血宝马到底存不存在？ </t>
  </si>
  <si>
    <t>汗血宝马，规范的叫法是阿哈尔捷金马，属热血马，产自欧亚大陆中北部，它是长距离的骑乘马，也可以被调教成跳跃和盛装舞步马。 历史上关于汗血宝马的记载和传说颇有传奇色彩，传说它具有无穷的持久力和耐力，可以“日行千里”，号称“天马”、“龙驹”。为了得到“天马”，汉武帝曾两次派兵远征。 汗血宝马，因为传说在长途奔跑以后，肩膀处会流出鲜血一样的液体而得名。据说，后来的研究表明，所谓的“汗血”中的“血”其实是一种红色的寄生虫。 阿哈尔捷金马早在汉朝时就从西域进入中原，但在兴盛数百年之后却逐渐消失，难觅踪影。</t>
  </si>
  <si>
    <t xml:space="preserve">95WX武器霸天霸天是用7本书换的吗?7本什么书?任务流程能详细 </t>
  </si>
  <si>
    <t>WX做95的青龙白虎任务是换不到霸天的,SS才能,霸天不是啥好东东.不要也罢</t>
  </si>
  <si>
    <t xml:space="preserve">道具的纯白改图E什么价位那~ </t>
  </si>
  <si>
    <t xml:space="preserve">渺小是什么意思是褒义还是贬义啊？可以说生命渺小吗？ </t>
  </si>
  <si>
    <t>可以说生命渺小，渺小是中性词。【词目】渺小【拼音】miǎo xiǎo 【解释】1.指非常微小或无关紧要,并且常指同类事物中相比时较卑贱 。例如：在巨人身边我们显得渺小。         2.微不足道的 。例如：个人的力量是渺小的。一个人真正伟大之处就在于他能够认识到自己的渺小. 如果自身伟大,任何工作你都不会觉得渺小. 用秕谷来养青年,是决不会壮大的,将来的成就,且要更渺小.</t>
  </si>
  <si>
    <t xml:space="preserve">我的武器升了3了怎么不会发光的啊，急..我用的武器上商店买的，买 </t>
  </si>
  <si>
    <t>楼上的人不要乱说了，白武有些情况下就算升了3也是不会发光了，你可以升4试试；如果是S、R、孔的，你不拿石头升也是不会发光的.</t>
  </si>
  <si>
    <t xml:space="preserve">5串1纯属娱乐（图）有希望没？？？ </t>
  </si>
  <si>
    <t>博得好，祝楼主好运！</t>
  </si>
  <si>
    <t xml:space="preserve">什么是“声带小结”，原因是怎么造成的，该如何预防，如何治疗？什么 </t>
  </si>
  <si>
    <t>声带小结指两侧声带边缘前中1／3交界处出现对称性结节样增生，妨碍声门闭合致声音低粗不利，甚则嘶哑失声。成人女性和男孩发病率高。多因长期用声不当或用声过度所致。喉镜下可见两侧声带边缘前中1／3处有苍白色小凸起，半透明，表面光滑，基底可见小血管，发声时妨碍声带闭合。其主要症状为声音嘶哑，咽喉干痒疼痛。治疗：包括发声器官休息、局部治疗、中医治疗、纠正发声方法和手术治疗等。声带小给属良性疾患，预后良好。声带小结主要原因是用声过度和发音不当所致。一些早期的病人经一段时间的发声休息（即禁声）后，症状和小结均可消失。如果绝对禁声3周左右，声带小结仍未消失或缩小者，应酌情进行治疗。局部治疗与慢性喉炎相同。同时，应戒烟酒，禁食辛辣刺激性饮食。经中西医治疗较校时间无效时，声带小结过大，可考虑手术切除。儿童声带小结，绝大多数</t>
  </si>
  <si>
    <t xml:space="preserve">老情人用脚搞我的JJ用手摩擦我的奶头，为何这样我就射了？为何与老 </t>
  </si>
  <si>
    <t>可能是没新鲜感了.</t>
  </si>
  <si>
    <t xml:space="preserve">北京现有几个汽车交易市场？北京现在有几个汽车交易市场？位置和电话 </t>
  </si>
  <si>
    <t>你是问新车还是旧车 啊？既然在二手车板块里面，我就告诉你旧机动车交易市场吧南四环花乡的北京市旧机动车交易市场，最大的功能最齐全的，电话：51118888顺义分市场、位于京良路的大型旧机动车交易市场（南区）、石景山分市场、欧德宝旧车交易市场、亚运村市场、中联市场、东方基业。</t>
  </si>
  <si>
    <t xml:space="preserve">出句水转千弯远触天【梅梅】 </t>
  </si>
  <si>
    <t>对句:云行两地遥牵梦【月明清溪】出句:水转千弯远触天【梅梅】</t>
  </si>
  <si>
    <t xml:space="preserve">宁波哪家婚纱摄影店好？ </t>
  </si>
  <si>
    <t>宁波全城热恋婚纱摄影比较好。 全城热恋婚纱摄影是全国十佳婚纱摄影机构。宁波地区具知名度外景婚纱摄影服务品牌机构。抛弃了陈旧的模式化的拍摄致力打造高端外景婚纱摄影品牌。我去年在那里拍的，感觉效果还不错，强力推荐宁波天一广场附近那家</t>
  </si>
  <si>
    <t xml:space="preserve">买的qq号怎么设密码保护.我买了一个QQ号.不能设密码保护.申诉 </t>
  </si>
  <si>
    <t>一样的啊```和自己申请的一样.买来的号要能申请密码保护才行喔.</t>
  </si>
  <si>
    <t xml:space="preserve">请问清泉老师，600158，600030后市如操作？ </t>
  </si>
  <si>
    <t>6000030 60日均线注意压力.600158 暂参与震荡.</t>
  </si>
  <si>
    <t xml:space="preserve">梦见自己的老公和别的女人赤裸身体梦见自己的老公和别人女人赤裸身体 </t>
  </si>
  <si>
    <t>意味着你心里怕失去老公，意味着你爱你的老公，意味着你对老公不太信任。</t>
  </si>
  <si>
    <t xml:space="preserve">风袋什么属性好 </t>
  </si>
  <si>
    <t>水的，风带属于辅助的，只有水属性的最好，是+的属性，土的最差是减属性，官网里有写</t>
  </si>
  <si>
    <t xml:space="preserve">请问暑伏从哪天开始?今年哪天开始头伏? </t>
  </si>
  <si>
    <t xml:space="preserve">每年最热的一段时期，我们的先民通常称之为“三伏”。　　按照规定，一伏为10天，头伏、二伏、三伏，有些年份的中伏为20天，所以每年的“三伏”或为30天，或为40天。　　“三伏”的计算是这样的：初伏的第一日，为自夏至日起的第三个庚日；三伏的第一 日，为立秋日起的第一个庚日。　　这里的庚日，是干支记法，干支即甲乙丙丁戊己庚辛壬癸，它的顺序是反复循环的，十天一循环。由于一年的天数，不是十的整倍数，故某年某月某日为庚日，而下年的同一日就不会是庚日了。这就造成夏至日起的第三个庚日及立秋日起的第一个庚日，均为不确定日，前后变化在十日之内。计算得知，每年头伏的第一日，在7月11日至21日之间，末伏的第一日，在8月7日至17日之间。　　    具体到今年--------    初伏：7.20--7.29    中伏：7.30--8.8    末伏：8.9--8.18 </t>
  </si>
  <si>
    <t xml:space="preserve">怎么办信用卡？想办个信用卡，不知道要找哪个银行，该怎么办？ </t>
  </si>
  <si>
    <t>各个银行 都有的一般光大  广发的可以办的额度最高  普通的广发的可以办到2w方法两种：直接去营业厅；打相关办卡人员的电话上门办理。一般都会送小礼品哦</t>
  </si>
  <si>
    <t xml:space="preserve">八仙过海中坐骑是绑定的么？ </t>
  </si>
  <si>
    <t>应该是绑定的</t>
  </si>
  <si>
    <t xml:space="preserve">喝酒多少不伤身,可是本人很喜欢喝,原来喝白的,现在喝啤酒,请问如? </t>
  </si>
  <si>
    <t xml:space="preserve">    气象指数是气象台根据气温、气压、湿度等气象条件计算出来的每天不同时段的啤酒饮用适合量，目的是帮助市民正确饮用啤酒消暑。今年夏天北京市气象台首次发布了啤酒气象指数。据了解，啤酒气象指数共有5个等级：气象指数为1级时，喝酒量控制在二至三成为宜；加温的啤酒可以多喝一至二成；2级时喝酒量控制在四至五成比较适度，3级时的啤酒量控制在五至六成比较适度；而4级时的啤酒量控制在六至七成会比较适度，5级是最高级别，可以喝七成以上的冰镇啤酒会有爽快感，但千万不可超量饮酒。     啤酒气象指数最早起源于欧洲，当时有德国商人发现，夏季气温每上升1℃，就会新增230万瓶的啤酒销量。于是气象公司便据此开发出啤酒气象指数以供啤酒商参照，同时也可以正确引导市民的啤酒消费。北京市气象局的气象专家也表示，发布啤酒气象指数不是引导人们消费啤酒，它只是一个客观现象的表示，表示在什么样的天气下，啤酒的销量会出现大幅增长，在什么样的气象条件下，啤酒的销量会萎缩，并且也告诉市民，什么样的天气情况下啤酒饮用多少合适。     夏天的湿热天气饮用冰镇啤酒倍感舒适，但也不能冰镇过度，存放在冰箱里的啤酒应控制在摄氏6℃—10℃。在这个温度区间啤酒，啤酒的各种成分能够达到协调平衡，能形成最佳饮用口味。温度过低的啤酒不仅会使泡沫减少味变苦，而且会使酒液中的蛋白质发生分解、游离，营养成分受到破坏。--------------------------------------------------------    喝酒 大量喝酒可刺激脂肪组织分解，形成大量的脂肪酸，使肝脏合成的前β-脂蛋白量急剧增高。同时前β-脂蛋白和乳糜微粒在血中分解速度减慢而加重脂蛋白血症。以前有研究发现，喝酒可诱发心绞痛及心肌梗死。但80年代末期的研究认为，少量喝酒，尤其是低度酒，对心脏具有保护作用。因而美国心脏病协会推荐，冠心病病人即使患有心肌梗死，也可饮低度酒，喝酒量以1天不超过50克为宜。 </t>
  </si>
  <si>
    <t xml:space="preserve">微博账户异常，什么情况 </t>
  </si>
  <si>
    <t xml:space="preserve">WebExam7是一个应用在什么方面的软件？ </t>
  </si>
  <si>
    <t>WebExam7是目前市场占有率最高，应用最广泛的远程网络学习考试软件，它采用Web方式，同时适用于局域网和Internet，无需安装客户端，即可实现网上考试、作业、练习、成绩排行等功能，并能够答卷保存、自动判分、成绩查询和分析等功能。</t>
  </si>
  <si>
    <t xml:space="preserve">女生请进如果男生有时说话会偶尔有点结巴你们会觉得讨厌吗？如果这个 </t>
  </si>
  <si>
    <t>呵呵　　真的是满可爱的，想想那么一个大男生，站长自己面前却结巴拉，是紧张吗？呵呵　那这个女生一定会感到自己在你心目中的位置很重．如果是本身有点结巴，那没关系呀，这是可以改过来的，每次说话时慢一点，想清楚拉在说，时间长拉就好拉．所以我觉得是不会拒绝的，那么高多有安全感呀！</t>
  </si>
  <si>
    <t xml:space="preserve">丐帮兄弟棍丐的装备？？？才能全即或啊谢谢 </t>
  </si>
  <si>
    <t>棍子是冰棍的前提下 要这样棍子 帽子 是水的衣服 项链 是金的腰带 下戒指是 土的鞋子 上戒指是 木的护腕 玉佩是  火的 就可以全部激活</t>
  </si>
  <si>
    <t xml:space="preserve">长春市绿园区静安路万鑫花园小区归哪个街道办事处管 </t>
  </si>
  <si>
    <t>是不是正阳街道办事处？</t>
  </si>
  <si>
    <t xml:space="preserve">请问双龙旧货市场怎么走？我想从潘家园出发去双龙旧货市场。谁知道我 </t>
  </si>
  <si>
    <t>从潘家园坐34二站或三站到松榆北路西口或武圣路下车倒29,（坐三、四站地）双龙小区下车，下车就会看到双龙旧货的班车（班车很多，几乎不用等），坐上班上5分钟就到了。</t>
  </si>
  <si>
    <t xml:space="preserve">信用卡与货币有什么区别？ </t>
  </si>
  <si>
    <t xml:space="preserve"> 信用卡与货币虽然有着密切的联系，但毕竟有本质的区别：（1）首先，货币是充当交换媒介的一般等价物，价值尺度职能是货币的最基本的职能，而信用卡则不同，它不是等价物，没有价值尺度作用，而只是价值转移的手段，是货币的载体；（2）其次，作为流通手段，货币与商品在买与卖者之间不断作换位，而信用卡则永远隶属于一个主人，在作为媒介完成商品交易时，价值转移了，信用卡并没有转移，它所媒介的仍然是货币与商品的换位运动；（3）再次，信用卡是一种先进的支付工具，它是货币支付手段的扩大和延伸，它突破货币的局限性，可在一地或数地多次地为它的持有者完成交易，可在银行授信额度以内以或大或小的金额支付货币换回持卡人所需要的商品和服务。在为同一持卡人服务时，它把货币的支付手段在时间和空间上大大扩大了；（4）最后，信用卡布局有储藏手段，它在为客户服务时，所执行的仅仅是一种储蓄存折的作用；（5）它不会成为世界货币。尽管信用卡打破国界限制，在国际上广泛使用，但由于它不具有价值尺度作用，它所转移的仍是货币，它在货币执行世界货币职能时仍然是一种支付工具。</t>
  </si>
  <si>
    <t xml:space="preserve">600284浦东建设不小心买了浦东建设，正遇暴跌。我该怎么办？如 </t>
  </si>
  <si>
    <t>因大盘因素，浦东建设震荡洗盘，最迟明天会有回升。五日均线应该没有问题，中线可持。</t>
  </si>
  <si>
    <t xml:space="preserve">新会计制度下，固定资产盘盈如何处理，若盘亏又如何处理 </t>
  </si>
  <si>
    <t xml:space="preserve">1、固定资产盘亏新准则固定资产盘亏与旧制度会计处理方法一致。即：企业在财产清查中盘亏的固定资产，通过“待处理财产损溢--待处理固定资产损溢”科目核算，盘亏造成的损失，通过“营业外支出--盘亏损失”科目核算，应当计入当期损益。2、固定资产盘盈应作为前期差错处理，通过“以前年度损益调整”科目核算。（1）盘盈时借：固定资产             贷：累计折旧            贷：以前年度损益调整             （2）盘盈固定资产涉及缴纳所得税借：以前年度损益调整      贷：应交税费--应交所得税      （3）结转时借：以前年度损益调整      贷:利润分配--未分配利润     </t>
  </si>
  <si>
    <t xml:space="preserve">别优面膜多少种类 </t>
  </si>
  <si>
    <t>每个人的肤质都不同的，别优，种类蛮多，找准适合肤质的。</t>
  </si>
  <si>
    <t xml:space="preserve">各位飚车朋友大家好进来帮我个帮好吗！急！我游戏下载来装好了进游戏 </t>
  </si>
  <si>
    <t>显卡  看你什么显卡  最次5200以上吧 要不还玩啥  GF4 进飙车都不会出现  鼠标移动缓慢现象  一般装完系统后  系统自驱的显卡 等于没驱 找个相对的驱动在驱下 应该可以解决  具体进去还是慢 那就是显卡不够用了</t>
  </si>
  <si>
    <t xml:space="preserve">开网吧需要什么手续? </t>
  </si>
  <si>
    <t>到工商局去咨询看看吧.</t>
  </si>
  <si>
    <t xml:space="preserve">烂便5年多大便不成型很软肉饼状，偶尔腹泻频率大概一周一次，体重几 </t>
  </si>
  <si>
    <t>从你的描述看不出有什么异常，大便频率异常，大便性状只要自己不觉得有什么不舒服，也无需过度关注。</t>
  </si>
  <si>
    <t xml:space="preserve">牧场物语哪里下载，不在乎版本得谁能告诉我，小弟没什么分，只有这么 </t>
  </si>
  <si>
    <t>你QQ几,我发给你一个,不怕没显示了吧.这些真的没显示吗?我QQ 9</t>
  </si>
  <si>
    <t xml:space="preserve">使人惧不若使人爱，使人爱不若使人敬？是哪位作家的名言？？ </t>
  </si>
  <si>
    <t>肯定是李惺</t>
  </si>
  <si>
    <t xml:space="preserve">描写一年的开始的成语(4个) </t>
  </si>
  <si>
    <t>新年伊始  万象更新  一元复始 三阳开泰</t>
  </si>
  <si>
    <t xml:space="preserve">求一法律本科毕业论文最好是简单的婚姻法合同法，嘿嘿，谢啦~ </t>
  </si>
  <si>
    <t xml:space="preserve">下面的网址很全很，详细，到位；国有股减持的立法问题探析：从立法制度角度的分析         国有股减持问题，从1999年12月中国嘉陵和黔轮胎试点，到2001年6月12日财政部出台《减持国有股筹集社会保障资金管理暂行办法》，再到10月23日中国证监会叫停，并于11月中开始公开征集方案，国有股减持方案的讨论进入了白热化的程度。但是，尽管方案收集了4300余份，中国证监会规划委还进行了两次专家论证会，2002年1月28日被称为“阶段性成果”的第8个框架性方案才刚刚露了一个头，马上就令股市出现近两年来最大的单日跌幅，最终的减持方案依然不能顺利出台。而前不久国务院决定停止在国内证券市场上进行国有股减持。在这期间社会各界围绕着国有股减持问题展开了纷纭的讨论，可以说，人们已经在的层面上认识到了国有股减持的必要性，不管这种必要性是由于为募集社会保障资金而产生还是由于加强公司治理结构或建设健康证券市场的需要而被肯定。虽然现在看来将来的一段时间并不会再进行国有股在国内市场上的减持立法，但可以预见到的是在将来的某一个时间，国有股减持问题将被重新认真的加以讨论。所以，在现在的这个时刻来讨论国有股减持的问题有着谋定而后动的重要意义。    综观前面进行的有关国有股减持问题的争论，可以看出讨论基本都集中在经济学界和经济实务界。毫无疑问，国有股减持问题是中国经济学当下的重要课题之一。但同时也要看到，作为一项重要的制度建置如果没有在民主法治的轨道上进行，一方面可能使该项制度由于先天的制度性不足而收不到良好的效果-一如前几次减持方案出台引起证券市场的大幅波动；而且另一方面，在建设社会主义法治国的大背景下，不依法推进该制度的建制也会造成极大的社会负效应。因此，国有股减持的问题必须纳入制度建置的法治视野中进行研究。本文就是在这种考虑下的一个努力。    一、国有股减持问题：一个立法学事件    国有股减持是否是一个应该通过立法加以解决的问题？这是关系到本文是否应当存在或者是否能够展开后面讨论的前置性问题。必须在第一部分加以讨论和解决。    能够对国有股减持是一个立法问题这个命题构成挑战的观点是认为国有股减持应该是一个行政权的行使问题而不是立法问题，因此不应当运用立法学的知识和理论来分析其。    界分一个事项是属于立法权的行使范围还是行政权的行使范围的任务要求我们回到立法权和行政权这两种权力的区分本身。行政权与立法权是一个统一的国家主权分立的三个方面的其中两种，这种在法学理论和实际运作两个层面的区分是出于保障公民自由的需要：“当立法权和行政权集中在同一个人或同一个机关之手，自由便不复存在；因为人们将要害怕这个国王或议会制定暴虐的法律，并暴虐的执行这些法律。”1这里论说的是行政权与立法权应当区分的合理理由，但在实际生活中应当如何区分这两种权力的行使范围，为应当由立法权加以调节的事项和应当由行政权加以调节的事项划出清楚的边界，先贤们似乎没有为我们提供标准的答案2.这种状况直到晚近的立法学研究和行政学研究的发展从两个方面分别对立法权和行政权加以比较“精细”的研究才得以缓解。    行政法学者是从行政与立法及司法相区别的角度来界说行政权，他们认为，行政是“行政人员的责任或职责，特别是政府的执行职能……它既不是立法的，也不是司法的”，是“政府及其机构事务的管理和指挥”3.有现代行政学鼻祖之称的威尔逊更认为，行政是政府的执行，“是公法的明细而系统的执行活动，一般法律的每一个具体执行细节都是一种行政行为”4.从这个角度看，行政权是国家政治和行政两种功能中的执行国家意志的功能5.立法学则从定义法的角度来对其所“立”对象进行了描述，通过对法的概念分析我们或许可以找到应立法事项和应行政管理事项的分野。“法是以政权意志形式出现的，作为司法机关办案依据的，具有普遍性、明确性和肯定性的，以权利和义务为内容的，首先和主要体现执政阶级意志并最终决定于社会物质生活条件的，各种社会规范的总称。”6以上的论述我们可以总结出的一个结论，立法权是一种国家或者主权意志表达的权力，行政权则是执行国家意志的权力。相应，应当通过立法方式加以解决的事项就必须具有需要国家意志的表达之必要，是属于一“创制性”事件，而行政管理范围内的事项就应当是实现这种所表达出来的意志所要进行的“一切有组织的协调”7.那么国有股减持问题是怎么的一个事件呢？    建国以来，我国建立了强大的国有企业，形成庞大的国有资产，成为国民经济发展的基础和中坚，推动了国民经济的高速增长和人民生活水平的明显提高。随着市场经济的逐步发展和完善，我国对许多国有企业进行了股份制改造，在这种背景下产生了“国有股”的概念。国有股是指国家股和国有法人股的总称。国家股为有权代表国家投资的政府部门或机构以国有资产向股份制企业投资形成的股份（含现有已投入企业的国家资产折成的股份）。但由于我国最初的股份制改造具有“试验田”的性质，是在“走一步，看一步”的背景下进行的。所采取的措施是先易后难，先将所占比重小，不易引起争议的个人股上市，而将所占比重大，容易引起争议的国有股搁置一边。同时，初期股份制试点主要限于小企业和集体企业，大型国有企业股份制改造1986年后才真正开始。直到前几年为止，上市公司还是以中小企业为主，大型国有企业较少，这种状况导致国有股存量不太大，上市也不怎么迫切。特别是，在搞股份制改革之初，搞股票市场试点，对姓“资”、姓“社”，是“公”还是“私”的问题争论不休。有很多人担心国有股进入流通市场，在股票买卖中，会大量落于个人手中，造成股权私有化，从而影响国家的控股能力，削弱和动摇公有制的主体地位，使企业的“性质”发生变化。所以这在一定非常大的程度上影响了比较彻底的国有资本的股份制改造，形成今天国有股一股独大的局面。    随着市场经济进一步深入发展，国有股一股独大的缺点日益暴露出来，减持国有股成为一个不可避免的过程并进入了公共讨论的领域。但是，必须看到的是，作为一项国有股减持的制度在法律层面上是空白的，也就是说这是一个尚没有“国家意志”表达于其上的待“创制性”问题。对其进行立法的规制就是必须的。既是一项立法权行使范围内的事项，那么立法学的原理和制度就应当适用于其。正是从这一角度而论，我们认为，国有股减持问题是一立法学事件。 </t>
  </si>
  <si>
    <t xml:space="preserve">今年海大在浙江的二本录取分数线大概会是多少 </t>
  </si>
  <si>
    <t>514 515 左右</t>
  </si>
  <si>
    <t xml:space="preserve">为什么我没有云梦到砥石寨的传送? </t>
  </si>
  <si>
    <t>云梦到砥石本来就没有传送啊~只有云梦到寻梦，寻梦到砥石，云梦到砥石那么近，还用传送啊，骑马跑分钟也差不多到了。</t>
  </si>
  <si>
    <t xml:space="preserve">尿尿后会有大量粘液流出您好，张大夫，我的症状首次出现14年2月份 </t>
  </si>
  <si>
    <t>黏液送检一下，同时查尿</t>
  </si>
  <si>
    <t xml:space="preserve">我用7年等他，可他只爱了我一个月？？？我很爱他，为了他一直等，我 </t>
  </si>
  <si>
    <t>一般来说爱大都如此，是没有平等的，在这场爱中尤其如此。你对他的爱要远远大于他对你的爱，一切的主动权都把握在他的手里，他说爱就爱，他说不爱就不爱了。你就是被动的接受，所以就这样了。可谁让你那么爱他呢，爱没有错，也很难说的清，你无须自责，悲伤是难免的，但要知道控制自己！他出而返而，不知道怎样尊重自己和别人的感情，这样的人？不爱也罢！时间能冲淡一切，没必要再对这种没定性的人付出自己的精力了，赶快收拾心情，寻找真正属于自己的爱情去吧！</t>
  </si>
  <si>
    <t xml:space="preserve">磁盘用量问题?????请帮助我下载软件过程中退出了,不想下载了. </t>
  </si>
  <si>
    <t>鼠标右键单击它选择磁盘清理即可</t>
  </si>
  <si>
    <t xml:space="preserve">你相信女人的直觉吗?为什么?很多女士们常说“凭着女人的直觉... </t>
  </si>
  <si>
    <t>女人内心敏感程度很高，外界传达来的信息很容易被女人以很快的速度在大脑里分析出来，特别是在感性方面，大多数的女人直觉都较男人强吧。</t>
  </si>
  <si>
    <t xml:space="preserve">驾车在外地发生交通事故，怎么处理？如果我驾车在外地（上海）发生交 </t>
  </si>
  <si>
    <t>如果你是在中国人民财产保险公司任何一家投的保，那么这个问题就好解决了，因为这家保险公司在全国任何地区、任何县都有自己的机构，不管你从哪里出了险，只要你在当地拨打95518，向他们报案，你的问题再就不用你管了，由他们来负责为你解决查勘、施救、定损和索赔（可以从事故当地领取赔款）等一切事情。如果不是这家公司，太平洋、平安财险照人保就差了些，但基本也可通过在当地报案来解决你的问题。不防通过咨询来试一试。</t>
  </si>
  <si>
    <t xml:space="preserve">美容美发会员制，如何管理美容美发店会员制如何管理 </t>
  </si>
  <si>
    <t>你可以联系合肥中元信息科技有限公司试试，他们公司专门做会员管理这块的，应该可以帮到你的</t>
  </si>
  <si>
    <t xml:space="preserve">千田连土土连田（猜一字）？ </t>
  </si>
  <si>
    <t>重</t>
  </si>
  <si>
    <t xml:space="preserve">斜坡的作用到底是什么 </t>
  </si>
  <si>
    <t>斜坡是无障碍通道的组成部份！</t>
  </si>
  <si>
    <t xml:space="preserve">总管家免费客户销售管理软件这套软件用起来还可以，就是有时就是电脑 </t>
  </si>
  <si>
    <t>之前没用过你说的软件，不过不管是什么类型的销售管理软件，都得有个数据库来保存数据，你先弄清楚这个软件的数据是怎么保存的，不同类型的数据库有不同的数据保存办法。你可以先看看这个软件里面有没有将数据进行保存或者备份的办法，有就直接利用，没有就要去安装目录下去找一找类似bak data这样的目录，找一下bak mdf之类的数据文件，将这样的文件复制到系统盘之外的地方，下次重装系统之后将数据文件复制回相应目录下覆盖原文件应该就能解决。回答完后又下了这个软件安装看了一下，它里面有个功能设置，下面有数据备份，利用它下面的备份数据库和恢复备份数据可以轻松解决你的问题。</t>
  </si>
  <si>
    <t xml:space="preserve">闯一次天关大概需要多少元宝？？？？？？？？？？？？ </t>
  </si>
  <si>
    <t>这个是看你的技术    你技术好几十元宝都可以    技术不好就要300元宝左右</t>
  </si>
  <si>
    <t xml:space="preserve">女人的毛最长能长多长? </t>
  </si>
  <si>
    <t>到目前为止，我只知道有一个人阴毛只有一根，经过测量有1.85M。因为毛少，是否属于你说的范畴。</t>
  </si>
  <si>
    <t xml:space="preserve">placesthinawalldisplay怎么翻? </t>
  </si>
  <si>
    <t>把某物贴于墙上展示</t>
  </si>
  <si>
    <t>NPS</t>
  </si>
  <si>
    <t>NFS-SP的原形车是"现代-御翔"</t>
  </si>
  <si>
    <t xml:space="preserve">碳酸氢钠溶液和氢氧化钙恰好完全反应时生成什么急急急急，帮帮忙，是 </t>
  </si>
  <si>
    <t>Ca(OH)2足量生成水,NaOH和CaCO3(此时NaHCO3:Ca(OH)2=1:1)NaHCO3足量生成水,Na2CO3和CaCO3(此时NaHCO3:Ca(OH)2=2:1)</t>
  </si>
  <si>
    <t xml:space="preserve">社会话题请问大家对经常说谎的人有什么样子的看法？我是很讨厌这种人 </t>
  </si>
  <si>
    <t>对待“说谎”我们也不能简单的说“讨厌”，A某在说同样一个事时，有可能对B某说的全是“说谎”，而对C某说时又说的全是真话。所以说，说谎的人不一定只会说谎，只是要看在听说话的人是谁。其实是听说话的人让说话的人“说谎”。同样还是B某和C某，两个人在生活中能听到的谎话一定会不一样多的。这又是为什么有人只对你说谎的问题了。生活中有的人实在是听不得真话，只能听得自已希望听到的话，如果不是这样，他就会有强烈的反应。于是人们为了能与他平和相处，就只能把他想听的“谎话”说给他了。而对于待人宽容，处事豁达的人来说，一生中听到的真话就一定会很多了。反过来说“说谎”的确不利于人和人之间的情感交流与勾通。我建议你，如果有人跟你说谎，除了找一下自身的问题之外，就是别和他交流，也许人家压根就没想和你多交流，咱们也就别太自做多情往心里去了。</t>
  </si>
  <si>
    <t xml:space="preserve">康宝燃气灶、抽油烟机如何？ </t>
  </si>
  <si>
    <t>康宝的不错最近康宝在京东商城搞促销了，康宝在京东推出厨房三件套，性价比挺好的吸油烟机1、优质不锈钢材料与钢化玻璃罩板完美的结合，古典中饱含现代韵味，彰显厨房品位； 2、全封闭式油路设计，避免滴油、漏油；3、超大功率风机，吸力强劲，排烟更佳；4、低噪音轴承电机，静音内腔设计，运转更宁静燃气灶天然气）：1、不锈钢面板、易于清洁、经久耐用2、“聚中旋劲火”燃烧器，热效高、节能环保3、金属旋钮，表面电镀钛银色，镍铬配珍珠黑色，高贵典雅，耐热耐磨消毒柜1.上层紫外线+臭氧+热风烘干多重消毒功能，下层远红外高温消毒，上下层能达到二星级国家标准； 2.嵌入式抽届设计，与现代家庭豪华装修连成一体； 3.可预约工作时间，FVD型荧光显示； 4.LED显示，电脑控制定时装置，可设定消毒、烘干时间，自动工作，自动关闭； 5.触摸式按键开关，防水，防电，美观； 6.嵌入式双门抽屉设计，与现代家庭厨房豪华装饰联成一体； 7.合金把手，纯不锈钢外壳，发泡内胆，一体化拉伸成型，坚固实用； 8.拉丝纯不锈钢面板，采用AA丙稀酸特殊保护处理，抗菌耐磨，不沾油，不留手印，三维立体柜面，展现后现代主义风格，新潮时尚把手，豪华亮丽； 9.隐藏式不锈钢滑轨(由于滑轨上有化学油脂，此种安装方式可隔离滑轨上化学油脂挥发，污染食具，危害健康）； 10.下层有较大容积设计，空间高度比同类产品高30mm，各种大碟、汤盘均可立放其内，空间利用率增加1倍以上（20多个盘碟），不锈钢食具层架，经久耐用； 11.前排气设计，防止水气进入橱柜，避免潮气影响橱柜使用寿命。</t>
  </si>
  <si>
    <t xml:space="preserve">日语时间名词的问题关于每天每晚每日每夜这样的表日期的名词可以单独 </t>
  </si>
  <si>
    <t>就是时间名词，不过是不用加「に」的，时间名词怎么用它就怎么用。当然名词怎么用它也可以怎么用。?rを表す言葉の後ろに助詞「に」をつけて、?幼鳏涡肖铯欷?r点を示す。助詞「に」は、?rを表す言葉が数字を含む?龊悉擞盲い搿ｊ兹栅摔悉膜堡皮猡膜堡胜皮猡瑜いⅳ长违匹攻趣扦稀袱恕工颏膜堡胜ぱ预し饯蛑行膜?Qう。～?rに～ます例　わたしは???　（11?rに）寝ます。　?俺ā??rに）起きます。</t>
  </si>
  <si>
    <t xml:space="preserve">?若奇大??解答！大??，我?是忍不住的向你發??，麻?┠耍? </t>
  </si>
  <si>
    <t>　　871209，坤：丁卯│壬子│壬辰│ 乙巳　　約10?q起運：癸丑│甲寅│乙卯│丙辰│丁巳│戊午│己未│庚申│辛酉　　一??人??v挫折之後，必然更小心，更不?p易付出，因?楦冻鑫幢赜惺斋@。但人最可貴是?理挫折後，明知有可能得不到想要的結果，依然?o?l件付出。因?榧词棺钺峤Y果是?矗材?虺惺埽沤凶???。而不是不付出，因?椴桓冻鼍筒?型纯啵?然，同?r也不?锌?泛托腋！?　　究竟是“迷”?是“癡”？前者由於不懂得後果，所以?o畏?o?帧ａ嵴咭呀?清楚後果，仍然?意?下去，?K且有能力承?峁@種?o畏才是真正大勇、大智，所謂的???亦不過如此。正如古?先生在武?b小說裡講的：如果???]有一份癡，是永遠不可能?就?峰的?Ψǎ蝗绻?η?]有一份癡，也不?w?礁星榈男腋：涂?贰?　　此命容易分夫，也就是容易跟其他人??Z。感情波折尚且可以克服，但分夫就比較難避開。　　?圩约涸谛睦?W上最基本是需要認識自己和接受自己，要知道自己是什麼人，而且接受這?拥囊??自己。?K非做錯了事就說“我就是這?拥牧恕保鲥e事仍然需要修正自己，但不?谧鲥e事之後苦苦糾纏自己，說“?楹挝疫@麼笨”“?楹尉筒钸@麼一點”。接受自己的不完美，是?圩约旱牡谝徊健Ｈ会?t是追求更完美的自己。　　事?I?是多??，改革開放前?說一份工做到老，現在做不?也可以轉工，不用太?┑摹３媚贻p多?L?吧。有一定??之後，才?业酱_??的方向的。　　希望?δ阌?椭?</t>
  </si>
  <si>
    <t xml:space="preserve">厨房里油烟问题怎么处理呢？ </t>
  </si>
  <si>
    <t>厨房的通风是现代化厨房设计装修的出发点。由于在厨房工作时，会产生大量油、汽、烟等对人体健康有害的气体，所以，保持厨房的通风，配置相应的抽油烟设备，是现代厨房必备的条件。 排风扇的优势是：构造简单，易于随时清洗，安装拆卸方便，风力也不小。一般分为单向式排风扇和双向式排风扇两种。就厨房排烟而言，最好安装两个双向式的排风扇比较理想，由于体积小，不占位置，不需要专门安装弯管，受到用户的青睐。 抽油烟机是动力型排烟设备，它的优势在于风力强大，排烟效果好。一般具有自动启动、报警、盛油、照明等多种功能。缺点是由于构造复杂，清洗困难，专业安装、专业清洗。采用那一种排烟机械，要依据厨房灶具位置和安装位置、主人的爱好、房屋的结构而定。</t>
  </si>
  <si>
    <t xml:space="preserve">月子中心主要是怎么照顾产妇，深圳有没有便宜点的月子中心？现在看月 </t>
  </si>
  <si>
    <t>宝生医院月子馆不错，只要2W多。妈妈产后的中医瘦身理疗还蛮不错的，还有美容这些。周六下午3点半还能免费去听妈妈课堂，他们的月子餐也还蛮好吃的。咱们普通工薪阶层有条件的话，在这坐月子还蛮合适的。</t>
  </si>
  <si>
    <t xml:space="preserve">头疼,恶心,冒虚汗,还冷,浑身疼,没劲,请问这是怎么啦,吃什么药? </t>
  </si>
  <si>
    <t>你好，根据你描述的情况主要考虑为中暑。像你这种情况主要是中暑的表现，建议你可以服用霍香正气水人丹抗病毒口服液阿莫西林胶囊等药物。注意休息，多喝开水，饮食以清淡为主，禁辛辣刺激性食物和油腻煎炸食物。避免在高温下劳动，保持室内通风。</t>
  </si>
  <si>
    <t xml:space="preserve">民航网有哪些优势？谁知道 </t>
  </si>
  <si>
    <t>技术优势；产品优势；人才优势；渠道优势。具体的你还可以到民航网的网站去了解一下。</t>
  </si>
  <si>
    <t xml:space="preserve">有人参加天津新东方的秒杀课程活动吗我看网上说今天秒杀课程活动开始 </t>
  </si>
  <si>
    <t>当然有啦。。那天我去新东方上课时还看见有个人去报名啦~~~~第一期已经结束了。。要再想参加得等第二期了。。详细的你可以去天津 新 东方官网去看看啊~~</t>
  </si>
  <si>
    <t xml:space="preserve">氮气增压是怎么工作的？它和涡轮增压，机械增压有什么区别吗？氮气增? </t>
  </si>
  <si>
    <t xml:space="preserve">涡轮增压 trubo是利用排气的高温高压推动废气涡轮高速转动，在带动进气涡轮压缩进气，提高空气密度，同时控制增大喷油量，配合高密度的进气，因此可以在排量不变的条件下提高发动机工作效率。简单点说就是废物再利用，将排气导入涡轮工作组，然后改变压力，形成压力差，增大发动机的工作压力。由于废气涡轮是靠排气推动的，因此在发动机转速底时（待速）不启动，只要发动机转速足够（通常在1500转以上）turbo就开始工作，在启动转速范围以上都持续工作。涡轮增压的迟滞现象众在技术越来越先进的现在，已无明显感觉（但也令人很不爽）。氮气增压不是靠提高空气密度获得高效率，而是靠汽油在氮气中的高燃烧值，提高输出，所以原理上是完全不一样的， turbo压缩的是空气，空气取之不尽用之不绝，但是氮气增压的氮气 是储存在钢瓶中的，数量有限，因此只能提供短暂的爆发力，但这重爆发力确实是惊人的。机械增压其实是一种以马力换马力的装置。它是以发动机本身轴的转动带动机械增压，从而换取马力。成本较高（所以tubro应用比sc广），多数是奔驰在用。turbo的应用比sc广，所以更多的人知道Tubro而不知道SC，SC的工作效率也是不错的，不会差于Turbo，虽然SC消耗一部分机械能，但排气顺畅， 没有迟滞（本人觉得是最大优点）且能根据发动机的运转负荷变化增压大小，Turbo的惯性问题，不但在启动增压时产生迟滞让人不爽，更在发动机由高转过度到低转时，由于惯性增压不能马上减少，必须通过减压阀减压，这一切的一切都会令人失去很多驾驶乐趣。但机械增压，虽然消耗一小部分功率，但与产生的功率相比基本上可以不用计较。 </t>
  </si>
  <si>
    <t xml:space="preserve">用玫琳凯的产品去斑，刚开始时是不是会增多，然后再慢慢消退啊？是用 </t>
  </si>
  <si>
    <t>是的，因为刚开始的时候它是要把你皮肤基底层的黑色素全部发出来，然后再慢慢淡淡化掉的，当发出来的斑变成深色的，这样的斑是完全可以淡化掉的，如果发也来的斑还是原来的颜色，这样的斑是不能去除的，但是可以慢慢的淡化，所以刚开始的时候你也不要着急，一般美白周期是45天的，我也是用了好几个月才淡化掉的哦。</t>
  </si>
  <si>
    <t xml:space="preserve">这是什么花？ </t>
  </si>
  <si>
    <t>像是“富贵竹”。富贵竹属多年生常绿草本，株高可达1.5~2.5米高以上，如作商品观赏，栽培高度为80～100厘米为宜，多栽培于园圃中，喜阴湿，茎叶肥厚，其品种有绿叶、绿叶白边（称银边）、绿叶黄边（称金边）、绿叶银心（称银心），主要作盆栽观赏植物，观赏价值高，并象征着"大吉大利"，因而颇受国际市场欢迎。</t>
  </si>
  <si>
    <t xml:space="preserve">请帮我写副对联，有重赏请帮我写副对联，横批是“请学苦练 </t>
  </si>
  <si>
    <t>书山有路勤为径，学海无涯苦作舟。</t>
  </si>
  <si>
    <t xml:space="preserve">什么彩票好玩想玩下彩票大家给点建议 </t>
  </si>
  <si>
    <t>什么彩票都是负和局游玩，从这个角度看什么彩票都不好玩。从返奖率来看，足彩最好，65%；其他的如双色球、七星彩、大乐透等都是50%。彩票不过是简单的数字游戏，而足彩却搞的那么复杂，如果不是对足球特别感兴趣，不如玩双色球、七星彩、大乐透。</t>
  </si>
  <si>
    <t xml:space="preserve">懒人理财听说基金定投是最适合懒人的理财方式，嗯，我也今天定投了几 </t>
  </si>
  <si>
    <t>定投是正确的，但是更要看你定投的品种，尽管会有河东河西之分，但是若论长期那些就成了浮云了。看看那些定投处于前列的基金为什么可以傲视群雄？一切皆是有原因的。以数米网的那个数据来看。现在定投5年出现赔本的概率可能也就5%，但是收益率超过30%的机会超过5成。这还是经过牛熊转换的。如果觉得少，就投资高起点的，如果觉得这样还可以，那就好好选选吧。既然赔钱概率那么低，找个能跑赢一半基金的也不是很难吧？</t>
  </si>
  <si>
    <t xml:space="preserve">基金知识1、以下哪些基金交易在银行受理后还需要由基金公司在T+2 </t>
  </si>
  <si>
    <t xml:space="preserve">是很好的题目  但学习了！谢谢！ </t>
  </si>
  <si>
    <t xml:space="preserve">海贼王一共有多少集? </t>
  </si>
  <si>
    <t>目前已有TV动画558话（仍在更新连载，每周日早11：00更新），剧场版11部，原著漫画676话（仍在连载中），具体一共多少集还要等作者尾田荣一郎来定夺</t>
  </si>
  <si>
    <t xml:space="preserve">请问什么方法养金鱼不会死？ </t>
  </si>
  <si>
    <t xml:space="preserve">怎样防止家养金鱼死亡。 初养鱼者都有死鱼的经历，原因是还没有掌握养金鱼的知识。一般来说，凡是精心饲养，管理得法，注意放养密度，饵料新鲜，定质、定量、定时投喂；掌握好水温变化，维持水质良好等要令，就能够把金鱼养好的。以下向您介绍养好金鱼必须注意到的基本要令和方法，供您参考。 一 养好鱼要先学会买好鱼 对初学者而言，首先是买到健康鱼。那么怎样挑选健康金鱼？ 健康的鱼在水体的中下层游动、觅食且争食，游姿自然、悠闲、合群，尾鳍清澈透明、飘逸。沉底、浮头、头朝下或侧翻的鱼、游动现挣扎状，有外伤，掉鳞，长白毛、白点，尾鳍肥厚、浑浊、严重血丝的，眼球浑浊、体色暗淡无光及单身独处的，是病鱼无论多喜爱也不能购买。 刚学养鱼有一个技术积累过程，不一定选完美的鱼，而要买便宜的鱼、健康的鱼这一点是一定不能忽略的。特别是冬天买金鱼更应小心挑选，因为冬天病鱼特别多。 二 养金鱼前先要准备好一个体积不能太小的鱼缸，这主要根据你所养金鱼的大小和数量多少来决定。要注意鱼的投放密度。初养者常会见到喜爱的鱼就买，极少顾及缸内究竟能养多少条鱼，就算征求鱼贩们的意见，以营利为目的他们，能说让你少买吗？以本人经验，最少要保证达到3升水养1厘米长的鱼，如果您的鱼缸容纳了100升水，那么可喂养10厘米的鱼3条，5～6厘米的鱼(其体形比较窄小)可养8条。冬天气温低、喂食少，可以适当养多一些。在较大的空间内金鱼比较活跃，体色较鲜艳。密度过大水中会缺氧、水质恶化导致金鱼生病死亡。 三 准备给金鱼用的新水，要先存放一两天，称为“困水”，一方面是为了去除水中的氯气，另一个作用是使新水和旧水的温度接近。 四 买好金鱼一定要充氧，以免回家途中被闷死。金鱼到家后不要急于入缸，要先将装鱼的塑料袋放入鱼缸10至20分钟后再打开，让缸水分几次倒流入袋中，同袋中原先的水逐步混合，以使鱼儿逐步适应新“家”的水温、水质。如有灯光照射，应将灯光关掉，在黑暗中鱼儿比较安静，不易受惊。 五 不能急剧改变水的温度。金鱼可以在很宽的温度范围内生存，冬天在冰层以下仍可维持生命，大热天只要不在烈日下爆晒也能正常，但是如果急剧改变温度，就会导致生病或死亡，购鱼时就要注意到水族店的水温和你家鱼缸的水温，偏差不宜过大，一般4度以内是允许的。 六 不能一次换水过多， 否则水质突然变化，会导致金鱼的水质不适症发生。 金鱼已适应了原来的水质中生活，水质突然改变，金鱼会无法适应而得病，甚至突发死亡。 七 怎样投食。以每天一至两次和5至10分钟内吃完为宜。阴雨天要少喂，晚间不能喂。因为鱼在消化食物时需要消耗更多的氧，阴雨天、晚间气压较低，溶入水中的氧也就低，如此时喂鱼将可能导致水中严重缺氧而死鱼。死鱼大都发生在晚间，其原因就在于此。 可根据鱼粪的颜色来分辨别金鱼饥饱和消化吸收情况：鱼粪呈绿色、棕色或黑色者，表示鱼体摄食适合，吸收良好。如果鱼粪呈白色，则表明鱼食过饱。 八 食料一定要清洁。喂饲了不洁鱼食，极易导致鱼病的发生。虽然金鱼最喜欢活食，喂活食的金鱼生长也较快。但活食都生长在污染的水环境中，极易沾染病菌，故投放活食要慎重。建议购买由专业公司生产的品牌冷冻新鲜食料，如血红虫、丰年虾等，再辅以豆类及蔬菜，以维持全面的营养。面包虫也是金鱼喜爱的活食，营养价值也高，也可以适当投喂。 九 要保持水的清洁。金鱼进食量大，消耗大量氧气及排出大量废物对水产生污染并滋生病菌。为了保持水的清洁，应该安装过滤器，每天还要利用从缸底部抽除排折物和残饵的同时换去十分之一的旧水，特别是夏天一定不能忽视。最好采用带充气设计的过滤，让过滤和充气同时进行，既使水体得以净化又补充了氧气。 十 不能将油脂类带入水中。油污会浮在水面将空气隔绝，使水中的氧得不到补充，会导致金鱼缺氧死亡。投食肉类或手上涂抹过护手霜操作，都会将油脂带入水中，应该仔细避免。 十一 最好先从文鱼类金鱼养起。 文鱼类金鱼觅食能力强、体质较强健、身体较不易受到意外伤害，积累经验后再养名贵鱼可减少损失。 </t>
  </si>
  <si>
    <t xml:space="preserve">有没有人知道使用氧气机的副作用，请私信我 </t>
  </si>
  <si>
    <t>如果你身体健康就没有必要每天用吸氧机，因为吸氧机是利用分子筛物理吸附和解吸技术。吸氧机内装填分子筛，在加压时可将空气中氮气吸附，剩余的未被吸收的氧气被收集起来，经过净化处理后即成为高纯度的氧气。主要用于氧疗和保健，如呼吸系统疾病和心脑血管疾病、高原缺氧症等。高压或常压下，吸入高浓度的氧达一定时程后，氧对机体产生的功能性或器质性损害。氧中毒可分为中枢型、肺型、溶血型和眼型。无论发生哪一型氧中毒，整个机体均同时受害。临床上，在高于0.3MPa压力下吸氧，常规治疗时随意延长吸氧时间，常压下长时间吸入浓度高于50％的氧是氧中毒的常见原因。故每天使用或者使用不当的话会对机体造成不良影响。要根据自己的状况合理地的使用。</t>
  </si>
  <si>
    <t xml:space="preserve">最新开的服是哪个如题，不想玩这个了，真让人失望 </t>
  </si>
  <si>
    <t>新服“普罗旺斯”2009年8月5日16：00隆重开服</t>
  </si>
  <si>
    <t xml:space="preserve">无锡哪里好玩啊？[疑问][疑问][挤眼] </t>
  </si>
  <si>
    <t>您好，是灵山，三国城，请好评谢谢</t>
  </si>
  <si>
    <t xml:space="preserve">公务员考试数字推理4,9,1,4,3,40,()请问各位高手答案 </t>
  </si>
  <si>
    <t>每什么规律阿，希望有高手！</t>
  </si>
  <si>
    <t xml:space="preserve">[英翻中]Iwentaboutmybusiness. </t>
  </si>
  <si>
    <t>1.我开办了自己的公司。2.我照常做自己的事情。（具体的意思需要联系上下文。希望对你有帮助O(∩_∩)O~）</t>
  </si>
  <si>
    <t xml:space="preserve">一年真的很重要吗?请帮帮一个准妈妈!以前不想要小孩,主动拿掉过几 </t>
  </si>
  <si>
    <t>不管怎么样，你都已经错过了女性生育的最佳时机(26终止).所以你这样一而再的后悔其实带来的最大的弊端应该是你的孩子.你有没有为宝宝的健康着想过，作为准妈妈这个是最不应该的.人生中有太多的无奈,难道你要为此一直错下去???很多女性40多了才有可爱的孩子,为此他们感谢上苍如此眷顾她们,还有很多连孩子都没有.没有孩子的女人是最痛苦和可怜的.所以,懂得知足吧,放开你自己的那些没有意义的想法,不要去比较,不要去后悔,根本就没有必要,没有在意你的这些比较.好好珍爱你肚里的孩子吧!记住,人生没有太多的后悔,过了把握不住只能责怪自己.</t>
  </si>
  <si>
    <t xml:space="preserve">一万台币能兑换多少人民币？ </t>
  </si>
  <si>
    <t>2500人民币</t>
  </si>
  <si>
    <t xml:space="preserve">谈谈你们对自私的看法这个社会上的人都是自私的吗,我觉得自私是人的 </t>
  </si>
  <si>
    <t>当然，自私是人的天性。但是，要有一个度，不能触犯道德的底线。目前社会，许多人表现极端自私，应与当今社会信仰缺失，唯物主义“变味”（指什么都不拍）、社会风气败坏，没有道德约束、舆论约束。同时，也与社会上的一些不公正现象有关。但是，我坚信随着社会和谐，总有一天，人的极端自私会受到道德约束、舆论约束、制度约束的。</t>
  </si>
  <si>
    <t xml:space="preserve">我有盆腔炎吃点什么药好呢？ </t>
  </si>
  <si>
    <t>快用妇炎康。或针灸关元，气海，大赫，归来，三阴交穴。</t>
  </si>
  <si>
    <t xml:space="preserve">有什么好的电脑推荐下么 </t>
  </si>
  <si>
    <t>入个索尼本本吧，SONY 索尼 SVF1531V8CW 15.6＂笔记本电脑 I5-4200U/4G/750G/2G独显/DVD/蓝牙 4399还不错推荐 华硕s46 或 宏基E1 系列 质量可靠 性价比高 价位在三千到五千注重游戏性能又追求性价比的考虑:宏基v5系列,gt750显卡款.五千内拿下.游戏玩家推荐dell的xps系列或者地球人.具体价格和配置参考亚马逊或京东等商城 不推荐神舟 联想 三星等 质量不可靠 如果我的答案对你有用,麻烦点击"好评"，谢谢！</t>
  </si>
  <si>
    <t xml:space="preserve">请问,那个什么遗迹木刀是怎么弄的就是那把+必杀的刀 </t>
  </si>
  <si>
    <t>法兰城遗迹礼品店有售</t>
  </si>
  <si>
    <t xml:space="preserve">现我在用黑人茶味的牙膏,最近发现牙齿变了黄很多.请问同胞们用哪个? </t>
  </si>
  <si>
    <t xml:space="preserve">     牙齿变黄应该不是牙膏的原因，成人的牙齿正常都不会太白，因为矿化度比较高，釉质比较透明，显示出是牙本质的颜色，而且随着年龄的增加牙齿的颜色会越来越深，和进食留下的色素还有增龄性的着色有关，这很难避免，所以牙齿有一点黄是正常的，电视上那种是骗骗人的。一、在牙膏上洒一点盐再用会有美白健齿效果的。二、用竹盐牙膏吧,因为竹盐牙膏含有盐,盐能美白牙齿.</t>
  </si>
  <si>
    <t xml:space="preserve">茶酵母有谁用过啊？ </t>
  </si>
  <si>
    <t>茶酵母  是各种茶的 配和 而成的 ``其效果我不知道  我可以介绍别的茶  给你试`坚持运动的 基础上 喝喝茶 ``是减肥的方法 现在是现在秋冬 要喝 有去油腻 去火 养胃 功效的茶` 所以这个时候喝 菊普茶 铁观音是最好的 菊普茶就是 菊花和普洱混着 泡的茶 口感即清爽 又柔和 `` 菊普茶 铁观音 的茶性温和。都是有很好的 养胃 去火。减肥。美容 保健等功效 选择好茶叶，还需要喝对了时间。 (1)早晨起床后饮淡茶水，补充一夜之间的水消耗； (2)上午10时左右饮浓些的茶水，可补充流汗及尿液排出的水分； (3)下午3时左右饮淡茶水，再度补充体内排出的水分，并使体内囤积的废物顺利排出，防止人体酸性化。 (4)晚上8时左右，睡前饮水，因睡眠时血液浓度增高，睡前饮水可以冲淡血液，加速血液循环。 介绍一些常识，因人而易，喝出健康长寿来！ 天韵茶庄</t>
  </si>
  <si>
    <t>给我一个20</t>
  </si>
  <si>
    <t>晕```号可以给，能否冲点QB（开玩笑）浙江1 40漫游，别找我带哈，漫游带人夸张点`</t>
  </si>
  <si>
    <t xml:space="preserve">如何快速升到12级？ </t>
  </si>
  <si>
    <t>最老实的办法就是慢慢来。无论什么游戏也是如此，除非有修改器之类的，就另当别论了。</t>
  </si>
  <si>
    <t xml:space="preserve">天津狗不理包子是怎么做的？馅是怎么调的，皮是怎么擀的，吃得时候加 </t>
  </si>
  <si>
    <t>天津不理包子的制作工艺 天津狗不理包子已有100年的历史，其选料精良、皮薄馅大、口味醇香、鲜嫩适口、肥而不腻，已成津门一绝。所用主料有（制100个）：小麦粉1750g，面酵 500g，猪肉（肥三瘦七）800g，所用辅料有：葱末100g，姜末25g，酱油150g，香油100g，高汤适量，味精少许，碱面适量。 制作时，将猪肉洗净，剔除骨渣及软骨，绞或剁成茸，放入馅盆内，加姜末拌匀，边倒酱油边搅打；放置片刻，随之徐徐加入高汤，继续搅打至有粘性、软硬适度，放入葱末、味精、香油、搅匀成馅料。精面粉与面酵加清水和面，盖上湿布发酵，见有面花拱起、发酵适中时，兑入适量碱揉匀，停片刻再于案上揉出光面，揉成长条，按50g面粉揪4个面剂，共100个左右。之后擀面，包馅，每个包15g肉馅，收口捏褶约15－16褶，蒸熟即可.高汤一定要选好鸡，它是基础。用4斤以上的老母鸡，当然要土鸡--你可能不会选，请与鸡贩子搞好关系，砍鸡为大块后用铁锅炒到水干。用鼎锅--也就是高而鼓的砂锅--将鸡放入大火烧开，撇净浮末。准备宣威火腿或者金华火腿半斤，切为1CM厚的片、春笋1斤也切为薄片，猪的筒子骨头2根一起放入鸡汤里，大火烧开再次撇去浮末。改用小火炖5个小时。到时间了拣去所有的固体东西。　　用纱布--纱布可以用口罩拆了代替--将汤过滤2次，加黄酒一小酒杯，姜一小块，绝对不能放盐。再烧开10分钟，改用中火。把准备好的瘦肉半斤切为小粒，放到汤里边放边搅动（请慢慢的搅动）5分钟后再次过滤，你的汤就好了。　　高汤的制作过程：将老鸡、火腿、瘦猪肉、鸡脚等放入沸水汤桶，用文火煲8小时，即可。这种汤一次用不完的，因为它太鲜了太美了，放它入冰箱，用多少取多少。</t>
  </si>
  <si>
    <t xml:space="preserve">高二数学甲、乙两个篮球运动员，投篮命中率分别为0.7及0.6，每 </t>
  </si>
  <si>
    <t>设P{X,Y}为甲投中X次,乙投中Y次;1)、甲乙投中的次数相等，则为P{X，X}（X=0、1、2、3）所以P=P{0，0}+P{1，1}+{2，2}+P{3，3}=(0,3)0.3^3*C(0,3)0.4^3 + C(1,3)0.7*0.3^2*C(1,3)0.6*0.4^2    +C(2,3)0.7^2*0.3*C(2,3)0.6^2*0.4 + C(3,3)0.7^3*C(3,3)0.6^3=0.32074≈0.3212)、要甲比乙进球多，则(i)、当乙进球为0时，那么甲进的球数可能为1、2、3，即该事件A发生的概率为C（0，3）0.4^3*(1-C(0,3)0.3^3)=0.062272（ii)、当乙进球数为1时，那么甲进的球数可以为2，3，则该事件B发生的概率为C(1,3)0.6*0.4^2*(C(2,3)0.7^2*0.3 + C(3,3)0.7^3)=0.225792(iii)、当乙进球数为2时，那么甲只能进3个球，那么该事件C发生的概率为C(2,3)0.6^2*0.42C(3,3)0.7^3=0.148176将所有的可能的事件加起来，P（A）+P（B）+P（C）=0.062272+0.225792+0.148176 = 0.43624 ≈0.436</t>
  </si>
  <si>
    <t xml:space="preserve">“驴友”是什么意思？今天浏览本地的晚报看到一篇报道大意是：12名 </t>
  </si>
  <si>
    <t>爱好自助旅游的人，就是那种自驾车，自选路线的人。个人理解， 驴友不仅仅是“旅游”爱好者的谐音而且是一种亲切的称呼，因为这种旅游很辛苦，追求的就是这种战胜困难享受成功的快乐。所以“驴”一样的精神和形象就使有过这种体验的人觉得亲切。我想你如果亲自体验一回就明白了：）</t>
  </si>
  <si>
    <t xml:space="preserve">近期有什么好看的韩剧吗？青春偶像剧之类的（港台的也行） </t>
  </si>
  <si>
    <t>最新的还在连载的韩剧有&lt;&lt;李算&gt;&gt; --- 历史剧 李瑞镇、韩智敏主演&lt;&lt;不汗党&gt;&gt;---现代剧 李多海、张赫主演&lt;&lt;快刀洪吉童&gt;&gt;-- 古装剧 姜志焕、成宥利主演&lt;&lt;爱也好恨也好&gt;&gt;--是日日剧,收视率每周都第一  韩智慧主演</t>
  </si>
  <si>
    <t xml:space="preserve">ps1游戏机最近从朋友那搞来一台PS1,但不知道怎么连电视(搞半 </t>
  </si>
  <si>
    <t>把PS1的AV连接线连接到电视机的3个插口处就可以啊，把连接线的一端插好在PS1的主机后面，是有个适合插连接线的插口的，而AV线的另外一端就对准电视机的3个颜色插口，红色对准红色插口去插，白色对准白色插口去插，而黄色就对准黄色插口去插就可以啊。其实是很简单的操作啊。根本是不需要用到说明书的指点。。</t>
  </si>
  <si>
    <t xml:space="preserve">日出美丽立取上，残月屋下友情长，无奈您却无心往，白水一勺表衷肠，? </t>
  </si>
  <si>
    <t xml:space="preserve">中国国庆节,国外有放假的吗? </t>
  </si>
  <si>
    <t>没有的，自己给自己放假。</t>
  </si>
  <si>
    <t xml:space="preserve">新浪博客的字数限制系统显示：文章内容不能为空并且不能超过2万个字 </t>
  </si>
  <si>
    <t xml:space="preserve">    这是因为编辑器统计的字节数是包含文章格式的源代码，而非纯粹的文字数。　　如果您选择的是word编辑器，当您从网页或者word中拷贝粘贴文章时，除了真正的内容，还包含大量控制文章显示格式的代码，所以常常会造成您的文章字数不够1万字，发表时却提示超过一万字。　　解决办法：    １．您可以在将网页拷贝到编辑器之前，先拷贝至记事本，记事本会过滤掉这些代码，再将记事本中内容拷贝至编辑器即可正常发表了。　　２．您可以选择ubb编辑器，便不会出现这种问题。</t>
  </si>
  <si>
    <t xml:space="preserve">大DD技能如何搭配,升级,头痛哦~~~~~~我现在买了一个大DD </t>
  </si>
  <si>
    <t>感觉虽然咆哮能拉仇恨，但是不附加攻击，撕咬还是不错的，和猛击一起用，基本可以拉住仇恨。</t>
  </si>
  <si>
    <t xml:space="preserve">求助：我的博客模块顺序大乱！我的博客模块顺序大乱，按程序一个一个 </t>
  </si>
  <si>
    <t xml:space="preserve">不必担心 这是由于服务器繁忙造成的,做为中国第一门户网站，使用新浪服务的人越来越多，资料更新需要时间，您可以多刷新几次页面,或者过一段时间再试试，或者避开登陆使用高峰.问题自然就可以解决了.移动模块： 进入定制作个人首页将鼠标移到你要移动的模块上方出现十字框后点击鼠标右键拖到你指定的位置后放开鼠标键按这样的办法安排好每个模块之后保存设置点击管理博客定制我的首页在所有的模块上点击隐藏再点击管理博客定制我的首页添加模块按照你想要的顺续勾选做好的面板选取保存设置 </t>
  </si>
  <si>
    <t xml:space="preserve">船上的任务上船做的任务是什么啊多少级奖什么怎么做(请说的详细些) </t>
  </si>
  <si>
    <t>传奇3()版的幽灵船任务有4个:(做任务前需要到诺玛村庄找"梅山侠"接神舰任务)任务1:在沙漠进幽灵船后,从船3层→2A→2B→船1,最后从船的出口出去,这样就完成了任务1,任务1只需要玩家安全走出幽灵船就算完成任务,奖品是"魔令牌".任务2:和上个任务一样,玩家必须得到达船一层,然后在"霸王幽灵"那里接取任务之后要找一个怪物:轻甲守卫,将之杀掉后系统会给你提示,再回去点霸王幽灵,然后走出去找诺玛村庄的"梅山侠"(坐标:你从船出来就会看到她,那个老太婆),点击她之后获得任务2的奖品;本职业33级的武器.任务3:同上,玩家必须跑到船1层,点击"霸王幽灵"接任务,给出提示后须在船1层找到小BOSS"霸王守卫"并将其消灭,杀死后系统会给你提示,再去"霸王幽灵"那里交任务可以得到任务道具"遗核"和本职业稀释项链一条(法师:追魂项链;道士:魔令项链;战士:追风项链)走出船来到诺玛村庄,找"梅山侠","遗核"消失,得到道具"连环明珠".任务4:带上"连环明珠"到船一"霸王幽灵"那接到任务后,进"调控室"杀死大BOSS"霸王教主"后可以得到"霸王教主头像"(注意杀死教主后系统的提示),出"调控室"和"霸王幽灵"对话得到任务4的奖品本职业45级武器(法师:飞魂魔刃;道士:风魔剑;战士:旋风流星刀),出来后找"梅山侠"得到声望值！</t>
  </si>
  <si>
    <t xml:space="preserve">西南交大有几个校区 </t>
  </si>
  <si>
    <t>有三个，分别是九里，犀浦，峨眉</t>
  </si>
  <si>
    <t xml:space="preserve">“大闸蟹”卖的是螃蟹吗？ </t>
  </si>
  <si>
    <t>难道大闸蟹是龙虾？不是螃蟹是什么？就是个大点的螃蟹，特殊地域的特有产品。</t>
  </si>
  <si>
    <t xml:space="preserve">单身梦见自己怀孕我还是大学生,没有男朋友,梦见自己怀孕了,特别害 </t>
  </si>
  <si>
    <t>5或11月会有男友，此人不高但较帅。</t>
  </si>
  <si>
    <t xml:space="preserve">实创装饰装修工期怎么样会延期吗？ </t>
  </si>
  <si>
    <t>实创还是比较好的，大公司有保障，一般不会延迟，如果有延迟的话他们合同上也有相对的赔款规定，这个你不用担心。</t>
  </si>
  <si>
    <t xml:space="preserve">怎样挽留这段即将分开的感情我们在一起快一年了，我们在同一间学校的 </t>
  </si>
  <si>
    <t>这样的问题真的很头疼，她说那些话也许不是真心的，压力大了就想要放弃。多鼓励她，想在一起，必须有个人坚持，你不想分就要在必要的时候牺牲一下！祝福你！</t>
  </si>
  <si>
    <t xml:space="preserve">辞职后医保、社保怎么办？去年在广州工作公司买了医保，今年9月份调 </t>
  </si>
  <si>
    <t>1、一般医保卡是1-3个月左右的时间，具体看各地的政府办事效率了。2、只要是将医保关系转移到了户口所在地，保证其有效性，过了观察期，则没有医保卡，同样有保障。3、带上你的身份证，到户口所在地的社保局办理个人缴纳手续。4、一般为原社保资料和转出证明，具体视各地政策而定。</t>
  </si>
  <si>
    <t xml:space="preserve">通关奖励怎么得到？关卡奖励中有一次通关奖励，二次通关奖励。每一个 </t>
  </si>
  <si>
    <t>我日9C，大清早的 才上5分钟就掉了 `还让不让玩了``维护``天天维护``维护个P啊`~、9C负责人出来解释下``日``搞什么搞`什么垃圾游戏 也比上不去强吧``</t>
  </si>
  <si>
    <t xml:space="preserve">为什么下雨打雷，下雪极少打雷 </t>
  </si>
  <si>
    <t>打雷一般是在冷暖气流强烈交会时(如春季南下的冷气流与北上的暖气流)或在水气强烈对流时(如夏季的午后)发生.并不是所有下雨都会打雷,也不是打雷就一定会下雨.而下雪一般是在冬季,此时一般冷空气占主导,只有南下的冷空气,空气的对流弱,故一般不会发生打雷现象.</t>
  </si>
  <si>
    <t xml:space="preserve">搞丝旁右边有4个双字上2个下2个这个字怎么念啊```？？ </t>
  </si>
  <si>
    <t>点缀的zhui吧~</t>
  </si>
  <si>
    <t xml:space="preserve">一个小问题月溪镇的学校在哪儿啊?????????????? </t>
  </si>
  <si>
    <t>呵呵，，，，就在那个尖顶房子里。。最里面一间就是，里面没人的。。。靠。。这也叫学校啊////地上有个盒子，，，点开就是。。。后面的不用说了把。。。</t>
  </si>
  <si>
    <t>双立人</t>
  </si>
  <si>
    <t>再生.对位</t>
  </si>
  <si>
    <t xml:space="preserve">南京哪里有日语角？本人现在在南京想练练日语口语不知道南京南里有日 </t>
  </si>
  <si>
    <t>马台街，具体位置忘了，可以去有日语教学的大学问问，比如南大，东南，南农等</t>
  </si>
  <si>
    <t xml:space="preserve">我想知道圣经中到底教我们做怎样一个人，如在家庭中．工作中，社会中 </t>
  </si>
  <si>
    <t>圣经叫我们去爱所有的人，建立一棵纯善的心，为他人着想，大公无私，毫不利己，专门利人。做一个至善至爱至纯的人。换句话说，圣经教育我们做一个为大众服务的人，所有的宗教都是教人为善的。</t>
  </si>
  <si>
    <t xml:space="preserve">新人问题我知道升级获得的属性点需要分配到基本属性和技能熟练2个上 </t>
  </si>
  <si>
    <t>技能伤害是技能伤害，和基本能力没关系。如果你有朋友带的话可以裸练，没朋友带裸练有难度，不过可以下副本刷前提是有人要你。</t>
  </si>
  <si>
    <t xml:space="preserve">穆斯林会过圣诞吗？圣诞节是基督教的一个重要的节日，是不是穆斯林就 </t>
  </si>
  <si>
    <t>我就是穆斯林，我们不过圣诞节</t>
  </si>
  <si>
    <t xml:space="preserve">魔力里哪个NPC卖法面啊?听说有NPC卖法面,但我只知道12村有 </t>
  </si>
  <si>
    <t>没办法到奇利的话还是暂时吃面包吧，在狮子之穴有卖的。能到奇利的话，按图走，进去后交44G进心之房，然后和里面的引导的狮子对话进医务室，里面有卖。1200/个，这次不会再打成“组”了，韶凌心涵-_-!</t>
  </si>
  <si>
    <t xml:space="preserve">我该不该打篮球去呢吾儿,还有四个月就13岁了,1.75米(最近二 </t>
  </si>
  <si>
    <t>你们有所不知了，在中国做个运是不错的，不一定每一个人都要像姚明和刘翔那么出名，主要你是能够进入省队或者能参加赛事拿过奖，国家都会有很优厚待遇的，以后退役还可以分配岗位和不用愁3金问题。另外，运动员主要看有没有伯乐，还有你自己的努力。我有个亲戚是玩在省队里玩10米高台跳水，练到后来吐血了，医生说是肺出血，这就是运动的毅力，楼主如果能坚持，选这方向一定没错的。虽然运动员生命时间很短，但你还年轻大把机会。本人不太同意说篮球世家或者什么天赋论，篮球运动这项事业很广阔的，不一定每一个人都要成为运动员，例如教练，裁判，教师也是可以主宰一场比赛的。只要楼主你是有兴趣就努力去干吧，未来的事情谁也不知道，可能你会是一位出色的球员或裁判或教练。其次，将来中考和高考可以报考体育学校，体育学校主要看专业成绩和比赛经历，文化成绩都是不高的，只要你平时注意听课，请人补习一下，就没有问题。练好些球技和学习一些运动知识（如体育历史），多些代表学校去参加校制比赛和市的比赛，个人也多些参加什么街头比赛，提高阅历，为以后打好基础。</t>
  </si>
  <si>
    <t xml:space="preserve">我国现行工业企业会计制度对财务报告的报送对象、报出手续、报出时间? </t>
  </si>
  <si>
    <t>金融企业财务会计报表的报送对象为“津税系统”中国标行业代码包含“J”,营业状态为“正常”的所有金融行业的单位纳税人(简称“金融企业”),其他纳税人应按市财政.（竭力为您解答，希望给予【好评】，非常感谢~~）</t>
  </si>
  <si>
    <t xml:space="preserve">如何关闭博客？！！ </t>
  </si>
  <si>
    <t>删除你所有的文章，恢复原来的模板，三个月不上，博客系统就会自动删除的！</t>
  </si>
  <si>
    <t xml:space="preserve">电2超级垃圾ID：特F8888//大家进来看看！！！！1V英雄V </t>
  </si>
  <si>
    <t>在电2我有两个月没有碰到乞丐了,昨天晚上就碰到两个乞丐要一些二手装备的.当时刷宝也掉了不少磨损的就给他了</t>
  </si>
  <si>
    <t xml:space="preserve">关于印花税问题我房地产开发公司和监理公司签订了一份监理合同，工程 </t>
  </si>
  <si>
    <t>建设工程监理，是指具有相关资质的监理单位受建设单位(项目法人)的委托，依据国家批准的工程项目建设文件等相关规定，代替建设单位对承建单位的工程建设实施监控的一种专业化服务活动。技术咨询合同，是当事人就有关项目的分析、论证、评价、预测和调查订立的技术合同。因此，工程监理合同并不属于“技术合同”税目中的技术咨询合同，无需贴花。</t>
  </si>
  <si>
    <t xml:space="preserve">企业年检要银行对账单问题银行对账单和银行存款日记账对不上，年检时 </t>
  </si>
  <si>
    <t>银行对账单和银行存款日记账对不上，年检时要提供银行对账单，该怎么?只要把"银行存款余额调节表"调平就可.</t>
  </si>
  <si>
    <t xml:space="preserve">word在行末、行头输入空格加下划线，不成功大家有没有遇到过这样 </t>
  </si>
  <si>
    <t>这个问题简单，在做试卷填空时我常遇到。只需在首行空格末回车即可。</t>
  </si>
  <si>
    <t xml:space="preserve">选手表我想买块走针表，不要很贵，走得准就行。另外最好是太阳能的， </t>
  </si>
  <si>
    <t>那就选日本"西铁城"光动能的吧.价位500-2000</t>
  </si>
  <si>
    <t xml:space="preserve">就是刚刚那问没解决帮下忙我还是岭南风情的我那小号为什么还不开封啊 </t>
  </si>
  <si>
    <t>答：强行修改帐号需交纳100元GYB才能进行的！你如果不属于强行修改帐号那就得要打客服电话咨询了，如果是光等不采取措施的话，等一年也不解的~！~打电话请求解封就行！如何封停帐号 1.适用范围： 帐号被盗时，需要紧急封停帐号，避免更大的损失。 2.处理流程： 首先，拨打客服电话。 联系上客服人员后，说明封停原因，并按照客服人员的要求提供一些角色相关的信息。 提供资料完整并且正确时，将立即封停帐号。 封停时间为1个工作日（如周五反映要求封停，则解封日期在下周一），解封时间到系统将自动解除封停。</t>
  </si>
  <si>
    <t xml:space="preserve">肺结核早期有什么明显症状吗？如题 </t>
  </si>
  <si>
    <t>午后低烧夜间盗汗都是常见的初期的全身症状该及早去医院拍胸片和检测</t>
  </si>
  <si>
    <t xml:space="preserve">如何对待父母父母天天让我学习，限制我干这干那，心里很烦，总想反抗 </t>
  </si>
  <si>
    <t>你们缺乏沟通作为你的父母，他们做的有的也不全对，让你好好学习，这是对的毕竟你这个时候是学习的时候，但是得劳逸结合，适当的关心你的心里的想法，不能一味的摆出一幅高高在上的姿态，这样你肯定会反感的</t>
  </si>
  <si>
    <t xml:space="preserve">用虚拟光驱怎么玩模拟人生2夜生活? </t>
  </si>
  <si>
    <t>把游戏的最小镜像载入虚拟光驱  然后进入游戏</t>
  </si>
  <si>
    <t xml:space="preserve">卸载软件5dpdfcreator各位大侠：大家好！小弟想转PDF </t>
  </si>
  <si>
    <t>用卡卡助手卸载。或者现把启动项的这个东西取消了如果你想转换pdf，用pdfcreator，没有什么5d的。我的个人中心提供的是pdfcreator，效果很好的，没有发现有卡住的状况。学者在线（学者风范）的个人信息中心，我上传了很多软件，可以在uc使用的有很多，欢迎光临。 右侧有下载链接。</t>
  </si>
  <si>
    <t xml:space="preserve">买号如果我想买一个网易的号，你们还不能提供身份证修改服务，如果这 </t>
  </si>
  <si>
    <t xml:space="preserve">尊敬的客户：     您好！5173客服041很高兴为您服务！     网易的账号官方不支持修改身份证，建议您购买后绑定将军令，使您的游戏账号安全。     如需帮助或投诉，请与我们客服中心联系，客服中心服务热线：0579-83225173。感谢您对5173的支持,祝您春节快乐！！！                                         </t>
  </si>
  <si>
    <t xml:space="preserve">从天气的寒冷来看国米和巴萨都要挂拉 </t>
  </si>
  <si>
    <t>楼上你还别说，，， 东欧那片现在的天气让西欧那些国家的球队很头痛啊。。。。 我记得好像是0--07赛季吧。。阿森纳也就是这轮的样子打的那只队我忘记。。肯定是东欧的。。。结果上半场快结束被偷一个，全场也就是1：0.。那期我买的是6场半全场。。猜对了结局，但是过程错了！！！！</t>
  </si>
  <si>
    <t xml:space="preserve">电脑高手告诉我~急啊！！我家的电脑一开，就会出现：NT***（后 </t>
  </si>
  <si>
    <t>系统启动文件丢失，应该是 这个 NTDETECT.COM 文件，台式机的话把硬盘摘下来到别的电脑（同样系统同样版本）把启动文件复制过去，主要就是上面提到的文件，或者你可以重新安装系统。</t>
  </si>
  <si>
    <t xml:space="preserve">自己怎样制作音频放大电路？电路图和制作过程 </t>
  </si>
  <si>
    <t>给你个网页看. 找好电路,做印制版,手刻也行,注意地线和电源,如做出有交流声,一般是地线位置不对,调整地线位置试试.有问题,可以点我名字发信讨论.要注意电源.</t>
  </si>
  <si>
    <t xml:space="preserve">买不到军用马鞭柄我41级了，有了粗制马鞭和制作方法，现在想去刷马 </t>
  </si>
  <si>
    <t xml:space="preserve">自己制作，你的马鞭,    物品名称：【图样·禁苑马鞭】 物品说明： 需求工匠点数1点 使用后可以习得制作【禁苑马鞭】 【禁苑马鞭】 披风 五阶披风 耐久度1/1等级要求60必须学会 进阶骑术 必须学会 六品武官 生命值＋100攻击力＋8骑乘速度＋0.3米/秒 上马骑乘准备时间-8％ 附加技能：重骑突进 制作需要：【重骑马鞭】×1　　　　　【太仆府马鞭柄】×1所需物品：【濮阳金漆】×20贩售NPC：【战场管理员】（155 242 物品名称：【图样·河西马鞭】 物品说明： 需求工匠点数1点 使用后可以习得制作【河西马鞭】 【河西马鞭】 披风 五阶披风 耐久度1/1等级要求60必须学会 进阶骑术 必须学会 六品文官 生命值＋60攻击力＋8骑乘速度＋0.3米/秒 上马骑乘准备时间-8％ 附加技能：轻骑长驱 制作需要：【轻骑马鞭】×1　　　　　【太仆府马鞭柄】×1所需物品：【濮阳金漆】×20贩售NPC：【战场管理员】（155 242） </t>
  </si>
  <si>
    <t xml:space="preserve">“好汉饶命！”“饶你可以，还我哥哥命来！”噗哧一刀…您看了这段情 </t>
  </si>
  <si>
    <t>阿弥陀佛..冤冤相报何时了！放下屠刀.回头是岸...血性汉子一条是也！不多见了。。。罪有应得······</t>
  </si>
  <si>
    <t xml:space="preserve">有高中英语词汇的音频文件吗MP3格式 </t>
  </si>
  <si>
    <t>有，如果需要，我传给你，但是我手上的是人教版的</t>
  </si>
  <si>
    <t xml:space="preserve">帮我看一下我81级格,71血141攻0防129敏9魔攻击335防 </t>
  </si>
  <si>
    <t>以后升级加血</t>
  </si>
  <si>
    <t xml:space="preserve">帮我起个qq名。可爱，不土，好听，最好有含义。我16啦，女 </t>
  </si>
  <si>
    <t>⺗.?ɑs?℡ 小女生 ．  ┋?鎂??末?完美坏坏．    Ｋi↘sＳ????． Ｋiss宝宝．　我觉得这几个不错，前面是繁体字， 我加了点符号，不知道你喜欢不．　  　</t>
  </si>
  <si>
    <t xml:space="preserve">电压等级 </t>
  </si>
  <si>
    <t>电压等级Voltage grade</t>
  </si>
  <si>
    <t xml:space="preserve">关于硬盘的问题检测系统发现C盘有不正确扇区几十K，并且提示系统文 </t>
  </si>
  <si>
    <t xml:space="preserve">硬盘故障 表现为 蓝屏 程序无法运行 你的情况最好 PowerMax 检测一下 一般情况下 只要坏的不是很多 都可以继续使用 不过要经常备份重要文件 硬盘都是有寿命的 </t>
  </si>
  <si>
    <t>怀旧的4</t>
  </si>
  <si>
    <t>我都按车说了啊，纯银2W2，金2W8，白金3W8，7矿5W8，其他的卖的少</t>
  </si>
  <si>
    <t xml:space="preserve">自行车的脚踏板为什么会打滑右边的脚踏板踩两下总会踩空，这样的话怎 </t>
  </si>
  <si>
    <t>您所描述的问题是曲柄（脚踏板）跟转，是因为电机转动后飞轮带动中轴曲柄转动，助力器是装在中轴位置上的，只要中轴转动，助力器又会开始工作调控电机转动，通过这样的循环就造成您所描叙的现象。这种情况也是电动车行业内的一种通病（目前所有品牌带助力功能的车型都存在此问题），如果中轴装配的太灵活，就很容易出现以上情况，目前的解决办法只能通过调整中轴装配的松紧度，将中轴装配的稍微紧点，增加阻力，另外也可以考虑取消助力器，您可以到专卖店调整，同时公司会努力改进您所提出的问题。</t>
  </si>
  <si>
    <t xml:space="preserve">女孩子都喜欢“爱说”“爱现”的男生么？我是天蝎座，不太爱说话，感 </t>
  </si>
  <si>
    <t>我也是天蝎座的男生，算是有双重性格吧，我爱的那个女就喜欢成熟稳重那种类型的男孩子，做事不张扬也不消极。“爱说，爱现”只是过眼烟云，只要的还是要看内心的本质。但是还是要提醒你，人要学的活泼点，只要不违背良心的话都可以说的，毕竟女孩子是要哄的</t>
  </si>
  <si>
    <t xml:space="preserve">笔记本电脑除灰笔记本电脑用多长时间要除一次灰尘呢？除灰对电脑有什 </t>
  </si>
  <si>
    <t>一般情况下建议1年一次清理尚可，因为笔记本拆来拆去的影响寿命。主要下个测温软件看看温度， 温度高了就需要清理了。扇清理建议彻底清理，就是风扇要拆出来的清理，散热片也要清理，这样才是有用的，很多的都是不拆开吹吹没用的，用几天絮状灰又回去了。在电脑维修店除灰，价格几十到一百。</t>
  </si>
  <si>
    <t xml:space="preserve">中国人民银行的职责是什么？ </t>
  </si>
  <si>
    <t>一、主要职责 调整后，中国人民银行的主要职责有十四项。 （一）起草有关和行政法规；完善有关金融机构运行规则；发布与履行职责有关的命令和规章。 （二）依法制定和执行货币政策。 （三）监督管理银行间同业拆借市场和银行间债券市场、外汇市场、黄金市场。 （四）防范和化解系统性金融风险，维护国家金融稳定。 （五）确定人民币汇率政策；维护合理的人民币汇率水平；实施外汇管理；持有、管理和经营国家外汇储备和黄金储备。 （六）发行人民币，管理人民币流通。 （七）经理国库。 （八）会同有关部门制定支付结算规则，维护支付、清算系统的正常运行。 （九）制定和组织实施金融业综合统计制度，负责数据汇总和宏观经济分析预测。 （十）组织协调国家反洗钱工作，指导、部署金融业反洗钱工作，承担反洗钱的资金监测职责。 （十一）管理信贷征信业，推动建立社会信用体系。 （十二）作为国家中央银行，从事有关国际金融活动。 （十三）按照有关规定从事金融业务活动。 （十四）承办国务院交办的其他事项。 根据国务院规定，管理国家外汇管理局。 二、内设机构 中国人民银行内设18个职能司（局、厅），分别是： （1）办公厅（党委办公室） （2）条法司 （3）货币政策司 （4）金融市场司 （5）金融稳定局 （6）调查统计司 （7）会计财务司 （8）支付结算司 （9）科技司 （10）货币金银局（国务院反假货币联席工作会议办公室） （11）国库局 （12）国际司 （13）内审司 （14）人事司（党委组织部） （15）研究局 （16）征信管理局 （17）反洗钱局（保卫局） （18）党委宣传部，机关党委。 按照“人员要精干、结构要完善、素质要提高”的精神，中国人民银行机关行政编制调整为602名。中国人民银行分支行的编制由中央机构编制委员会办公室会同中国人民银行另行核定。 按照新调整的“三定”确定的职责，中国人民银行不再承担对银行业金融机构的监管职能后，除要继续履行好货币发行、外汇管理、经理国库、支付清算、金融法制建设、调查统计等职责外，今后最大的变化集中表现为“一个强化、一个转换、两个增加”。 “一个强化”，即强化与制定和执行货币政策有关的职能。中国人民银行要进一步提高制定和执行货币政策的水平，灵活运用利率、汇率等各种货币政策工具实施宏观调控；加强对货币市场规则的研究和制定，加强对货币市场、外汇市场、黄金市场等金融市场的监督与监测，密切关注货币市场与房地产市场、证券市场、保险市场之间的关联渠道、有关政策和风险控制措施，疏通货币政策传导机制。 “一个转换”，即转换实施对金融业宏观调控和防范与化解系统性金融风险的方式。由过去主要是通过对银行业金融机构的设立审批、业务审批、高级管理人员任职资格审查和监管指导等直接调控方式，转变为防范和化解系统性金融风险，维护国家经济金融安全；转变为综合研究制定金融业的有关改革发展规划和对外开放战略，促进银行、证券、保险三大行业的协调发展和开放，提高金融业的国际竞争力，维护国家利益；转变为加强与外汇管理相配套的政策研究与制订工作，防范国际资本流动的冲击。 “两个增加”，即增加反洗钱和管理信贷征信业两项职能。今后将由中国人民银行承担组织协调全国的反洗钱工作，承担反洗钱的资金监测职责。承担信贷征信业的管理，推动社会信用体系建设。 此外，中国人民银行与国家改革和发展委、财政部和各金融监管机构之间要按照相互配合、相互促进的原则，建立信息实时共享机制。 目前，中国人民银行已着手进行机构设置和人员调配的有关工作。</t>
  </si>
  <si>
    <t xml:space="preserve">伯乐相马经有隆颡蚨日蹄如累麹之语什么意思 </t>
  </si>
  <si>
    <t>这个成语来源于《艺林伐山》，伯乐《相经》有“隆颡（sang）蚨日，蹄如累曲”之语，其子执《马经》以求马。出见大蟾蜍，谓其父：“得一马，略与相同，但蹄不如累曲尔。”    孙阳，春秋时秦国人，相传是我国古代最著名的相马专家，他一眼就能看出一匹马的好坏。因为传说伯乐是负责管理天上马匹的神，因此人们都把孙阳叫做伯乐。    据说，伯乐把自已丰富的识马经验，编写成一本《相马经》，在书上，他写了各种各样的千里马的特征，并画了不少插图，供人们作识马的参考。    伯乐有个儿子，智质很差，他看了父亲的《相马经》，也很想出去找千里马。他看到《相马经》上说：“千里马的主要特征是，高脑门，大眼睛，蹄子像摞起来的酒曲块”，便拿看书，往外走去，想试试自己的眼力。    走了不远，他看到一只大癞蛤蟆，忙捉回去告诉他父亲说：“我找到了匹好马，和你那本《相马经》上说的差不多，只是蹄子不像摞起来的酒曲块！”    伯乐看了看儿子手里的大癞蛤蟆，不由感到又好笑又好气，幽默地说：“这‘马’爱跳，没办法骑呀！”记得给好评哟，希望我的回答能帮到你，互粉呗亲，@火星酒窖，谢谢支持。更多精彩关注微信marscellar。</t>
  </si>
  <si>
    <t xml:space="preserve">谁有《天下第一》里面一刀的照片阿？古装的、现代装的都可谢谢了 </t>
  </si>
  <si>
    <t>一刀</t>
  </si>
  <si>
    <t xml:space="preserve">覆霜的装备怎么刷，要用什么材料开门才可以刷不？以前刷过，把所有怪? </t>
  </si>
  <si>
    <t>你以前刷的应该是单人模式，单人模式是只掉各种玉的。单人模式开门，75+的玩家每天可以免费开一次，再开就需要1个天工补。做装备的材料需要多人模式才掉，不过多人模式难度比较大，好些小怪会群攻又断阵。一般刷做装备的材料都是用封神书卷直接开BOSS打。</t>
  </si>
  <si>
    <t xml:space="preserve">我老公最近半夜老是出虚汗,有时一觉醒来睡衣都是湿的,医生说是他盖? </t>
  </si>
  <si>
    <t xml:space="preserve">可能這與??T也有關?S吧!不如???娘?食開始改善..這埋有???梢灾固?汗..???o訪... 血 ? 脾 弱 ， 引 致 頭 ?? 耳 鳴 ， 出 ? 汗 ， 盜 汗 ， 毛 病 頻 生 ， 要 滋 腎 補 ? ， 可 用 魚 肚 煲 淮 山 瘦 肉 ??滋 補 身 ? ， 因 ??這 ??有 補 脾 益 ??兼 治 ? 耳 鳴 頭 ?? ， 止 ? 汗 ， 盜 汗 功 能 ， 而 ??水 亦 鮮 美 可 口 ..材 料  瘦 肉 6 ??魚 肚 1 ??淮 山 1 1/2 ??水 6 碗   調 味 料  鹽 1 茶 匙 （ ??平 匙 面 ） 制造過程: １ 淮 山 用 水 浸 洗 。 魚 肚 浸 發 後 ， 洗 ?Q ， 切 片 。    ２ 瘦 肉 切 片 ， 連 同 所 有 材 料 放 入 煲 ??煮 ?L ， 改 用 文 火 煲 2 1 / 2 小 ?r ， 落 鹽 便 可 。    貼 士 ＊ 魚 肚 又 稱 魚 鰾 ， 魚 膠 。 功 能 補 腎 止 ??， 止 血 ， ??產 後 眩 ?? ， 耳 鳴 有 治 ? 作 用 。 ＊ 淮 山 功 能 滋 補 通 脈 ， ? 性 ??和 。 禁 忌 脾 胃 ? 寒 ， 大 便 稀 者 不 宜 ? 魚 肚 淮 山 瘦 肉 ??------------------------------------------------------------黑 豆 粥 （ 止 ? 汗 ） 材 料 ：黑 頭 　 4 ??糯 米 半 斤紅 ?? 1 0 粒紅 糖 適 量做 法 ： 紅 ?? 去 核 ， 糯 米 、 黑 豆 浸 過 夜 後 ， 所 有 材 料 同 煮 成 粥 ， 加 糖 即 可 ， 連 吃 三 天 ， 就 ? 效 啦 。北 蓍 ??? ??（ 止 局 部 性 多 汗 症 ）材 料 ：北 蓍 4 錢 紅 ?? 3 粒糯 稻 根 　 3 錢炙 甘 草 　 1 錢浮 小 ? 　 4 錢防 黨 ??　 4 錢五 味 子 　 2 錢做 法 ： 6 碗 水 文 火 煲 成 1 碗 （ 可 加 瘦 肉 3 ??）， ? 前 服 ， 連 服 6 天 。  </t>
  </si>
  <si>
    <t xml:space="preserve">钢铁是怎样炼成的为什么可以在国内外享有盛誉? </t>
  </si>
  <si>
    <t xml:space="preserve">“人最宝贵的东西是生命,生命对人来说只有一次。因此,人的一生应当这样度过:当一个人回首往事时,不因虚度年华而悔恨,也不因碌碌无为而羞愧;这样,在他临死的时候,能够说,我把整个生命和全部精力都献给了人生最宝贵的事业，为人类的解放而奋斗。”这是来自《钢铁是怎样炼成的》的名句。《钢铁是怎样炼成的》是一部自传体的长篇，以作者的战斗经历为原型创作而成，它并非作者本人的自传，而是经过艺术加工的文学珍品。小说通过保尔的斗争历程，真实而艺术地再现了俄国十月革命、国内战争、经济恢复时期的社会特点和时代风云，展现了年轻一代的健康成长和精神风貌。小说中围绕爱情、家庭、友谊的描写，酣畅淋漓，文辞优美，深入地透视了人物的情感世界，使得人物形象更加生动丰满，鲜活迷人，具有无限的艺术魅力。《钢铁是怎样炼成的》自问世以来，热销势头不减，迅速传遍全世界，有五十多种语言的译本广为流传，受到广大读者的热烈欢迎和高度赞扬。也许有人会说，现在都什么年代了，保尔已经过时了，中国早已进入到崭新的时期，与保尔相比，我们更了解比尔•盖茨，更欣赏他，甚至更崇拜他。还有人认为，保尔的意志品质固然非常值得学习。但他终究不过是颗无怨无悔的“螺丝钉”，现代社会更崇尚个人的自身价值的实现和人性的充分张扬，每个人都可能是一部神话。这或许从另一个侧面反映了当代青年的某些价值倾向。诚然，在社会主义市场经济的大背景下，努力让自己过上富足的日子，是无可厚非的。但是，人们对自身的人生理想还有没有追求的必要呢？保尔精神还应该不应该弘扬呢？答案是肯定的，保尔精神不仅没有过时，而且有着更强的现实性。一个人生目标不明确的人，如何能正确的对待生活中的挫折与失败？一个没有信念的人，往往是一个迷惘无为的人；一个没有信念的民族，是一个危险的民族。个人的奋斗唯有和党的伟大事业紧密联系在一起，人生才会显其辉煌，才会更有意义。这就是《钢铁是怎样炼成的》深刻内涵之所在吧。因此，“保尔”不会过时，他不只是一个人的名字，他是实现人生价值的丰碑。 </t>
  </si>
  <si>
    <t xml:space="preserve">关于排卵监测姐妹们，我下午要去做排卵监测，今天早晨有同房，请问这 </t>
  </si>
  <si>
    <t>没有任何影响，放心。肚子越胀越好，会看得比较清楚。</t>
  </si>
  <si>
    <t xml:space="preserve">敲门为什么习惯连续敲三下？ </t>
  </si>
  <si>
    <t>呵呵，这叫“闻其声，而知其人”。敲两声，那是“开门”的意思，比较粗鲁。敲三声，那是“有人吗”的意思。</t>
  </si>
  <si>
    <t xml:space="preserve">关于30服！现在有能进去30服的吗？rt </t>
  </si>
  <si>
    <t>6、14、19、30、33服这五组服务器，日前因系统所发生的异常情况导致服务器频繁断线，就这一问题，我们正紧急着手处理，争取在最短的时间内为广大玩家解决目前面临的困扰。 我们为由此给大家带来的不便表示歉意，《天堂II》将竭力为广大玩家提供更好的服务。注：非常S　B的回答方式</t>
  </si>
  <si>
    <t xml:space="preserve">萨满的天赋问题本人喜欢PK，不知元素和增强哪个更适合PK，请大家 </t>
  </si>
  <si>
    <t>PK的话元素比较好，因为有着和法师差不多的爆发力，而且有盾和锁甲比法师生存能力更好，不过元素萨满最大弱点就是被反制或拳击就会很惨，因为萨满大部份魔法都可以归类为自然系，一个反制就要了你的命升级的话当然是增强了，很简单因为可以连续打怪致于天赋，说实话难道你分别不出哪个天赋是好哪个天赋是垃圾？</t>
  </si>
  <si>
    <t xml:space="preserve">大虾进我的盟里有共享的LX和GM可我不知道怎么用那位大哥教教我啊 </t>
  </si>
  <si>
    <t>LINGM官网 LINEX红色网功能说明 多看几次就会了.</t>
  </si>
  <si>
    <t xml:space="preserve">用食补有哪些？我男友有贫血，不知道有什么食物炖汤？请各位高手指教 </t>
  </si>
  <si>
    <t>我也曾有贫血,我不知各位所说的贫血种类.只是经多方了解,对饮食做了调整,现在基本上没有贫血的症状了1.炒菜用铁锅2.食物要杂而广,基本上所有的食物对补血多少都有一定的作用,只有作用的大和小,所以不能挑食,较能补血的食品有:红枣、白木耳、黑木耳、笋干、菌菇类、禽蛋、鲜鱼、莲藕、红豆、黑豆、黄豆及豆制品、桂园、莲子、猪肝、猪肉、牛肉、羊肉、鸡肉特别是乌鸡、牛奶、新鲜蔬菜特别是菠菜、水果、枸杞、当归等。可多煲汤3.我常煲的几个补血汤有:红枣+木耳+枸杞、莲藕+排骨、猪脚+三色豆(红豆、黑豆、黄豆)、乌鸡+当归+黄芪+枸杞+党参、羊肉+笋干+黄豆4.还有一个特别针对男同胞的补血菜谱:先把豆腐切粒放在蒸碗内,牛肉切薄片加酱油、醋、盐、生粉一起腌制,平均摆在豆腐上,再在牛肉上洒一些枸杞子,最后把切好的姜蒜放在上面再洒一些鸡精或味精即可,用电饭煲做饭时放进饭蒸里面,饭好菜也好了,即方便又营养又好味,你可以试试</t>
  </si>
  <si>
    <t>怎么才能得到CD</t>
  </si>
  <si>
    <t xml:space="preserve">CD-KEY这里去领： “易玩通”官方网址： </t>
  </si>
  <si>
    <t xml:space="preserve">2010年贵州省公务员笔试成绩排名情况？2010贵州公务员排名查 </t>
  </si>
  <si>
    <t>公务员笔试成绩排名情况藕第一泥最后</t>
  </si>
  <si>
    <t xml:space="preserve">我想学做饭,简单的那种,越简单越好,谁能推荐推荐? </t>
  </si>
  <si>
    <t xml:space="preserve">提供几个烹饪网址跟你，想做什么菜都很方便，可参考。烹饪厨艺中国家庭网-美食天地 ]lk|k中国饮食馆 中国饮食文化网 中国八大菜系 中国食谱  中华网-旅游频道-美食天地 }3J中华在线——美食 "r中华文化信息网中华美食 \J美食城 美食城 美食信息网： 美食沙龙 sX;L+美食休闲 }#J/食神网： {w食为先 b+歪歪厨房 菜谱网： </t>
  </si>
  <si>
    <t xml:space="preserve">简单英翻中,有效期1天Noonereallyexpectsthe </t>
  </si>
  <si>
    <t xml:space="preserve">   没有人希望乐界对非法下载视而不见。企业应该能够对屡教不改者实施罚款。但在实施罚款前，企业或许应被要求发出警告：“你已在你个人电脑上非法下载了文件，请将其删除并停止下载，否则你将收到罚单”，或意思类似的文字。   虽然很多人也许不会觉得下载非法文件是违法行为，但没有别的更好选择，这一点应该成为大家的共识。</t>
  </si>
  <si>
    <t xml:space="preserve">我要怎么样才会学习好呀?我的成绩总是在70多分转悠,尽管我每天刻 </t>
  </si>
  <si>
    <t xml:space="preserve">怎样提高学习效率？     我认为，要提高学习效率，首先便是提高上课的效率。记住，老师上课的细节千万不要漏掉，许多考试都在这些细节上会难倒你的，而这些细节往往是老师兴致所致，上课处于极好状态时，将大脑中的那些知识点下意识地说出来，且常常不书写在黑板上的。捕捉这些细节，往往会提高你上课的注意力及效率和知识面。利用好了课堂上 45 分钟，下去后无需过多时间就能熟练掌握，事半功倍，做题复习效率也极高；反之只能事倍功半，花去大量时间，还容易丢三落四，知识掌握不完全，不熟练，对做题和今后复习造成隐患。当然，我不是说整个听课和学习时间，神经都要绷得紧紧的，而是要紧跟老师的思路，抓住知识要点。不管是听课还是自习，都要一心一意。对于注意力极易分散的人，学习效率的提高就比较困难了。而且必须注意知识的前后承接，一旦前面掌握不好，容易造成恶性循环，所以学习效率高是建立在扎实的基础之上的。 　　 高中阶段，过多的自学往往会使自己失去更多的东西，所以我不赞成高中过多的自学。当然更重要的是抓紧时间了。在学习时，如果能够只想到学习，并且比如做题只想到数学，而不想到物理、化学等就一定会对学习有帮助。但我更认为，学习效率是培养出来的，是后天的一种习惯。学习上的高效率是思路开阔，思维敏捷，有充分自信心的结果。 怎样提高学习效率？ 　　 如何提高学习效率？这是我特别需要强调说明的一个问题，它也是能不能学好知识的关键。 效率指对时间的利用率，学习效率高的人不会让每一分钟闲过，不会总犹犹豫豫：这道题该不该做？这个难点该不该问？这个知识讲过没有？讲了就看，没讲又怎么办？由此学习效率的高低是显而易见的。 　　 大家同在一个屋檐下学习，都坐在书桌前，可是有的同学专心致志、全神贯注、笔耕不辍，解决了一个又一个问题，攻破了一个又一个的难点。还有的同学坐着、东找一本书做做，碰了钉子又换另一本书做，再咬着笔头发发愣，看看表还有多久下课。或许这些都是无意识的，可是仔细想想，难道不曾发生过吗？这样的学习效率只会受到时间的嘲讽。 显然，只有效率高，才能在有限的时间内学到更多的东西，才会有更多的思考去认识和理解问题。怎么才能提高学习效率呢？我想至少应该做到这样两方面的内容： 　　 第一、需要精神高度集中，这是提高学习效率的前提条件，学习的时候就应该全神贯注、心无杂念，不要一边看书，一边想着球赛的战况，想着午饭吃什么，想着笔尖是不是歪的。时间飞逝而过，发会儿愣、看会儿书是很容易骗过自己的，可当下课后翻翻书、看看本子，反而纳闷了：怎么看了半天一无所获呢？所以要把精力集中在本上、书上、笔上，全身心地投入进去。按我们老师的话就是： " 尽快地进入角色中去。 "第二、就是要有良好的学习习惯。有了良好的学习习惯才能更好地利用时间，更大地提高学习效率。怎样才是好的学习习惯呢？这是因人而异的。总之，所有对学习有利的习惯，就是好习惯。　　 这里我有一些学习习惯可以参考给大家： 1 、英语每天必练、必读，而且一定要读出声来，多读才能有好的语感。 2 、对物理化学的常规题要做出速度来，不妨经常试试一个小时能做出多少题来。 3 、数学的计算是难免出错的，刻意地找一些烦琐的计算来锻炼耐心与能力。 4 、对整套的题不要舍这去那的，拿出表来，两个小时内完成。认真对待之，如考试一般核对计分总结，会有很大的收获的。 5 、习惯于请教老师，与同学砌磋，这是提高水平的好方法，但一定要三思之后。三思是有含义的，一个问题琢磨不透，可暂时放一段时间，学习其它内容，也许回过头来便迎刃而解了。这就是 " 触类旁通 " 的道理。如再不明白，就去请教，这样印象才会深刻。诸如此类的学习方法还有很多，同学们可自己探索。提高学习效率是每个好学生都应时刻铭记的。 </t>
  </si>
  <si>
    <t xml:space="preserve">词语解释我经常听到一些女性说到与男人做爱的时候就像”派报纸“一样 </t>
  </si>
  <si>
    <t>比喻做爱时间很短，就像送报纸的一样，放了报纸就没事走人了。</t>
  </si>
  <si>
    <t xml:space="preserve">怎么样才能够更好的融入到社会中？ </t>
  </si>
  <si>
    <t>随遇而安，泰然处之，淡泊明志，宁静致远，以入世之态做事，以出世之态做人。</t>
  </si>
  <si>
    <t xml:space="preserve">5173的魔兽世界怎么不能卖东西啊? </t>
  </si>
  <si>
    <t xml:space="preserve">尊敬的客户:    您好！5173客户服务040很高兴为您服务！爱问只属于咨询的地方，如您的问题涉及到投诉或者是需要查询处理的问题：请您登陆5173用户名,进入我的5173，选择左边任务栏中的"我的咨询投诉"，在线提交您的问题，工作人员在30分钟内为您处理在线答复您，您可以在"咨询投诉管理"中查看回复结果，并对我们的服务进行评价。感谢您对5173的支持!!!                                                                    </t>
  </si>
  <si>
    <t xml:space="preserve">有谁能帮我从01－36个号码中选10个号码，谢谢大家。 </t>
  </si>
  <si>
    <t xml:space="preserve">08  11  12   18  20 21 25 29 30 33 </t>
  </si>
  <si>
    <t xml:space="preserve">我是数学专业的硕士研究生,请问报考省纪委方面的公务员可以吗?还有? </t>
  </si>
  <si>
    <t>考试内容不是你来定的.你只可以选择报考职位.你的专业是否符合要求,要看招考信息!</t>
  </si>
  <si>
    <t xml:space="preserve">股票中三板是什么意思 </t>
  </si>
  <si>
    <t>退市股票的交易平台，称为三板市场。</t>
  </si>
  <si>
    <t xml:space="preserve">急急急请问大家现在能进去么，我的怎么更新通不过，点了n次重试了也 </t>
  </si>
  <si>
    <t xml:space="preserve">LZ去这看，我刚用了 能上！！ </t>
  </si>
  <si>
    <t xml:space="preserve">请问魔法封印是几率性魔法吗？老被人魔封，不知魔封是不是几率性魔法 </t>
  </si>
  <si>
    <t>魔法封印成功的几率和智力还有级别的高低有关，另外还和被施法者的魔防有关，和魔攻是没有任何关系的。智力和级别越高，成功的几率就越大。另外被施法者自身的级别和魔防越高也就相对不容易成功的。减小成功的几率，你的级别必须很高，而且魔防是很重要的。</t>
  </si>
  <si>
    <t xml:space="preserve">巴萨主场感觉要输球。。。要么直接做胆，要么30，巴萨本赛季平太多 </t>
  </si>
  <si>
    <t>11 巴　萨(02) 03-25 03:00 奥萨苏 3 稳胆</t>
  </si>
  <si>
    <t xml:space="preserve">我该怎么办?救命啊~我妈妈好朋友的女儿，没有工作，现股市很热，她 </t>
  </si>
  <si>
    <t>这样的人的确很让人讨厌，把自己都当成主人了。但是如果正面和她冲突，这样的人没准很容易记仇，因为本身就不明事理，所以不需要正面得罪她。我有一个主意可以让她知难而退，可以试试。找你身边的高人，对你的电脑设置一下，把那些关于股市的网络屏蔽掉，让她找不到，这样几次碰壁，她自己也就觉得没意思了，就来得不那么勤快了。呵呵！如果你说电脑坏了，她不一定信，你可以让她自己去折腾，只要设置的好，她是找不到的。加油！</t>
  </si>
  <si>
    <t xml:space="preserve">求一款卸妆油，价格实惠点~家里的卸妆油快用完了，想买款新的，价格 </t>
  </si>
  <si>
    <t>你可以试试玛丽/黛佳的植物纯净洁颜油，价格100元以内，具体记不清了。我一般用的是“山茶润泽”的，因为是植物性卸妆油，所以卸妆的时候感觉不是很刺激。而且，感觉溶解彩妆的同时，还清洁了皮肤上的油脂。用的时候，要用清水乳化卸妆油，等它完全乳化后再清洗掉。用完之后，感觉很清爽~</t>
  </si>
  <si>
    <t xml:space="preserve">大学生来调查一下现在的大学生活真是无聊加无聊...你说周末组织大 </t>
  </si>
  <si>
    <t>分搞什么。我就是大学生。我记得组织去十渡玩（北京的）。因为要交的钱比较多，好像是好几百。没人去了就。但是拿班费吃饭就没看一个人落下过。但是我还是比较支持这种活动的。而且活动一定要事先跟大家说。现在的大学生都有自己太多太多的私事了。很难参加集体活动在周末。搞活动要注意几点就是一定要吸引人，而且可以带自己的朋友参加，交钱不要过多。但是总体来说还是难啊。主要还得看这个活动发起者的实力了。还有就是我说的几点。希望回答对你有帮助。</t>
  </si>
  <si>
    <t xml:space="preserve">做爱会让肤色暗沉？听同事说，性经验丰富的女性乳晕容易变黑，我现在 </t>
  </si>
  <si>
    <t>这样很正常！</t>
  </si>
  <si>
    <t xml:space="preserve">今年社保退休最低工资是多少我是临沂市罗庄区人，于76年参加工作， </t>
  </si>
  <si>
    <t>跟具你地区的最低标准，你可以打12333电话查询！</t>
  </si>
  <si>
    <t xml:space="preserve">公务员比较大家好我想问你们一个问题电力公司跟地税局哪个好啊？我的 </t>
  </si>
  <si>
    <t>我在地税工作，别的不多说了，你还是报考地税吧！</t>
  </si>
  <si>
    <t xml:space="preserve">席慕容的一首诗，求全诗？我在佛前，求了五百年，求他让我俩结一段尘 </t>
  </si>
  <si>
    <t>一棵树我在佛前，求了五百年求他让我俩结一段尘缘佛于是把我变成一棵树长在你必经的路旁我便有了一种别样的姿态那是结晶了五百年的期待倾斜六十度的生长灿烂的花朵守护你将要驻足的地方而你，就这样走了么踩过地上横斜的疏影（那是我一笔一画写的相思字啊）而你，就这样走了没有发现脚下还有破碎的声响　</t>
  </si>
  <si>
    <t xml:space="preserve">我到了劳务中介所没的到满意的工作他们收了我200远钱说工作不满意 </t>
  </si>
  <si>
    <t>现在黑中介太多了，到哪里说恐怕也没人真管了还是要自己提高警惕，到当地正规职业介绍部门，比如如果你在海淀区，海淀区有海淀区职业介绍服务中心。一般来说，到当地人事局下属的人才机构比较保险。</t>
  </si>
  <si>
    <t xml:space="preserve">GGJJ来帮我估计下这号值多少电信一曲乘皇，78男天音，带一套＋ </t>
  </si>
  <si>
    <t>值不了几个钱   50块吧</t>
  </si>
  <si>
    <t xml:space="preserve">我想问问5173上买了游戏号，多久能拿到号呢？上面说的支持517? </t>
  </si>
  <si>
    <t>你拍下一个号付款之后联系接手的担保客服，他会上线核实一下账号的信息是否正确，大概半个小时的时间，然后客服就会交易账号信息给你了，在其后的2个小时之内如果你有任何疑问或发现账号情况不对可以要求客服取消交易。5173修改邮箱是指卖家愿意提供身份证复印件扫描件以帮你修改邮箱，现在完美的修改邮箱变的麻烦了，必须要提供身份证复印件才能够修改邮箱，所以你在购买账号的时候一定要看清楚，而且注意下卖主提供的身份证号码是否与账号对应的身份证号码一致。特别是高价拍得的账号，必须要提供身份证复印件才行，不然到时候卖主找回了你只有哭的份了，有身份证复印件不光是为了修改邮箱，更重要的是一旦账号被恶意找回你可以拿着卖主的身份证复印件到派出所去报案，这种案件是属于网络欺诈，只要你有5173的交易记录，公安局可以提供一个协查通告的，然后找完美找回账号。</t>
  </si>
  <si>
    <t xml:space="preserve">已知5月1日是星期四,则从5月1日起到7月8日之间共有几个星期二? </t>
  </si>
  <si>
    <t>5月有31天-4天(因为1号是星期4,把本星期的日子减掉,从下个星期开始算才有星期2)6月有30天7月有8天得27+30+8=6565/7=9余2则9+1=10</t>
  </si>
  <si>
    <t xml:space="preserve">宝宝七个月了，这是怎么了？宝宝七个月了，这几天晚上每隔两小时左右 </t>
  </si>
  <si>
    <t>宝宝醒来不一定就是要吃奶，可能是尿尿，可能是冷了，热了，吵了等原因，或者是缺钙，不要每次醒来都喂，人为的控制一下时间。现在是你一给他就吃，吃的多少而已，所以不要每次都给奶，成了习惯长大后也不好改的。现在可以在每次醒来时给点水，哄一哄，再就是要补点钙和锌。</t>
  </si>
  <si>
    <t xml:space="preserve">什么时候四减三等于五 </t>
  </si>
  <si>
    <t>四边形减三角形等于五边形</t>
  </si>
  <si>
    <t xml:space="preserve">一个钟面,当分针走了28小格时，时针走了多少小格 </t>
  </si>
  <si>
    <t>是2.33...格</t>
  </si>
  <si>
    <t xml:space="preserve">完美!你们的服务改进了吗?完美的四种游戏,只有完美世界的画面还好 </t>
  </si>
  <si>
    <t>完美的画面好啊!我同意  就是不够精致!!!!!!!!1</t>
  </si>
  <si>
    <t xml:space="preserve">深渊何去何从？哎~~~看了N多文章，真的是把深渊评论的一钱不值。 </t>
  </si>
  <si>
    <t>选择自己喜欢的就好，这样的文章越看越觉的EX了，你玩游戏是给别人玩的，还是玩给别人看的？？玩的有个性点好吗？我选择，我喜欢！！我一直为自己选择了深渊而感到骄傲！19服！52级《深渊行者》夏侯龙颜！</t>
  </si>
  <si>
    <t xml:space="preserve">在那可以看今晚欧冠的视频直播 </t>
  </si>
  <si>
    <t xml:space="preserve">基金获利如何计算，请举例，谢谢 </t>
  </si>
  <si>
    <t xml:space="preserve">  比如某一天你用1万元申购某个基金净值为1.2元,首先扣除手续费(如果是前端收费的话),假设手续费是1%,那么就剩下9900,用9900除1.2得到基金份数为8250,8250就是你用1万元所申购的基金份数.当你持有的这个基金净值为1.50时,你用1.5乘8250得到12375元,扣掉本金1万,2375元应该是你的投资收益.  如果你想赎回将收益落袋为安,根据你持基金时间的长短,还要扣除相应赎回费(每个公司有自己的标准,但一般持基3个月以上的话,赎回费就免除了).当然也有其他算法,结果是一样的.</t>
  </si>
  <si>
    <t xml:space="preserve">关于刑法上对故意杀人和过失致人死亡的判定轻重问题直接故意致人死亡 </t>
  </si>
  <si>
    <t>[ 故意伤害 ] 一、概念与构成 故意伤害罪，是指故意伤害他人身体的行为。 （一）客体要件 本罪侵犯的客体是他人的身体权，所谓身体权是指自然人以保持其肢体、器官和其他组织的完整性为内容的人格权。 应注意的是，本罪侵害的是他人的身体权，因此，故意伤害自己的身体，一般不认为是犯罪。只有当自伤行为是为了损害社会利益而触犯有关刑法规范时，才构成犯罪。例如，军人战时自伤，以逃避履行义务的，应按本法第 434 条追究刑事责任。 （二）客观要件 本罪在客观方面表现为实施了非法损害他人身体的行为。 1 、要有损害他人身体的行为 损害他人身体的行为的方式，既可以表现为积极的作为，亦可以表现为消极的不作为。前者如拳打脚踢、刀砍枪击、棒打石砸、火烧水烫等；后者则如负有保护幼儿责任的保姆不负责任，见幼儿拿刀往身上乱戳仍然不管，结果幼儿将自己眼睛刺瞎的行为，就可构成本罪。既可以由自己实施，又可以利用他人如未成年人、精神病人实施，还可以利用驯养的动物如毒蛇、狼犬等实施。既可以针对人身的外表，造成外部组织的残缺或容貌的毁坏，又可以针对人体的内部，造成内部组织、器官的破坏，妨碍其正常的功能活动。总之，无论是直接由本人实施还是间接实施，亦无论是针对何种部位，采取什么样的方式，只要出于故意，能造成他人的人身健康伤害，即可构成本罪。 2 、损害他人身体的行为必须是非法进行的 如果某种致伤行为为法律所允许，就不能构成故意伤害罪，如正当防卫造成伤害而未过当的，医生对病人截肢治病等。经被害人同意的伤害，是否合法，要做具体分析。如果被害人的同意是为了达到危害社会的目的，这种同意不能排除伤害行为的非法性；如果这种同意是为了有益于社会的目的、则可以排除他人伤害行为的非法性。对于具有激烈对抗性体育运动项日中发生的伤害行为是否具有合法性，也应作具体分析。如果这种致伤动作本身为该项运动项目的规则所允许，这种伤害一般不能认为具有刑法上的非法性。如在足球比赛时，依据“合理冲撞规则”所实施而引起伤害的动作，一般不认为是伤害罪：如果比赛中动作粗鲁，明显违反规则要求，具有伤害他人身体故意的，也应按故意伤害罪论处。 3 、损害他人身体的行为必须已造成了他人人身一定程度的损害，才能构成本罪 只是一般性的拳打脚踢、推拉撕扯，不会造成伤害结果的，则不能以本罪论处。伤害结果其表现可多种多样，有的是破坏了他人组织的完整性，如咬去鼻子、砍断手脚；有的是损害了他人器官的正常功能，如听觉、视觉、味觉丧失，精神失常等。但就结果的严重程度而言，则有 3 种形态，即轻伤、重伤或死亡。如果没有造成轻伤以上的伤害如没有达到伤害等级或虽达到等级却属轻微伤，则不能以本罪论处。 所谓轻伤，是指由于物理、化学及生物等各种外界因素作用于人体，造成组织、器官结构的一定程度的损害或部分功能障碍，尚未构成重伤又不属于轻微伤害的损伤。鉴定应当以外界因素对人体直接造成的原发性损害及后果包括损伤当时的伤情、损伤后引起的并发症和后遗症等全面分析、综合评定。 所谓重伤，是指使人肢体残废或者毁人容貌，丧失听、视觉或者其他器官功能以及其他对于人身健康有重大损害的伤害。 （三）主体要件 本罪的主体为一般主体。凡达到刑事责任年龄并具备刑事责任能力的自然人均能构成本罪，其中，已满 14 周岁末满 16 周岁的自然人有故意伤害致人重伤或死亡行为的，应当负刑事责任。 （四）主观要件 本罪在主观方面表现为故意。即行为人明知自己的行为会造成损害他人身体健康的结果，而希望或放任这种结果的发生。在一般情况下，行为人事先对于自己的伤害行为能给被害人造成何种程度的伤害，不一定有明确的认识和追求。无论造成何种程度的结果都在其主观犯意之内，所以，一般可按实际伤害结果来确定是故意轻伤还是故意重伤。故意轻伤的犯罪还存在犯罪未遂问题。但对重伤意图非常明显，例如企图严重毁容，并已着手实施的行为，由于意志以外的原因而未得逞的，即使未造成任何实际伤害，也应按故意重伤罪 （未遂）定罪量刑。 在故意伤害致死情况下，行为人主观上存在混合罪过形式，即同时具有伤害故意和致人死亡的过失，这是区别故意伤害致死同故意杀人、故意伤害致死同过失致人死亡的主要标志。 二、认定 （一）本罪与非罪的界限 1 、故意伤害与一般殴打行为的界限 故意伤害罪与非罪的界限，重点应把握故意伤害与一般殴打行为的界限。故意伤害，是指伤害他人身体健康的行为，表现为两种情况，一种是对人体组织完整性的破坏，一种是对人体器官机能的损害。而一般的殴打行为，通常只造成人体暂时性的疼痛或神经轻微刺激，并不伤及人体的健康。当然，殴打行为不伤及人体的健康并非绝对，而只能是相对而言的。例如，朝人鼻子打一拳，有可能造成鼻青脸肿的后果；用手撕一下，也可能造成表皮损伤。但这种行为都不属于犯罪，不能以故意伤害罪论处，而只能依照治安管理处罚条例予以行政处罚。 需要指出，有时殴打行为与伤害行为在外表形式及后果方面没有什么区别。例如拳打脚踢，有时只造成轻微疼痛或一点表皮损伤、皮下出血，有时则可能造成伤害甚至死亡。那么，在这种情况下如何甄别行为人的行为的性质呢 ? 不能仅以后果为标准，则不能简单地认为，造成伤害他人身体甚至死亡结果的就是故意伤害罪，而没有造成伤害的就是一般殴打行为。而应符合全案情况，考察主观客观各方面的因素，看行为人是否具有伤害他人的故意，是有意伤害他人，还是只出于一般殴打的意图而意外致人伤害或死亡。司法实践中尤其应当注意的是，不能把凡是打一拳、踢一脚造成后果的行为都认定为故意伤害罪。 2 、轻伤害与轻微伤害的区分标准 区分故意伤害罪中罪与非罪的界限、还应注意轻伤害与轻微伤害的界限。故意伤害罪的构成，除未遂形态外，都必须以造成被害人伤害为前提。本条对故意伤害罪的规定，只在第 2 款明确规定了“重伤”的一种情形，第 1 款实际上指的是故意伤害造成轻伤的情形，有些人认为，损伤程度凡是未达到本法第 95 条规定的重伤标准的就是轻伤；有伤害没有造成重伤的，就是造成轻伤的故意伤害罪，这是不正确的。因为对人体的损伤除了重伤害外，还包括轻伤和轻微伤害两种情况。故意伤害罪中的伤害，并不包括轻微伤害在内，在一般情说下，对被害人造成的损伤是轻伤还是轻微伤，决定了对人应否追究刑事责任，应否认定为故意伤害罪。因此，区分轻伤害与轻微伤害的界限是有十分重要意义的。区分轻伤害和轻微伤害主要应根据以下原则来进行：凡是损伤伴有轻度器官功能障碍，受伤当时或治疗过程中对生命均无危险，或治疗后只使劳动能力有轻度下降的，都属于轻伤；凡是损伤仅仅引起机体暂时和轻微的反应，基本不影响器官功能，一般均能自行修复的，就属于轻微伤害 （表皮擦伤、剥脱、小范围的皮下血肿以及一些极轻微的骨折等），轻伤害与轻微伤害区别的主要标志之一，就是看其能否由行修复。一般说来，轻微伤害不需要专门的手术治疗，人体通过自身的代偿功能便能使其复原，或者仅采取简单的医疗手段和护理就能使伤势很快痊愈。而轻伤害在通常情况下都必须进行专门的治疗，有时还需要特殊护理。否则伤势就有可能恶化、感染或引起其他严重的并发症和后遗症。 （二）本罪与故意杀人罪的界限 故意伤害罪侵害的是他人的身体权，故意杀人罪一般较易区分，侵害的是他人生命权。但在以下两种情况下区别就比较困难：一是故意伤害致死和故意杀人既遂。二者主观上都是故意犯罪，且客观上都造成了被害人死亡的结果。二是故意伤害和故意杀人未遂。二者在主观上也同属故意犯罪，但客观上都没有造成被害人死亡的结果。 区别故意杀人罪同故意伤害罪的关键，就在于两罪犯罪故意内容不同。故意杀人罪的故意内容是剥夺他人生命，希望或放任他人死亡结果的发生，而故意伤害罪的故意内容只是要损害他人身体，并不是剥夺他人的生命。即使伤害行为客观上造成被害人的死亡，也往往是由于行为时出现未曾料到的原因而致打击方向出现偏差，或因伤势过重等情况而引起。行为人对这种死亡后果既不希望，也不放任，完全是出于过失。因此，不能将故意伤害致死同故意杀人等同。同样，也不能将杀人未遂同故意伤害混为一谈。对于故意杀人未遂来说，没有将人杀死，并非由于行为人主观上不愿作为，而是因意志以外的原因而不能作为。被害人没有死亡是出于意料之外，完全违背其主观意愿的。而在故意伤害情况下，被害人没有死亡，完全是在行为人的意料之中。 判断犯罪人主观故意内容、不能单凭口供，或仅根据某事实就下结论，而应在调查研究基础上，全面分析案情。根据发案原因、行为发展过程、犯罪工具、行凶手段、打击部位、打击强度、行凶情节、作案时间、地点、环境、犯罪人与被害人平时关系、致人死亡或未死亡的原因、犯罪分子一贯表现和犯罪后的态度等，进行综合分析判断。对于那些目无法纪、逞胜好强、动辄行凶、不计后果一类的侵害人身权利的行为，尽管犯罪人与被害人之间往往没有利害关系，犯罪人主观上也没有明确的杀人动机和日的，但行为人在行凶时，对行为可能造成的后果抱漠不关心的态度。所以，应按行为客观造成的实际损害的性质来确定危害行为的性质。致人死亡的，就构成间接故意杀人罪；损害他人身体的，就构成故意伤害罪。 区分故意伤害致死与故意杀人既遂、故意伤害与故意杀人未遂的界限，关键是要查明行为人故意的内容。如果行为人明知是自己的行为会造成死亡的结果，并且希望或者放任死亡结果的发生，即使没有造成死亡结果，应定故意杀人罪，如果行为人明知自己的行为会发生伤害的结果，并且希望或者放任伤害结果的发生，即使由于伤势过重，出乎其意外地导致死亡的应定故意伤害罪。故意内容问题属于主观思维意识范畴。主观意识支配、制约客观行为；客观行为反映主观意识、检验主观意识。因此，要正确判定故意的具体内容，必须全面综合、分析案件的各种事实情况。不能简单地根据某一事实做结论。 （三）故意伤害致死与过失致死罪的界限 二者在客观上都造成了被害人死亡的结果、主观上对死亡结果均出于过失，区分关键是行为人主观上有无伤害的故意。过失致死时，行为人主观上既无杀人故意，也无伤害故意。故意伤害致死显然以具有伤害的故意为前提。过失造成的死亡结果，则是故意伤害罪的加重情节。这就告诉我们，不能把所有的“故意”殴打致人死亡的案件，认定为故意伤害致死。殴打不等于伤害，一般生活上的“故意”不等于刑法上的故意，如果行为人只具有一般殴打的意图，并无伤害的故意，出于某种原因或条件引起死亡结果，就不能认定为故意伤害致死：如果行为人主观上对死亡结果具有过失，就应认定为过失致人死亡罪。所以，要区分故意伤害致死与过失致人死亡，就必须弄清“伤害”与“故意”在刑法上的意义。 三、处罚 1 、故意伤害他人身体的，处三年以下有期徒刑、拘役或者管制； 2 、故意伤害他人身体，致人重伤的，处三年以上十年以下有期徒刑； 3 、故意伤害他人身体，致人死亡或者以特别残忍手段致人重伤造成严重残疾的，处七年以上有期徒刑、无期徒刑或者死刑。 4 、故意伤害他人身体，本法另有规定的，依照规定，这里是指实施其他故意犯罪，而其行为又伤害他人身体的行为。具体说来，即在本法条文标有“致人重伤”、“致使公共财产、国家和人民利益遭受重大损失的”等字样的犯罪，应当按照本法各该条的规定，定罪量刑，不再适用本条的规定。例如，放火、决水、爆炸、投毒致人重伤的，按本法第 115 条定罪量刑；强奸妇女或者奸淫幼女致使被害人重伤的，按本法第 236 条定罪量刑；非法拘禁致人重伤的，按本法第 238 条定罪量刑；抢劫致人重伤的，按本法第 263 条定罪量刑。</t>
  </si>
  <si>
    <t xml:space="preserve">斗罗大陆封面是宁荣荣是多少集多少话 </t>
  </si>
  <si>
    <t>应该是第79章，如果能帮助到你，把我回答的问题设置为“好评”。</t>
  </si>
  <si>
    <t xml:space="preserve">本田雅阁2.3发动机时规怎么换皮带 </t>
  </si>
  <si>
    <t>正时皮带是有正反方向的，下次再装的时候好好看一下吧！</t>
  </si>
  <si>
    <t xml:space="preserve">中国姓氏的由来现在中国有很多性，问下这些性是怎么来的啊。请解释下 </t>
  </si>
  <si>
    <t xml:space="preserve">  在中国，我们每个人都有自己的姓。初次交往，人们都要先问："您贵性？"我国的姓氏在人们的日常中显得尤为重要。那么这些姓氏是如何产生的呢?     所谓姓氏，是姓与氏的合称。据记载，我国的姓起源于母系社会。在母系氏族社会，只知有母，不知有父。所以"姓"是"女"和"生"组成，这说明最早的姓，是跟母亲的姓。氏起源于父系社会。"氏"是从君主所封的地、所赐的爵位、所任的官职，或者死后按照功绩，追加的称号而来的。姓是族号，氏是姓的分支。三代（即夏、商、周三个朝代）之前，姓氏分而为二，男子称氏，妇人称姓。氏是用来区别人的贵贱的，贱者有名无氏。姓是用来区别婚姻的，因此有同姓、异姓、庶姓的区别。因为中国人很早就发现这条遗传规律：近亲通婚对后代不利。因此那时就规定了氏同而姓不同的，可通婚姻；姓同而氏不同的，不可通婚姻。三代之后，姓氏合二为一，都是用来区别婚姻的，不再用来区别贵贱。区别贵贱是以"郡望"，即是否世代居住在某地而为当地所仰望来判定。秦汉以后，姓、氏就不再分开，或称姓，或称氏，或兼称姓氏。到司马迁《史记》时，姓和氏已合而为一。现代我们中国人的姓，大部分是从几千年前代代相传下来的。     我国姓氏的来历，几千年来变化很多，说法不一，但归纳起来大概有以下几个方面：     一、以姓为氏。姓作为氏族公社时期氏族部落的标志符号而产生，其后人有的便直接承袭为氏。母权制氏族社会以母亲为姓，传说上古时代神农氏的母亲叫女登，所以那时许多姓都是女字旁，如：篯、姬、姜、妫、姒等。     二、以出生地居住地为姓。传说上古代虞舜出生于姚墟，便以姚为姓。春秋时代齐国公族大夫分别住在东郭、南郭、西郭、北郭、便以东郭、南郭等为姓；关大夫住在西门，便以西门为姓。     三、以古国名为姓。虞、夏、商朝都有个汪芒国，汪芒的后代乃姓汪。商朝在泾渭之间有个阮国，其后代便姓阮。如我们所熟悉的春秋战国时期的诸侯国：齐、鲁、晋、宋、郑、吴、越、秦、楚、卫、韩、赵、魏、燕、陈、蔡、曹、胡、许等，皆成为今天常见姓。     四、以邑名为姓。邑即采邑，是帝王及各诸侯国国君分予同姓或异性卿大夫的封地。其后代或生活在这些采邑中的人有的便继之为氏。如周武王时封司寇岔生采邑于苏(今河北省临漳县西)，岔生后代便姓苏。造你被周武王封到赵城，他的后代便姓赵；周昭王的庶子被封于翁地，因而姓翁；周公旦的儿子被封到邢国为邢侯，他的后代便姓邢。据统计，以邑为氏的姓氏近200个。一些复姓由于漫长的历史演变，至今已不甚为人知晓。     五、以官职为姓。古代有五官，即司徒、司马、司空、司士、司寇，他们的后代便以这些官职为姓。一些以官职为姓的姓氏，单从字义上看，也可以分辨出来，如籍、谏、库、仓、军、厨等。     六、天子赐氏，以谥（古时在人死后按其生前事迹评定褒贬给予的称号）号为姓。如周穆王死了一个宠姬，为了表示哀痛，赐她的后代姓痛；周惠王死后追谥为惠，他的后代便姓惠。     七、以祖辈的字为姓。出自此条的姓氏很多，据统计有五六百个，其中复姓近200个。如周平王的庶子字林开，其后代以林性传世。宋戴公之子公子充石，字皇父，其孙以祖父字为氏，如郑国公子偃，字子游，其子孙便姓游；鲁孝公的儿子子驱，字子臧，其后代便姓臧。汉代时改皇父为皇甫。     八、以神话中的传说为姓。传说舜时有纳言（即负责宣达帝命的官）是天上龙的后代，其子孙便以龙为姓；传说神仙中有个青鸟公，后人便有姓青鸟的。     九、因避讳或某种原因改姓。比如战国时代田齐襄王法章的后代本姓田，齐国被秦灭了，其子孙不敢姓田而改为性法。汉明帝讳"庄"字，凡姓庄的都改姓"严"。     十、随着历史的发展，民族复杂化，有些姓则是民族语言的译音。如匈奴首领单于的子孙就有不少姓单于。     十一、以乡、亭之名为氏。这类情况不多，今日常见姓有裴、陆、阎、郝、欧阳等。     十二、以居住地为姓。这类姓氏中，复姓较多，一般都带邱、门、乡、闾、里、野、官等字，表示不同环境的居住地点。     十三、以次第为氏。一家一族，按兄弟顺序排行取姓，如老大曰伯或孟，老二曰仲，老三曰叔，老四曰季等。后代相沿为氏，表示在宗族中的顺序。但也有例外。鲁庄公之弟庄父、排行老二，本为仲氏、仲孙氏，因他有弑君之罪，后代便改姓孟，或姓孟孙。     十四、以技艺为氏。如巫、卜、陶、匠、屠等。     我国到底有多少姓氏，至今尚未有一个精确的统计。中国旧时流行的《百家姓》是北宋（公元960年）的时候写的，里面一共收集了单姓408个，复姓30个，共438个。发展到后来，据说有4000到6000个，但是实际应用的只有1000个左右。近年出版的《中国姓氏纪编》共搜集姓氏5730个。台湾省出版的《中华姓符》里面共收姓氏6363个。《中华姓氏大辞典》收入的姓氏多达11969个，其中单字姓5313个，双字姓4311个；三字姓1615个，四字姓571个，六字姓22个，七字姓7个，八字姓3个，九字姓1个。由于姓氏本身还在不断发展变化，据专家估计，我国姓氏大约有18000个。     中国的大姓有张、王、李、赵，四个大姓，历史悠久，分布广泛，而且都是皇帝赐姓。中国科学院遗传与发育生物学研究所副研究员袁义达经多年研究发现，全国最大的三个姓氏是李、王、张，分别占总人口的7.9％、7.4％和7.1％。三大姓氏的总人口达到2.7亿，为世界上最大的三个同姓人群。     袁义达是根据国家统计局第三次人口普查的抽样资料，依据各地人口的比例等距离抽样，严格按照统计学原理获得这一全国性姓氏数据的。     根据袁义达的研究成果，当代中国100个常见姓氏中，集中了全国人口的87％。其中，占全国人口1％以上的姓氏有19个，分别为李、王、张、刘、陈、杨、赵、黄、周、吴、徐、孙、胡、朱、高、林、何、郭和马。历史上，中国大约有一半的人口一直集中在这19个同姓人群中。     此外，中国的同姓人群在地区分布上也是不均衡的。在北方地区，以王姓为第一大姓，约占人口的9.9％，其次为李、张、刘；在南方地区，则以陈姓为第一大姓，大约占人口的10.6％，其次为李、黄、林、张；在南北过渡型的长江流域地区，第一大姓为李，大约占人口的7％，其次为王、张、陈、刘。     袁义达发现，在我国每一个省区中，都有一些出现频率比其它省区高得多的姓。如广东的梁和罗姓，广西的梁和陆姓，福建的郑姓，台湾的蔡姓，安徽的汪姓，江苏的徐和朱姓，浙江的毛和沈姓，江西的胡和廖姓，湖北的胡姓，湖南的谭姓，四川的何和邓姓，贵州的吴姓，云南的杨姓，河南的程姓，甘肃的高姓，宁夏的万姓，陕西的薛姓，青海的鲍姓，新疆的马姓，山东的孔姓，山西的董和郭姓，内蒙古的潘姓，东北三省的于姓。     说到"姓"，必然要谈到"名"。因为在我国，无论古今，人出生后除了用父亲或母亲的姓外，还须起名。孔子曰："有其名则有其实"，大意是：任何事物有名才能经过人类语言交流，而言中无物那么就是本来没有的？就是有了新事物的产生，人类也会及时地为其命名，以使它与其他事物相区别。另外，任何事物都有其内容和特征，当我们说到某些事物名称，该事物内容及特征不就很快地浮现于我们的脑海中了，所以名附于实则见其义。同理，人的姓名就是代表人存在的生命，从古到今，人们早就认识到姓名与其人生命运是休戚相关的。所不同的是，古人既有"名"，还得有"字"。《礼记·檀弓》说，古人是"幼名，冠字。"这即是说：在我国古代，婴儿出生后（有的须3个月）就可取名，男子要20岁成人举行冠礼（结发加冠）时才取字；女子则要到15岁许嫁举行笄礼时（结发加笄）才予取字。起名时，古人对"水"是有一种特殊的偏爱。特别是文人墨客，名或字中带"水"的更不乏其人。如：陆游、薛涛、李洪、刘泽、张潮、叶水心、陶渊明、范仲淹、胡少汲、周濂溪、马清泉、陈深源、范石硝、高菊涧、张子渊、刘龙渊等等。至于今人取名，其中带"水"的，那更是随处可见，信手拈来了。     读到此，也许有读者会俏皮地问，你说国人起名这么喜爱"水"，难道就没有恨"水"的吗？例如写《啼笑姻缘》等名著的作家，不就取名"张恨水"么？是的，笔者也曾纳闷儿：这张心远（张恨水原名）老先生为啥别的不恨，偏偏恨水呢！经查阅有关资料才弄明白，其中是有深刻喻意的。原来，老先生自幼就酷爱词章，当他读了唐后主李煜的《乌夜啼》："林花谢了春红，太匆匆。无奈朝来寒雨晚来风。胭脂泪，相留醉，几时重，自是人生长恨水长东。"从中悟到了光阴的可贵，于是就截取了文中"恨水"二字，作为自己在苏州第一次投稿的笔名。以此随时告诫自己，不要让光阴像流水一样白白地流逝。他一生写了一百多部小说，也用自己的行动恪守了对时间的珍惜。如此看来，我们的张老先生是用"恨水"之名，来深切地表达他们对水的独特之爱啊！     总之，我们每个人都有自己的姓氏。姓氏是代表每个人及其家族的一种符号。从它的形成、发展、演变的漫长历史过程来看，它是构成中华民族文化的一个重要内容。文化是我们社会生活的重要组成部分，任何人也不能脱离社会和文化的影响而独立存在，人其实就是文化的人，继承了一个姓，也就成为龙的传人，成为悠久文化的载体。看看我们的祖先留下的一步一个脚印，有助于增进炎黄子孙的民族自豪感和自尊心，激励我们今后把路走得更快、更好。（梁士强）  </t>
  </si>
  <si>
    <t xml:space="preserve">钢筋下料软件CAC谁有这个软件的破解文件或加密狗啊？ </t>
  </si>
  <si>
    <t>上网买一个吧，100多块钱</t>
  </si>
  <si>
    <t xml:space="preserve">GT4的赛车游戏应该配什么方向盘请问哪种方向盘玩赛车游戏最爽，价 </t>
  </si>
  <si>
    <t>这个问题没有什么悬念，业界公认的赛车游戏极品外设－GT Force PRO ，目前售价1600元左右。支持仿真力回馈，支持1080度旋转，基本上与真实方向盘无异，也是与GT4的发行公司合作生产的。</t>
  </si>
  <si>
    <t xml:space="preserve">魔力宝贝道具真幻影道具的真幻影是怎么得到的啊？是真的不是变的！也 </t>
  </si>
  <si>
    <t>改造幻影的是以前魔力珍藏卡抽到的.幻影都没开呢.怎么会有呢</t>
  </si>
  <si>
    <t xml:space="preserve">数学高手进请全部详细作答在三角形ABC中，BC=[5，AC=3， </t>
  </si>
  <si>
    <t>在三角形ABC中，BC=[5，AC=3，sinC=2sinA。1.求AB的值。由正弦定理有：a/sinA=b/sinB=c/sinC所以：√5/sinA=c/sinC=c/(2sinA)所以，c=2√5即，AB=c=2√52.求sin2A的值。注BC为根号5。由余弦定理有cosA=(b^2+c^2-a^2)/(2bc)所以，cosA=[3^2+(2√5)^2-(√5)^2]/[2*3*(2√5)]=(9+20-5)/[12√5]=2/√5而，sin^2 A+cos^2 A=1所以，sin^2 A=1-cos^2 A=1-(2/√5)^2=1/5又，在三角形中，任意一个角的正弦值都大于零所以，sinA=1/√5（-1/√5舍去）则，sin2A=2sinA*cosA=2*(1/√5)*(2/√5)=4/5</t>
  </si>
  <si>
    <t xml:space="preserve">尿常规检查有酮体血尿蛋白尿是什么原因 </t>
  </si>
  <si>
    <t>酮体：正常人也会出现微量的酮体，当尿糖正常时不能说明什么问题 血：就是尿液里面有红细胞，这个出血在肾炎尿路感染结石外伤等等都会出现，但他有这个结石病史，还没有白细胞提示发炎，那就说明是结石复发了 蛋白质：正常范围是阴性的，它若长期出现则提示肾炎，但这里只是微量而无其他症状，这就说明是由血中的红细胞破裂后的血红蛋白沉淀导致的 因此主要的原因只能是 结石导致</t>
  </si>
  <si>
    <t xml:space="preserve">6串1红单，希望是好运的开始！ </t>
  </si>
  <si>
    <t>恭喜中奖，继续中奖，早日中大奖。</t>
  </si>
  <si>
    <t xml:space="preserve">为什么我昨天在爱问提的问题到现在还没收到邮件通知?为什么我昨天提 </t>
  </si>
  <si>
    <t>提问或解决问题都没有邮件通知，只有回答过的问题解决了才有邮件通知的。</t>
  </si>
  <si>
    <t xml:space="preserve">很喜欢听歌，想买个蓝牙耳机来听歌，大家有好的牌子推荐吗？ </t>
  </si>
  <si>
    <t>蓝牙来来回回就那几个大牌子itech、jabara、woowi其中性价比比较好的是woowi，这两年新进的高端品牌，不过价格比itech这些就要好很多，而且还是全球注册品牌，信用靠谱</t>
  </si>
  <si>
    <t xml:space="preserve">____you_____tobelateforschool?(A? </t>
  </si>
  <si>
    <t>(B)Do,used used to do sth---过去 常常做某事这题只是改成了 疑问句而已你上学常常迟到么?</t>
  </si>
  <si>
    <t xml:space="preserve">世界上有哪些国家的元旦节不是在1月1日？ </t>
  </si>
  <si>
    <t>位于日界线东侧的西萨摩亚是在1月2日过元旦的！</t>
  </si>
  <si>
    <t xml:space="preserve">利润表期末数怎样填 </t>
  </si>
  <si>
    <t>是累计数是期初至结账日的累计的金额。</t>
  </si>
  <si>
    <t xml:space="preserve">为了爱情隐瞒父母是不孝顺吗?我的父母坚决反对我与我男朋友的恋情, </t>
  </si>
  <si>
    <t>不能算不孝顺啊，人本来就该为自己的将来负责，父母不能完全干涉，你为了怕父母生气，隐瞒了真相，只是表现出你的孝顺，将来的事情发展我们不能预见，但是只要你认定自己的幸福，就不要随便放弃，将来不管什么结果，也不要后悔，因为，你为自己而活</t>
  </si>
  <si>
    <t xml:space="preserve">超车道左转弯灯问题一般3条道的高速公路上，如果你车开在最左边的超 </t>
  </si>
  <si>
    <t>关于超车问题，《道路交通安全法实施条例》第47条作了规定：“机动车超车时，应当提前开启左转向灯、变换使用远、近光灯或者鸣喇叭。在没有道路中心线或者同方向只有1条机动车道的道路上，前车遇后车发出超车信号时，在条件许可的情况下，应当降低速度、靠右让路。后车应当在确认有充足的安全距离后，从前车的左侧超越，在与被超车辆拉开必要的安全距离后，开启右转向灯，驶回原车道。”并没有高速路上驶入超车道要一直打左转弯灯的说法。</t>
  </si>
  <si>
    <t xml:space="preserve">做咖喱鸡饭不放洋葱可以吗？急，求答案~！！！！！！我家没洋葱怎么 </t>
  </si>
  <si>
    <t>可以，洋葱不是不可以缺的配料</t>
  </si>
  <si>
    <t xml:space="preserve">建行网银收费吗?我听同事说他开通了建行网银,每个月扣了一元钱网银 </t>
  </si>
  <si>
    <t xml:space="preserve"> 根据我了解，建行使用网银是不收费的！ 但是申请口令卡好象需要收取一次性费用若干元！</t>
  </si>
  <si>
    <t xml:space="preserve">止羸保护老师，600965还持仓吗，10.3本 </t>
  </si>
  <si>
    <t>600965 福成五丰 短线趋强???反??高度需要量能配合,暂参与震荡.建议不放量不参与介入及补仓.</t>
  </si>
  <si>
    <t xml:space="preserve">高分送分题：请贴上您钟爱的情感方面的文字.文体不限.高分送分题： </t>
  </si>
  <si>
    <t>假如你的生命里有这样一个女孩，她不漂亮，不过温柔，可爱，和她在一起的日子你很快乐。很遗憾她不是你喜欢的那种女孩，她始终无法带给你那种心跳的感觉。在你的生命里，她只是充当了一个过客的角色，来则来，走也不会给你留下任何感情的纠葛。 　　女孩有时很调皮，约好一起骑车去郊游，见了面却发现原来她是要你带着她走。说好一起去看，可到了电影院门口，她却说忘了带票，然后让你陪她流浪街头到午夜。她会在约你不成时，偷偷将一枚发卡放在你的衣兜里，第二天再打电话让你把发卡给她送去…… 　　女孩有时也很乖，她会静静的听你说话，望着你的眼睛发呆，如凝视一尊唯美的雕像。有时你也会告诉她：“其实你也挺很可爱。” 　　“是吗？”女孩笑道。然后一脸的遗憾：“可爱有什么用，我爱的人又不爱我”。 　　“你爱上谁了？”你一脸的疑惑。女孩笑而不答。 　　你曾认为你们的友谊如钢铁长城般坚不可摧，你也为有这样一位红粉知己而暗自庆幸。她对你关怀备至，而你也视她为你的哥们，她的事你也总是义不容辞。 　　女孩有时也很烦，她总是不厌其烦的给你打电话，让你陪她去这去那，而不管你的心情有多坏。她总是让你陪她吃这吃那，全然不顾你的胃口有多糟。她也总能让你吃下许多奇怪的食品，让你充当她的实验品，替她尝那些看似美味，但却不知味道如何的街边小吃。 　　不过女孩其实也很好，每次旅行回来总不忘给你带回一些小礼物，或是一串佛珠，或是一只海螺，都是美丽精巧，虽然它们在你的手里总是会不知去向。她也会在你生的时候把几盒上好的药用洁白的手绢包好放在你的桌子上，并不忘准时给你打电话，提醒你吃药。 　　时间一天天过去，女孩的关怀也越来越无微不至，似乎有点超出了作为朋友而应有的界限。渐渐的你开始担心，担心一些不该发生的事会发生…… 　　有一天，女孩问你：“如果有一天我离开了你，你会伤心吗？”你坚决的回答到：“不会！”“为什么？” 　　“因为你不是我的女朋友。” 　　“那我做你的女朋友吧？” 　　你一脸真诚的回答道：“我想我们还是作朋友比较好，如果你选择离开，我会为你祝福。”女孩依然快乐如以往，只是眼里似乎多了一丝忧郁。女孩给你打电话的次数少了。你们见面的次数与她电话的个数成正比。因为她永远不可能成为你生活的主旋律，所以你从不给她打电话。即使很长时间不见面，你也没有觉得有什么不对。你已经习惯了她的主动。 　　那年的圣诞节，女孩送给你一条白色的围巾，她告诉你这是她织成的第一件成品，费了很多功夫的。你不肯收。女孩说：收下吧，这里的冬天很冷的。情人节的那天，女孩送你一条皮带，你又不肯收，女孩说：别以为我要栓住你，　我不会自作多情的，只是见你成天用朋友的皮带怕人家心里不愿意，嘴上又不好意思说，才给你买了一条送给你，你可千万别多心。 　　以后的日子。女孩越来越多的凝望你的眼。每次分手的时候都会恋恋不舍，好象每次分手都是永诀，走时还不忘问你：“不想对我说点什么吗？”“天黑了，路上小心点。”你一脸的关切。“谢谢”女微笑道，声音里有一点苦涩。望着她消失在夜幕中的背影，你自言自语到：“你真傻。”她在你的生命里已经存在了很久，当她渐渐远离你的时候，你也没有在乎过，因为你不爱她。你们是朋友，也只是朋友。 　　直到有一天她约你再次相见，说有点事想告诉你。见了面她一改往日的喋喋不休，望着你不说话。然后，你们就一前一后走在并不是很明亮的马路上，走了很远。“以前我们在一起的日子很快乐不是吗？”“是的，很快乐。”“那你有没有烦过我？”“说实话，有过。”“难道你没有觉得我对你的感情超过了作为朋友的界限？”“没有呀，我觉得我们是模范好朋友。”你撒谎了。女孩停了下来，等你。你晃了半天才走到她的身边。“唉，我担心的事终于要发生了，她的自制力怎么这么差，我们本可以是很好的朋友的。有一个异性知己多不容易呀。看来我们的友谊就要到此为止了。”此时，你的心情复杂。 　　女孩忽然转过身来，望着你。片刻后，说道：“我爱你。”“哦，我们现在不是模范好朋友了。”你声音低沉的说。“我爱你”女孩倔强的又说了一遍。“那又能怎么样呢？”你抬起耷了了半天的眼睛，直视女孩火辣辣的目光。 　　女孩扭过头去，半天没有说一句话。“你爱我吗？”女孩开始继续向前走。“不爱。”这种拒绝你早已是轻车熟路。“你以后会爱我吗？”“不会。”“为什么？”“我们相处的日子不短了，我要是爱你。早就爱了，不会等到现在。”你苦口婆心的说道。“如果你爱我，你会告诉我吗？”“当然会，如果我早上爱上了你，不到中午‘我爱你’这三个字，我就会对你说过不下100次了。” 女孩停下了脚步，你也停在了离她不远的一个花池边，拿出一只烟，点着…… 　　女孩一直没有说话，也没有继续向前走。你知道她在哭。渐渐的她哭的声音越来越大她一边哭，一边说：“我就知道会是这样，我早就知道。”她泣不成声的告诉你，她曾是多么的爱你。而又不敢告诉你，她不奢望得到你的爱，她只是想告诉你，她爱你爱了很久很久。和你在一起的日子快乐也痛苦。每次望着你的时候，就会觉得你近在咫尺而又远在天涯，爱你爱了这么久，可却一点也不了解你。你总是对关于自己的事绝口不提，让她觉得你的心离她很远很远，够也够不着。虽然你就在她的身边。 　　她说她爱你爱的很辛苦，所有你们在一起的快乐日子都成了她痛苦的根源，无时不思，无刻不想，连梦里也不得安生，她的脑海里装满了你的影子，挥之不去。想你的时候，两只手疯狂拍打自己的头，却也无法摆脱对你思念的苦。 　　她哭了很久很久，哭的很痛很痛，说的每一句话都是夹杂着她的抽泣。那是一种感情的宣泄，那止不住的泪水就向对你的爱如滔滔江水般破堤而出。每一滴泪都是爱的宣言。　“为什么要对你掉眼泪，你难道不明白是为了爱……”       每个人经历的事情是不一样的 所以 能打动我们的东西总是在第一时间触动我们的心弦 让我们深深的感到痛和震撼 从胃部蔓延到全身的感觉！</t>
  </si>
  <si>
    <t xml:space="preserve">为什么我的头像在博客首页不能显示？传了很多次都不能显示，不只何原 </t>
  </si>
  <si>
    <t>您好。 如果系统提示“成功修改头像”而首页并未马上出现新头像的话，请您耐心等待一段时间就会好的，这是因为数据的中转需要一定时间所致。 祝好。</t>
  </si>
  <si>
    <t xml:space="preserve">我在网上看到一个比较好的图片，想把它当做桌面，可是不小心弄成桌面? </t>
  </si>
  <si>
    <t>很简单。不用管先前的设置。再选择图片，点击图片完全打开，之后鼠标右键点击图片，找[设置为背景（G）]即可。</t>
  </si>
  <si>
    <t xml:space="preserve">我要超越爱因斯坦,应该怎么做?我要成为一个超越爱因斯坦的年轻科学 </t>
  </si>
  <si>
    <t>好好好好好好好好好好!!!!!!!!!!!!我支持你,你和我一样有远大的志向,努力啊,强烈支持你,让我们为科学而疯狂吧!!!!!!!!!!!!!支持支持!!!!!!!!!!!!!!!!!!!!!!!!!!!! 吧:我们聊聊527188770走自己的路,让别人说去吧!!!!</t>
  </si>
  <si>
    <t xml:space="preserve">制造一角钱的硬币的成本是多少？ </t>
  </si>
  <si>
    <t>5分钱的制作成本大于5分钱,但一角钱的制作成本差不多等于一角钱,5分钱的面积大于一角钱,这是金属浪费啊!</t>
  </si>
  <si>
    <t xml:space="preserve">为什么我的博客这一段一直不能发表文章?不知道怎么回事,我的博客最 </t>
  </si>
  <si>
    <t>换台电脑试试,应该是网速的问题,去网速比较好的电脑上试试,这种情况我遇到过,在办公室也发表不了,去网吧却可以</t>
  </si>
  <si>
    <t xml:space="preserve">已经在4s定了金杯智尚S30，请问如何提车？提车时要注意什么？怎? </t>
  </si>
  <si>
    <t>车辆到店，您的销售顾问会联系您确定轿车时间，到时销售顾问会按步骤带着您进行交车手续，提车时主要是要注意车辆的讯息是否完整，在整个交车过程中，销售顾问应该会有一个验车程序，留心检查车辆随车物品是否齐全、其次所有功能是否能正常使用，因新车在发动机上基本是无法辨别的，所以最后则是检查车身漆面，这个很关键，特别是一些细节，可用手进行触摸，外观肉眼部分可斜角45度更能清晰的看清车面有无划痕或凹凸。</t>
  </si>
  <si>
    <t xml:space="preserve">关于童话！谁能告诉一下王尔德的三部童话作品啊？谢谢谢谢！ </t>
  </si>
  <si>
    <t>《快乐王子》、《夜莺和玫瑰》、《自私的巨人》、《忠诚的朋友》和《神奇的火箭》</t>
  </si>
  <si>
    <t xml:space="preserve">石头的价格！急~~~~~~~~~~`我现在手里的石头有Z13Z7 </t>
  </si>
  <si>
    <t>不知道你在几区。各区的价钱不一样的，石头的价钱3区最贵，但垃圾石头不要卖进商店。留着放到库房或拿去再造合成。运气好的话会有意外收获。</t>
  </si>
  <si>
    <t xml:space="preserve">征途一转极品的问题我快转升了，想玩一个一转极品小号，主修火法，召 </t>
  </si>
  <si>
    <t>1 技能点肯定够了:转生可以得到80点额外技能点再加上你练到59,共有139个技能点了.2 属性点加法:既然你主修火法,那么毫无疑问,一定全智力!追求攻击嘛,再说转生之后系统追加3000点生命上限,装备也可以用50-59的全部升到12满星加转生效果,防御也不是很大问题了啊.</t>
  </si>
  <si>
    <t xml:space="preserve">梦幻西游中关于当官的问题我是个新手我想问一下就是梦幻西游中怎么样 </t>
  </si>
  <si>
    <t xml:space="preserve">单人任务：1.军需：　　随机给予两种小任务（下面各小任务均为随机给予，不再重复）：　　押运粮草：到指定的地点联络朝廷的军需官，将军队所需的粮草押送回来。在押运过程中不能使用飞行符、导标旗和回门派法术，但是找军需官的时候是可以的。　　押运粮草类似押镖，遇到的强盗会所有师门技能，包括平时难得见到的象形，五雷轰顶等，要小心应付。　　收集兵书，找来要求的阵法书，直接给予李将军即可。会得到5W金钱的奖励（领双加倍），平常跑镖拿的垃圾阵可以在此回收利用。2.战事：　　唯一无须消耗太多金钱的任务，刷经验或分数的话一直做此任务即可。但战斗有一定难度，下重点讲解。　　侦察敌情：按要求至国境，境外，长寿郊外，北俱各地，象踩地雷一样会遇敌人（摄妖香对此无效）。打败敌人后有几率得到情报，得到的几率要看运气，有时一次就得到，有时要连打三四次。拿到情报后回去，直接给予李将军即可。如何准备呢？由我为你一一道来。　　A、 ：包子，烤鸭，烤肉，珍露酒，虎骨酒，女儿红，翡翠豆腐。　　B、 药：金创，（建议带龙之心屑或凤什么睛，虽然没次加300的血，比金创100，但是不占格子）　　C、 杂货：旗（必插之处：领官职任务处，长安驿站，酒店，傲来“宿”门口）香，飞行符各一组　　D、 人物：技能满，也就是比人物等级高10级，不然很容易死翘翘。　　E、 装备：请龙宫的朋友加临时攻击，请盘丝的姐妹加临时防御。　　散布流言：类似青龙任务的找人，最为轻松的一个任务。下面列出奸细NPC方便大家定旗：　　　　长安：穷汉，怜儿姑娘　　国境：小芸芸，吴文彩，海释，业释，者释　　境外：山贼头子，强盗头子　　长寿：海老先生　　傲来：慕容先生　　建业：刘老爹，马全有，戏班老板，迎客僧　　（不全的大家来补充）　　策反敌将：首先要找寻需求的烹饪，包括包子，烤鸭，烤肉，珍露酒，虎骨酒，女儿红，翡翠豆腐。然后交给指定地点的NPC，再打败他即完成任务。战斗难度要高于侦察敌情中的巡逻兵。敌军将领和喽罗可能12门派中的任一门派，一主怪，一喽罗。　　　　下面是主怪和其喽罗门派技能列表：（没列出的就说明主怪不会该种技能）　　大唐官府：三连、后发方寸山：五雷咒、催眠符、失心符（封法降灵）、定身符（封物理降防降灵）　　　　化生寺：化瘀、推气过宫、唧唧歪歪、金刚护体（加防）、韦陀护法（加伤害）、金刚护法（加攻）　　　　女儿村：满天花雨（提升攻击力并有机会使被攻击者中毒）、如花解语（封物理）、似玉生香（双封）　　　　天宫：天神护体（提升灵力）、镇妖（封法）、错乱（封法，物理偏差）、百万神兵（封物理）、五雷轰顶　　　　龙宫：龙腾、龙卷雨击、龙吟（我75级见到的龙吟110）　　五庄观：日月乾坤、生命之泉　　普陀山：紧箍咒、日光华、靛沧海、巨岩破、苍茫树、地裂火　　阴曹地府：阎罗令、判官令、腐尸毒　　魔王寨：飞砂走石、三味真火、魔王回首、召唤　　狮驼岭：变身、狮博，象形，鹰击、连环击（我75级见到的是四连）　　盘丝洞：含情脉脉（双封）、盘丝阵（加防），魔音摄心（封气血），勾魂（吸血），摄魄（吸法）　　（不全的大家来补充）　　其次：怪物（高敏）均拥有反震，感知，吸血技能　　其次主怪的血气大约4000-6000 喽罗2000-3000　　“侦察敌情”与“策反敌将”中的怪物均拥有反震，感知技能，有时候还会有驱鬼技能。由于其攻击力不低，躲闪奇高，攻宠建议使用带有飞行，吸血，偷袭，防御技能的。　　怪物的防高灵低，双抗法宠做这个任务是最理想的，要求防御点数1-2点，拥有单法及抗封技能。抗封技能很重要，即使封系的宝宝也一定要带抗封BB，因为怪的速度是绝对高于人的，第一回合封了人，BB八成就完蛋了。由于此任务小怪的血量远少于主怪，用单法各个击破比较有效率。　　物理系除非拥有变身的剧情技能，获得黑山和吸血鬼的偷袭能力，否则会比较郁闷。建议拿个双抗法宠砸几下，觉得差不多了再由人给予最后一击，才可不受反镇。法系稍占便宜，但BB的抗性一定要高，强烈建议带双抗法宠，攻宠为了节省寿命就不要上了。封系做此任务是最安全的，只要技能满即可轻易封住，BB可按个人喜好选择使用。3.内政：　　城内巡视：在5分钟之内找到指定的飞贼，打败一次后他会逃逸的另一处，再次找到并打败他后完成任务。　　工程筹备：要求玩家找寻一级家具及装备，召唤兽等物品。　　组队任务：组队任务全为打怪，无寻找物品要求。　　队伍组成：最少一法系一物理系，与抓鬼相似，怪的抗性有偏重。队伍成员的平均攻击修炼则可以无须辅助系和封系。怪物的技能除了高级反震，低飞行，还有感知，驱鬼，比杀，很可能全是高级的。　　虽说系统要求三人即可领取任务，但还是强烈建议组满五人才去，队伍中最好有医生。我在体验任务时只组了一DT一STL（用名人来比喻的话，都是吃豆豆级的人物），结果每人最少飞掉两只BB，物理系还差点挂掉。1000防满防御修炼的话，140级平均难度会被小怪打掉200血，主怪打掉600血。怪是会师门技能的，普通攻击尚且如此，一旦三连鹰击起来，非血BB是必飞无疑的了。组队任务：　　组队任务分为“戍边”与“内政”，建议做“戍边”任务，有选择地使用召唤兽的话，要较为容易。1.戍边：　　随任务种类不同分为两种不同抗性的怪物。　　守卫边疆：主怪名为“番兵队长”，所有怪的法抗较弱，建议使用群法双抗宠。　　边境巡逻：主怪名为“番兵侦察队长”，所有怪的法抗平均，物理抗弱，是物理系大展身手的时候了。2.内政：　　名为“内政”，其实还是要杀怪。而且此任务怪物没有太明显的弱点，无法针对选择召唤兽。怪物的种类根据任务不同分为三种。　　超度鬼魂：怪物全为鬼魂，建议使用驱鬼BB，队伍整体攻击力不高的话，此任务颇为棘手。　　为民除害：此任务的难点是需要连续进行两次战斗，中间无法补给。队伍中有辅助系的话可在第一战的最后阶段，进行队伍补给。　　办案缉凶：杀怪，没什么值得说的。小结：　　官职任务的战斗方面相对抓鬼，种族任务有一定难度，是对玩家实力与配合的全面考察。对召唤兽的抗性要求极高，喜欢PK的玩家可以针对此任务培养召唤兽。可以安全通过此任务的召唤兽，在群P中比现在流行的全攻宠，高魔法宠更能发挥作用。 </t>
  </si>
  <si>
    <t xml:space="preserve">重庆英语口语学习去哪里知道的请说 </t>
  </si>
  <si>
    <t>我平时工作没时间，不过我觉得像我这种工作忙的比较适合这个洛基英语， 我自己上过的，效果很好，老师讲的很好。不过你可以多比较，我当时也是比较了很久才决定的。现在口语不错了，呵呵，洛基英语真棒。</t>
  </si>
  <si>
    <t xml:space="preserve">月神之光（就是10秒无敌的那个）问题月神之光（就是10秒无敌的那 </t>
  </si>
  <si>
    <t>那个东西是一次性的，用过就没了</t>
  </si>
  <si>
    <t xml:space="preserve">在他心里，我的地位怎样我在网上认识了一个男孩，我们每天都聊天，我 </t>
  </si>
  <si>
    <t>连面都没见过，还说什么地位如何？别太认真了，免得伤了自己！</t>
  </si>
  <si>
    <t xml:space="preserve">我在天使之城谁能给我点钱或装备同上 </t>
  </si>
  <si>
    <t>我可以给你,我叫星际十家园.你要什么职业的装备,我基本都有.</t>
  </si>
  <si>
    <t xml:space="preserve">肾虚能引起小腿浮肿和色素沉着吗 </t>
  </si>
  <si>
    <t>一般肾虚是不会引起浮肿的，一般肾炎会有这种情况的。你需要去医院具体的检查一下尿常规、肾功能等方面，明确了病情尽早的治疗。</t>
  </si>
  <si>
    <t xml:space="preserve">胥渡吧恶搞配音怎么这样接近原剧?最近看了几个恶搞视频，发现里面的 </t>
  </si>
  <si>
    <t>那些演员演的电视剧可能有的是后来找别人配音的吧，所以有的声音才不一样的。还有好像听说变声也可以学的，像很多那些给动漫配音的CV就会，不同角色一个人配出来的声音也会不一样，现在的科技好像还达不到那种程度</t>
  </si>
  <si>
    <t xml:space="preserve">从深圳火车站怎么去飞机场啊？希望知道从深圳火车站到飞机场的最快捷 </t>
  </si>
  <si>
    <t>1.从深圳火车站坐k568.最快,不用转车.2.从深圳火车站坐地铁到科学馆站下车,再在那里搭民航班车到机场.最便宜,最快!!!!3.从深圳火车站搭337到南航公司,再转355到机场.夜班线:从深圳火车站搭N5(夜班线)到竹子林,再搭330到机场.</t>
  </si>
  <si>
    <t xml:space="preserve">誰能告訴我為什麼現在的人都討厭塑料後蓋的手機？ </t>
  </si>
  <si>
    <t>1 ，看起来廉价（其实本来塑料就便宜）2，散热性差，易感觉发热快那是因为，有些人开始讨厌了后，就有更多的人加入进去，然后又有更多的人以为是主流了，就加入讨厌的大军里。其实我本人觉得其实还好了，塑料起码不会漏电啊熟料的质量不好杯 心理作用质感差，不禁摔，手感弱！！哈哈，你说的是万年不变卫生巾三棒吧？</t>
  </si>
  <si>
    <t xml:space="preserve">８月魔力要出个免费的频道吗？ </t>
  </si>
  <si>
    <t>对!一起去那个频道玩吧!</t>
  </si>
  <si>
    <t xml:space="preserve">买了100次的彩票不中险，那我是不是在接下来的100次中，都要绑? </t>
  </si>
  <si>
    <t>每次买的时候，可以有个框给你勾，可以选择这期买的参加不中险，或者不参加，自由选择，还是很方便的。</t>
  </si>
  <si>
    <t xml:space="preserve">传销直销的洗脑，能不能说这是“经济宗教”？ </t>
  </si>
  <si>
    <t>对于尖塔式的传销或直销所开设的课堂讲授内容，考究其所谓的理论基础是借用递增生值的原理，但致命症却正是递增发展的塔底接受力或者说塔底的承受力，并不是建立在市场的需求面上，而是采取监控与欺骗的发展方式来拉动需求而制造递增的假象，而且并不是商品本身的吸引力，靠拉帮结派的封闭团体式立足于市场。这其实是建塔者谋取暴利的生财策略，故此就要在一定的时期内有效地控制下线人员来贡奉钱财，明知塔基不稳，也要鼓吹与描图一番以尽人事而为之。一但实在无法递增了，在塔尖层的人员就搭气球飞入云雾中而消声逝迹。对处于塔底的支撑人员来说，是财力与精力的得不偿失，并且会产生一生的暗淡郁闷心理感受的状态。故此，对这种貌似递增值理论的封闭洗脑式灌授，不能认为是“经济宗教”，而是利用人们求财心切的心理进行团体控制与欺诈的拉帮。因为没有法律地位，是教而不宗的地下活动并自相残杀的群体。</t>
  </si>
  <si>
    <t xml:space="preserve">与马克思齐名的哲学家是谁？ </t>
  </si>
  <si>
    <t>能与马克思齐名的哲学家不多,可能只有恩格思了，因为马克思主义的学说很大一部分都有恩格斯来完成。也许列宁也可，毕竟现在都经常说马列主义嘛！</t>
  </si>
  <si>
    <t xml:space="preserve">巴儿vsdiablo的掉宝问题不知道为什么我打了1个月的宝打di </t>
  </si>
  <si>
    <t>有运气因数，还要看你身上带的装备，带越多的掉落魔法属性几率的装备，获得宝物的几率就越大</t>
  </si>
  <si>
    <t xml:space="preserve">想骂中国足球的进来!看了山东和大阪冈巴的上半场比赛我不想去评论小 </t>
  </si>
  <si>
    <t>山东天天丢人啊 ！！！！！！！！！！！！！11</t>
  </si>
  <si>
    <t xml:space="preserve">我170cm，体重150斤，减肥的方法有哪些？最好是没有反弹的。 </t>
  </si>
  <si>
    <t>减肥涉及新陈代谢，体重减少，肯定是吸收小于消耗造成的，所以不反弹的方法就是锻炼，控制饮食，增大运动量。象游泳，打羽毛球、篮球等。我很佩服女生减肥的耐心，喝一瓶啤酒，就做50个仰卧起坐，啤酒的能力刚好消耗掉，关键你要有耐心和持之以恒。</t>
  </si>
  <si>
    <t xml:space="preserve">我应该离开他吗？两年前在我离婚后的日子里，他走进了我的生活，他是 </t>
  </si>
  <si>
    <t>还是按自己的路走最好，毕竟在几离婚后那段最痛苦的日子你都走过来了。虽然是他帮助的你，卡他只不过是个外因，最重要的还是你自己。如果你自己不想走出那段日子的话，别人是怎么也帮不了你的你说对吧！那现在你也要走自己的路，等他？那只是让自己在痛苦，不如自己过自己的日子。你要相信，你还会在找到你的另一半的，也许下一个是最好的。</t>
  </si>
  <si>
    <t xml:space="preserve">英语52,政治57总分347B区法学有希望吗? </t>
  </si>
  <si>
    <t>你的英语成绩不好说，很有可能是有为危险的，调剂一下C类地区吧，因该会有希望的。</t>
  </si>
  <si>
    <t xml:space="preserve">如何才能玩好空接？为啥我老是接不到球？各位帮帮忙 </t>
  </si>
  <si>
    <t>你的队友面对栏框，前面没人防守或者和防守队员错位，如果和防守队员紧贴着肯定不成功，然后你就连2下F， 就亥了油吧！然后你迅速象球的方向跑，如果亥了油没成功，你还有机会抢到球！ 接的时候是自动跳起的 第1次D 是接球 第2次D 是扣蓝</t>
  </si>
  <si>
    <t xml:space="preserve">MG系列问题。羽毛抢怪抢不过谁？1、MG怎么加点？2、偷袭能杀谁 </t>
  </si>
  <si>
    <t>1、mg加敏捷，其他地按照装备加2、偷袭谁都能杀，除了血ss困难点.面对面也是的，谁都能杀，除了血ss.3、很费钱4、很费钱所以升级很郁闷5、抢不过法师和羽毛</t>
  </si>
  <si>
    <t xml:space="preserve">谁有欧特奇美拉的图片这是什么宠啊？谁有图片啊？还我我的号70带新 </t>
  </si>
  <si>
    <t>楼上的错了~~~奖品是每20级领一次~~比如说你到了20级~可以去东门那个GM形象女的~领取~到40级又可以去领一次~</t>
  </si>
  <si>
    <t xml:space="preserve">沈阳哪家生殖器官疱疹医院治疗效果 </t>
  </si>
  <si>
    <t>你好，生殖器疱疹对人们的身体危害以及影响是很大的，所以感染生殖器疱疹要尽快的到正规的医院去接受治疗。生殖器疱疹患者在选择医院的时候要注意医院有没有专业的医生，因为生殖器疱疹是很难治愈的，所以在治疗的时候是需要专业的医生的，以防止复发。生殖器疱疹患者在选择医院的时候要知道医院的整体情况是什么样的，而且也要知道医院有没有好的治疗方法，因为好的治疗方法才能够把生殖器疱疹治好。生殖器疱疹对自己的伤害性很大，因此，当感染上生殖器疱疹以后，要及时的到医院去进行治疗，千万不要一直拖着，不然只会使自己的病情变得很严重的。</t>
  </si>
  <si>
    <t xml:space="preserve">学校运动会开幕式上班级如场要搞出点特色,想弄个舞狮舞龙,哪里能搞? </t>
  </si>
  <si>
    <t>问文艺用品销售单位卖给过谁，你去租借。问当地文艺学校团体去借。问当地文化馆，活动中心，甚至团组织去借。</t>
  </si>
  <si>
    <t xml:space="preserve">高中生在失恋后应该怎么办 </t>
  </si>
  <si>
    <t>调整好心态，把精力投入到学业上去，这才是高中生最重要的事情。现在失恋已经是一件很平常的事了，最主要的是看你用什么心态来看待问题的严重性喽。一般来说，在高中期间最好不要谈及爱情方面的问题，就算想那也应该在考上大学再说。个人还是觉得在大学里的感情才是最浪漫的，高中有压力呀，而大学里的感情才是最真挚的，比起社会上的爱情来说，至少它不带有任何杂质！我的老公就是我在大学里认识的，呵呵，有共同的回忆，有共同的语言～～～～现在感觉都好像还是在校园里一样，感情好得不得了哦！仅供参考，呵呵！祝你能赶快地调整好心态，好好学习，考上理想大学哦！</t>
  </si>
  <si>
    <t xml:space="preserve">波斯王子2：武者之心门打不开，过不去了，有知道的大狭帮帮忙就是出 </t>
  </si>
  <si>
    <t>你走错路了~~~~~~~~~~~~~！！！！那好象是要引那些会爆炸的怪物把墙角的门炸开才能出去~~~~~~~~~~~！！！！试试~~~~！！！猪你好晕~~~~~~~~~~~~！！！！</t>
  </si>
  <si>
    <t>想买辆7</t>
  </si>
  <si>
    <t>广汽丰田雅力士，10万左右的车，目前优惠2万把，大概。油耗在6-7个，非常合适</t>
  </si>
  <si>
    <t xml:space="preserve">FlashPlayer升级了怎么还是不行啊什么都看不到,还是一个 </t>
  </si>
  <si>
    <t xml:space="preserve">是不是你下错了。　　我们在浏览网页,当遇到包含 Flash 控件的网页而当前系统又没有安装时,IE会自动提示用户在线安装该ActiveX控件.Vista 的 IE7 在很多情况下并不会提醒用户安装 Flash 控件,用户往往在使用很长一段时间之后,在某一天浏览某个网站时,才会突然被提示需要安装 Flash 控件.我们在访问 Adobe 网站试图在线安装时,也会由于这个问题而并不能安装成功.鉴于这个问题,大家可以安装 Flash Player ActiveX 控件的独立安装程序.             Adobe Flash Player   ActiveX for IE/AOL 软件介绍 软件大小：1148KB 软件语言：英文 软件类别：国外软件/免费版/主页浏览 运行环境：Win9x/Me/NT/2000/XP/2003 下载地址:   </t>
  </si>
  <si>
    <t xml:space="preserve">请问，在成都能办理加拿大的签证吗？是否比北京快？谢谢 </t>
  </si>
  <si>
    <t xml:space="preserve">加拿大签证办理须知 受理地： 北京领区：北京、天津、河北、河南、山东、山西、陕西、甘肃、青海、内蒙、新疆 江西、湖北、湖南上海领区：安徽、浙江、江苏、上海广州领区：广东、广西、海南、福建沈阳领区：辽宁、吉林、黑龙江成都领区：四川、云南、贵州 </t>
  </si>
  <si>
    <t xml:space="preserve">最近电脑很卡，是怎么回事呀？　怎么办？　　以前电脑用得挺好的，最 </t>
  </si>
  <si>
    <t>1,请到以下地址下载世界最强杀马“最新版ewido”免费下载使用，永久升级， 安装及使用方法页面有说明。破解补丁和汉化包的下载在同一页面，安装方法也有说明。安装完毕把病毒库升级最新,再不执行杀毒。2，请到 下载超级兔子最新版并且安装，重启计算机，在计算机启动过程中按“F8”调出系统高级启动菜单，选择进入“安全模式”，选择平时登陆的用户名登陆系统，然后不要打开任何“我的电脑”或者其它任何程序，直接运行桌面上的超级兔子快捷方式。执行超级兔子清理王中的“专业卸载”把表红的IE插件全部勾选上卸载它们，重启计算机再次进入安全模式执行超级兔子清理王再次清理（如果没有标红的IE插件可以不卸载），运行超级兔子IE修复专家中的“快速检测系统”稍等检测完成以后执行“一键清除”，重启计算机再次进入安全模式，打开超级兔子清理王，清理C盘的垃圾文件（主要清理系统临时文件和IE临时文件夹）清理完成，启动杀毒软件（不执行杀毒操作）调出任务管理器终止explorer.exe进程，这时候桌面图标消失，执行杀毒软件全面杀毒，杀毒完成通过任务管理器重启计算机即可。必须严格按照以上操作步骤执行，切勿图省事不重启计算机。</t>
  </si>
  <si>
    <t xml:space="preserve">紧急求助!我家宝宝刚出生一个多月,近几天出现严重吐奶现象,刚吃完 </t>
  </si>
  <si>
    <t>每次喂完奶要把宝宝竖抱起来，扶他坐在妈妈膝盖上或趴在肩膀上，轻拍宝宝的后背，听到打嗝就证明把吸入的空气排出来了，俗称“扫风”，不过不一定每次都能拍出嗝来，扫风能够减少吐奶。喂完奶让宝宝躺下时，可以垫高他的上半身，或采取侧卧的姿势，都能有效减轻吐奶。但是如果宝宝以井喷方式吐奶，最好到检查一下。另外最好满三个月再开始补钙，太小的话容易发生消化不良，引起腹泻或便秘。宝宝枕秃可能是出汗来回扭头把头发蹭掉了，不一定是缺钙。如果是母乳喂养，妈妈坚持补钙，如果是人工喂养，每天喝配方奶600毫升以上不会缺钙。婴儿头发的数量、形状、质量主要取决于遗传因素，其次与妈妈怀孕期间蛋白质和维生素摄取得是否足够有关。一个婴儿如果在胚胎内营养良好，并且是足月、顺产的，出生时一般头发纹路比较清晰，头发较成人软，如同细丝状；如果婴儿在胚胎内营养不良、早产，则头发更细，外观像棉花样，有的甚至生后一个月之内逐渐脱掉，长出新发。另外，每个新生儿头发多少差别较大，有的几乎没有头发，有的头发又黑又密。不过这些都不能决定以后孩子头发的特点。一般而言，孩子大约在1周岁左右头发会逐渐长好，两岁左右则会自然丰满。当然，并不是所有孩子的头发都一样，好一些、差一些、密一些、稀一些，大多数都是正常现象，家长无须多虑。到百天后应该把胎发剃掉，才有利于新发的生长。另外因外力长期摩擦，过度梳理拉扯或洗发水使用不当都会造成脱发，家长在这些方面小心注意一些就行了。</t>
  </si>
  <si>
    <t xml:space="preserve">导致小孩牛皮癣的原因有哪些?全身都是,这是怎么导致的 </t>
  </si>
  <si>
    <t>病情分析：的发生、加重、复发或好转与季节确实有着密切的关系，一般规律是冬季发病，或加重及复发者最多，至夏季气候转暖后皮损治疗则见效快，疗程短，效果最好，病情轻的病人在此季节皮损亦可自行消退。牛皮癣患者如果治疗不当会导致疾病加重。得了牛皮癣采取正确的疗法非常重要。牛皮癣的治疗，应该避免使用刺激性较强的药物。专家建议：对于牛皮癣这样的顽固性皮肤疾病，初期是治疗的最佳时机，如果放任不管或者采用错误的治疗手段，会让病情反复、加重。在最佳的治疗时机采用最佳的治疗方法是治疗牛皮癣的关键所在。另外,在研究后表明,牛皮癣是一种心身性疾病.因此,一般在治疗的同时,也要采取心理兼顾的方法以便更好的治疗。北京京科银康医院独家首创的"G-B自体血净化疗法"历经临床7年验证，改善调节机体、免疫系统、激活免疫细胞，从而提高机体免疫力，避免传统治疗停药后即复发的弊病，由内而外全面治理，使机体获得良好的治疗效果，并铲除潜在因素，防止复发。如果您还有什么不清楚的可以点击咨询四个字，针对您的病情与我们的在线牛皮癣专家详谈。他可以为您做详细的解答，根据您的病情为您制定最适合您的治疗方案。祝您早日恢复健康！</t>
  </si>
  <si>
    <t xml:space="preserve">RF里有摆滩功能吗?RF里怎么做生意? </t>
  </si>
  <si>
    <t>在RF里是不用摆摊卖东西的，你可也到自动贩卖机上卖，收你点登陆费，东西卖掉了还会收点税，不用浪费时间在那等人买。</t>
  </si>
  <si>
    <t>阿仙奴主场盘路（06</t>
  </si>
  <si>
    <t>好！------ 毛哥好 阿森纳  vs  维 `冈 31 ------防冷平 。</t>
  </si>
  <si>
    <t xml:space="preserve">健康查体中有个WBC、RBC、HB翻译成中文是什么意思？其参考值? </t>
  </si>
  <si>
    <t xml:space="preserve">1.红细胞计数(RB)   正常参考值：    成年男性 (4.0～5.5)×1012/L(400万～550万/mm3)    成年女性 (3.5～5.0)×1012/L(350万～500万/mm3)    新生儿 (6.0～7.0)×1012/L(600万～700万/mm3) 2周岁后逐渐下降。    临床意义：    减少：    各种类型贫血，如缺铁性贫血、失血性贫血、营养不良性贫血、再生障碍性贫血等，以及感染、肝病、出血性疾病、白血病、甲状腺功能减退症、胃切除术后等所致的贫血。有的老年人由于骨髓造血功能下降，也可能产生中度贫血。    增多：    ①慢性心肺疾病，如肺源性心脏病、某些紫绀型先天性心脏病、肺气肿、心力衰竭等。    ②真性红细胞增多症。    ③慢性一氧化碳中毒。    ④大量失水、严重烧伤等。2.血红蛋白(Hb或Hgb)    正常参考值：    成年男性 120～160g/L(12～16g/d1)    成年女性 110～150g/L(11～15g/d1)    新生儿 170～200g/L(17～20g/d1)    临床意义：    减少：    ①Hb减少的程度比RBC严重，见于缺铁性贫血，即小细胞低色素性贫血，主要由于慢性反复性出血所致，如溃疡病、钩虫病、痔疮出血及妇女月经过多等。    ②Hb减少的程度与RBC相同，见于正细胞正色素性贫血，如大出血、再生障碍性贫血、类风湿性关节炎、急性肾炎、慢性肾炎所致的贫血。    ③RBC减少的程度比Hb严重，见于大细胞高色素性贫血，如维生素B12或叶酸缺乏的营养不良性贫血和慢性肝病所致的贫血。    增多：    慢性肺源性心脏病、真性红细胞增多症、紫绀型先天性心脏病、大量失水、严重烧伤、休克、高原病等。3.白细胞计数(WBC)    正常参考值：    成 人 (4～10)×109/L(4000～10000/mm3)    新生儿 (15～20)×109/L(15000～20000/mm3)    6个月至2岁 (11～12)×109/L(11000～12000/mm3)    临床意义：    减少：    ①某些病毒性疾病，如病毒性肝炎、流行性感冒、麻疹、风疹、流行性腮腺炎等，某些原虫感染如疟疾、黑热病等，以及伤寒、结核病、极严重败血症等。    ②某些血液病，如再生障碍性贫血、非白血病性白血病、粒细胞缺乏症、脾功能亢进等。    ③使用抗癌药物、放疗和长期接触放射性物质者，以及药物反应，如使用氯霉素、甲磺丁脲、磺胺药等。    ④自身免疫性疾病，如系统性红斑狼疮等。    ⑤营养不良、恶病质等。    增多：    ①急性细菌性感染如扁桃体炎、中耳炎、大叶性肺炎、化脓性脑膜炎、感染性心内膜炎、阑尾炎、肾盂肾炎、输卵管炎、肝脓肿、疖肿、脓胸、急性风湿热、白喉、百日咳、败血症等，以及由感染引起类白血病反应等。    ②某些病毒性疾病，如乙型脑炎、流行性出血热、传染性单核细胞增多症等。    ③某些螺旋体病，如钩端螺旋体病、回归热等。    ④急、慢性白血病等。   </t>
  </si>
  <si>
    <t xml:space="preserve">SS来！！！SS一次不是只能召唤一个恶魔吗？那为啥还有双牺牲恶魔 </t>
  </si>
  <si>
    <t>。。。术士有个天赋叫“恶魔牺牲”是针对你能召唤的无须奴役即可控制的召唤兽而言，牺牲其中一个就可以获得BUFF持续半个小时，但是这半个小时里不能召唤任何召唤兽，（可以奴役别的）否则BUFF失效。但是虚空行者有个技能叫“牺牲”注意看名称。双牺牲就只有可能是牺牲虚空行者之后用15分钟一次的0.5秒召唤再召唤出一个虚空行者.因为"恶魔牺牲"是不能重复的</t>
  </si>
  <si>
    <t xml:space="preserve">现在游戏刚更新的版本做了那些内容方面的调整？ </t>
  </si>
  <si>
    <t>1、开启PVE（玩家战队形式前往挑战冒险）、PVP（玩家组队之间进行竞技对抗）两大竞技场2、开启元神系统及部分技能3、增加切磋PK场4、职业平衡性调整完善5、降低游戏初期难度，加强对新手的帮助6、血神府攻城战7、增加任务奖励法宝洗点符8、新增每日双倍经验奖励任务9、在线反外挂系统功能强化10、其他完善调整这些内容在官方网站都有，讲的很清楚！</t>
  </si>
  <si>
    <t xml:space="preserve">这是剧照还是恶搞照？这张新天龙里面的捅狗棒在网上流传甚广，是真是 </t>
  </si>
  <si>
    <t>这是传说中的撸主大大……</t>
  </si>
  <si>
    <t xml:space="preserve">二手车评估2010年10月31日买的东风风神H30手动豪华版，个 </t>
  </si>
  <si>
    <t>您好！感谢您的提问。您的车市场收购价在5万左右。      带牌子卖是不允许的，即使签订协议也不受法律保护，一旦买方除了问题，您也难逃干系。还有就是如果您把车带牌以租代卖得形式给了别人，你就没有指标可用，而且没有摇号资格。      希望对您有所帮助，谢谢</t>
  </si>
  <si>
    <t xml:space="preserve">私产入宪：拥护的为什么不仅是有钱人?意义何在? </t>
  </si>
  <si>
    <t>保护私人财产，私人不分民族、性别、职业、贫富、地位，一律给予平等保护，并没有区分有钱人还是没有钱的人，因为没有钱的人也有一些生活资料，需要国家予以保护，比如这些资料被人偷或抢了，国家依然应应用公权力逮捕犯罪嫌疑人来保护被害人和国家的整体利益。</t>
  </si>
  <si>
    <t xml:space="preserve">高手来看看我的光驱问题我是拿的别人的旧光驱,装上去后,光驱打不开 </t>
  </si>
  <si>
    <t>换到别人的电脑上试一下光驱,打不开那就是坏了,打得开就是你电脑的问题</t>
  </si>
  <si>
    <t xml:space="preserve">沈阳哪里有教手风琴的班啊？要从零开始的沈阳哪里有教手风琴的班啊？ </t>
  </si>
  <si>
    <t>1，就你家的住址还是到辽宁歌舞团去看看，那里有教各种乐器的培训班，进了辽歌大院多打听几家，就价位、老师水平、授课环境作一下比较、衡量再敲定在哪家学，这样比较稳妥。2，坐车线路：245、213路在辽宁中医下车换乘299、248小面包辽宁大学下车回走过崇山路的大马路既是了。</t>
  </si>
  <si>
    <t xml:space="preserve">掏耳朵的时候耳朵突然痛了一下?我刚才用掏耳勺掏耳朵,掏到里面一点 </t>
  </si>
  <si>
    <t xml:space="preserve">    那是因为刺激或者是损伤了耳道内敏感的神经组织而引起的。估计不会有明显的损伤。一般只要不再疼痛，就可以暂时不必进行处理，观察几天再考虑是否需要就诊。</t>
  </si>
  <si>
    <t xml:space="preserve">现在碎铁鞭会不会改碎啊？我5w买了个R4GFT满W少1，P少1的? </t>
  </si>
  <si>
    <t>碎铁鞭主要是抓人蛋疼0.0我觉得4332就行前期后期都能打这武器就是怕被无双流点火我有个4341的 能抗破竹4421改1G1F真改满特的能抗破竹攻击也不弱 17173上有个测试的视频你可以看下</t>
  </si>
  <si>
    <t xml:space="preserve">显示器显示无信号输入我开机时一切正常，没有警报的声音，指示灯也无 </t>
  </si>
  <si>
    <t>如果不经常发生没有什么大问题。将BIOS电池放电（恢复BIOS出厂默认值）建议插拔一下、内存，清理一下卫生，并且擦亮显卡、内存的金手指。电脑开机无显示故障的排除方法（查看有没有起鼓的电容）。第1步：首先检查电脑的外部接线是否接好，把各个连线重新插一遍，看故障是否排除。第2步：如果故障依旧，接着打开主机箱查看机箱内有无多余金属物，或主板变形造成的短路，闻一下机箱内有无烧焦的糊味，主板上有无烧毁的芯片，CPU周围的电容有无损坏等。第3步：如果没有，接着清理主板上的灰尘，然后检查电脑是否正常。第4步：如果故障依旧，接下来拔掉主板上的Reset线及其他开关、指示灯连线，然后用改锥短路开关，看能否能开机。第5步：如果不能开机，接着使用最小系统法，将硬盘、软驱、光驱的数据线拔掉，然后检查电脑是否能开机，如果电脑显示器出现开机画面，则说明问题在这几个设备中。接着再逐一把以上几个设备接入电脑，当接入某一个设备时，故障重现，说明故障是由此设备造成的，最后再重点检查此设备。第6步：如果故障依旧，则故障可能由内存、显卡、CPU、主板等设备引起。接着使用插拔法、交换法等方法分别检查内存、显卡、CPU等设备是否正常，如果有损坏的设备，更换损坏的设备。第7步：如果内存、显卡、CPU等设备正常，接着将BIOS放电，采用隔离法，将主板安置在机箱外面，接上内存、显卡、CPU等进行测试，如果电脑能显示了，接着再将主板安装到机箱内测试，直到找到故障原因。如果故障依旧则需要将主板返回厂家修理。第8步：电脑开机无显示但有报警声，当电脑开机启动时，系统BIOS开始进行POST（加电自检），当检测到电脑中某一设备有致命错误时，便控制扬声器发出声音报告错误。因此可能出现开机无显示有报警声的故障。对于电脑开机无显示有报警声故障可以根据BIOS报警声的含义，来检查出现故障的设备，以排除故障。</t>
  </si>
  <si>
    <t xml:space="preserve">战士装备与仇恨（100分送上）听说战士的装备和制造仇恨的多少有关 </t>
  </si>
  <si>
    <t xml:space="preserve">好的装备 格挡值高 ，格挡值高了之后 盾牌猛击 所提高的伤害仇恨就会增加 ！  同样越好的装备 就越注重 命中 精准 ~~~ 这样你就能 避免 不必要的  未击中 造成 仇恨的制造的不利`~~~  </t>
  </si>
  <si>
    <t xml:space="preserve">砖混结构的房子怎样我最近买了房,是砖混结构的,这种结构的房子怎样 </t>
  </si>
  <si>
    <t>砖混结构的房子通常都设有圈梁、构造柱等，地基一般采用条形砖基础并带有地圈梁。这种房屋的结构一般也都是按照国家设计规范及施工规范建设的，其特点是造价便宜，其使用寿命一般也在50年左右。所以你不必担心其使用问题，尽可放心居住。由于其承重结构主要是砖墙，因此，在改造和装修时，要尽可能地多多询问专业人士。</t>
  </si>
  <si>
    <t xml:space="preserve">请求帮忙，演绎推理甲、乙、丙和丁是同班同学。甲说：“我班同学都是 </t>
  </si>
  <si>
    <t>A只有一个人说假话,那么甲说的是假的，如果他说的是真的，则乙、丙、丁说的就是假话了，与题意不合。甲说的是假的，丁说的就是真的，故乙不是团员 选A</t>
  </si>
  <si>
    <t xml:space="preserve">客人启齿表衷情。(词牌名一，蜂腰格) </t>
  </si>
  <si>
    <t>西意曲</t>
  </si>
  <si>
    <t xml:space="preserve">化学（初三）１　物质　　　　　有利的一面　　　　不利的一面二氧化 </t>
  </si>
  <si>
    <t xml:space="preserve">　物质　　　　　有利的一面　　　　不利的一面 二氧化碳　 绿色植物光喝作用的原料  气候变暖氮气    制造化肥的原料 ２，有一个氢气球因人群拥挤而被挤破，遇上点燃的香烟，引起爆炸，并引发邻近一串氢气球爆炸．迅速掠过的火苗烧了一些顾客的头发，并浅度灼伤２０多人的皮肤， １，以上事实说明氢气具有什么性质： 化学性质:易燃    放热高２，某兴趣小组在进行探究是，实验用相对原子质量为４的稀有气体氦气，作为大型升空气球的气体，其原因：１＿化学性质稳定＿＿＿＿＿＿＿＿＿ 　　　２＿＿密度比空气小＿＿＿＿＿＿＿ ３，空气中ＣＯ２的主要来源是＿化石燃料的燃烧,汽车尾气的排放,人和动物的呼吸＿＿＿＿＿＿＿＿，绿色植物通--过光合作用＿＿＿＿＿作用吸收ＣＯ２，通过＿呼吸作用＿＿＿＿＿作用将ＣＯ２释放到大气中４．甲，乙，丙三种气体均为空气的组成之一，甲，丙气体混合后通入澄清石灰水，石灰水没有明显变化；将黑色固体丁灼烧至发红，伸入甲，丙混合气体中，丁充分燃烧生成一种新的气体乙．丁燃烧结束后，测知甲气体已全部耗尽；将乙，丙混合气体通入澄清石灰水中，石灰水变浑浊．已知丙气体占空气的体积分数约为４／５， １，四种物质的名称　甲＿氧气＿O2＿＿＿ 乙＿二氧化碳＿CO2＿＿＿＿　　　丙＿氮气＿N2＿＿＿＿　　丁＿＿木炭 C＿＿＿＿ ２，写出上述过程中化学变化的文字表达式，并在每一种物质后面的括号内写出该物质的化学式＿C木炭＿+氧气O2=点燃=二氧化碳＿CO2＿＿＿CO2二氧化碳+氢氧化钙Ca(OH)2=碳酸钙CaCO3+水H2O＿＿＿＿＿＿＿＿＿              </t>
  </si>
  <si>
    <t xml:space="preserve">关于搞丸外皮的问题我搞丸皮上起一层红斑,又痛又痒起的有大概有母枝 </t>
  </si>
  <si>
    <t>去看看皮肤科，到底是什么皮肤病，多数是湿症。不要讳疾忌医。</t>
  </si>
  <si>
    <t xml:space="preserve">最常用的DOS命令 </t>
  </si>
  <si>
    <t>dir▲ attrib▲ cd▲ copy▲ xcopy▲ del▲ undelete▲ deltree▲ dos=high▲ doskey▲ emm386.exe▲ fc▲ format▲ unformat▲ interlnk▲ intersvr▲ memmaker▲ memitem等▲ mscdex▲ msd▲ prompt▲ ramdrive▲ subst▲ mem▲ "&gt; &lt; &gt;&gt; &lt;&lt;"工具▲ move▲ append▲ call▲ defrag▲ device　</t>
  </si>
  <si>
    <t xml:space="preserve">急!PS2金手指工具AR2使用方法...刚买的!具体不知道如何激 </t>
  </si>
  <si>
    <t>使用方法如下：以常见的AR2（魔法再生中文版）为例：1：开启机器，把盘（引导用）放入，再把卡（存金手指码用）插入记忆卡槽。2：选'选择游戏'一项，选择什么游戏的金手指（卡自带部分游戏金手指）找不到的话，选'创建游戏'-'添加新游戏'，输入游戏名，乱输也行。保存后进入'添加新密码'，现在可以输入你在网上看到的金手指了。注意带M的为必须码，可先输后保存。依次再输入你需要的金手指码开启相应功能，保存即可。（注意查看‘添加新密码’中的‘设默认值’一项是否启动，默认为启动。启动后金手指才生效）。3：按START键直接跳入'开始游戏'，选'用金手指'，之后按照提示换碟即可。</t>
  </si>
  <si>
    <t xml:space="preserve">word出现了乱码最近打开word，老是出现发送错误报告，什么安 </t>
  </si>
  <si>
    <t>将office软件重装一下。</t>
  </si>
  <si>
    <t xml:space="preserve">有没有讲解《诗经》的书？最好是象百家讲坛类的，谁可以推荐给我吗？ </t>
  </si>
  <si>
    <t>看中华书局的《诗经译注》好了</t>
  </si>
  <si>
    <t xml:space="preserve">小学六年级上册数学题把一个棱长0.8米的正方体钢坯，锻成一个横截 </t>
  </si>
  <si>
    <t>设锻成的这个方钢长x米因为正方体钢坯的体积=长方体方钢的体积体积公式=长×宽×高   截面积=边长×边长所以0.8×0.8×0.8=0.16×xx=3.2米答：锻成的这个方钢长3.2米。</t>
  </si>
  <si>
    <t xml:space="preserve">100美元实盘炒汇实录？约十天时间，做了以下短线：1.卖出美元/ </t>
  </si>
  <si>
    <t>water兄真逗。你也是有心用100USD做实验呀。</t>
  </si>
  <si>
    <t xml:space="preserve">红名了怎么才能快速变白？？？PK没事去PK结果红名了一看要20多 </t>
  </si>
  <si>
    <t>耗吧，不过上次我红名时换线减少了11分钟，不知道怎么回事。再补充下，红名结束后是黄名，不过黄名跟白没什么区别，都能干</t>
  </si>
  <si>
    <t xml:space="preserve">喝酸奶会导致痘痘频发么听说喝牛奶容易长痘痘，不知道喝酸奶会不会呢 </t>
  </si>
  <si>
    <t>不会的,喝酸奶还可以做个酸奶面膜,效果很好的</t>
  </si>
  <si>
    <t xml:space="preserve">梦工厂在HP工作站平台上制作的知名作品 </t>
  </si>
  <si>
    <t>&lt;&lt;西游记&gt;&gt;, &lt;&lt;阿苯猫&gt;&gt; , &lt;&lt;丑小鸭&gt;&gt;, &lt;&lt;风神榜&gt;&gt;, &lt;&lt;小神仙&gt;&gt;&lt;&lt;千年虫&gt;&gt;</t>
  </si>
  <si>
    <t xml:space="preserve">[皮肤护理]美肤面膜中的粗盐在哪可以买到?请问去痘印美肤面膜中用 </t>
  </si>
  <si>
    <t>您好，我是美容顾问龙菲菲。我建议您不要用盐做面膜！    盐确实可以治痘痘，因为一呢它可以消炎，二可以吸油！但是它在吸油的同时把水份也没有留下！我们知道当外部水份浓度大于内部，内部水份就会被吸出来！这样的话当然痘去了，但是皱纹就出来了！不信你试试！而没有水份如果一旦日晒，斑点就出来了！总之那是一个片面的去痘方法！不值得试用！我看到很多我的客人就用过，但最后脸都像葡萄干一样来找我！希望你不要这样！好了，有问题可以邮件可电话咨询我！我很乐意为你们服务！我的电话：13539577671。</t>
  </si>
  <si>
    <t xml:space="preserve">中国古代人使用什么语言春秋战国，三国，唐朝，宋朝这些朝代的人使用 </t>
  </si>
  <si>
    <t>春秋战国，三国，唐朝，宋朝都是汉人的朝廷，所以都使用汉语，但读音有些不同的，有些字的写法还不同；清朝是外来民族的朝廷，所以官方有些用语是满文，但平时通常的都使用汉语。</t>
  </si>
  <si>
    <t xml:space="preserve">我国的外汇储备这么多，为什么不能在国内使用呢？ </t>
  </si>
  <si>
    <t>要知道，国内的法定货币是人民币而不是美元。国家的外汇储备基本上是以美元为通用单位。美元是现在为止国际上流通的最广泛的货币之一，可以说是龙头老大。就算是用了美元，但是这些美元还要回到银行去兑换，相对来说就会花费更多的人力和物力。如果碰到一些比较低廉的商品，那就可能会用到美分。说实在的讲，国内现在好像没多少地方可以换美分的。好比说一袋牛奶一元人民币，但如果是美元要多少呢？这样下来，不但是钱币计算麻烦，而且兑换也会有障碍的。</t>
  </si>
  <si>
    <t xml:space="preserve">小单闯关====图上期意大利害了我。怕了冷。冷了怕。呵呵呵 </t>
  </si>
  <si>
    <t xml:space="preserve">单子不错，希望早中大奖 </t>
  </si>
  <si>
    <t xml:space="preserve">饮食治慢性胃炎我慢性胃炎快一年了.总是治不好,西药怕副作用不敢再 </t>
  </si>
  <si>
    <t>胃病不是靠大量的吃某种东西就能治好的·· 只要平差注意饮食就可以了·· 比如吃饭定时定量·不要暴饮暴食·少吃或尽量不吃辛辣腥的东西··</t>
  </si>
  <si>
    <t xml:space="preserve">吃天狮能治好顽固的银屑病疾病吗 </t>
  </si>
  <si>
    <t xml:space="preserve">吃保健品对患者的身体素质有提升作用，但是没有患者想象中那么大，因为我们从正常的饮食中吸取的营养已经有很多了。再说，营养品不是药品，怎么治疗。 您说的是不是一种保健品啊，银屑病是一种疾病，什么类型的疾病，都是不能通过吃保健品治疗的，建议您还是及时的到正规的医院就医，科学的治疗才好，不要乱用药物。 银屑病是种很常见的皮肤病，而天狮只是一种辅助性的食疗方法，并不是正确的银屑病治疗方法，所以建议您科学治疗。 </t>
  </si>
  <si>
    <t xml:space="preserve">这样喂养可以吗？由于宝宝白天睡的少，晚上睡的早，一天只能吃一顿辅 </t>
  </si>
  <si>
    <t>辅食还是要加上去。。不仅是孩子的身体需要。。。孩子的咀嚼功能等也需要正常加辅食。。我看了下你宝宝的作息。。还是很有规律的。。你们带的不错。。这样早睡早起很好啦。。至于第二顿辅食你可以在他午睡起来那时候加。。。或者晚上睡觉前加。。。这样晚上就敖饿一点。。说不定连夜奶也可以戒掉呢。。不知道宝宝为什么不喜欢喝粥。。。是白粥不喜欢吗？那你可以煮菜粥。。或者骨头汤敖粥。。再有可以红枣粥。。。弄点枣泥给宝宝还补铁呢。。。大人要在辅食的花样上多下点功夫哟。。。祝宝宝身体健康胃口好。。。呵呵</t>
  </si>
  <si>
    <t xml:space="preserve">个人简历自我评价怎么写？谁能提供几个简历自我评价例子参考下 </t>
  </si>
  <si>
    <t>自我评价要把你自己的优势给突显出来就可以了</t>
  </si>
  <si>
    <t xml:space="preserve">爱液。。。爱液很多好吗？和男朋友说那些事情爱液就流出来了，为什么 </t>
  </si>
  <si>
    <t xml:space="preserve">女性爱液的秘密  　　在日本导演今村昌平的新《赤桥下的暖流》中，女主角高潮时会喷泉般涌出爱液。当然，这是一种甚为夸张的表现手法。不过，爱液，也就是阴道液，在性生活中确实会起到非常重要的作用。　　阴道液在非行经期间由多种来源的液体混合而成，包括子宫颈液，脱落上皮细胞及阴道液本身，还有少量前庭大腺的分泌物；由子宫腔进入阴道的液体则有输卵管液，排卵时的滤泡液，可能还有腹腔中的液体。性刺激时，阴道液量与阴道血流量同步增加。　　在做爱时，爱液能起到润滑作用，减少“硬磨擦”给女性带来的疼痛。女性分泌爱液就像是男子遗精一样，属于正常的生理现象。它的分泌期从青春期开始将一直持续到老年，其中，20-30岁这一阶段的女性，由于性发育的成熟，爱液的分泌量也会大大增加。爱液的分泌不仅是为了便于交合而产生的，它的主要目的还是为了保护精子，在中和阴道内酸性的基础上，保证精子的存活率，延长其存活时间，保护受孕。　　许多男性都非常想知道在性交过程当中，怎样才知道女性的快感达到了什么程度。对此，爱液，又可以成为愉快的指示器。男性一定要记住：只有当阴道分泌也达到一定量时，才是真正可以有所作为的信号。分泌液越多，就证明女性的快感程度越高，性欲也就越强烈。　　除了量以外，爱液的粘度也是另一个判断标准。阴道分泌液在交合前后会产生很大的变化：刚开始并无粘度，但随着性兴奋度的提高，快感的增加，粘度也会逐渐提高。鉴于爱液是对性刺激的一种反应，如果希望在性生活中获得更高的刺激和乐趣，做一个真正懂得性生活艺术的男性的话，请注意下面的内容：1　据试验显示，做爱前在爱抚上用的时间越多，阴道分泌液就越多，女性快感的强度与性生活前爱抚时间的长短成正比。由于女性的性欲发展比较缓慢，交合前的爱抚就显得尤为重要。2　在不放弃爱抚的同时，多讲一些充满柔情的话，让眼神和表情都流露出你心中的感觉，让女性多感受一些浪漫情趣的渲染，会达到事半功倍的效果。 </t>
  </si>
  <si>
    <t xml:space="preserve">二代身份证为何能刷?第二代身份证，在网吧，宾馆都可以直接刷，就在 </t>
  </si>
  <si>
    <t xml:space="preserve">使用非接触式IC卡芯片作为“机读”存储器。二代证芯片采用智能卡技术,内含内含有RFID芯片，此芯片无法复制，高度防伪。优点是芯片存储容量大，写入的信息可划分安全等级，分区存储，包括姓名，地址，照片等信息。按照管理需要授权读写，也可以将变动信息（如住址变动）追加写入；芯片使用特定的逻辑加密算法，有利于证件制发、使用中的安全管理，增强防伪功能；芯片和电路线圈在证卡内封装，能够保证证件在各种环境下正常使用，寿命在十年以上；并且具有读写速度快，使用方便，易于保管，以及便于各用证部门使用计算机网络核查等优点。 </t>
  </si>
  <si>
    <t xml:space="preserve">请问刷咬花要怎么刷刷咬花需要做什么任务，具体要怎么刷，还有刷咬花 </t>
  </si>
  <si>
    <t xml:space="preserve">此任务`是道具特有的..时长没有`1.于"道具商城"购买"咬花"后前往艾夏岛. 2.与位于艾夏岛(107.121)的"神秘催眠师"对话,在身上有"咬花"的情况下被传入"回忆之间"("咬花"可不装备). 3.与"回忆之间"里(8.7)的"回忆之石"对话,点"确定"后进入战斗. 　20个BOSS的顺序是: Lv25杀熊者欧兹那克、Lv30牛鬼、Lv35树精长老、Lv40热砂的欧兹尼克、Lv44淡黄训练员、Lv44真红淑女、Lv44水蓝教练、Lv50法尔肯、Lv50露比、Lv50神兽史雷普尼尔、Lv51冰之人魔草、Lv60海贼头目、Lv60龙的使者、Lv65犹大、Lv70凯法、Lv70依代、Lv80佛利波罗、Lv80阿卡斯、Lv80巴洛斯、Lv90李贝留斯。 (注：BOSS均被弱化过,略微有点攻击力的人/宠可轻松挑过) 4.获胜后与"回忆之间"(8.2)的石碑对话后被传出,获得"玫瑰宝石". </t>
  </si>
  <si>
    <t xml:space="preserve">结果不能改变了吗？我对我以前的女友表白了但被拒绝了说我再说这个就 </t>
  </si>
  <si>
    <t>看来她真的不爱你了,一个是冷落她段时间,或者你干脆放弃</t>
  </si>
  <si>
    <t xml:space="preserve">韩国的首都"汉城"什么时候改为"首尔"的?怎么改的?为什么要改? </t>
  </si>
  <si>
    <t xml:space="preserve">首尔是韩国首都汉城根据其英文“SEOUL”的音译所改的新的中文名称。 汉城市长李明博2005年1月19日举行记者招待会，宣布将首都的中文名称由“汉城”改为“首尔”。“汉城”一词不再使用。李明博市长的解说词是：绝大多数国家都将“SEOUL”按照与其英文标记相似的发音来称呼。如：汉语中的华盛顿、伦敦也都是根据这些地名的固有发音来标记的；只有汉城的中文名称一直沿用古代名称“汉城”。李明博市长向中国游说：“首尔”同汉城的韩语发音最为接近，并采用多用于外国地名的常用汉字，中国人也容易熟悉这一新名称。 </t>
  </si>
  <si>
    <t xml:space="preserve">雅绅特如何换座套新近购买了雅绅特基本型汽车请问如何安装座套，拧哪 </t>
  </si>
  <si>
    <t>我的车也是用了座套,自己拆洗,安装好麻烦的,我是让汽车美容店给拆洗,安装的,花不了多少钱,我选的是家在本地最大规模的汽车美容店,30元/次,我平时很爱惜车子,一年也就洗一次.</t>
  </si>
  <si>
    <t xml:space="preserve">2011年深圳春季房地产交易会什么时候举行啊？ </t>
  </si>
  <si>
    <t>2011年深圳春季房交会于4月30日开始，一共5天。这次房交会将汇集深圳本地以及其它地区的众多热门楼盘，将成为市民的“楼市节日”。 本次深圳春交会顺应置业向深圳东的新趋势，首次针对深圳以东大亚湾等区域开设展区。在这次展会上，将有来自亚婆角度假区的碧桂园十里银滩首次亮相。碧桂园十里银滩地处亚婆角度假区核心地段，拥有中国最具价值的海滩和亿年礁石群，风景旖旎，气候宜人，距离深圳仅40多分钟的车程，一个多小时直达港深广等珠三角重要城市。</t>
  </si>
  <si>
    <t xml:space="preserve">眼睛急病如何治疗，请求帮助！我今年26岁，现在近视450，可右眼 </t>
  </si>
  <si>
    <t>还不看医生，要眼科专科医院，</t>
  </si>
  <si>
    <t xml:space="preserve">苦瓜为什么可以降血糖？为什么好多人都说苦瓜可以降血糖，有什么原理 </t>
  </si>
  <si>
    <t>　　国内外的相关研究机构自20世纪60年代以来，已验证苦瓜对糖尿病治疗的功效。苦瓜含有降血压、血糖成分。苦瓜的营养成分，包含丰富的维生素C，含量约为120毫克，比草莓(80毫克)和柠檬(90毫克)还要高。矿物质方面，苦瓜含有钾，可有效降低血压。另外还含有可防癌、明目的胡萝卜素。　　中国自古以来，就把苦瓜当作药用植物来利用。在《救荒本草》和《本草纲目》等古文献里，都曾经提到苦瓜。在糖尿病方面，都强调它能够“止渴”、“主治烦渴引饮”等。　　明代大药物学家李时珍说：“苦瓜性味苦、寒、无毒，具有除邪热、解劳乏、清心明目、益气壮阳之功效。”苦瓜对于糖尿病三大并发症之一的视网膜症很有疗效。　　糖尿病患者，往往会因为高血糖而使得白血球受到影响，免疫力减退，容易罹患感染症，不但容易感冒，而且容易得皮肤化脓症。这时，除了吃苦瓜之外，苦瓜叶子和藤蔓也有治疗效果。但是，任何具有药效的蔬菜都不可能直接大量地吃，因此，将其做成汤或苦瓜汁等，更易于摄取与吸收。</t>
  </si>
  <si>
    <t xml:space="preserve">山茶荐谜独来远山共春色－－字一 </t>
  </si>
  <si>
    <t>寨</t>
  </si>
  <si>
    <t xml:space="preserve">如果日本像德国那样承认错误，国人会原谅吗？在中国，你随便上任何一 </t>
  </si>
  <si>
    <t>如果他们真诚承认二战错误，我们会原谅的，因为中国人民是善良的，错误毕竟是他们的先辈犯的，但是如果想继承他们祖先的衣钵，妄图继续称霸亚洲，乃至世界，恢复军国主义，亚洲和中国人民是绝对不容忍的，世界已经不是60多年前的世界，中国已经不是60多年前的中国，东亚病夫的帽子早已被摔到太平洋里去了，东方巨人已经站起来了，虽然在政治体制，经济建设方面国内存在着分歧，但是在对外反对侵略、反对军国主义、反对霸权，维护祖国领土完整和主权方面，中国人民是毫不含糊的。从1927年蒋介石发动政变屠杀共产党、五次围剿到追杀到陕北，国共可以说不共戴天，当1937年卢沟桥的炮声一响，当国家面临灭亡的生死关头时，中国人民空前的团结，他们抛弃旧怨，一致对外，顽强抗击凶敌，经过8年浴血奋战，终于打败了小日本。那么今天，只要哪个敌人危及祖国的安危，（哪怕是世界头号列强美国）那么我们会用我们的胸膛，迎着敌人的炮火，保卫黄河、保卫家乡，捍卫祖国的领土完整和主权。</t>
  </si>
  <si>
    <t xml:space="preserve">东方太阳，西边雨东方出了太阳，有人会笑的很灿烂。因为辛苦了一周， </t>
  </si>
  <si>
    <t>祝福！！！</t>
  </si>
  <si>
    <t xml:space="preserve">东莞哪里有厂家直销的健康椅啊？？ </t>
  </si>
  <si>
    <t>多得很，阿里巴巴上收索一下不下20家</t>
  </si>
  <si>
    <t xml:space="preserve">脸上有遗传雀斑可以有什么方法根除吗？ </t>
  </si>
  <si>
    <t>如激光扫斑、高频电治疗以及擦皮术和化学剥脱术等，都有很好的疗效。　　治疗雀斑的小偏方 　　1、将鲜胡萝卜辟碎挤汁，取10-30毫升，每日早晚洗完脸后涂抹，待干后，洗净。此外，每日喝一杯胡萝卜汁，可美白肌肤。　　2、将柠檬汁搅汁，加糖水适量饮用。柠檬中含有大量维生素C、钙、磷、铁等。常饮柠檬汁不仅可美白肌肤，还能使黑色素沉淀，达到祛斑的作用。　　3、每天喝一杯西红柿汁或常吃西红柿，对防止祛斑有较好的作用。因为西红柿中含有丰富的谷胱甘肽，谷胱甘肽可抑制黑色素，从而使沉着的色素减退或消失。　　4、洗脸时，在水中加1-2汤匙的食醋，有减轻色素沉着的作用。　　5、 每天吃一片维生素C和维生素E,可达到祛斑的作用。　　6、 用干净的茄子皮敷脸，一段时间后，小斑点就不那么明显了。</t>
  </si>
  <si>
    <t xml:space="preserve">十堰哪个地方产绿松石啊 </t>
  </si>
  <si>
    <t>十堰郧县产绿松石     竹山县宝丰也有哦</t>
  </si>
  <si>
    <t xml:space="preserve">除了SS丈，有什么紫色的近战武器优先LR的？ </t>
  </si>
  <si>
    <t>沙漠掠夺者之刺，蛛魔之眼是正确 的，因为敏够多</t>
  </si>
  <si>
    <t xml:space="preserve">距离请幽幽们帮忙：朋友哭着对你说她家人得了癌症，该怎么安慰？距离 </t>
  </si>
  <si>
    <t xml:space="preserve">  不管是那种癌症，关键是处于那个阶段，晚期和早期不一样 什么样的癌症，病人的体质是否还有其他病症，都要了解清楚才能说怎样说这个话；病人年龄大小，如果手术有没有必要？ 还有个很关键的问题，就是病人的心态，前段我不是说， 我有个朋友突然抢救吗？这个朋友在救护车来之前，浑身发冷，想睡觉，个人坚持不住了，我就拼命和他说话鼓励他大夫最后把病人抢救过来说，差那么一点 ----- 这是普通常识......  我举这例子是和你说，病人自己的情绪很重要，往往病才三分 心态不好，没有强烈的求生欲望，悲观，就是人常说的----  最后自己吓自己 ------- 加重了病情，导致比一般情况恶化的快 那就没办法了..........  因为不了解你说的那种情况，你可根据我说的思路，弄明白了是哪回事 再找适当的语言和你朋友说吧..........</t>
  </si>
  <si>
    <t xml:space="preserve">玩斗地主时衣服没了，光着怎么回事？ </t>
  </si>
  <si>
    <t>您好，请您打开igame.sina.com.cn，点U秀,登录后，点我的衣柜。</t>
  </si>
  <si>
    <t xml:space="preserve">资本主义经济危机的实质是？ </t>
  </si>
  <si>
    <t>资本主义经济危机的实质：生产相对过剩，生产相对于社会有支付能力的需求过剩</t>
  </si>
  <si>
    <t xml:space="preserve">我1米7能不能扣篮 </t>
  </si>
  <si>
    <t>负重训练，上高2时，我都是穿着10斤重的沙袋打球，跑步，上体育课。早上穿上，知道晚上放学回家才脱掉。直到把沙袋穿烂。大约3个月吧。再穿上便装打球，就会感觉身体很轻。弹跳也高了。大概能增加20-30cm。有兴趣的话可以试试。沙袋最好买块状的。颗粒状的容易漏沙。当然越重效果越明显。</t>
  </si>
  <si>
    <t xml:space="preserve">GM会长应该发什么样的资料给你们GM我是个会长请问一下我应该把什 </t>
  </si>
  <si>
    <t>现在都什么时候 等公测吧</t>
  </si>
  <si>
    <t xml:space="preserve">“如果你是天空里的一片云”……求编后半句老婆的qq介绍是“我是蓝 </t>
  </si>
  <si>
    <t>如果你是天空中的一片云，那我就是那蓝天，用广博的胸怀容纳你的全部，既使你化作乌云密布，也愿承受你的电闪雷鸣；而当你化为轻云飘扬，我那慰蓝是你怃媚的最佳衬托；而我最可望的，只是日出日落时天边的那一抹菲红。</t>
  </si>
  <si>
    <t xml:space="preserve">一些话，一份心情！！！！！！在贴吧看到一个锋迷写的文字，感动的泪 </t>
  </si>
  <si>
    <t>其实NIC一路 走来经历了太多~~我们一起成长···既然我们不能去堵住别人的脏嘴~就用我们最热忱的爱来保护他，支持他吧~~···</t>
  </si>
  <si>
    <t xml:space="preserve">急!忧!尿混偶尔小便时刚尿出的部分尿混,白色,后面正常.沉淀后清 </t>
  </si>
  <si>
    <t xml:space="preserve"> 尿蛋白表示肾脏的功能有衰竭的现象，已经不能正常运作，将蛋白质留在体内。如是早期发现，可按照医生的指示服药，不要乱服用偏方，要定期追踪检查治疗，可延缓肾脏病和肾脏衰竭的病程。确认是肾脏功能有问题，如不治疗由其恶化，最后可能要靠洗肾才能维持生命。请速就医。 治疗尿浊验方 1、心虚尿滑及赤白二浊。用益智子仁、白茯苓、白术，等分为末，每服三钱，白开水调下。 2、尿浑浊。用厚朴（姜汁炙）一两、白茯苓一钱，加水、酒各一碗，煎成一碗，温服。 本验方摘录于《本草纲目》等典籍 正常排出的新鲜尿液呈浅黄色，这是因为小便里含有一种黄的尿色素的缘故。但小便的颜色也可随着喝水多少而使尿液有深有淡。喝水多，尿多，尿里的尿色素所占的比例小，颜色就淡；喝水少，尿里的尿色素比例大，颜色就显得黄。如果尿液放置一些时候，尿的颜色也会变得深一些，这是因为尿液中还有一部分尿色素兀被氧化成尿色素的缘故。人体每天产生的废物和排出来的尿色素，一般都是比较恒定的，因此，小便的颜色不会变化很大。尿中96％-99％是水分，其它大部分是废物，如尿酸、肌酐等。正常人—天尿量为1000-2000毫升，其中，男子每天1500-2000毫升．女子1000—1500毫升。尿颜色为淡黄色，呈透明状，无沉淀混浊现象。刚解出的小便有特殊的青草芳香味，久置后因分解，而出现氨 气味。 大部分人体异常现象都可引起尿液的变化。 (1)尿的颜色异常 ●无色尿可能是糖尿病、慢性间质性肾炎、尿崩症的信号，如果不是饮水太多的缘故，应注意鉴别。 ●白色尿白色尿常见于脓性尿、乳糜尿和盐类尿。 脓性尿是由严重泌尿道化脓感染引起的，尿液呈乳白色。脓性尿常见于肾盂肾炎、膀胱炎、肾脓肿、尿道炎，或严重的肾结核。 乳糜尿是丝虫病的主要症状之一，尿色白如牛奶。由于肠道吸收的乳糜液(脂肪皂化后的液体)，不能从正常的淋巴管引流到血循环中去，只能逆流至泌尿系统的淋巴管中，造成泌尿系统中淋巴管内压增高，曲张而破裂使乳糜液溢入尿液中，而出现乳糜尿。乳糜尿一般是阵发性的。乳糜尿中有红细胞时，叫做乳糜血尿。在患乳糜血尿病人的血和尿内，有时可找到微丝幼(即幼丝虫)。 ●盐类尿多发生子儿童冬季常见，小便呈米汤样，多为原中含有大量的磷酸盐或尿盐酸，放置后易沉淀，如把小便放在瓶内加热后会马上变清。盐类尿属正常生理现象。可不用药而愈，关键是要多饮白开水。。 ●黄色尿指尿呈黄色或深黄色。其原因有： 食胡萝卜，服核黄素、痢特灵、灭水滴灵、大黄等中西药过程中，可出现尿液变黄的情况，一旦停止服用，随即消失，无需多虑。 常见的发热或有吐泻症状的病人因水分随汗液或粪便排出，尿就会浓缩减少，而尿色素没有改变，这样小便的颜色就显得很黄。 另一种小便黄的像浓茶，则不是由于上述原因，而是肝脏或胭囊有了病变。原来，胆汁向外排的道路通常有两条：一条从尿里出来，一条从肠道里出来。当肝脏或胆囊有病，胆汁到肠道的路被切断，就只能从尿里排出来，尿液里也因胆汁的含量增加而呈深黄色了。肝炎的早期，还没有出现黄疸，我们常常可以看到小便的颜色像浓茶似的，这往往是肝炎的一个信号。 此外，黄色混浊的脓尿则是泌尿器官化脓的表现。 ●蓝色尿可见于霍乱、斑疹伤寒，以及原发性高血钙症、维生素D中毒者。但这种颜色的尿多与服药有关，非疾病所致。如服用利尿剂氨苯喋啶，注射亚甲蓝针剂或服用美蓝、靛卡红、木馏油、水杨酸之后均可出现。停药即可消失。这种因服药而引起的蓝色尿属于正常观象，无需多虑。 ●绿色尿见于尿内有绿脓杆菌滋生时，或胆红素尿放置过久，氧化成胆绿素时。 淡绿色尿：见于大量服用消炎药后。 暗绿色尿：原因同蓝色尿。 黑色尿：黑色尿比较少见，常常发生于急性血管内溶血的病人，如恶性疟疾病人，医学上称黑尿热，是恶性疟疾最严重的并发症之一。这种病人的血浆中有大量的游离氧、血红蛋白与定氧血红蛋白，随尿排出而造成尿呈暗红或黑色。另有少数病人服用左旋多巴、甲酚、苯肼等后，也会引起排黑尿，停药后即会消失。 国外有资料报告，患阵发性肌红蛋白尿的病人，在运动后也会排出棕黑色尿，同时伴有肌肉无力，可逐渐发展为瘫疾。此外，黑尿还可见于酚中毒、黑色毒瘤、尿黑酸病。 棕褐色尿(如同酱油颜色)可见于急性肾炎、急性黄疸型肝炎、肾脏挤压伤、大面积烧伤、溶血性贫血、错型输血，甚至剧烈的运动后，尿液也可似酱油色。 有时睡眠起床后尿呈棕褐色，那是阵发性睡眠性血红蛋白尿病的特征。如果这种小便出现在吃青蚕豆以后，就要警惕蚕豆病。这种病人的红血球内缺乏一种叫6磷酸葡萄糖脱氢酶的物质，有一定的遗传性。所以当食蚕豆后即发生棕褐色尿，并有疲乏、头晕、恶心、皮肤、眼睛发黄，应及时送医院抢救，以防不测。 ●红色尿尿色变红，多半是尿中有红细胞，医学上称血尿。 血尿的原因非常复杂，有上百种疾病可以引起血尿，要正确诊断并不那么容易。 如果血尿伴有鼻出血、牙龈出血、皮肤出血，这可能是全身性出血疾病在作崇，如血小板减少、过敏性紫癜、血友病，甚至白血病等，尿血不过是全身出血的一种表现。 如果血尿伴有发烧、关节肿痛、皮肤损害、多脏器的损伤时，可能为结缔组织性疾病(如全身性红斑狼疮、结节性动脉炎等)。 如果血尿伴有高血压、浮肿、蛋白尿时多为肾小球肾炎。 如果血尿伴有腰腹部隐痛不适，尿急、尿频、尿痛者多为泌尿系统感染或结核。 如果血尿伴有腰部胀痛或一侧腹部绞痛，以肾、输尿管结石的可能性最大，特别是痛得在床上辗转不安，多为输尿管结石。 如果血尿伴有排尿不畅、费力、小便滴沥排出，在老年男性，多为前列腺肥大，在中年男性，则要考虑尿道狭窄、尿道结石或膀胱肿瘤。 50岁以上的人发生肉眼能见或显著的显微镜血尿，无论是男是女，都暗示泌尿系统存在着病变。尤其是突然发生的无痛性血尿，多数是肿瘤漫蚀尿液排出管道引起溃破出血的表现，稍有怠误，就会永远失去有效治疗时机。 老年人泌尿系肿瘤，75％以上为恶性病变，尤以肾实质细胞癌、膀胱乳头状癌和肾盂移行上皮癌居多，它们的共同特点，均为排尿全过程血尿。 来自肾肿瘤的出血，不经任何治疗常可自然停止，使患者误以为病已痊愈而停止继续就医，间隔数月或数年后，再次发生肉眼能见血尿时，癌症已到晚期，并多已发生病变器官周围或更远处痛细胞转移。 由于肾出血首先经输尿管下排，所以常在通过输尿管时形成长条状凝血块；膀胱部位病变出血，则血块较大而不规则。 膀胱肿瘤出血，两次间隔时间较肾肿瘤短，排尿次数也较正常稍有增多。国内外学者们研究公认，大量吸烟者膀胱癌发病率十分高，对这类老人的无痛性血尿，尤应提高警惕。 男性年过50岁后，前列腺有不同程度的增生改变，影响尿流通畅排出，继发膀胱粘膜和前列腺感染、充血，也可因此引起静脉破溃产生无痛性血尿，应与膀胱肿瘤相区别。 老年妇女无痛性血尿的另一常见病是尿道内阜炎。其特点为：尿中含血量较少，且常伴有手纸新鲜血迹；长期慢性尿道炎史；排尿欠畅，尿流分叉尿道灼热不适；医生肉眼直视即可见位于尿道外口内的紫红色肉芽样增生组织，多为球形或半球形。本病为良性病变，经电刀切除、尿道扩张术和消炎即可治愈。 此外，像过敏性紫癜，流行性出血热和泌尿系统邻近器官，如阑尾、直肠、结肠、子宫、卵巢病变时也可引起血尿。 ●尿后滴白有的男性青壮年患者解了小便后，自己会发现尿道流出乳白色的分泌物。由于这种症状多同时伴有尿频、尿道刺激症状以及腰酸痛、头昏、失眠、性功能减退、阳痿等症状，故大多数患者常将这种尿后滴白的现象误认为是遗漏了精液，把它称为“体亏”的病根，以致背上思想包袱。 事实上，尿后滴白并不是什么精液遗漏，而是患了慢性前列腺炎所致。流出来的白色分泌物为前列腺液，并非精液。过度饮酒、受凉、会阴部受伤，不正常地性生活，频繁的性冲动以及长途骑自行车、骑马，均可导致前列腺充血、瘀血，它是促使前列腺产生炎症的重要因素。遵医嘱或服用抗菌素、配合内服中药可治愈此病。 (2)尿的气味异常 ●氨味说明尿在体内已被分解，是膀胱炎或尿潴留的表现。 ●苹果香味多见于糖尿病酸中毒或饥饿时，这种尿液常可引诱蚂蚁汇聚。 ●腐败腥臭味常见于膀胱炎及化脓性肾盂炎。 ●粪臭味患有膀胱结肠痿的病人，尿中常带有粪臭味。 当进食大蒜、葱头或带特殊气味的药物时，尿中可带有这些物质的特殊气味。这里要注意的是辨别尿的气味应用新鲜尿液。尿液放置过久后，由于细菌繁殖，尿素被分解后便产生氨味，会影响观察效果。 (3)尿量异常 正常成人每昼夜的尿量约在1000-2000毫升之间。尿量的多少和喝水、食物以及气候因素等有关。夏季出汗多，尿少，冬季出汗少，尿多。有病时，尿量也可以有多有少。一昼夜小便超过2400毫升就为多尿，少于500毫升就称为少尿，一日尿量在200毫升以下称为无尿。 ●多尿多尿为生理性多尿和病理性多尿两种类型。 生理性多尿常见于大量饮水、寒冷刺激、饮酒、饮茶、输液、服用利尿剂或进食有利尿作用的食物后。病理性多尿常见于糖尿病、尿崩症等疾病。 糖尿病是一种比较常见的内分泌代谢病。患者由于胰腺制造的胰岛素不足，血糖升高、水电解质代谢紊乱而出现多尿。本病多见于40岁以上喜食甜食而肥胖的人，其特点是多饮、多尿、多食，一昼夜尿量可达3000—6000毫升，由于多尿失水，因此饮水也多。 尿崩症是由下丘脑垂体后叶功能减退、抗利尿激素分泌减少引起的一种疾病，本病多见于青少年。其特点是多尿，尿比重降低，烦渴多饮。一昼夜尿量可达4000-6000毫升，甚至10000毫升，限制饮水，尿量并不减少，并能出现口渴思饮、全身乏力、头痛等失水症状，如给予足量饮水，症状可暂时缓解。尿比重大多在1．006-1．000，肾功能检查正常。 此外，多尿还可见于肾炎时尿浓缩功能障碍及粘液性水肿、肢体肥大症、脑或脊髓肿瘤等疾病。 值得注意的是，还有一种多尿，并不是因为糠尿病或脑瘤等疾病引起，而往往是因精神创伤所致，这在医学上称之为“精神性烦渴多尿症状群”的一种功能性疾病。这种病人与尿崩症的主要不同处在于他们的尿比重和渗透压在限制饮水量之后可见明显增高，同时尿量也明显减少，而注射垂体后叶素却无明显效果。这种疾病以心理治疗为主，常可不用药而愈。 ●夜尿正常成年人日尿多于夜尿，一般入夜间排尿1-2次，尿量约为300—400毫升，或不排尿。如果夜间排尿次数增加，达4-5次或更多，尿量超过白天，比重又偏低(低于o．01)，医学上称为夜尿。夜尿也可分为生理性和病理性两种类型。 生理性的夜尿常由于睡前大量饮水、喝茶、喝咖啡、吃西瓜等或由于服用利尿药物后引起。病理性的夜尿常见于肾脏病变、心功能不全、高血压、糖尿病、尿崩症等疾病。例如： 第一，肾脏病变引起的夜尿：如慢性肾炎造成的肾浓缩功能不全及水肿的病人夜间平卧时，因水肿液体回流量增加，可形成夜尿多。 第二，心功能不全引起的夜尿：白天患者活动量大，心功能不全较为明显，血流量降低，尿量较少。夜间睡眠时，心脏功能相提高，尿量增加。因此，夜尿多往往是心功能不全的早期信号。 第三，糖尿病和尿崩症引起的夜尿：这两种病不但夜尿多，白天尿也多。其原因在多尿这一节里已经叙述。 夜尿多还可能是心理性因素造成的。如失眠患者，常处于精神紧张状态，可导致心跳加快、血液循环量增大，夜尿量增多。此外，夜尿多还和年龄有关。很多老年人有夜间尿增多的现象，这是因为随着年龄的老化，肾脏的重量、血流量旧趋减少。从三十岁开始至六十岁里进行性下降，八十岁时仅为四十岁的一半。老人的肾小管因变性、萎缩或扩张，导致浓缩尿液的功能减退，大量的水分排出体外，便出现了多尿、夜尿。 </t>
  </si>
  <si>
    <t xml:space="preserve">那位大大知道太极熊多少钱???就是像熊猫的那种 </t>
  </si>
  <si>
    <t>楼主你好：    北极熊1般在100-150RMB之间，太极熊彼北极熊还要珍贵点，所以市场价应该在130-16-之间〈能骑的〉。</t>
  </si>
  <si>
    <t xml:space="preserve">哪里有BEYOND的手机主题索爱的? </t>
  </si>
  <si>
    <t>it168上有也可自己做</t>
  </si>
  <si>
    <t xml:space="preserve">“茅盾”这一笔名的来历？茅盾是中国文坛大家，本名沈德鸿，著有《子 </t>
  </si>
  <si>
    <t xml:space="preserve">   1927年8月，茅盾遭蒋介石政府通缉，不能用真名发表作品，在完成《幻灭》的写作后，署名“矛盾”投寄《小说月报》。取“矛盾”这个名字，是因为看到了生活中和思想上的很多矛盾。代理《小说月报》编务的叶圣陶先生觉得“矛盾”二字一看便是假名，怕引起政府注意惹出麻烦，便在“矛”字上加了一个草头。</t>
  </si>
  <si>
    <t xml:space="preserve">泉州新阳光女子医院好不好？做无痛人流怎么样？ </t>
  </si>
  <si>
    <t>我也去新阳光做过无痛人流，价格方面还合理，里面的护士医生态度也很亲切，上手术台时也没有那种传说的恐惧感，倒是觉得有亲人陪伴在旁边一样，挺温馨的</t>
  </si>
  <si>
    <t xml:space="preserve">《开往春天的地铁》讲的是什么故事？ </t>
  </si>
  <si>
    <t xml:space="preserve">《开往春天的》：冬天已经来临来源：    作者：舒天楚   2002-09-26 10:37:12 七年，据说是夫妻婚姻生活出现危机的临界点，所谓的“七年之痒”。《开往春天的地铁》选择了以建斌和小慧这对平凡的夫妻结婚七年后的故事为主体叙述，显然也是想进一步表达导演张一白在电视剧中没有说完的“将爱情进行到底”的美丽理念。一对普普通通的年轻人，就像很多充满憧憬的异乡客一样，背着沉甸甸的背包和梦想，来到了北京，时年是1993年11月20下午六点，建斌向小慧郑重许诺：我会让你幸福的。一个男人对女人的承诺，一诺千金，可要实践起来绝对不像说“I LOVE YOU”那么轻松。影片绝大部分场景选择了地铁，故事的起承转合也和地铁密不可分。失业三个月，穷得连房租都交不起的建斌，从物质上来说，并没有实现他七年前给予小慧的“幸福”许诺。于是男人沉重的自尊感使得他无力向小慧讲出真相，一天一天，他依然像平时一样早起上班，和妻子小慧一起乘地铁，唯一不同的是小慧将地铁仅仅当作交通工具，而建斌不得不在地铁站度过整整一天，坐在地铁里来来回回，回回来来。美丽的梦想就这样一日一日地逝去，对小慧的愧疚感也就这样一日一日地加深，这趟地铁的终点站真的会是春天吗？当一个男人无力给他爱的女人幸福时，他无疑会因为自卑而变得格外敏感。用建斌的话说就是“谁还能奢望一个女人能够和一个事业失败的男人白头到老”。   于是一个叫老虎的男人一个冒失的对小慧表述爱慕的电话就让建斌的心如坠入冰窟。同样是在地铁站，建斌见到了老虎，以为自己明白了一切。他为自尊向小慧编造了更大的谎言：单位要派我去法国学习，很快就要走了。他想干什么，想选择结束一切吗？该说小慧了，徐静蕾延续了她以往的银幕形象，一个文静、温柔、善解人意同时也渴望浪漫的女子。她爱建斌不言而喻，从她听到建斌的幸福许诺后，羞涩然却坚决地拉着建斌的手就可以看出，然而她比建斌更在乎一些精神层面上的东西，导演经常在影片中安排这个人物面对镜头自言自语：“其实我已经很自足了，能和建斌在一起七年。”很显然以建斌的物质条件这不是能让她自足的因素，更多的是因为爱，有时平淡有时狂热的爱。 小慧并不知道建斌的物质窘境，然而每天和建斌一起乘地铁上班时，她却能感觉到坐在身边的这个男人对她的爱一天天在消散。这是她最不能忍受的，对于她来说，这趟爱情地铁开往的似乎也不会是春天。小慧碰到了老虎，一个爽朗的男人，有了一点她渴望的怦然心动的感觉。建斌为了打发每日坐地铁的无聊，冒别人的名义去医院看望一个因事故眼睛受伤的年轻女孩。七年婚姻，平淡之极，一点点感情火花都可能引起婚外恋的熊熊大火。当然这不是一部重在讲述婚外恋的电影，建斌和小慧，都不过是在自身感情出现危机后渴望一些沟通和交流，于是小慧和老虎在一起感到前所未有的轻松和随意，而不用看一日一日沉重的建斌的脸色，建斌也在和女孩的交往中感到一种生命的乐观感。当爱已不再温暖，它只是牵绊，当口是心非已成为习惯，两人所能做的就是摊牌——坦白。小慧希望坦白的是她对老虎的感觉不像建斌所想，她希望挽救这段进入冬季的婚姻；而建斌想坦白的是他失业的事实。然而当小慧一开口，敏感的建斌就误认为是她要告诉他，她选择了老虎，于是怒不可遏。互相质问：“你还喜欢我吗”，沟通的尝试就这样不欢而散。一次次的沟通尝试，有时是建斌主动，有时是小慧主动，然而无一例外都遭到失败。最终，建斌依然没有勇气告诉小慧失业的事实，而小慧得知这个消息也是来自一次在地铁里的偶然闲聊。当她得知这个事实时，她默默地坐在地铁里，坐了整整一天，她品尝着建斌那长达几个月的地铁生活，想着建斌对她的爱，泪如雨下。故事在地铁里开始，就在地铁里结束，当建斌假托到法国之名却依然在地铁站晃悠时，小慧出现了，二人相识一笑，所有的解释都在这一刻显得多余，羽泉的主题歌适时地响起，动听而煽情，爱情的春天，又将再度回到两人身边，就像那句名诗：冬天已经来了，春天还会远吗？ 这是一部让我看到了国产电影希望的电影。今年到目前为止看了《大腕》、《花眼》、《月蚀》、《寻枪》、《那时花开》、《冲出亚马逊》和这部《开往春天的地铁》几部国产电影，看着大部分场次电影观众屈指可数的冷清，我想到一点：其实目前中国电影最缺的并不是那种能够在各大电影节拿大奖出大名的艺术电影，而是真正能让中国广大电影观众（而非专业影迷）走进电影院去看，平时会热衷于谈论的商业电影。这一点，韩国电影已经给我们作出了榜样，中国的电影机构为什么不能借鉴韩国电影提携本国电影的思路和方法呢？中国电影的票房纪录如果还是由泰坦尼克号这样不沉的大片来占据的话，实在是中国电影人的耻辱。《花眼》、《月蚀》、《那时花开》都没有让我看到国产电影复兴的希望，那种个人小聪明的自说自话，实在不是拯救国产电影的大智慧。反倒是很多人认为很“逊”事实上也的确不怎么样的《冲出亚马逊》，倒让我感到一丝影片所作出的商业化努力，值得赞许。 扯远了，再来看看这部《开往春天的地铁》，导演张一白（《将爱情进行到底》），从电视剧和这部电影都可以看出他完全具备拍出较好商业电影的潜力。这部《开》，选用演员如耿乐、徐静蕾、柯蓝、高圆圆等都是颇有观众缘的演员，包括客串的张扬也不错，讲述的故事也颇具商业性，而且导演在电影中也延续了他一贯的精致画面的特色，这都体现了他要做一部商业电影的意图。影片中还有一些小细节也是很值得回味的，比如反复出现的和《原罪》及其相似的浴缸场景，还有那个欲爬到结婚照的小蟑螂，包括影片或许是为了与建斌小慧故事形成观照的那个厨师和营养早餐推销员的爱情以及照相馆店员和哑男孩的爱情，这些都是一部商业电影想要取得成功的元素。然而这部电影不商业的地方也不少，当然我们也可以认为这是艺术：比如人物对话较少，演员的台词大部分是角色独白，带点似有似无的寓意，如“眼看过去的七年就像一个溺水的小孩一样，而我们就站在岸边，见死不救”，让人不由自主地想到了那个风格鲜明的香港导演；有时甚至是安排角色直接面对镜头自言自语，让我想到了那部不堪回首的《北京杂种》；影片的节奏过于缓慢了，在情节的设置上缺乏波折和悬念，可能会让人失却观影耐心。好像这也是新锐导演的通病，在影像上大都能做得不错，但在叙事上总有些心有余而力不足，甚至《寻枪》也是如此。其实大部分观众想看的不外乎是一个精彩的故事，几个吸引人的场面，几个好看的或者演技出众的演员，如是而已。 当那些热爱电影的年轻人背着背包和梦想来到理想地，开始他们的电影耕耘时，就像1993年的建斌和小慧一样，有谁知道等待他们的是什么季节。　　不过，就像一次蹦极无法解决小慧和建斌的所有问题一样，仅有几部《寻枪》、《开往春天的地铁》这样的电影也无法宣告国产电影的冬季已经结束，但毕竟第一步已经开始迈出开始，中国的国产电影也终将会坐上开往春天的地铁，我相信。 </t>
  </si>
  <si>
    <t xml:space="preserve">求女孩名字爸姓葛，妈姓赵，农历七月十八中午。 </t>
  </si>
  <si>
    <t>公历：2011年8月17日（星期三）11点农历：辛卯年七月十八日午时春节：2月3日节前：庚寅年节后：辛卯年八字：辛卯　丙申　甲辰　庚午五行：金木　火金　木土　金火方位：西东　南西　东中　西南亏缺：水生肖：兔属水的字不仅仅只是水字旁的，部首为：亠、冫、辶、月、子、耳、鱼、黑、雨、川、癸、亥的字也都是属水的。 葛：【沛若　沛雯  泳涵  淑婉  雨婷  冰枫】</t>
  </si>
  <si>
    <t xml:space="preserve">建筑学专业毕业后可以从事哪些工作?建筑学(五年)毕业后主要从事哪 </t>
  </si>
  <si>
    <t>建筑业确实需要一些证书来证明自己，但没有必要面面俱到，主要看自己的发展方向。设计院的工作比较枯燥，很难有所发展，除非在这上面有天份，参加一些设计大赛，得个什么奖，让建筑业对你有个认同，做到这点很难，现在我国的重点工程，比如奥运工程，都是国际招投标，基本上采纳的都是国外的。所谓的衙门口就是从政了，拿死工资，工作年限越长越吃香，人际关系必须搞好，才能不断的晋升，到了40岁左右如果还没当上领导，这辈子也就这样了。建筑施工企业目前市场是比较混乱，但效益好的企业还是不错的，如果努力工作，2、3年内胜任项目总工不成问题，本人就是。呵呵，再考下建造师，有机会就可以做项目经理了，从身份到收入都不错，做施工就是辛苦房地产公司要去知人善用的公司，就有所发展，待遇也不错不建议去建立公司，争得少不说，还特累我个人意见，先到施工单位锻炼几年，自己定。然后到一个比较好的房地产公司，会有所发展。我的一个同事就是这样，现在已经是房地产公司的副总了</t>
  </si>
  <si>
    <t xml:space="preserve">一个局域网内的IP访问疑问 </t>
  </si>
  <si>
    <t>错，是A与B的ip都和自己的子网掩码进行“与”运算。之后再相互进行比较。比如说A的ip和自己的掩码换算成2进制后进行“与”算完后得11000000.10101000.00000001.00000000再换算成十进制就是 B的ip和自己的掩码换算成2进制后进行“与”算完后得11000000.10101000.00000000.00000000再换算成十进制就是 相互比较后发现值不一样，所以不是处于同一子网………</t>
  </si>
  <si>
    <t xml:space="preserve">再发今天大乐透包你不中。。。。。934+010111110411 </t>
  </si>
  <si>
    <t xml:space="preserve">后区。我选。。02 08 09 10 </t>
  </si>
  <si>
    <t xml:space="preserve">晏殊的《浣溪纱》的写作背景。急！一曲新词酒一杯，去年天气旧亭台。 </t>
  </si>
  <si>
    <t xml:space="preserve">词目 无可奈何落去 发音 wú kě nài hé huā luò qù 释义 对春花的凋落感到没有办法。形容留恋春景而又无法挽留的心情。后来泛指怀念已经消逝了的事物的惆怅心情。毫无办法，只能任凭花凋落。比喻大好春光即将消逝或局势到了无可挽回的地步。 出处 宋·晏殊《浣溪沙》词：“无可奈何花落去，似曾相识燕归来。” 用 法 复句式；作宾语、分句；含贬义 示 例 周恩来《在中国共产党第十次全国代表大会上的报告》：“日子越来越不好过，处于'～'的境地。” 近义词 无可奈何 作者：晏殊 一曲新词酒一杯，去年天气旧亭台。 夕阳西下几时回？ 无可奈何花落去，似曾相识燕归来。 小园香径独徘徊。 【简析】 听一曲新歌，饮一杯醇酒，真是安闲满足、如坐春风。可是，时序转换，今年不是去年，去年不再，人事不同，能无枨触！夕阳西下，一去不返，向进曾见夕阳西回？这明白如许的吟咏，道出对宇宙人生多少事物的体认。眼前花落委地，令人无可奈何。忽见燕子翩飞，似曾相识，原是去年旧燕，今又归来。在此一念之间，便觉花落复有花开，春去复有春归，日落复有日出。原来，宇宙人生多少事物 ，有一次性的一面，亦有重复性的一面。有一去不返的一面，亦有永恒的回归一直。然这回归重复不是原封不动的重现，而是重现中有渐变，只是"似曾相识"罢了。 </t>
  </si>
  <si>
    <t xml:space="preserve">机箱前置耳机口不能用是怎么回事?耳机只触到前置耳机口一点的时候有 </t>
  </si>
  <si>
    <t>应该是前置音频口坏了。</t>
  </si>
  <si>
    <t xml:space="preserve">女孩子们觉得这句话有道理没?很多女孩子都对我讲,对自己喜欢的女孩 </t>
  </si>
  <si>
    <t>有道理!人都有点贱的,你很早就表现得很在乎她,非她不娶似的,有两个坏处:一是可能吓跑一些人二是没有一点悬念,你把自己摆在砧板上了,也就失去了好奇和新鲜,从而显得没了身价. 当然也有那种适应死缠乱打的女孩子,那就是另外一回事了.总之,一般而言,无论恋爱前和恋爱中,无论男和女,都要有所保留，让对方猜猜你的心思,不能一览无遗,否则就没有感觉了.对人家好是可以的,在乎更没有不对，但不要表现出来了,更不要挂在嘴上.</t>
  </si>
  <si>
    <t xml:space="preserve">请要问清泉000990.000822.600380.600200? </t>
  </si>
  <si>
    <t>祝楼主发财！</t>
  </si>
  <si>
    <t xml:space="preserve">常见的服务器故障有哪些？自己有什么紧急处理办法不？ </t>
  </si>
  <si>
    <t>一般网站主经常遇到的服务器故障就是因为访问人数过多，网站登陆不进去，直接的表现是页面提醒页面走失/错误或者浏览器一直显示登陆中，但是网页却是空白的，还有一种就更明显了，页面打开进去全是乱码！出现这种情况，你心里就应该明白了，你的服务器不管是哪里，总之是出了问题。接下来，我们来看看第二个问题：紧急处理办法。因为服务器是大型精密仪器、又因为除了大型的平台，一般小的服务器都是租用或者托管的（节约人力物力成本），所以网站主发现除了问题的第一时间，基本甚么都做不了。所以这就要求在选择服务器供应商的时候，一定要要点考虑“售后服务“这个因素。服务器出了问题，你能第一时间找到托管商，然后有专业人员在24小时内进行调试，将损失降至最低！</t>
  </si>
  <si>
    <t xml:space="preserve">西安做流产究竟花多少钱？？ </t>
  </si>
  <si>
    <t>不同的技术运用，不同的手术医师，不同的手术室，甚至是不同的手术耗材等，都会影响到这部分的费用，而所有这些差别都能体现在人流手术的安全性上。一般来说，影响手术费的因素主要包括手术医师的级别和水平、手术室等级、手术耗村的质量、手术麻醉的安全级别、手术中监控以及手术的方式等。人流的费用并不是固定的。具体费用包括术前检查，手术费用和术后消炎费用，每一项的费用都是受医院决定的。这此需要提醒的是，无痛人流包括几种，费用大概在五百至上千元不等。无痛人流的费用一般在几百到几千元不等，这与各地的消费水平和医院规格有关。</t>
  </si>
  <si>
    <t xml:space="preserve">妻子很倔强，有时候与她交流，总是让我感到不受到尊重人，怎么办？ </t>
  </si>
  <si>
    <t>直接指出她的缺点,要她换位思考一下,问她如果你那样对她,她会是什么感受.因为她倔强,所以你不能用行动来对付她,那样她会倔得坚持她的做法,你就用语言来让她思考,给她一个思考的过程,也可给她一个可以接受的台阶,祝你开心,幸福!</t>
  </si>
  <si>
    <t xml:space="preserve">请问用什么软件把2首歌制作成一首?我想把2首mp3歌制作成一首, </t>
  </si>
  <si>
    <t>你可以手动合并，只要有WinRar就行。任选两个mp3文件，打开右键菜单，选添加到压缩文件，在压缩方式中选储存，开始压缩。完毕后将格式改为.mp3，就完成了合并，可以播放了。注意这种方法仅适用于mp3格式音乐。至于压缩软件，就算找到了也未必可以用，收费软件注册起来够麻烦的，免费的又可能含有间谍软件。还不如自己动手，放心又好玩。</t>
  </si>
  <si>
    <t xml:space="preserve">一个公司发行可转债后对该公司的股价有什么影响？可转债如何进行申请 </t>
  </si>
  <si>
    <t xml:space="preserve">可转换公司债券存续期限为6年，转股期会低于6年，因为债券发行一定时间后才能转股，公司在转股期开始后会采取措施让投资者早日转股。发行可转债之后，股价不一定会跌，没有规律。 </t>
  </si>
  <si>
    <t xml:space="preserve">为什么我的照片只显示一半？为什么我的个人信息传上照片后，只显示一 </t>
  </si>
  <si>
    <t>如何使BLOG的个性头像完美展现首先:一般情况下就可以了。不过更改过的图片，资料更新需要时间,由于由于服务器繁忙的原因，不会马上换过来，需要一些时间，只要耐心一点。将个性头像图片准备好：转换图片格式  用ACDSee打开要修改的图片点击    工具→转换格式点击    格式转换”对话框选择JPG格式点击    确定  完成转换。  缩小图片分辨率用ACDSee打开要修改的图片点击   工具→调整大小点击   图像调整大小将像素设定为宽180 高不限制点击   确定完成转换重点是：将像素设定为宽180然后登陆博客点击   管理博客点击   BLUG信息设置点击   个人基本设置更改基本资料  昵称  更改图片浏览    查找自己喜欢的图片点击图片   点击打开点击   确定 ACDSee数字图象处理ACDSee是目前最流行的图像浏览软件，ACDSee广泛应用于数码图片的获取、图片管理、照片浏览、数码照片后期处理和优化。中文版ACDSee最新版本是ACDSee V8.0版。提供绿色版ACDSee8.0中文版下载。 控制面版现在叫"管理博客"</t>
  </si>
  <si>
    <t xml:space="preserve">宇宙到底有多大，人的思维能想像到吗？ </t>
  </si>
  <si>
    <t xml:space="preserve">     如按理论，宇宙就算有限了，假如说宇宙诞生了100多亿年，那宇宙就更有限了，因为一个奇点不可能在有限的时间里炸出一个无限大的宇宙。    我认为宇宙是无限的，大爆炸绝不是唯一的，只能算是宇宙的某段时间里的的某个区域发生过一次大爆炸而已，如此规模的爆炸在更大范围的宇宙里里可能很普遍，无限的宇宙应该出现过无数次的大爆炸 。    宇宙的外面就算是宇宙大爆炸还未波及到的区域吧，宇宙的诞生与消亡是同时进行的，宇宙毁灭（消亡）的同时又在孕育着另一宇宙的诞生，就如同地球上的生物链一样，不同的是宇宙变化形式是以能量与质量互换的的形式存在的，局部可以毁灭，但整体是不会消亡的，某个局部可以代表更小范围的整体，某个整体又是更大范围的局部，有限的宇宙会毁灭，无限的宇宙不会消失，如宇宙大爆炸为历史起点的话，那史前（爆炸之前）的奇点应是靠吸收了无数的恒星消亡为代价的能量及暗物质聚集的一个具有无限能量及引力的能够把四面八方的光统统吃掉的一个超超级黑洞形式存在的奇点，宇宙中的某个天体一旦达到了某个等级由此造成的时空弯曲可能就会把在宇宙中游荡无家可归的光线及附近的暗物质（包括星系在内的一切天体）统统收为己有，能量及引力越来越大吸收宇宙能量的速度越快（形成宇宙大收缩），经亿万年的吞噬终有一天奇点达到温度极限 （大爆炸的初始条件），奇点迅速解体，大爆炸形成，宇宙开始出现星系，出现恒星，开始发光，发光的过程就是宇宙毁灭的过程，能量散落宇宙，终有一天又会出现一个吞噬一切能量的超超级黑洞形成，开始孕育另一次爆炸的诞生。 </t>
  </si>
  <si>
    <t xml:space="preserve">曹子孝部属（广东地名二,同销格） </t>
  </si>
  <si>
    <t>仁化 从化</t>
  </si>
  <si>
    <t xml:space="preserve">能不能提供一些cooleditor教程下载连接~ </t>
  </si>
  <si>
    <t xml:space="preserve">一、cooledit pro 2.0 汉化完全安装包（内附注册机、注册码、小t汉化包） 地址1：  地址2：  二：视频教程 视频教程（菜鸟篇）：  视频教程（初级篇）：  视频教程（高级篇）： </t>
  </si>
  <si>
    <t xml:space="preserve">为什么在共享资料里，有时候上传的资料在“我的资料”里没有显示很长 </t>
  </si>
  <si>
    <t>最大的可能是资料没有审核过</t>
  </si>
  <si>
    <t xml:space="preserve">现在说是什么男女平等，但是为什么还是不平等啊？现在说男女平等，但 </t>
  </si>
  <si>
    <t>我很赞成你的观点。这世上有很多都是这样的，越是口号喊的厉害，那就证明离这个目标还很远。如果回到母系氏族社会，你就可以自由啦。</t>
  </si>
  <si>
    <t xml:space="preserve">《DOTA2》对战模式有哪些啊 </t>
  </si>
  <si>
    <t>和原来差不多，ap，ar，还有一个锦标赛模式，就是bp模式，以最新一次的正式版本为准，另外每年的特定时间会有特殊模式，贪墨节，还会有新的物品，今年我打了3个蛋，可惜没有金贪墨</t>
  </si>
  <si>
    <t xml:space="preserve">小孩最近很常流鼻血，医生说是鼻粘膜出血，请问谁有妙方？ </t>
  </si>
  <si>
    <t>孩子流鼻血，是因为鼻粘膜上血管很多，又表浅，孩子的鼻粘膜比较娇嫩，稍不注意碰伤后，就会流血；有时鼻腔发炎，干燥也易出血；有的孩子喜欢掏鼻孔，就要易弄破出血。这是所谓外伤性出血。除了外伤所致流鼻血外，多吃了巧克力、花生之类的食物也会流鼻血。此外，还要首先检查有无其他出血原因，如发烧、血液病、维生素C缺乏等。平时应让孩子多吃些新鲜蔬菜、水果，避免外伤性出血。一旦发现孩子流鼻血时，不要慌张，应及时想办法止血；用手捏住鼻下方的软组织压迫止血，过一会有的就可止住了；用干净的药棉或纱布郑成塞堵住鼻孔；用凉水毛巾冷敷，也能使出血口的血液凝结止血；让孩子垫高枕头躺一会，如果没有其他病因，会慢慢自愈。</t>
  </si>
  <si>
    <t xml:space="preserve">最可爱的台湾女明星是谁?张韶涵 </t>
  </si>
  <si>
    <t xml:space="preserve">  张韶涵</t>
  </si>
  <si>
    <t xml:space="preserve">为什么我说不了话我听的到声音，但是说不了话。所以设置都是对的。 </t>
  </si>
  <si>
    <t>回答简单了，跟你核实下～～设置是对的，也就是说你的迈在显示上是绿色的，可用的吗？然后你是在频道内无法说话吗？有可能CA设置的是限制发言频道，要申请的还有你看下你的麦的状态，是否是关闭的，在看看自己是否设定了快捷键发言</t>
  </si>
  <si>
    <t xml:space="preserve">申请了商业贷款后能用提取公积金还贷吗？我前年买房申请了商业贷款， </t>
  </si>
  <si>
    <t>按照住房公积金管理规定，缴存住房公积金的职工，有下列情形之一的，可以提取其本人住房公积金帐户中的储存余额： 第一项就是购买住房或偿还住房抵押贷款本息时，所以申请了商业贷款后，仍然可以提取公积金用于购房的支出或偿还贷款。</t>
  </si>
  <si>
    <t xml:space="preserve">怎么考深水证什么时间？注意事项？ </t>
  </si>
  <si>
    <t>深水证随时都可以考。你只要去游泳馆深水区告诉他你要考深水，他就会告诉你到哪去交钱。交完钱后你就可以下水考试了（这个钱是考试的钱，几年前我考的那会是5元，肯能每个游泳馆的收费会不太一样）。要求是6分钟之内在标准50米泳道游两个来回，即200米，且中途不能休息，不能扶水线。不过好像也有地方不限时。游完全程之后他会给你个考试合格的证明（也没准没有，各游泳馆不太一样），你拿着那个证明和你的照片再去交深水证制作费就可以了，他会通知你多长时间之后来取证的。</t>
  </si>
  <si>
    <t xml:space="preserve">摸车模真是变态，本人从晚上六点摸到现在都要放弃了，最后一次摸到的 </t>
  </si>
  <si>
    <t>我摸的第四次就摸到了。可能你们左右移鼠标慢了吧 摇的距离要短，速度快点，一共60秒时间，争取再剩余40秒之前完成。</t>
  </si>
  <si>
    <t xml:space="preserve">怎么看录象呀具体用什么软件去看 </t>
  </si>
  <si>
    <t>下載?像包,用WINRAR解?嚎s後,把文件放到魔獸文件?A中的replay文件?A裏!再進入魔獸,在遊?蚪缑嫜Y選??稳诉[?颉^看?像,裏面有顯示出?像文件,選?衲阆胗^看的?像文件,再按觀看鍵就可以了!不需要什麽?件,就算有,也播放不了!魔獸?]有?頻的,有的也是剪載下?淼?不過也很少!</t>
  </si>
  <si>
    <t xml:space="preserve">梦见自己的照片，但照片中的人却不象自己，明显比自己年轻漂亮，再仔? </t>
  </si>
  <si>
    <t>你将与过去的朋友相聚，相聚的人中有你过去的知音或者良偶。但聚会中经过进一步了解，发现对方与你已经有了距离，甚至这个距离已经非常大，已经不能再称为良偶或者知音</t>
  </si>
  <si>
    <t xml:space="preserve">你们以后会不会收费？最好早点说，不要等我玩了后再说收费，浪费感情? </t>
  </si>
  <si>
    <t>这个问题你最好去新天上碑的官网的论坛去发帖子问下,在这里没人能告诉你真的准确的答案.</t>
  </si>
  <si>
    <t xml:space="preserve">肯德基4.5元一小时.我该去做吗?我去肯德基面试过了,但是4.5 </t>
  </si>
  <si>
    <t>工资还算可以,我记得有一个故事,讲一个卖菜的人在别人以要降价买时他不卖,到最后什么也没卖出去,反而赔了一笔大钱.其实这个故事要告诉我们,如果总是等待自己期望中的工作而放弃现有或将有的工作,就会像卖菜的人一样什么也得不到.再说得到一次锻炼也很好,在工坐作时再找别的工作,然后跳槽</t>
  </si>
  <si>
    <t xml:space="preserve">电脑时间次次开机都变成2003年1月1日0时，我好像04年买的。? </t>
  </si>
  <si>
    <t>更换主板上的纽扣电池，型号：CR2032，5元钱，一般卖电池的地方都有卖的，更换之后就能解决问题了。</t>
  </si>
  <si>
    <t xml:space="preserve">请简述从春秋战国至今的朝鲜(韩国)的政权更迭情况 </t>
  </si>
  <si>
    <t>应该是这样的顺序,错了请见谅. 春秋战国,秦朝时是高勾丽..西汉,东汉,三国时南部还是高勾丽,南北朝时高勾丽以有整个朝鲜半岛和辽东半岛.                    隋朝时以分为北方的高丽和南方靠东海的百济和靠日本的新罗. 唐朝时新罗统一. 俩宋, 元朝时高丽统一. 明朝,清朝时朝鲜统一.                                              民国时被日本统治.  2战后仍是朝鲜. 新中国成立后发生朝鲜战争分为北朝鲜和南朝鲜(韩国)               老大!高苟丽是那时朝鲜半岛最强大的国家,你有没有查查.</t>
  </si>
  <si>
    <t xml:space="preserve">真三国无双4如何换人物造型怎么在战斗时显示 </t>
  </si>
  <si>
    <t xml:space="preserve">  这个你选人物之前才可以  选人物的时候按△键(键盘忘了 我不用键盘)  然后选好造型 按确定   如果你已经在打了  好象只有一个办法 你在自由模式选你要换造型的人 然后换造型  选个关羽千人行(简单难度 魏方  这简单 10秒)把那关过了  保存 这样你读取存档的话你选的人是另一种造型了不是有这图么?出这图的时候换 然后随便选个关过了   我用手柄 按△就可以  键盘就是TAB 上面写着</t>
  </si>
  <si>
    <t xml:space="preserve">压力传感器 </t>
  </si>
  <si>
    <t xml:space="preserve">压力变送器也称差变送器，主要由测压元件传感器、模块电路、显示表头、表壳和过程连接件等组成。它能将接收的气体、液体等压力信号转变成标准的电流电压信号，以供给指示报警仪、记录仪、调节器等二次仪表进行测量、指示和过程调节。  　　压力变送器的测量原理图如图3所示。其测量原理是：流程压力和参考压力分别作用于集成硅压力敏感元件的两端，其差压使硅片变形（位移很小，仅μm级），以使硅片上用半导体技术制成的全动态惠斯登电桥在外部电流源驱动下输出正比于压力的mV级电压信号。由于硅材料的强性极佳，所以输出信号的线性度及变差指标均很高。工作时，压力变送器将被测物理量转换成mV级的电压信号，并送往放大倍数很高而又可以互相抵消温度漂移的差动式放大器。放大后的信号经电压电流转换变换成相应的电流信号，再经过非线性校正，最后产生与输入压力成线性对应关系的标准电流电压信号。  　　压力变送器根据测压范围可分成一般压力变送器（0.001MPa～20MP3）和微差压变送器（0～30kPa）两种。  </t>
  </si>
  <si>
    <t xml:space="preserve">男朋友提出的分手，不管他还喜欢不喜欢我，他看到我和其他男人暧昧或? </t>
  </si>
  <si>
    <t>你是在不甘心还是你还爱着他？如果是前者那你是自找麻烦，如果是后者那你应该调节好自己竟然你们不可能在一起那就让他淡出你的世界，或者向他问清楚为什么自己已经不能得到他100%的喜欢了，如果有挽回的可能或必要那就试试不喜欢了，应该就不会在乎了吧，既然已经分手不在爱你为什么不找一个喜欢自己的，但是不要在武断，这时候心情很脆弱，很容易感动，过后会后悔，现在需要冷静一下。何必那么患得患失的呢？何必要去想那么些如果的事情呢？既然已经分手了，就两条路，一是不愿放弃，重修旧好，看你的努力和他的态度了；二是潇洒点过好自己的日子。反正不管哪一条路，都要让自己过得好一些。</t>
  </si>
  <si>
    <t xml:space="preserve">MSN怎么注册啊，，谁能帮我注册一下？谢谢了 </t>
  </si>
  <si>
    <t>建议去windowslive的官网 ，首页面右上角有个“注册 Windows Live ID (MSN) 帐号”，然后会去一个注册页面，据说这个注册页面在国内，速度还是比较有保证的，不会出现太慢或者注册不成功等奇怪的现象。这个，我是在下载MSN高清视频插件的时候看到的……试了一下还比较快……</t>
  </si>
  <si>
    <t xml:space="preserve">帮忙看看这个蜜蜂.40.99.101/.1BP!谢谢给算下几D的 </t>
  </si>
  <si>
    <t>又来了，1级怎么能知道掉什么啊，只能说可能性比较高。这只蜂100％是6D，100％掉1血（这是算档器上写的），其他都有可能掉，基本上没什么价值，当练级任务宠还行。</t>
  </si>
  <si>
    <t xml:space="preserve">qq的图标企鹅怎么可以换成苹果我想把登陆qq的图标换成其他样子， </t>
  </si>
  <si>
    <t>下载个珊瑚虫美化绿色版的QQ就是苹果的图标</t>
  </si>
  <si>
    <t xml:space="preserve">指导一下我的重击骑士吧各位暗黑的大哥大姐,本人现在重击骑士72级 </t>
  </si>
  <si>
    <t>楼上说的不对，盾击骑士pk很好用，根本不需要tp+，移动时用冲锋就够了，狂热要先加满再加精力。关键要看装备：头盔：年纪之冠头冠镶2个40%ed/15%ias珠铠甲：刚毅执政官铠甲主武器：悔恨狂战士斧副武器：战争召唤水晶剑主盾牌：流亡撒卡兰姆盾牌(无形的)或者流亡旋风盾(无形的)副盾牌：精神神圣小盾腰带：维尔登戈的心结秘银腰带手套：卓古拉之握吸血鬼骸骨手套靴子：蚀肉骑士极速靴(升级)项链：大君之怒项链或者马拉的万花筒项链戒指：布尔凯索戒指+乌鸦之霜戒指</t>
  </si>
  <si>
    <t xml:space="preserve">哪里提供免费学习和下载室内装修资料？ </t>
  </si>
  <si>
    <t>我们专业的同学都会定时去大禹家装培训网下载他们提供的免费资料，呵呵。</t>
  </si>
  <si>
    <t xml:space="preserve">我在玩飞车7时总出现发卡的现象是怎么回事?我玩飞车7一个小时后总 </t>
  </si>
  <si>
    <t>只要把图像质量的等级调低一些就没问题了，我试过很管用。</t>
  </si>
  <si>
    <t xml:space="preserve">各种货币之间的汇率是如何确定的 </t>
  </si>
  <si>
    <t>购买力平价理论加利率平价理论。</t>
  </si>
  <si>
    <t xml:space="preserve">为什么我天天都想做爱我下面很长,有17厘米左右.而且每次都要做很 </t>
  </si>
  <si>
    <t>看来你身体不错。其实做的事情很多的。</t>
  </si>
  <si>
    <t>请问我的cpu包装是赛扬4</t>
  </si>
  <si>
    <t>是，盒装你还怕什么？对了包装盒要保管好，上面的标签和cpu的标码一致，也是质保的凭据。买盒装CPU时，你应该拨打免费800(8008201100)电话查询，以便鉴别其是否为正品。这是Intel支持中心的免费查询电话，需要在周一到周五，上午9点到下午5点之间拨打，Intel服务人员会让你报出CPU、散热器和包装盒上相应的序列号，然后告诉你真伪。你可以在CPU表面、包装盒、散热风扇上查看有SL5VK编号的地方，此处有一个序列号，把这个序列号在电话里告诉Intel服务人员即可。    注意：正品盒装CPU表面上的序列号，与包装盒上的系列号应该是相同的，而且与散热风扇的序列号也应该是相对应的，你可以通过拨打免费800(8008201100)电话进行验证。你应该仔细对照CPU表面上的SLXXX编号，与包装盒外的贴纸是否一致，这样可以初步辨别假货</t>
  </si>
  <si>
    <t xml:space="preserve">远距离恋爱会有结果吗？我问的是别人的恋爱。我喜欢的女生她有个远方 </t>
  </si>
  <si>
    <t>做朋友，远距离比近距离的友谊更深，打电话、网上聊天也是很好的事；如果是谈婚论嫁的话，远距离就不是优势了，结婚后，牵涉到许多实质性的问题，所以这就很难说了；如果你真的喜欢她，建议将她调到身边，你就放心OK。</t>
  </si>
  <si>
    <t xml:space="preserve">画皮世界天神血魄怎么得？ </t>
  </si>
  <si>
    <t>进入游戏，在【出生地】坐标：（1516、 2462）或【鬼城】礼包发放大使“礼锦”（坐标： 2059， 2925）处，点击CDKEY，输入CD-KEY序列号，就可以领取。（竭力为您解答，希望给予【好评】，非常感谢~~）</t>
  </si>
  <si>
    <t xml:space="preserve">沈阳患有乙肝大三阳的人能活多长 </t>
  </si>
  <si>
    <t>不管你是大三阳还是小三阳，建议每半年定期检查肝功、B超和DNA，若几项指标都在正常范围的话这就是最好的状态，只要肝功正常且身体又无明显症状你就是医学上所称的携带者，常年保持这种稳定状态就行了，千万不要乱吃药损害自己的肝脏。最好等待自然转阴，这只是时间问题，注意日常生活的调养长期坚持下去转阴就有希望，相信科学！如果不转阴也没什么，很多人终生携带也没事的，活到80、90不成问题，放心吧！现在医学事业发展，这些年大三阳小三阳都可以生小孩，携带者更是如此，如果你还未婚到时把自己的情况告诉医生医院会做小孩的病毒阻断工作，其阻断成功率达97.3%以上。 要戒酒，不要吃辛辣、生冷，激发性食物。生活上养成良好的生活习惯，起居有规律，适当的身心锻练，避免过度劳累，保持乐观的情绪等。忌食加工食品。少吃罐装或瓶装的饮料、食品。这是由于罐装、瓶装的饮料、食品中往往加入防腐剂，对肝脏或多或少都有毒性。</t>
  </si>
  <si>
    <t xml:space="preserve">头发里面长了跟痘痘一样的东西？我发际前面和后面老是长痘痘，很痛究 </t>
  </si>
  <si>
    <t>LZ头发里面长痘痘，是由于头发清洁不到位，细菌感染所致。</t>
  </si>
  <si>
    <t xml:space="preserve">塘沽哪里有举办离婚庆典的公司？我想离婚，这段婚姻实在是让我太痛苦 </t>
  </si>
  <si>
    <t>这个还第一次听说啊</t>
  </si>
  <si>
    <t xml:space="preserve">急急急!!!!!!请问一下,做一个处女膜修复手术大概要多少钱啊, </t>
  </si>
  <si>
    <t>处女膜修补术手术收费，我国的收费标准一般为2000元至3000元，也有收费更多的。  实行优惠收费:处女膜修复手术总费用1600元(包括手术费,一次性材料费、麻醉费、术后用的消炎药水等费用)。 有过人流或生育史者处女膜修复手术总费用2000元(包括手术费,一次性材料费、麻醉费、术后用的消炎药水等费用)。 在校学生凭学生证可享受特别优惠,处女膜修复手术总费用1300元(包括手术费,一次性材料费、麻醉费、术后用的消炎药水等费用)。基本上可以恢复到原来的样子.</t>
  </si>
  <si>
    <t xml:space="preserve">山药哪家的最好？怀山药哪家的最好呢？听同事都说怀山堂的最好 </t>
  </si>
  <si>
    <t>　河南产区：主要产于河南焦作等地。怀山药又称白山药、怀参，为全国之冠。国内已有多家大型药材市场和医药生产厂家，在焦定点收购或建立定点种植基地。  焦作产地出品的应该都不错的</t>
  </si>
  <si>
    <t xml:space="preserve">斯利安叶酸片会不会影响肝功能啊，乙肝患者能吃吗？ </t>
  </si>
  <si>
    <t>可以吃的，斯利安是小剂量的叶酸片，是不会影响你的肝功能，和你的药冲突的，不过如果你是打算怀孕的话，建议还是咨询一下医生</t>
  </si>
  <si>
    <t xml:space="preserve">请问目前到哪个网站下载网络软件比较安全？我需要一个BT下载软件， </t>
  </si>
  <si>
    <t xml:space="preserve">比特精灵(BitSpirit)简体版  发布公司：             公司其它  授权方式： 免费版  操作系统： Win2003/XP/2000/NT/9x/ME  软件大小： 3,659 KB  下载时间： 56K/&lt;9分钟 | 64K/&lt;6分钟 | 2M/&lt;1分钟 更新日期： 2006-07-21 下载次数： 7598/本周 3097932/累计 软件介绍　　BitSpirit 比特精灵，一套操作和界相象FlashGet的BT软件，具有BitTorrent的全部功能，非常容易使用。有强大的管理功能：在下载过程中，需要时才创建文件；可以对每一个Torrent中的文件进行选择性的下载；智能可控的缓存功能，尽可能的保护硬盘；清晰明了的程序运行状态；智能可控的网站收集器；监视剪贴板；实用的全局及单独PEER的流量控制；PEER个数的限制；下载队列，及计划下载；友好易用的界面等等。支持中文及多国语言界面。　　v  2006-7-15　　改进：改进了程序查找UPnP的方式，查找时不影响程序的正常启动，即使不正常的设置程序也可以正常运行；　　改进：特殊原因导致路由器上的UPnP映射被删除时(如路由器重启)程序自动重新添加；　　改进：改进在XP下对ICF防火墙例外的处理，无须用户干预；　　改进：移除前几个版本的教育网速度限制；　　改进：调整文件读写方式(测试。如果程序长时间运行后变慢，请到技术支持论坛留言)；　　改进：默认保存路径调整时调整各个类别的保存路径，简化操作；　　改进：提高程序启动速度；　　改进：一些小BUG的修正；　　改进：重新制作安装程序，减少将近1/3的安装程序体积。下载地址： </t>
  </si>
  <si>
    <t xml:space="preserve">奔驰与大众哪个车型好一点？ </t>
  </si>
  <si>
    <t>大众性价比好，比较成熟油省一点,是低消费人们用的起的。奔驰是高消费人们用的，奔驰好些</t>
  </si>
  <si>
    <t xml:space="preserve">我想做一个编程员，请问要经过哪些步骤，学习哪些相关的知识和通过什? </t>
  </si>
  <si>
    <t>全国计算机等级考试目前共设置四个等级,想学编程就要学C语言,因为那是基础,编程一般就要考计算机2级考试,就是下面的,你想学编程就先学C语言,不过现在C++更高级,不过C语言是基础,建议还是先学C语言.　　　　二级：考核计算机基础知识和使用一种高级计算机语言或数据库管理软件编写程序以及上机调试的基本技能。2005年下半年考试科目：编程类：C、Visual Basic、C++、Java、Visual，数据库类：FoxPro、C++。基础知识包括如下内容：数据结构与算法、程序设计方法、软件工程、数据库基础。　　　　</t>
  </si>
  <si>
    <t xml:space="preserve">胸骨及肋骨发育不良怎么办？ </t>
  </si>
  <si>
    <t>你如果是北方人,我建议你去协和医院骨科中的脊柱科就诊;如果南方,可去上海复旦大学附属华山医院骨科就诊,咨询专家意见.不论如何,看后才能发表意见.胸骨及肋骨发育不良怎么治疗要看病情的严重程度，是否对肺功能造成了不良影响，建议到医院胸外科咨询，根据具体情况制定合适的治疗方案</t>
  </si>
  <si>
    <t xml:space="preserve">现在想入市怎么办我于几个月前14元的高价买了600019,一直套 </t>
  </si>
  <si>
    <t>炒股要耐心点.现在这时候割什么肉哟.持有观望!</t>
  </si>
  <si>
    <t xml:space="preserve">请问买家付款是不是视为认同买卖合同所有条款我在淘宝卖东西，买家货 </t>
  </si>
  <si>
    <t>我的观点是，是否退货的关键是要分析买家要求退货的理由到底成立与否。理由是程序和实体同样重要，即退货的程序以及退货的理由同样重要。这样说吧：即便买家因为疏忽大意，忽略了“商品详情”的相关规定，但所购商品确实符合退货的条件，在此情况下，淘宝要求你退货。楼主再坚持下去还有意思吗？</t>
  </si>
  <si>
    <t xml:space="preserve">如何才能买到最好的化妆品？最近有要买一些化妆品美容护肤品之类的？ </t>
  </si>
  <si>
    <t>没有最好的化妆品只有最适合的化妆品，化妆品一般都可以先涂抹在手上试一试效果的，你要依照自身的条件选着，你是什么样的皮肤比如说干性皮肤就用干性皮肤的化妆品</t>
  </si>
  <si>
    <t xml:space="preserve">急用！！！初二物理题在海滩案发现场留下了罪犯清晰站立的脚印，公安 </t>
  </si>
  <si>
    <t>你先要知道蜡的密度 求出根据V=S*H；得到S（H=厚度）；再根据P=F*S；F=G=m*g可以得到m.</t>
  </si>
  <si>
    <t xml:space="preserve">当遇到能和你相伴一生的人时，你会．．．． </t>
  </si>
  <si>
    <t>照照镜子，看看自己是否养得起她？看看自己是否帅窝。。。唉~~~天生一对嘛~~~~哈哈！立刻就和她注册结婚，嘻嘻~~~~</t>
  </si>
  <si>
    <t>二元函数微分问题将函数F（x，y）=e^(x+y)在点(1,</t>
  </si>
  <si>
    <t xml:space="preserve">我的人物不小心删了怎么办呀? </t>
  </si>
  <si>
    <t>不是吧,我也删过啊,但是我删了后就有一个恢复人物的按钮,点一下就好了,你就算不点恢复人物,人物也要7天后才消失.你试试吧!!!</t>
  </si>
  <si>
    <t xml:space="preserve">总胆固醇6.9甘油三酯6.10，怎么用药？老公体检，总胆固醇6. </t>
  </si>
  <si>
    <t>总胆固醇6.9 ——轻度升高甘油三酯6.10 ——明显升高属于以甘油三酯增高为主的混合型高脂血症。引起血脂升高的主要因素有——遗传因素、膳食因素、肥胖、不爱运动、过量饮酒、精神压力等。治疗方法：一、药物治疗：以甘油三脂增高为主，可选：吉非罗齐、或非诺贝特（力平脂）口服。也可用脂必妥片、脂必泰胶囊等中药制剂治疗。二、非药物治疗： 1、饮食控制：宜食低脂食品，如各种瘦肉、牛奶、蔬菜、豆制品等，少食禽蛋类（尤其是蛋黄）、肥肉、动物内脏、动物油等。 2、减少甜食或碳水化合物的摄入，如米、面食等，它可在肝脏中转化为甘油三酯，引起甘油三酯增高。 3、选择降脂蔬菜：如洋葱、茄子、芹菜、菜花、辣椒、苦瓜、海带、香菇、大蒜等。 4、加强体力活动和锻炼，控制体重等。</t>
  </si>
  <si>
    <t xml:space="preserve">人为什么总要去适应新的不同的环境？总有分分离离，好不容易适应了新 </t>
  </si>
  <si>
    <t>在市场经济条件下，个人总会不断地被企业选择，自己也要不断地选择企业，都是为了谋生的需要，于是就有了几乎永远不断的变迁和漂泊。此时，身边的环境当然在不断地变化，你如果不去适应它，就可能失去自己的生存条件啊。既然这是一种社会必然，我们就只有勇敢地去面对它。烦恼和不情愿都是没有用的。</t>
  </si>
  <si>
    <t xml:space="preserve">请问国富旗下的那只基金是明星基金？ </t>
  </si>
  <si>
    <t>你说的是国海富兰克林基金吗？只有三个，目前看都比较不错，尤其是国富弹性，很有弹性哦。国富潜力也可以的，潜力嘛。若是富国基金公司的基金就多了。富国天益稳，收益高，目前是5元多，低点的是富国天合不错，其他的不咋样。</t>
  </si>
  <si>
    <t xml:space="preserve">总对孩子发火儿，怎么办？ </t>
  </si>
  <si>
    <t>我不知道你的孩子有多大了，更不知道你是为何事总对你的孩子发火。如果是孩子不听话或是学习不认真惹你生气的，我想你应该换种方法去与孩子进行沟通，即使是他不认真学习不听话，你跟他讲讲道理也许他能够听得进去的，我想你肯定也做了这一点，千万不要认为自己是家长不管自己说的对与错你都得听，每个孩子都有自己的自尊心的，总是一昧的发脾气对孩子对你都不好，这样不但不能增进了你们之间的感情而且整个家庭的气氛也会受影响，时间久了不但解决不了问题反而会在孩子心中留下永久的印。其次，如果是你的工作压力大导致你的心情不佳或是家庭问题，我想这样最好不要让孩子与你分担，因为孩子是无辜的，我想你应该调整一下你的情绪，一般人到了30岁以后情绪波动很大，有时可能难以控制，不知不觉就发脾气可等气消了也会很后悔，但你一定要记往在你发脾气时千万别忘了这样一句话《为了孩子的健康成长为了整个家庭的和睦》克制、克制。。。。。</t>
  </si>
  <si>
    <t xml:space="preserve">雌二醇偏低会影响怀孕吗？ </t>
  </si>
  <si>
    <t>放心，不会影响怀孕~</t>
  </si>
  <si>
    <t xml:space="preserve">世界杯彩票，新浪搜狐会有专家推荐吗？ </t>
  </si>
  <si>
    <t>肯定会有的..</t>
  </si>
  <si>
    <t xml:space="preserve">已知球O的半径为R,求证:过球心的O的任意球被球O所截得的球冠面? </t>
  </si>
  <si>
    <t>如图：设：球O1的半径R1，球冠高OM=h,则有：①根据垂径定理可知：OO1⊥AB②在RT△AMO1中：AM²=AO1²-MO1²=R1²-(R1-h)²=2R1h-h²③在RT△AMO中：AO²=AM²+OM²=2R1h-h²+h²=2R1h∴球冠AOBM（图中阴影部分)的面积S=2π×R1×h=πR²∵R是已知球O的半径，为定值∴球冠的面积πR²也是定值</t>
  </si>
  <si>
    <t xml:space="preserve">牙齿矫正23开始矫正，上牙前凸，合不住嘴。1，拔了两颗牙，现在两 </t>
  </si>
  <si>
    <t>可以做正畸改善</t>
  </si>
  <si>
    <t xml:space="preserve">怎样使衣服变白?我有一件涤纶的白色上衣,可不小心染了颜色,请问怎 </t>
  </si>
  <si>
    <t>只能送洗衣店了吧！</t>
  </si>
  <si>
    <t xml:space="preserve">(中医)吃饭时看电视好吗?还是不看电视专心吃饭好? </t>
  </si>
  <si>
    <t>吃饭时气血都在胃中运行，当看电视时，注意力分散，影响了胃中气血的集中，容易消化不良</t>
  </si>
  <si>
    <t xml:space="preserve">吸脂瘦腿手术安全吗？您好，我的大腿很粗，看着不成比例，所以想做吸 </t>
  </si>
  <si>
    <t>你好，根据你的描述，很适合做大腿吸脂手术，我们是专业做自体脂肪的医院，吸脂是安全的</t>
  </si>
  <si>
    <t xml:space="preserve">在建工程中的一些问题在建工程中发生的一些，比如:水费、电费、油费 </t>
  </si>
  <si>
    <t>1、凡是为在建工程项目发生的水费、电费、油费等，全部计入“在建工程”科目。2、还没开始生产时发生的一系列费用，除固定资产和无形资产外，全部计入“长期待摊费用--开办费”科目。</t>
  </si>
  <si>
    <t xml:space="preserve">微博红人怎样认证 </t>
  </si>
  <si>
    <t>个人认证是需要提供个人以及工作证明材料的，红人认证你可以联系一下客服，但是信息核实这一块一定必不可少。这个说不清楚的，网络红人没有什么认证资料，关键是你有一定的网络人气，比如凤姐便是网络红人；网络红人认证有一定的主观性，这个不怎么确定的，看编辑的心情吧。</t>
  </si>
  <si>
    <t xml:space="preserve">膝盖扭伤的骨质增生怎么治疗？ </t>
  </si>
  <si>
    <t>药物真能消除骨刺吗骨质增生（骨赘）在X线片上形如鸟嘴样变化，人们把它称做“骨刺”，这个名称比较形象化。“骨上长刺”究竟会引起什么症状，是否需要或能不能用药消除，则是许多患者关心的问题。也许是高额利润的诱惑，商界利用人们对骨刺的恐惧心理，声称他们经销的药物可以抑制骨质增生，使骨刺消除，事实是否真如其所说？　　先让我们来认识一下骨刺。　　在人四肢关节骨的两端，覆盖着一层光滑富有弹性的软骨，当关节时，软骨对软骨的摩擦系数比冰对冰还低，这样就使关节的磨损减少到最低程度。软骨细胞中含有大量水分，像是一块海绵，加压时变薄，压力解除后又恢复到原有的厚度。负重时关节软骨的弹性变形，能减少运动的冲击和震荡，这种软骨的弹性对抵抗磨损是十分重要的。　　但是，任何不断运动的机械部件都可因使用而磨损，人类关节也不例外。磨损早期关节不平，有裂纹和凹陷，随之软骨碎裂、侵蚀。在软骨破坏的同时，有软骨和新骨增生，这就是在X线片中所见的骨刺。如果软骨的修复和破坏不能同步，骨关节炎将随之发生。显然骨质增生是人体一种修复反应，就像伤口里长出新肉一样。从生物力学的观点来看，增生的新骨使关节的表面积增加，减少单位面积的负荷，使关节的负载分布更为有利，因此有保护关节的作用。如果这种骨质增生和关节再塑性能达到一种“不合理的协调”状态，就可能延缓关节炎的进展，甚至使病情静止下来。　　不少人在拍摄X线片时无意中发现关节内有骨刺，就变得忧心忡忡，担心会发生关节强直或瘫痪。其实，这是不必要的。据病理研究，在20岁人的关节标本中，已找到退行性变化的证据，到40岁时，90％被调查的负重关节（髋、膝）都有增生性改变，但是仅三分之一患者有相关的症状。我们知道，软骨本身是无神经的，对疼痛很不敏感。疼痛往往是和关节内其他组织以及关节周围结构有关，如骨质增生引起的骨膜隆起、裸露的软骨下受到的压力、骨小梁微小骨折、关节内韧带退行性改变、关节囊扩张以及滑膜受挤压和磨损。此外，滑膜炎也是引起关节疼痛的主要原因。　　但骨质增生有时也会引起或轻或重的症状，这主要与骨刺生长的部位有关，其中最为常见的是手指末节骨质增生和脊椎骨关节炎。前者称做赫氏结节，伴有手指末节的屈曲和偏斜，外观如蛇头，患指感疼痛、肿胀，多见于中年女性，可服用消炎止痛药或热敷，疼痛最终会解除。但增生的骨质不可能消失，手指畸形将永久存在。脊椎骨关节骨质增生也十分常见，X线片所见的椎体前或前外侧面的骨质增生并不会引起症状，椎体后面的骨刺或脊神经周围的骨刺可能挤压脊髓、神经根或椎动脉，并引起颈椎病或坐骨神经痛，严重的患者需要手术治疗。　　那么我们再说一下骨刺的治疗。　　首先我们知道除了少数特殊部位的骨刺可能引起症状外，大多数骨关节炎患者的疼痛和骨刺无关，对于这些患者，治疗骨刺是完全不必要的。　　其次，骨质增生是软骨破坏后引起的修复反应，因此治疗骨刺首先要防止骨质破坏。显然，应用药物抑制骨质增生是徒劳的。　　最后，增生的骨刺和正常骨并无区别，表面有透明软骨覆盖，只要稍微思考一下就会知道药物是不可能消除正常骨质的。而且增生骨和周围正常骨之间并无界限，它们浑为一体，药物怎么可能区别哪些是增生骨，哪些是正常骨呢？　　到此，您该知道社会上一些所谓的抑制或消除骨刺产品是不可能的了吧！事实上，目前对骨刺只能是对症治疗，一旦疼痛消失或根本就没有疼痛，治疗也就失去意义了。</t>
  </si>
  <si>
    <t xml:space="preserve">潜力会随着年龄增长而增长吗街球队的中锋１７随蓝板才４０就黄了！等 </t>
  </si>
  <si>
    <t>您好，您可以雇佣以为训练员帮助您，街球的训练员，是有可能增加潜力的哦！</t>
  </si>
  <si>
    <t xml:space="preserve">两道财务管理题1某公司拟发行5年期债券，每年付息一次，到期一次还 </t>
  </si>
  <si>
    <t>1)债券的发行价格=1000*10%*(P/A,12%,5)+1000*(P/S,12%,5)              =927.882)实际利率=10%/(1-25%)=13.33%</t>
  </si>
  <si>
    <t xml:space="preserve">急!告他重婚需要哪些证据?我与他结婚十二年,小孩都十岁了,这十几 </t>
  </si>
  <si>
    <t>与人宽容，与己宽容，要让他付出代价，但也不要太决情，相信好有好报，按排好自己的生活。</t>
  </si>
  <si>
    <t xml:space="preserve">关于绝对地址与相对地址~~~~~多谢！1什么是绝对地址与相对地址 </t>
  </si>
  <si>
    <t>1 楼上的解释得不错，简单的说，绝对地址就是带有完整盘符或网址等信息的地址；相对地址则不会出现盘符或 网址信息2  file：//就是一种绝对地址，需要改成相对地址，比如e:\web 中文件1.HTM链接到  相同目录下的2.htm ,链接代码 写 a href=2.htm即可，而不要写成 a href= :/web/2.htm3 制作并上传网站时，如果时链接本地文件，必须采用相对地址，这首先要求将所有的网页及素材文件 都放在一个目录下 如 E:\WEB，（可再设置子目录）。制作完成后需要将所有文件及文件夹上传。</t>
  </si>
  <si>
    <t xml:space="preserve">踢足球做人墙时手应该做什么动作？男生踢足球做人墙时手要做什么？摆 </t>
  </si>
  <si>
    <t>来个直观的```</t>
  </si>
  <si>
    <t xml:space="preserve">如何压缩一个图片的大小？我现在要上传照片，可大了近一倍，请问：如 </t>
  </si>
  <si>
    <t>1. 首先,可以肯定是BMP格式比JPG格式要大一些.2. 其次,另存为选项中,选择颜色种类越少,照片大小越小.3. 再有,用ACDsee等软件在另存照片时可以选较小长宽象像点,其值越小,照片容量越小.4. 技巧:可以用ACDsee高版本的软件,对原有的目录中多个图片同时调整其大小,省时省力.其中又可以综合重新命名.</t>
  </si>
  <si>
    <t xml:space="preserve">你相信有人在7月就准确的预测了大盘吗？以下是从展超7月25日的博 </t>
  </si>
  <si>
    <t>当时看过展超的博客,只是认为对基金影响不大,也就没相信,谁知道调整幅度竟这么大.</t>
  </si>
  <si>
    <t xml:space="preserve">工龄怎样计算？我从2000年9月份进入一家国有企业到2006年1 </t>
  </si>
  <si>
    <t>按照规定，一般缴纳了社保的养老保险，就应该算工龄。也就是说，如果临时工期间，缴纳了养老保险，就可以算工龄了。如果休产假期间，养老保险没有间断，也是该国有企业缴纳的，那么也应该算工龄。</t>
  </si>
  <si>
    <t xml:space="preserve">请问技能内线分球我在蓝下这样分到外线被盖的球？我耍的是C，看见别 </t>
  </si>
  <si>
    <t>很简单呀，这是游戏的BUG。只要你反应快，看见被盖掉球的几乎同时按A（内线分球）就可以把球打到自己的头上了。~~~~~我从来不利用游戏BUG，重要的是过程而不是结果，老老实实的打应该跟有趣吧~~</t>
  </si>
  <si>
    <t xml:space="preserve">失眠怎么办一是天气太热，二是工作,房子上的事情很麻烦，好烦躁啊, </t>
  </si>
  <si>
    <t>睡前喝杯牛奶,听听舒缓的音乐,脑中什么都不要想.多跟朋友聊聊天,放松心情</t>
  </si>
  <si>
    <t xml:space="preserve">桃子可以上贡吗桃子、西瓜、葡萄、苹果能上贡吗，如果能上贡这几种水 </t>
  </si>
  <si>
    <t>还是桃子和苹果上贡比较常见，桃子代表长寿，苹果代表平安。其实最终要上贡什么，那还得看自己的心态。</t>
  </si>
  <si>
    <t xml:space="preserve">《爱的代价》哪个版本的最好听？知道好多个版本，不同的人唱的。请问 </t>
  </si>
  <si>
    <t>还是张艾嘉的老歌还是老人唱的好听,呵呵</t>
  </si>
  <si>
    <t xml:space="preserve">跪求日本四季歌歌词我想要日本的四季歌的歌词，中日文版本均可，是美 </t>
  </si>
  <si>
    <t>四季歌(日语)日本四季歌原文以及中文版歌词春を爱する人は心清き人すみれの花のようなぼくの友だち夏を爱する人は心强き人岩をくだく波のようなぼくの父亲秋を爱する人は心深き人爱を语るハイネのようなぼくの恋人冬を爱する人は心?冥烁─颏趣勾蟮丐韦瑜Δ胜埭文盖?喜爱春天的人儿是心地纯洁的人,象紫罗兰花儿一样是我的友人;喜爱夏天的人儿是意志坚强的人,象冲击岩石的波浪一样是我的父亲;喜爱秋天的人儿是感情深重的人,象抒发感情的海涅一样是我的爱人;喜爱冬天的人儿是心地宽广的人,象融化冰雪的大地一样是我的母亲.</t>
  </si>
  <si>
    <t xml:space="preserve">我的热血江湖做的80把刀的那个任务交不了怎么办啊我先打80把刀去 </t>
  </si>
  <si>
    <t>任务物品交了之后 残留在任务栏里是很正常的事了在短时间内是很难消掉的 它又不妨碍你做其他任务 没必要一定要把它消掉 对游戏没什么影响的</t>
  </si>
  <si>
    <t xml:space="preserve">宫外孕的早期反应是什么我刚怀孕，我好想知道宫外孕的早期反应，还有 </t>
  </si>
  <si>
    <t>你好！    ?m外孕的初期症狀通常是月?過期、?言性???性反?⑾赂共贿m、?道點狀出血。大部份?卵管?言?谠陆?過期一、二週之?燃闯霈F症狀，如未能及?r診?喑?恚赡茉斐奢?卵管破裂，而大量?瘸鲅踔列菘怂劳觥?</t>
  </si>
  <si>
    <t xml:space="preserve">家里使用电器，如何做到科学用电？ </t>
  </si>
  <si>
    <t>　　【空调】　　1、选择空调时，应根据房间实际大小选择功率匹配的空调，并最好选择有电辅热功能的型号。尽量减少门窗开闭次数，使用厚质、透光的窗帘以减少房间的内外热量交换。　　2、开机时，应设置高热以最快速度达到控温目的，待温度适宜时，再调至中、低风，减少能耗。由于暖气流比空气轻，制热时应把出风角度向下调，制热效率会大大提高。　　3、不要频繁开关空调，因为空调启动时室外压缩机启动，需要很大的电流，来回开关会间接造成高耗电。若要省电，不如在室温稳定后调低2摄氏度，可省电10%以上。因为空调耗电量的多少和设定的室温有很大关系，但一般人是感觉不到这点温差的。　　【电热毯】　　通电时间不宜过长，一般在睡前1小时左右通电加热，入睡时关掉电源，尽量不要通宵使用。因为长时间使用不但耗能，对皮肤也有影响。　　【其他】　　天气寒冷，不少人在家的时间变长，看电视、听音乐、上网的时间也会增加。要注意的是，电视机及机顶盒、无线路由器、音响、电脑等设备待机时仍在耗电，使用完后应拔掉电源，降低“待机耗电”。　　最后，建议市民可将部分家用电器使用时间安排在晚上10点以后，利用低谷电价，既省钱又环保。</t>
  </si>
  <si>
    <t xml:space="preserve">感冒鼻子痛什么原因？感冒了，一喘气就感觉鼻腔很痛，什么原因，怎么 </t>
  </si>
  <si>
    <t>这是感冒合并了急性鼻炎.由于炎症刺激,鼻粘膜充血肿胀,分泌物增多,合并疼痛.治疗上:西药可以使用罗红霉素(仁苏),每日二次,每次一片(0.5克).中药可以使用霍胆丸.如果合并鼻塞,使用1%麻黄素滴鼻液点鼻.祝早日康复!</t>
  </si>
  <si>
    <t xml:space="preserve">仓鼠的寿命大概多长？我想养养看……太久死了又会很伤心…… </t>
  </si>
  <si>
    <t>一线、三线平均2年公婆类平均3年熊类有记录可达5年。我的三线野生色养了2年零2个月，刚来的时候大概出生一个月左右。</t>
  </si>
  <si>
    <t>03切尔西(01)11</t>
  </si>
  <si>
    <t>就等着大师说这句踏实的话 准备去补一单 现在看来 稳了...</t>
  </si>
  <si>
    <t xml:space="preserve">这样会怀孕吗我跟我的男朋友是在十月份发生性行为的,十一月份的月经 </t>
  </si>
  <si>
    <t>不会的，你放心，因为十一月份已经来过，意味着你还是正常排卵，以后月经量少就是你担心害怕导致的原因，情绪和身体状况是影响月经是否正常的重要因素，你如果还不放心，就去买那种测试怀孕的试纸回来测一下就放心了，放轻松，要保持心情愉快，女人才能月经正常。</t>
  </si>
  <si>
    <t xml:space="preserve">手无力有时候工作时间长了,一直在电脑边输入资料,结束后就会觉得手 </t>
  </si>
  <si>
    <t>太累了，需要休息。</t>
  </si>
  <si>
    <t xml:space="preserve">怎?由暾?和認證？ </t>
  </si>
  <si>
    <t>进入“加V认证”页面，选个人认证，填认证基本信息，下载一张职位证明的表格打印后填好，盖上单位公章，跟身份证明一起扫描之后上传。等待两天左右认证完成。确保职位信息的真实</t>
  </si>
  <si>
    <t xml:space="preserve">MP3有辐射吗？我们平时经常用到的东西什么会有辐射？ </t>
  </si>
  <si>
    <t>电磁波辐射吧</t>
  </si>
  <si>
    <t xml:space="preserve">索爱C905定价多少? </t>
  </si>
  <si>
    <t>基本参数型号 05 手机类型 音乐手机,拍照手机,3G手机 上市时间 2008 网络制式 WCDMA(3G),GSM 850/900/1800/1900,EDGE 手机外形 滑盖 主屏尺寸 2.4英寸 主屏色彩 彩屏,26万色 主屏参数 TFT,240×320像素 内存容量 160MB 标准配置 锂电池,充电器,2GB M2卡 通话时间 9小时 待机时间 380小时 外壳颜色 银色,黑色,金色 体积 104 x 49 x 18 mm 重量 136克 基本功能铃声 支持MP3铃声,和弦铃声 通讯录 分组管理,名片式管理 信息功能 SMS短信,EMS短信,MMS短信 输入法 中文输入法,英文输入法 游戏 内置游戏 录音功能 支持 主要功能 内置天线,时钟,内置震动,情景模式,待机图片 附加功能 闹钟,日历,计算器,日程表,记事本,备忘录 数据应用功能蓝牙 支持 数据业务 GPRS,EDGE GPRS,HSDPA JAVA 不详 WAP上网 支持wap 数据线 支持数据线 扩展卡 支持M2卡 WiFi(WLAN) 支持 GPS定位系统 支持 其它数据功能 内置Modem,USSD功能,SyncML功能 多媒体娱乐功能摄像头 内置摄像头 摄像头像素 810万像素 传感器类型 CMOS传感器 闪光灯 内置闪光灯 变焦模式 自动对焦 视频拍摄 有声视频拍摄 MP3播放器 支持 视频播放 支持 多媒体 FM收音 其它性能 TV-out/数字生活网络联盟(Digital Living Network Alliance) 索尼爱立信 C905全国报价 香港报价￥42302008-11-26</t>
  </si>
  <si>
    <t xml:space="preserve">谁用过高保真耳机啊，效果如何，求推荐一个比较实用的！ </t>
  </si>
  <si>
    <t>下面我为楼主推荐几款音质和性价比比较好的有：1、森海塞尔（Sennheiser）耳机 HD380 Pro（声音相当令人满意，底噪也能听出来，低频下潜相当给力。）2、拜亚动力（beyerdynamic） DT1350 80欧姆 （音质很好，就是有点夹耳朵）3、铁三角(audio-technica) ATH-A1000X（轻巧镁合金边框）4、舒尔（Shure） SRH940 （专业级别）5、铁三角(audio-technica) ATH-A2000X（听女声相当不错！钛金属打造 ）如果只是为了普通娱乐的话可以试试这几款：http://detail.tmall.com/item.htm?spm=a1z10.4.w4004-4480339485.5.9rAQko&amp;id=35036605949，另外像mx500、硕美科E-87、硕美科 SOMIC EFi-83 普通娱乐是不错的选择。另外我在推荐几款，相对来讲就更好了，有几款还是比较经典的，但价格也比较贵，楼主也可以看看做个参考：ie80；T0；steelseries的西伯利亚入耳和razer的虎鳗以上几款都是不错的游戏类型的耳机的选择；OMX 680i ，SENNHEISER PMX680 ADIDAS ，Jaybird JF3-Freedom 一款入耳式蓝牙无线耳机；K420；R04以及AIR都是很不错的运动型耳机，另外像森海塞尔的LX70或者mx360；铁三角的ATH-CK1也很不错；铁三角 Audio-Technica ATH-C100M RD耳塞式耳机；铁三角 ATH-C100M PK  耳塞式耳机；铁三角 Audio-Technica ATH-C100M WH 耳塞式耳机；铁三角ATH-AD2000.线都是比较耐折的，音质还是不错的，外观相对来说监听耳机更拉风，入耳式的耳机比较低调奢华。楼主可以挑选挑选，希望对楼主有所帮助</t>
  </si>
  <si>
    <t>想收个F3302型引擎</t>
  </si>
  <si>
    <t>LS的知道什么   现在部分马力装备到世界可以交易  不过LZ得价低了点  但是现在-105车身也很高价  祝早日收到</t>
  </si>
  <si>
    <t xml:space="preserve">求一广告语哪位大哥能帮我为一家名为“家欣隆”的低端超市想一句能长 </t>
  </si>
  <si>
    <t>家欣隆====永远繁荣成功从信任家欣隆开始，</t>
  </si>
  <si>
    <t xml:space="preserve">我用的是瑞星，但现在发现点击“开启所有监控”不能打开实时监控了，? </t>
  </si>
  <si>
    <t xml:space="preserve">"震荡波"与"冲击波"病毒横向对比与分析 冲击波（Worm.Blaster）病毒2003年8月12日全球爆发，该病毒由于是利用系统漏洞进行传播，因此，没有打补丁的用户都会感染该病毒，从而使电脑出现系统重启、无法正常上网等现象。 2004年5月1日，"震荡波(Worm.Sasser)"病毒在网络出现，该病毒也是通过系统漏洞进行传播的，感染了病毒的电脑会出现系统反复重启、机器运行缓慢，出现系统异常的出错框等现象。 两大恶性病毒的四大区别： 一、 利用的漏洞不同冲击波（Worm.Blaster）病毒利用的是系统的RPC漏洞，病毒攻击系统时会使RPC服务崩溃，该服务是Windows操作系统使用的一种远程过程调用协议。震荡波(Worm.Sasser)病毒利用的是系统的LSASS服务，该服务是操作系统的使用的本地安全认证子系统服务。 二、 产生的文件不同冲击波（Worm.Blaster）病毒运行时会在内存中产生名为msblast.exe的进程，在系统目录中产生名为msblast.exe的病毒文件，震荡波(Worm.Sasser)病毒运行时会在内存中产生名为avserve.exe的进程，在系统目录中产生名为avserve.exe的病毒文件。 三、 利用的端口不同冲击波（Worm.Blaster）病毒会监听端口69,模拟出一个TFTP服务器，并启动一个攻击传播线程,不断地随机生成攻击地址，尝试用有RPC漏洞的135端口进行传播。震荡波(Worm.Sasser)病毒会本地开辟后门，听TCP的5554端口，然后做为FTP服务器等待远程控制命令，并疯狂地试探连接445端口。 四、 攻击目标不同冲击波（Worm.Blaster）病毒攻击所有存在有RPC漏洞的电脑和微软升级网站，而震荡波(Worm.Sasser)病毒攻击的是所有存在有LSASS漏洞的电脑，但目前还未发现有攻击其它网站的现象。安装补丁就好了 windowsxp震荡波补丁 KB835732 </t>
  </si>
  <si>
    <t xml:space="preserve">玩欧服延迟高吗帮推荐个好点的代理 </t>
  </si>
  <si>
    <t>代理我是用的  保证延迟：500-800ms，上网高峰期保证延迟600-1000ms 这段时间的国际网络都不是很好，国内上O/MF游戏，延迟能保持黄色已经相当不错了（这是我感觉用着不错的代理，代理方面后边给你个汇总的网站，你一个个试下，代理商都会提供一到两天的时间测试）  国内几个综合网站，欧美游戏的货币交易、CDK买卖、代理等都有，你应该能找到你需要的</t>
  </si>
  <si>
    <t xml:space="preserve">OntheveryfirstdayofhisstayinthFr? </t>
  </si>
  <si>
    <t>在他留在法国首都的第一天very first day 是“第一天”的意思，其中very只是强调作用，可以不译，</t>
  </si>
  <si>
    <t xml:space="preserve">重装的明镜问题？PK有用吗还是只是练级有用 </t>
  </si>
  <si>
    <t>PK时候并不适合使用明镜。理由一：回复量不稳定，高级明镜也可能仅仅回复5%，这意味着自己使用明镜后生存依然可能受到威胁，在PK这种需要大量补血的场合，明镜的性价比远不如补血魔法甚至一个瓶子。理由二：使用明镜之后无法闪躲物理攻击，尽管可以通过2动来解决这个问题，但一旦使用了明镜，在你没出手之前都是闪不开物理攻击的（和使用诸刃一直到你没出手前都会使你受到的伤害增加一样），在PK中，重装讲究的就是闪，用了明镜会让一身的闪装形同虚设。理由三：明镜耗魔惊人，对于重装来说10级一次150魔，一个重装穿龙靴带火龙盾的魔量100级约1000左右，PK的时候减半变500，用一次明镜就剩了350，PK中实在耗不起这个魔，况且不是所有的重装都是PK时候保证能有1000魔的。</t>
  </si>
  <si>
    <t xml:space="preserve">100ETF的赎回是现金还是股票呀. </t>
  </si>
  <si>
    <t>100ETF上市后，投资者要变现有两种方式：一级市场赎回最少要100万份，回来的是股票；二级市场卖出，交易单位是100份，回来的是现金（与股票交易无差别）。</t>
  </si>
  <si>
    <t xml:space="preserve">是不是因该分给弟弟老公兄弟两个，还有一个妹妹在读书。兄弟刚刚结婚 </t>
  </si>
  <si>
    <t>你和老公商量一下，不要为这些事把夫妻的感情伤了。当然，你也要把自己的想法说出来。如果你能帮到就尽力，没有太多的钱就少出一些。帮了他也不是帮外人，他会记得你的好的。</t>
  </si>
  <si>
    <t xml:space="preserve">想买个防晒修复的搽，玉兰油三重防晒修复乳怎么样？男的可以搽吗？脸? </t>
  </si>
  <si>
    <t>我觉得OLAY的这款很好，但是我觉得如果是男生的话，尽量不要用女士的产品，因为复制时不一样的，你可以试试DHC,欧莱雅 ，妮维雅都有男士专门的产品</t>
  </si>
  <si>
    <t xml:space="preserve">阻抗匹配当传输线的较长,而且接收端的阻抗和传输线的阻抗不匹配的时 </t>
  </si>
  <si>
    <t>传输线的阻抗不匹配是线路阻抗突变造成信号传输的反射的原因，反射波与传输的电磁波形成行波，看似振荡。我记得菲涅耳定律是光学定律，这里似乎不相干。因为这里电磁波是不分角度，各种频率均反射。</t>
  </si>
  <si>
    <t xml:space="preserve">孕妇脱肛怎么办对于孕妇来说，都该怎么办好啊，有什么好的治疗手段没 </t>
  </si>
  <si>
    <t>孕妇脱肛怎么办?多见于体质虚弱的小儿和老年人，但是由于很多患者没有意识到脱肛的症状，认为是其他的疾病，导致脱肛的长期的出现，那么孕妇脱肛怎么办?下面我们来看下：　专家说，女性在怀孕期间尤其是在怀孕的后期，很容易发生脱肛，这是因为妊娠期间盆腔内的血液供应增加，胎儿发育后长大的子宫会压迫静脉，而造成血液的回流受阻，再加上妊娠期间盆腔组织松弛，都可以促使脱肛发生和加重。分娩以后，这些因素自然会逐渐地消失，脱肛的症状也会得到改善，甚至消失。　　在怀孕期间，患此病一般采用保守疗法，也就是平时以饮食疗法为主，多吃富含粗纤维的蔬菜和水果，对于习惯性便秘者，可经常食用一些润肠通便的食品;在上厕所时，应采用坐抗式，而且排便时间不宜过长，如果在排便时，发生脱肛应及时进行处理;排便后，先洗净肛门，然后躺在床上，垫高臀部，在柔软的便纸上放些食油，手拿油纸，将脱肛轻轻推入肛门，再用手指轻轻地推入深处。患者也可以适当的喝些中药的，比如【双红提肛方】。治疗方法不错。比较彻底，没有什么副作用</t>
  </si>
  <si>
    <t xml:space="preserve">黄标车车标图样是什么样的 </t>
  </si>
  <si>
    <t>左边就是黄标车.“黄标车”是高污染排放车辆的别称，是未达到国Ⅰ排放标准的汽油车，或未达到国Ⅲ排放标准的柴油车，因其贴的是黄色环保标志，因此称为黄标车。2013年1月，由于空气污染问题，吉林与东莞相继出台了淘汰黄标车的方案措施。</t>
  </si>
  <si>
    <t xml:space="preserve">什么物质溶于稀硝酸?什么物质不溶于稀硝酸?他们有什么规律吗?怎么? </t>
  </si>
  <si>
    <t>什么物质溶于稀硝酸?什么物质不溶于稀硝酸?初中化学里不溶于稀硝酸的沉淀只需掌握：氯化银、硫酸钡。其余的沉淀一般都溶于稀硝酸、如所有的碳酸盐沉淀、不溶于水的碱。知道这些就够了。</t>
  </si>
  <si>
    <t xml:space="preserve">想追求她然后带她去旅游过程中送她什么好呢！~我是87年的，我的工 </t>
  </si>
  <si>
    <t>我觉得送什么东西倒不是最重要的。最重要的是让她感觉到。女人都比较喜欢花哨的，场面的东西，让她觉得有种被重视，被万人瞩目的感觉，那你的礼物就很到位了，她也会感激涕零。从我自身的经历，我觉得玫瑰是爱情亘古不变的礼物。尤其是一大束玫瑰，在大庭广众众目睽睽之下，她一般都会感动，配上巧克力啥的，她会很有满足感的。  不过，重点要是惊喜，要让她不知道的情况下，突然出现这些，她就会又惊又喜。效果最佳。当然了，礼物很多，楼主自己花花心思吧，不一定是她想要的，但是一定是让她感觉很有面子的。再次提醒，一定要是惊喜，先不要告诉她。</t>
  </si>
  <si>
    <t xml:space="preserve">000623后势如何操作? </t>
  </si>
  <si>
    <t>民营概念,股权分置题材,可波段操着,高抛低吸,现价持股待涨,6.5元左右出局.</t>
  </si>
  <si>
    <t xml:space="preserve">问题怎样联系帐号卖家？将军令在5173绑定需要买家自己购买将军令 </t>
  </si>
  <si>
    <t xml:space="preserve">尊敬的客户:     您好！5173客户服务050很高兴为您服务！    帐号交易完成后，客服会将卖家的联系方式提供给买家。如果买家选择在5173上绑定将军令，10日内安全送到买家的手上(包含邮费)。收费标准：将军令+邮费 = 50元人民币。    如需帮助或投诉，请与我们客服中心联系，客服中心服务热线：0579-83225173 。真诚感谢您一如既往地对我们工作的大力支持与帮助!    愿您能在5173时空中愉快度过每分每秒，您玩得开心就是我们最大的快乐！                                              </t>
  </si>
  <si>
    <t xml:space="preserve">网银(IPS)什么开通?给个满意答复每次都是打电话问公司..别说 </t>
  </si>
  <si>
    <t xml:space="preserve">尊敬的客户:     您好！5173客户服务050很高兴为您服务！     由于系统网络问题，5173已经暂时关闭IPS支付方式，建议您先选择其他的方式进行支付，给您带来不便我们深感抱歉。至于恢复IPS支付渠道另行通知，请随时关注本站公告。    如需帮助或投诉，请与我们客服中心联系，客服中心服务热线：0579-83225173 。真诚感谢您一如既往地对我们工作的大力支持与帮助!    祝您所有的希望都能如愿，所有的梦想都能实现，所有的等候都能出现，所有的付出都能兑现！                                              </t>
  </si>
  <si>
    <t xml:space="preserve">关于这次时长合并大家进来看下！！！我是电信的ADSL，这次合并都 </t>
  </si>
  <si>
    <t>呵呵，你不用担心，现在不是还没有合并呢吗，等合并时，SE就会开通双线服务器了，现在服务器还是单线，等合并就双线，网通和电信都一样的网速，懂了吗，恩是啊，如果你的名字在网通1也有的话，那就可以免费改名字了，</t>
  </si>
  <si>
    <t xml:space="preserve">古巨基最新一张专集是哪张啊？叫什么？ </t>
  </si>
  <si>
    <t>集结最新国语专辑的六首曲目 &lt;劲歌· 金曲&gt;大串连！五年的一次积累，国粤语MV绝赞精迭首度面市“假音王子”的深情出演《睡美人》- 基仔最擅长的情歌路线，有史以来最甜蜜的晚安曲，甜的丝丝入扣，MV二天一夜打造维生池、三大场景视觉震撼，古巨基款款深情痴守奇机，收放自如的演深情演出，催人热泪《夏天的童话》- 内地创作小天王胡彦斌为古巨基度身的创作《天才与白痴》- MV特别请到吴佩慈友情演出，式的对白与劈腿的情节，增添许多戏的张力，也让这5年在戏剧的好表现，都在MV中完整呈现《不要说你不知道》- R&amp;B天王陶?次辛可泶蛟?《春天》- 资深音乐人周治平拿出看家本领，极具韵味 假音王子翻红代表作,曲曲推荐：1. 睡美人（国语）2. 夏天的童话（国语）3. 天才与白痴（国语）4. 不要说你不知道（国语）5. 春天（国语）6. 爱是神话（国语）7. 明星（粤语）8. 一生何求（粤语）9. 还是觉得你最好（粤语）10. 天才与白痴（粤语）11. 劲歌·金曲（粤语）   第一章:天大的爱  爱你/爱是永恒/我的骄敖/爱是最大权利/恋爱大过天   第二章:讲情   Shall We Talk/哪有一天不想你/越吻越伤心/我说过要你快乐/假如认我说下去/情深说话未曾讲   第三章:日月星辰风雨潮   太阳星辰/爱如潮水/蓝雨/爱如潮水/风继续吹/认一切随风/如风/约定   第四章:两个人  现代爱情故事/相爱很难/谁令你心痴/相逢何必曾相识/教我如何不爱她/温柔的你   第五章:浪情歌 谁明浪子心/友情岁月/飞女正传   第六章:神爱世人  少女的祈祷/神啊救救我/爱神   第七章:好心一早放开我  小城大事/献世/爱与诚/好心分手/谁愿分手12.爱与诚</t>
  </si>
  <si>
    <t xml:space="preserve">我想花5到6万左右买个二手车,买什么车好呢?(我是女士)最好省油 </t>
  </si>
  <si>
    <t>飞度,雨燕,polo等这几款都挺适合女士开的.你可以上网看看车型喜欢不,例如 中国汽车交易平台  优卡汽车  网上车市等,都有这几款车的.</t>
  </si>
  <si>
    <t xml:space="preserve">国际70的WX可以杀人了吗？？我是70的小WX，力量上衣2D加2 </t>
  </si>
  <si>
    <t xml:space="preserve">  个人喜好吧， 有人30级  就是个红名了。     不过我劝下LZ ，  你杀人得先保证下你的装备。        我记得我有个号72级WX，刚买了把+4的血杀，打个8J准确石，850W。这钱可是我辛苦挖了N久的矿才挖来的。杀了个挂号的YG，被个NB的FS挂了。  郁闷  血杀被掉了。 我当时就晕了。   汗，辛苦的劳动 几秒钟就完了。          所以 杀人还是先保证装备不会掉才行！！ </t>
  </si>
  <si>
    <t xml:space="preserve">宝宝的体重我家宝宝四个月去检查体重只有16斤（冬天穿的多加衣服1 </t>
  </si>
  <si>
    <t>原因比较复杂。我孩子从出月开始饭量就锐减。到处问人也不知所以然。后来随着孩子长到8个月我们才明白过来，有两个主要原因：一是孩子饮食太单一，一天到晚尽吃奶他能有胃口吗？我们慢慢给孩子添加辅食，注意观察孩子喜欢吃的主食，多变换花样（我们孩子爱吃蒸芋头、香蕉、红枣泥），孩子胃口明显好转，现在吃得很规律，每隔四小时就要喝150毫升奶（包括半夜，不给喂他还不愿意哪）。再就是孩子缺钙也会影响食欲，父母注意只喂补钙的补剂效果不明显，必须配合鱼肝油（维生素AD滴剂）坚持喂个把月，会有效果的。祝你们孩子健康。</t>
  </si>
  <si>
    <t xml:space="preserve">怎么添加友情链接？友人的博客连接 </t>
  </si>
  <si>
    <t>控制面板-个人首页维护-自定义链接-友情链接-新增-（添加链接）-保存（操作栏）-保存-完成 祝你成功～</t>
  </si>
  <si>
    <t xml:space="preserve">贵校今年是否在吉林招文科生？有那些专业？ </t>
  </si>
  <si>
    <t>请关注华北电力大学本科招生信息网， ，招收文科11人。</t>
  </si>
  <si>
    <t xml:space="preserve">期货会不会亏的本都没了?期货是不是跟股票一样可以买了被套后大不了 </t>
  </si>
  <si>
    <t>非也！期货是保证金制度，举个例子：买进100万的期货后，实际上是等于买进了1000万的期货，因为期货的玩法就是这样，所有的钱都是保证金。当价格下跌10％，股票亏损的是100万的10％＝10万，而期货亏损的是1000万的10％＝100万，如果下跌20％，亏损200万，不止是一分钱都没有，还会欠下期货公司的钱。这就叫爆仓</t>
  </si>
  <si>
    <t xml:space="preserve">泉州提线木偶的艺术特点? </t>
  </si>
  <si>
    <t xml:space="preserve">泉州提线木偶  　　根植于历史文化名城泉州的提线木偶戏古称“悬丝傀儡”，又名“丝戏”，民间俗称“嘉礼”，乃流行于闽南语系地区的古老珍稀戏种，数百年形成了一套稳定而完整的演出规制和700余出传统剧目。　　在全国各类木偶戏中，泉州提线木偶戏又是唯一仍有自己剧种音乐“傀儡调”的戏种，至今仍完整地保存将近300支曲牌旋律曲调及南鼓（压脚鼓）、钲锣等古乐器。　　泉州提线木偶形象结构完整，制作精美，尤其是木偶头的雕刻、粉彩工艺，独具匠心，巧夺天工，泉州木偶头轮廓清晰，线条洗练，继承了唐宋雕刻、绘画风格，当代木偶头制作，在师承的传统技艺基础上，更侧重于夸张与变形，尤为强调性格化和表现力，乃驰名中外的民间工艺珍品。　　泉州提线木偶形象，一般都系有16条以上，甚至多达30余条纤细悬丝，线条繁多，操弄复杂，与我国多数传统木偶戏相比，技巧表演难度最高。 </t>
  </si>
  <si>
    <t xml:space="preserve">我不小心把制作盒卖了该怎么办啊！我有一天包宿！半夜睡着了！同学看 </t>
  </si>
  <si>
    <t>你是用挂了吧``一般情况是不让出售的1！！！</t>
  </si>
  <si>
    <t xml:space="preserve">请问注册香港公司需要什么条件？要多长时间呢？ </t>
  </si>
  <si>
    <t>至少一名股东和董事（任何国籍年满18周岁就可，可由同一人承担）一名法定秘书（必须持有香港永久居民身份证人士或香港注册之有限公司）一个香港法定地址。假如找代理公司代理注册的话，可以提供地址和秘书。时间的话大概10个工作日。如果想要了解的更详细一点，可以拨打010-51651100咨询一下。</t>
  </si>
  <si>
    <t xml:space="preserve">个月的宝宝钙锌如何补充合适呢？ </t>
  </si>
  <si>
    <t>你好，很高兴能为你解答，钙和锌因为原理相近，所以会有相互拮抗的作用，钙锌同补，钙会拮抗锌的锌收，进而影响到对钙的吸收，所以，一般都是"先锌后钙",建议你先给宝宝补充一下微元素锌，之后再给宝宝补充钙，效果会更好一些。</t>
  </si>
  <si>
    <t xml:space="preserve">我刚知道考研落榜,我考的是西安美术学院的油画,现在还有调剂的机会? </t>
  </si>
  <si>
    <t>成绩考得还不错。不过现在感觉是太晚了。但是我还是建议你马上上网查各个学校研招办和美术学院的联系方式，最好是电话，尽快和他们直接取得联系，再努力一把！美院的可能性如果不大，不妨试试综合院校的油画专业。希望你能成功！</t>
  </si>
  <si>
    <t xml:space="preserve">足球有多少块皮子缝制而成的 </t>
  </si>
  <si>
    <t>正规比赛用足球32块黑白相隔的皮，黑的是正五边形，白的是正六边形</t>
  </si>
  <si>
    <t xml:space="preserve">谁有激活码?各位GGJJ能给我一个吗? </t>
  </si>
  <si>
    <t xml:space="preserve">wo  you  </t>
  </si>
  <si>
    <t xml:space="preserve">出纳和会计的区别是什么 </t>
  </si>
  <si>
    <t>简单的说就是会计管帐,出纳管钱。出纳的工作比较简单，只负责现金及存款的收支，登记现金用银行日记账等。会计要进行核算成本经营成果，比较麻烦些，因此，会计一般比出纳累一些。工作量也会多些。</t>
  </si>
  <si>
    <t xml:space="preserve">我现在27级，有给经验的任务吗？给得多吗？在哪接？难吗？ </t>
  </si>
  <si>
    <t>有中州大城，安全区上面，杂货旁边，大牌子，有个每日任务，可以接你27，应该可以最多领到10W经验，那个任务是每天最多做10个，而且第10个给你最高的经验，和钱，和深海或者是千年，如果你第一天没有做完10个，没关系，任务是积累的，什么时候做到第10个，什么时候就给你最高经验，我32道士，给的经验已经是40W了，呵呵</t>
  </si>
  <si>
    <t xml:space="preserve">关羽丢了要地荆州是导致蜀国最后失败的最大原因吗? </t>
  </si>
  <si>
    <t xml:space="preserve">    我觉得导致蜀国最后失败的是马谡失街亭，而关羽失荆州是蜀国形势转为被动的开始。    关羽失荆州无疑给蜀国带来一场天大的打击，首先是人才的失去，关羽两父子被杀，两名大将就此失去，加上不开城门让关羽他们进城的那些小将（一时忘了叫什么名字）也被处以军法。导致后来复仇过程中张飞被部下所杀，刘备病死。其次是战略地利－－荆州被夺，失去优势。还有是，陆逊营烧蜀军七百里，蜀军死伤无数，士气狂跌，国力空虚。这些都是关羽失荆州引起的严重弊端。    虽然失去那些人才，但从当时形势来分析，当时的超级猛将都基本上死了，从战争的角度来说，赵云，关兴和张苞已经是无敌于当时，加上蜀国的地形易守难攻，军事上不担心魏国的进攻。也就是说，军事对蜀国的威胁已经不大。而蜀国的最后失败是被邓艾所攻破。    现在分析马谡失街亭，街亭一失，令诸葛亮始料未及，完全在诸葛亮的计划之外，街亭一失，诸葛亮的全盘计划已成为泡影，而且蜀国处于紧急状态，因为魏国占领街亭，直接威胁到整个蜀国的安全。所以诸葛亮要杀马谡。自从街亭一失，已经失去伐魏的先机，加上蜀国将才越来越少，能撑得起大局的就只有诸葛亮和姜维，诸葛死后，姜维虽继承诸葛的真传，但也缺乏将才，张苞英年早逝，更加难以阻挡文武双全的邓艾。邓艾攻到成都时兵已不多，若张苞在，必能一夫当关。或许反而能活捉邓艾。    所以街亭一失导致的后果比失荆州更严重，是关乎蜀国兴亡的一次最大转折。而关羽失荆州只不过是一个开始，并没有影响到整个蜀国的生死存亡，要不然，刘备都不会带那么多军士伐吴了。如果一边抗魏，一边伐吴，哪来那么多兵啊？所以失荆州之后实力还在的。</t>
  </si>
  <si>
    <t xml:space="preserve">种族背景是啥啊？ </t>
  </si>
  <si>
    <t xml:space="preserve">骐利配为什么要举办网模大赛我怎么觉得怪怪的，他们搞这个干吗。 </t>
  </si>
  <si>
    <t>一来是为了帮助它的公司做宣传，二来是为了它的网上商城物选优秀的网拍平面模特</t>
  </si>
  <si>
    <t xml:space="preserve">是用网页上注册的会员号作为游戏号登陆吗？登陆游戏是不是要另外的内 </t>
  </si>
  <si>
    <t>现在只能申请 内测账号  不过，好像VIP 可以注册</t>
  </si>
  <si>
    <t xml:space="preserve">突然停电对电脑有什么危害吗？为什么打开机子后时间变了呢？ </t>
  </si>
  <si>
    <t>部分正在编辑的文件会丢失，开机会进行磁盘检查时间变了可以更正，还变就是主板电池没电了，更换电池即可祝你好运 ^_^</t>
  </si>
  <si>
    <t xml:space="preserve">这配置万魔兽世界会卡吗?Turion3000+的处理器，1.8G </t>
  </si>
  <si>
    <t xml:space="preserve">   在主城的时候估计会卡点,应该不是很厉害.把你的内存加到1G,肯定就没有啥大问题了.感觉你的象是个本本,不是台式机吧.我的本和你的差不多,内存我还是512,因为我很少在主城(其实为了省钱呵呵).</t>
  </si>
  <si>
    <t xml:space="preserve">感到呼吸困难,总想深深吸一口气是怎么回事最近一段时间总感到心里憋 </t>
  </si>
  <si>
    <t>可能是中气不足，找老中医开一点补气血的药吃</t>
  </si>
  <si>
    <t xml:space="preserve">一般人都不会的电脑绝技是? </t>
  </si>
  <si>
    <t>至少我不会啊 :     一：软盘不用时不要留在软驱里，否则时间长了里面的数据会淌出来，会把你的软驱腐蚀坏。 　　二：要经常给软盘盘面上抹点润滑油（上蜡更好），这样可使软盘转得更快，存取速度就相应有 所提高。 　　三：把5.25＂软盘折叠后可在3.5＂软驱中使用。什么？还原怎么办？笨！先把它伸开，用开水泡一下再用熨斗熨一下不就又成了5.25＂的盘啦。 　　四：千万不要把软盘上下颠倒着放入软驱，否则数据掉出来会卡住驱动马达，使其无法工作。如果软盘已满，可以拿着它使劲甩几分钟，这样数据会被压缩，软盘上会有更多空间。（注意：甩的时候一定要封上开口，以防数据被甩出来。） 　　五：想把cpu766升级？根本没必要花钱，只需在配置文件（config。sys）中加入device＝cpu766＋234，自动执行的批处理文件（autoexec。bat）中加入：cpu＝1000，即可将您的cpu升为1g。如果在该文件中加入：ram＝256，那么，您的也升级啦。 　　六：嫌显示器太小？告诉你，把它用开水煮一个钟头，待软化后再用?置嬲?盅梗涂山?5｀的变为17｀的，如果不小心?直×耍愕南允酒鹘湮壕У摹?　　七：夏天最好不要长时间开电脑，否则您的部分硬件将化为软件。不过不要紧，一到冬天它又变为硬件了。 　　八：夏天容易死机？那是因为它太热，教您个办法：打开机箱后盖，倒入一盆凉水。 　　九：您不小心清空了回收站？没问题，再把硬盘上的文件删除一部分，回收站不就又满了吗？ 　　十：停电后电脑仍然可以工作，您可以先在没停电时将电存在硬盘上，待停电后将电从硬盘取出就行了。 　　十一：尽管计算机和电脑是一母同胞，但前者远没有后者聪明，因为计算机只是个文盲，只认识1和0两个数，而电脑无论是中国字还是外国字都认识。 　　十二：您的电脑应该至少装两套以上windows，因为两套将会更快更方便。 　　十三：定期向软盘喷点“敌杀死“，既可防虫防潮，又可杀死病毒。 　　十四：软盘应放在冰箱里保存，这样可使数据保鲜。如果软盘被冻硬，那么恭喜你，你又多了一块硬盘。 　　十五：软盘是用塑料做的，冻硬成为硬盘，放在太阳下晒几天又会成为光盘，所以，在变化之前一定要先做备份。 　　十六：机器启动不了？好办，找一打百元人民币在它眼前一晃就成了。不然找个美女也行的 　　十七：把kv2004放在电脑机壳上，任何病毒都不敢进入了 　　十八：升级128M内存的方法：拆开机箱，把内存条反过来插，然后开机~~TEST~~滴一声，恭喜你，你的内存已经变成821M！-- -- ! PS:如果说正经的 那我感觉 有创新的设计软件 编程 是的 那真是人才 我会去努力的</t>
  </si>
  <si>
    <t xml:space="preserve">怎么上传让别人下载把电影的文件怎么传上去才可以让别人下载啊? </t>
  </si>
  <si>
    <t>现在还不行，你可以添加链接。当然你也可以将电影放在爱问里面共享。</t>
  </si>
  <si>
    <t xml:space="preserve">对大学生活的认识及大学生活应该怎样过？ </t>
  </si>
  <si>
    <t>我感觉自己在大学是比较成功的，首先应该积极参加各项活动，比如学生会的，还是各类比赛，那样能促进自己各方面的发展，其次还要学习好自己专业的知识，把成绩考好，最好争取能拿奖学金，最后还必须多参加社会实践，最好是和自己的专业有关，那样就能为以后毕业找工作作了很好的铺垫，祝愿成功</t>
  </si>
  <si>
    <t xml:space="preserve">女人的雄激素越高性欲越强吗？ </t>
  </si>
  <si>
    <t>从理论上讲是这样的,如果是病变就另当别论了</t>
  </si>
  <si>
    <t xml:space="preserve">constructiveadviceshouldbesought? </t>
  </si>
  <si>
    <t>建议把这个句子多读几遍不用太在意语法,such measure:这些措施,这样的措施,any such measure,这些措施中的任一个,记住这两个翻译就行了，你多读了几遍就有印象，下次做就不会错了，像any of such measure 为什么是错的是因为别人不习惯这么说，当你做选择题的时候读到c选项代到整句话一读觉得很顺，这就是语感，然后你读到d选项的时候代进去觉得很别扭那你就不用想太多d的语法了，转到想想c的语法是否正确，感觉没有什么语法错误或者以前读到过类似句型，就可以很自信的选c了，不要老盯着d看，你多看一眼就是加深了对这个畸形的句子加深了印象，会影响到以后的考试，我以前做语法题很快的，基本上感觉第一，感觉是对的就直接选了，感觉不出来才想语法，也许这个方法不适合别人，但我的时候比较慎重一些，先用感觉快速选一遍，再用语法检查一下，但用语法的时候很痛苦，好像都可以选，也都可以不选，但是语法不用太多，最重要的是语感，当你到达一定程度就有很顺的感觉，然后就大胆的选这个感觉很顺的选项 高考语法题是不是还是15分，这么少的分可以不用在意太多的（有语感的话怎么也能对个10分吧），可以把精力放到大量的阅读和背诵经典句型，在你读和背的时候就自然有语感不用a measure 是因为这里表达的是任一措施（any measure）被采取，而不是某一措施（a measure）被采用</t>
  </si>
  <si>
    <t xml:space="preserve">求在线观看新进社员的网址,免费 </t>
  </si>
  <si>
    <t xml:space="preserve">1  齐鲁热线影视集中营可以观看，并支持下载；2  宽带中国（大家都知道）3  胜利信息港--宽带影视（电影很不错哦）4  荷泽信息港--阳光影院5  烟台网盟（自从出现会员制以后，每个影片需要多连接几次，不过连上一半就不会卡了）注释：这些都是面对整个广域网（至少是北方网通用户）的电影网站，对于那些地区行的网站，这里我不作介绍，也没必要给大家说。全是个人经验，如果大家有更好的，多交流！这些网站均可直接用百度搜索的来，网址就不再提供，有问题问偶就行我 @ </t>
  </si>
  <si>
    <t xml:space="preserve">不小心删掉的文章还能恢复吗 </t>
  </si>
  <si>
    <t>你好：可以恢复，请点击“管理博客”，进入“BLOG文章管理”，进入“回收站”。文章如果只是被删除了， 登录你的博客后，点击“管理博客”，进入“BLOG文章管理”，进入“回收站”。 找到要恢复的文章标题，在最右侧的操作栏内的“弯形箭头”点击一下（文章恢复）就可以了。但如果将回收站清理了，就无法恢复了。祝顺利！</t>
  </si>
  <si>
    <t xml:space="preserve">糖尿病的人可以吃狗肉吗? </t>
  </si>
  <si>
    <t>是不可以的。具体对糖尿病患者而言，如猪头肉、猪蹄、公鸡、鲤鱼、鲫鱼、带鱼，含糖量高的食物，药性偏温燥的食物，如狗肉、公鸡肉等都不能食用。</t>
  </si>
  <si>
    <t xml:space="preserve">这种函数好复杂啊，不会啊！ </t>
  </si>
  <si>
    <t>我的解答如下：</t>
  </si>
  <si>
    <t xml:space="preserve">肝内胆管结石严重吗 </t>
  </si>
  <si>
    <t>肝内胆管结石并不是很严重的疾病，服用苗寨石清方等药物完全可以将结石排除干净。但切记盲目用药，在饮食上也要加以辅助治疗才能起到良好的效果，切记只依赖药物。另外，不建议用手术来治疗肝内胆管结石，传统手术对肝内胆管结石的治疗十分极端对病人的身体危害很大，体外震波碎石术危险性也极高，稍有不慎就会造成碎石堵塞胆管，落入食道等诸多严重后果。病情分析：肝内胆管结石是胆管结石的一种类型，是指左右肝管汇合部以上各分枝胆管内的结石。它可以单独存在，也可以与肝外胆管结石并存。一般为胆红素结石。指导意见：肝内胆管结石一般不需要治疗，注意事项1.维持理想体肝内胆管结石 重。 2.保持运动的习惯。 3.注意饮食安全卫生、定时定量。 4.绝对禁止暴饮暴食。 5.避免长时间以坐姿从事工作。 6.避免过于疲劳。 7.不可穿著束紧胸腹的紧身衣物。 8.若有便秘症状，须积极治疗。</t>
  </si>
  <si>
    <t xml:space="preserve">所得税纳税申报的问题1.所得税纳税申报表上利润总额应填本月数还是 </t>
  </si>
  <si>
    <t>1.所得税纳税申报表上利润总额应填本月数还是累计数? 利润总额是每月利润的累计数2.所得税计提依据是本月数还是累计数? 利润的累计数3.我一月份缴纳了所得税,填在所得税纳税申报表十行"预缴所得税额",年末又重新计提所得税,所得税纳税申报表自动扣除预缴所得税额,我是缴纳年末计提数还是按扣除后的差额缴纳? 先把年度所得税算出来以后，再把预缴的所得税减去．就是扣除后的差额缴纳．</t>
  </si>
  <si>
    <t xml:space="preserve">请问家装公司管理制度的《装饰企业全程营销管理解决系统》版本，哪里? </t>
  </si>
  <si>
    <t>各部门的管理制度都是不一样的，每部门的每一项目也是不一样的，以工程部巡检为例绩效考核管理为例——绩效考核以巡检员每月竣工工程的奖金为基准，作为当月绩效考核的基数。绩效考核应按数据来源在每月5日前统计完毕（如遇公休日推迟到周一）。每月10日前经公司领导批准后转财务部。绩效考核加减分制度，每1分为10元绩效，最终以基数加减分数后为最终的奖金额。你可以去大禹家装培训网下载相关资料来做参考。"装饰企业全程营销管理解决系统"这是专门针对装饰行业的现状，研发出简单实用的系统理论和切实可行方便操作的具体模式，高起点、高效率地轻松打造自己的企业营销管理体系，大大节省了装饰经理人的学习、领悟和摸索的时间，彻底让装饰营销管理傻瓜化、简单化。</t>
  </si>
  <si>
    <t xml:space="preserve">请问蝎壳哪儿能打到啊？就是做蝎壳套装的蝎壳啊高手告诉我啊· </t>
  </si>
  <si>
    <t>在塔纳利斯那打40+的蝎子;剥皮就有机会出了!!</t>
  </si>
  <si>
    <t xml:space="preserve">网络恋爱你们信吗？我同学就这样，不知道是好是坏？？？ </t>
  </si>
  <si>
    <t xml:space="preserve">网恋是一种方式，这新闻媒介也有报道的，我认为可以，没有好与不好之分，只要成功了，就好！有时间看看我的文章《为网恋正名》，我想，可以解开你的疑惑吧！ </t>
  </si>
  <si>
    <t xml:space="preserve">我已是一个七个月宝宝的妈妈,但没完全断奶,请问这样是不是不能吃妈? </t>
  </si>
  <si>
    <t>现在能不能吃我也不清楚.你去问下医生就知道了.我吃妈富隆有一年多了.其实什么避孕药都有副作用的.但这个药副作用小一点.而且想怀孕的时候停药就可以了.不想别的避孕药要等3到6个月才能生</t>
  </si>
  <si>
    <t xml:space="preserve">每年这个时候，在外的人儿特别思念自己的亲人，大家可以告诉我如何做? </t>
  </si>
  <si>
    <t xml:space="preserve">     我也是呀。因为我们都是人呀。     我是这样做的，每当我想他们的时候我就和他们联系，要么打打电话，要么再去向他们要几张片，都可以，。     可是大多数时候还是不敢去多和他们联系，因为自己觉得自己对不住他们，觉得自己还没什么出息。     都是天涯沦落人呀。</t>
  </si>
  <si>
    <t xml:space="preserve">天堂2练什么职业最爽?? </t>
  </si>
  <si>
    <t>练战斗型的职业最爽!练辅助不爽!</t>
  </si>
  <si>
    <t xml:space="preserve">修罗护腕和罗刹护腕有什么属性吗知道的说下,谢谢了 </t>
  </si>
  <si>
    <t>没有属性~属于装饰物品，可以强化~而且不装备在装备栏，而是装饰栏，也就是造型那里~（即，你可以有两个“护腕”）</t>
  </si>
  <si>
    <t xml:space="preserve">3TJ罩云问价帮主在帮派叫卖3TJ云...忘记是野生的还是BB了 </t>
  </si>
  <si>
    <t>就算是野生的3K也值，漫天罩云一般也要2K+点钱，是不是宝宝买回来都值</t>
  </si>
  <si>
    <t xml:space="preserve">硫酸氢钠与氨水反应生成什么? </t>
  </si>
  <si>
    <t>硫酸氢钠与氨水反应生成硫酸铵、硫酸钠和水。离子式：H+ ＋NH3·H2O === H2O ＋ NH4+-方程式:2NaHSO4+2NH3·H2O=(NH4)2SO4+Na2SO4+2H2O</t>
  </si>
  <si>
    <t xml:space="preserve">为什么问道不能打打开问道的业面的时候他出现了一个错误提示说:"可 </t>
  </si>
  <si>
    <t>饿！这个是没有多少问题！但是如果是新的系统版本年啊是更好！因为有的显卡驱动不支持。显示效果要差点！</t>
  </si>
  <si>
    <t xml:space="preserve">安装realplayer时，不能播放，说要找到相关软件，又说re? </t>
  </si>
  <si>
    <t>重新下载一个重新安装。你就到新浪下载中心去下载！！很好用的＠！！</t>
  </si>
  <si>
    <t xml:space="preserve">老天提示我没听今天去买彩票，机选了一注，我看了一下，切尔西1，还 </t>
  </si>
  <si>
    <t>朋友   祝福你高中 。 新年快乐 心想事成 。</t>
  </si>
  <si>
    <t xml:space="preserve">前苏联的基洛夫级巡洋舰介绍(最好有图片),谢谢前苏联的基洛夫级巡 </t>
  </si>
  <si>
    <t xml:space="preserve">基洛夫级核动力战斗 排水量：满载28000吨　　规格：全长248米，全宽28米，吃水8.8米　　搭载机：一架卡默夫Ka-25贺尔蒙B标定直升机、2架卡默夫Ka-27蜗牛式反潜直升机　　装备：　　【基洛夫号】：SS-N-19反潜导弹发射器20具、SA-N-6防空导弹垂直发射系统12具，96枚导弹、SA-N-4防空导弹发射器2具，40枚导弹、SS-N-14反潜导弹双联装发射器一具，14枚导弹、100毫米炮2门、533毫米鱼雷发射管10具、Type 53鱼雷、30毫米机炮8具、RBU 6000十二管反潜火箭发射器一具、RBU 1000六管反潜火箭发射器2具　　【佛朗兹号】：SS-N-19反舰导弹发射器2具，40枚导弹、533毫米鱼雷发射管10具，Type 53鱼雷、双联装130毫米炮一座、30毫米机炮8具、RBU 6000反潜火箭发射器一具、RBU 1000反潜火箭发射器2具。　　【卡里宁号】：SS-N-19反潜导弹发射器20具、SA-N-6防空导弹垂直发射系统12具，96枚导弹、SA-N-9防空导弹发射器2具， 128枚导弹、SA-N-4防空导弹发射器 12具、CADS-N-1近迫武器系统6具（每具有两组30毫米机炮及8枚SA-N-11防空导弹）、双联装130毫米炮一座、RBU 12000十管反潜火箭发射器一具、RBU 1000反潜火箭发射器２具　　主机：2具核子反应炉、2具重油过热系统（15000轴马力），双轴，航速32节　　二次大战结束后，一般的观念多认为大型舰的时代已成过去，许多国家都在50年代将所拥有的战斗舰除役解体，仅美国保留有４艘爱荷华级战斗舰。是时世界各国所建造的最大型水面作战舰只，为1961年完工的美国核动力巡洋舰长堤号，排水量为17525吨。因此当苏联海军开始建造一艘巨型军舰－－－基洛夫号时，曾引起海军界极大的震撼。基洛夫号于1977年下水，而当其在1980年完工后更成为各国观察家目光的焦点。　　基洛夫级的武装非常强大，各舰装备皆有些不同，据推测当第四艘完工后其配备亦将与前三艘互异。目前完工的三艘皆配有SS-N-19反潜导弹发射器20具，以四列五排，倾斜40度置于前甲板上。SS-N-19反舰导弹可携带传统或核子弹头，射程长达570公里，极速为2.5马赫，奥斯卡级潜艇上亦配有此种导弹。另外各舰均配有12具SA-N-6防空导弹垂直系统及2具SA-N-4中程防空导弹系统，卡里宁号更加装了6具 SA-N-11点防御导弹系统，并预留了空间以便在将来装设SA-N-9防空导弹。在舰炮方面，基洛夫号在后甲板有2座单装100毫米炮，后2艘则改为一座全自动水冷式双联装130毫米炮，另外，各舰皆备有数具广为前苏联海军使用的30毫米机炮近迫武器系统。　　在反潜武器上，三艘亦有很大的不同。前两艘皆有10具533毫米鱼雷发射管，而卡里宁号却末有此项装备，这点着实耐人寻味。而基洛夫号上的SS-N-14反潜导弹亦出现在佛朗兹号与卡里宁号上。SS-N-14导弹于1974年开始部署，前苏联海军目前似乎已不再使用这种武器了。该级舰未参加什么战争，也未装备舰载机，因为它是巡洋舰。 </t>
  </si>
  <si>
    <t xml:space="preserve">帮我给烈风估个价～～～各位兄弟帮我给烈风估个价～～我是射手的，就 </t>
  </si>
  <si>
    <t>你好~!我来回答你的问题~!你的烈风是6D的 D数很好可是掉的不好,有掉攻击有掉魔法,卖不了高价钱了,建议以在卖能卖高点,现在卖的话40W吧.祝你卖个好价钱~!祝你游戏愉快~!</t>
  </si>
  <si>
    <t xml:space="preserve">有谁知道龙生“九子”是那‘九子’？？ </t>
  </si>
  <si>
    <t xml:space="preserve">  “龙生九子”的传说赑?粒?音bixi)也称龟趺。形状像乌龟，好负重。长年累月地驮载着石碑。人们在庙院祠堂里，处处可以见到这位任劳任怨的大力士。据说触摸它能给人带来福气。 　　狴犴：(bihan)又叫宪章。相貌像虎，有威力，又好狱讼之事，人们便将其刻铸在监狱门上。虎是威猛之兽，可见狴犴的用处在于增强监狱的威严，让罪犯们望而生畏。 　　螭吻：(chiwen)也叫鸱吻、鸱尾、好望等。形状像四脚蛇剪去了尾巴，这位龙子好在险要处东张西望，也喜欢吞火。相传汉武帝建柏梁殿时，有人上疏说大海中有一种鱼，虬尾似鸱鸟，也就是鹞鹰，能喷浪降雨，可以用来厌辟火灾，于是便塑其形象在殿角、殿脊、屋顶之上。 　　椒图：形似螺蚌，好闭口，因而人们常将其形象雕在大门的铺首上，或刻画在门板上。螺蚌遇到外物侵犯，总是将壳口紧合。人们将其用于门上，大概就是取其可以紧闭之意，以求安全吧。                                                囚牛：形状为有鳞角的黄色小龙，好。这位有音乐细胞的龙子，不光立在汉族的胡琴上，彝族的龙头月琴、白族的三弦琴以及藏族的一些乐器上也有其扬头张口的形象。 　　蒲牢：形状像龙但比龙小，好鸣叫。据说蒲牢生活在海边，平时最怕的是鲸鱼。每每遇到鲸鱼袭击时，蒲牢就大叫不止。于是，人们就将其形象置于钟上，并将撞钟的长木雕成鲸鱼状，以其撞钟，求其声大而亮。 　　饕餮：(taotie)形似狼，好饮食。钟鼎彝器上多雕刻其头部形状作为装饰。由于饕餮是传说中特别贪食的恶兽，人们便将贪于饮食甚至贪婪财物的人称为饕餮之徒。饕餮还作为一种图案化的兽面纹饰出现在商周青铜器上，称作饕餮纹。 　　狻猊：(suanni)又称金猊、灵猊。狻猊本是狮子的别名，所以形状像狮，好烟火，又好坐。庙中佛座及香炉上能见其风采。狮子这种连虎豹都敢吃，相貌又很轩昂的动物，是随着佛教传入中国的。由于佛祖释迦牟尼有“无畏的狮子”之喻，人们便顺理成章地将其安排成佛的座席，或者雕在香炉上让其款款地享用香火。 　　  睚眦：相貌似豺，好腥杀。常被雕饰在刀柄剑鞘上。睚眦的本意是怒目而视，所谓“一饭之德必偿，睚眦之怨必报”。报则不免腥杀，这样，这位模样像豺一样的龙子出现在刀柄刀鞘上就很自然了。 </t>
  </si>
  <si>
    <t xml:space="preserve">电脑多个系统怎么办？？开始时XP系统不知道怎么搞的出了问题，就重 </t>
  </si>
  <si>
    <t>用光盘启动,可以先格式化C盘,也可以在安装过程中选择格式化C盘.</t>
  </si>
  <si>
    <t xml:space="preserve">其实，炒股真的不难！(转载)其实，掌握好了均线理论就足够赚的盆满 </t>
  </si>
  <si>
    <t>看完觉得炒股真的是很难，我还是专心养鸡呵呵！</t>
  </si>
  <si>
    <t xml:space="preserve">现在选股合适不？比如000059、600704、002545帮忙 </t>
  </si>
  <si>
    <t>选股时间很重要,起码不能是现在(14.14分),交易时间应该做已经选好或手里需要操作的股票.选股需要更多的时间.......000059 空头 考验半年线  600704 震荡趋势收敛 机会不大002545 缩量整理 可以关注</t>
  </si>
  <si>
    <t xml:space="preserve">关于上淘宝网。。。。。。淘宝网大家不陌生吧，相信也有很多网友是淘 </t>
  </si>
  <si>
    <t>购物安全 可是质量有些无良商家会很糟糕 快递是按距离而定的 远的话 4-5天 近的话2-3天</t>
  </si>
  <si>
    <t xml:space="preserve">小规模企业出口怎样退税？没有进出口权，委托进出口代理公司办理。出 </t>
  </si>
  <si>
    <t>没有进出口权,找别人代理出口的,自己本身是不能直接退税的.但是在代理公司把美元结成人民币给你的时候,你可以的把他退税的钱给你,当然就是指货价+退税额-代理费就是你拿到的款项了.这个有具体公式的.如果你需要,你可以把数据给我, 我可以帮你算一下加上退税钱,你所能拿到的最多货款是多少. 好多代理公司欺负企业不是很懂,往往会让企业忽略退税额.</t>
  </si>
  <si>
    <t xml:space="preserve">在5173买的号被原来主人盗回了在5173买的诛仙帐号,因为没更 </t>
  </si>
  <si>
    <t xml:space="preserve">尊敬的客户:     您好！5173客户服务036很高兴为您服务！很抱歉，我们只担保卖家所提供的密码保护资料是正确的，不保证卖家会不会用其他非法手段找回帐号。由于id交易存在一定的风险，交易成功后id出现什么问题都要由买家自己承担，5173只能提供力所能及的帮助，除了征途和RF过户我们能保证100%安全之外，其他的游戏我们不能保证绝对的安全。如您还有疑问，请您登陆5173用户名,“进入我的5173”,选择左边任务栏中的“我的咨询投诉”,在线提交您的问题,工作人员在1个工作日内在线答复您，您可以在“咨询投诉管理”中查看回复结果,并对我们的服务进行评价。感谢您对5173的支持!!!                                                                                                                                      </t>
  </si>
  <si>
    <t xml:space="preserve">郑明明的产品怎么样？好像还没看到有关“郑明明”的评论哦！上星期我 </t>
  </si>
  <si>
    <t>我以前用过她家的粉,很不错,不怎么掉妆,化妆品也不是护肤品,什么年龄都适合呀,粉红莹光应该很适合你的哟~~~~~</t>
  </si>
  <si>
    <t xml:space="preserve">有关ZSVSDZ的问题,请玩过战士和盗贼的朋友进ZS和DZ打的时 </t>
  </si>
  <si>
    <t>有这么几种情况战士是可以免疫盗贼的肾击的。1，兽人战士。兽人25%抗眩晕，肾击属于眩晕效果。2，在你第一个肾击或者偷袭结束后15秒内，你又用肾击或者偷袭了，然后效果结束后15秒内你又一次用了肾击或者偷袭，这样的话，下一次肾击或者偷袭就会被免疫掉，这是15秒眩晕递减规则。3，药水问题。战士可能吃了，自由行动药水，活力行动药水，有限无敌药水。4，装备问题。战士可能穿了“免伤锁甲”免伤锁甲装备后绑定胸部 锁甲554点护甲需要等级 57装备： 有5%的几率在被击中之后完全不受物理攻击的伤害，持续3秒。这种效果每30秒只能激活一次。装备： 防御技能提高13点。根据楼主描述，请考虑2和4这两种情况，我觉得第2种情况可能行比较大。</t>
  </si>
  <si>
    <t xml:space="preserve">送25岁男生礼物送什么好？[想一想][霹雳] </t>
  </si>
  <si>
    <t>剃须刀，手表一条领带吧送个钱包会比较合适钱包 手表都很实用</t>
  </si>
  <si>
    <t xml:space="preserve">范特西是什么意思？ </t>
  </si>
  <si>
    <t>fantasy,幻想</t>
  </si>
  <si>
    <t xml:space="preserve">WX可以带骑宠不啊？可以的话要怎么得到啊？有什么用啊谢谢回答 </t>
  </si>
  <si>
    <t>可以带\可以在游戏中用完美币向其他玩家购买,也可以用RMB冲值金子购买.坐骑类型分别有:追风豹,踏雪熊(这2种WMB或RMB都可买到)五彩麋鹿,报喜猪,白龙马(这3种只能WMB买了)以上速度都是初级8米/秒,满级9米/秒赤兔马,乌骓马(这两种只能在游戏里用WMB买)速度都是初级7米/秒,满级8米/秒流云象、梅花鹿、寒武龙和吉祥麒麟&lt;这4种WMB或RMB都可买到&gt;速度:初级9米/秒,满级10米/秒.坐骑用处就是加快了移动速度!买到坐骑后可去万化,积羽,剑仙,祖龙城的宠物管理员出孵化,然后按P就可以召唤出坐骑了.同时你还要买几百瓶清水放身上,忠诚度越高,坐骑的升级速度就越快,被怪物K一下很低几率被收回,忠诚太低的话,骑着它逃命的时候被K一下就会收回的~~</t>
  </si>
  <si>
    <t xml:space="preserve">谁能告诉我这是哪部动画片 </t>
  </si>
  <si>
    <t>这个是叫：日常</t>
  </si>
  <si>
    <t xml:space="preserve">请问我下的客户端怎么不能用啊？为什么我下的吞食客户端用不起啊？连 </t>
  </si>
  <si>
    <t>请您关闭防火墙或换其他更新点试试</t>
  </si>
  <si>
    <t xml:space="preserve">怎么去处衣服上的血啊?要简单方便的方法啊! </t>
  </si>
  <si>
    <t xml:space="preserve"> 用醋清洗,可以快速除掉</t>
  </si>
  <si>
    <t xml:space="preserve">怎么区分是处男不是处男 </t>
  </si>
  <si>
    <t>我路过的来赚分的</t>
  </si>
  <si>
    <t xml:space="preserve">法师b装那套好？？如同 </t>
  </si>
  <si>
    <t>都不错</t>
  </si>
  <si>
    <t xml:space="preserve">请“幻影游动”回答大师对这个好像也很在行，请介绍一下吧 </t>
  </si>
  <si>
    <t>呵呵，既然幻影游动不认识，那我就抛抛砖吧，看看是不是它。图中应该是英国的“镇”级驱逐舰G-19“利明顿”号吧（ HMS Leamington G-19），是 前美国海军的特威格斯的DD - 127驱逐舰。</t>
  </si>
  <si>
    <t xml:space="preserve">颈椎病的症状？颈椎病的症状有哪些？ </t>
  </si>
  <si>
    <t>颈椎病常见症状有肩颈部不适、疼痛或麻木，或牵扯一侧上肢麻木，也有病人可出现头的眩晕不适。</t>
  </si>
  <si>
    <t xml:space="preserve">讨伐完讨伐蒂洛斯后就要讨伐蒂洛斯分身了，可是他说分身在地宫2层，? </t>
  </si>
  <si>
    <t>先要打死吸血恶灵才会出现分身这个怪3600秒(资料显示)刷新一个，在22个房间都有（除了走廊和绕来绕去的几个通道）组几个人挂在那里就行了</t>
  </si>
  <si>
    <t xml:space="preserve">申请合体需要哪些条件？ </t>
  </si>
  <si>
    <t xml:space="preserve">- 合体唯有精灵角色才可申请。 - 精灵角色透过选项，于欲合体的角色进行合体申请。 - 若收到合体的申请，人类的游戏画面会出现接受或拒绝的窗口显示。 - 若接受合体的申请，精灵会缩小，并围绕着人类的周围飞舞。 - 虽然只有精灵角色可申请合体，但是精灵和人类皆可执行解体。 - 合体后所有移动皆由人类角色控制，精灵仍可由操控者自由使用技能、攻击或捡取道具。 - 捡取怪物掉下来的金币将自动分配，物品可由鼠标左键或波浪键(~)取得。 - 若在合体状态下，人类角色死亡，精灵角色也会一同死亡。 - 随着精灵角色的能力上升，人类角色的能力也会随之上升。 - 角色间进行合体，不受等级的高低，都可进行合体，但若等级差太多，则角色间没有特别奖励 </t>
  </si>
  <si>
    <t xml:space="preserve">求救!近段时间便秘严重!!嘴里溃疡好多,痛死了!近两天口腔溃疡好 </t>
  </si>
  <si>
    <t>你的症状是内火过旺，建议你去医院配些清热解毒的药，再者饮食方面吃些清热降火的菜。急救的方法是先到药房买包牛黄解毒丸吃起来，这个药价廉且疗效快，大热天在家里多吃些西瓜和绿豆汤也能快速排除你体内的火气和毒气的。希望你尽快好起来。</t>
  </si>
  <si>
    <t xml:space="preserve">女生下巴长胡子怎么办呢23岁，最近一段时间下巴突然长出几根有点长 </t>
  </si>
  <si>
    <t>发的生长受神经、内分泌系统的控制及调节，其中内分泌雄性激素代谢影响最为明显。当雄性激素代谢异常时，毛发生长异常，就可以见到妇女长胡须。大多数妇女在妊娠期间都有程度不同的面部多毛现象，一般到产后6个月消失，这也是因为妊娠期雄性激素变化的结果，是一种生理性改变。 但妇女长胡须也有病理性改变，主要见于一些综合征，如糖尿病综合征及双侧性多囊性卵巢综合征。因此如有异常现象发生，患者应及时前往医院就医，查明长须的根本原因，对应治疗.</t>
  </si>
  <si>
    <t xml:space="preserve">简介大东沟海战？ </t>
  </si>
  <si>
    <t xml:space="preserve">中日甲午战争中，双方海军主力在黄海北部海域进行的战役规模的海战。亦称大东沟海战。　　1894年(清光绪二十年)7月,日本海陆军分别挑起丰岛海战和成欢之战。8月1日，中日两国政府同时宣战。此后，战事便在陆上和海上两个战场全面展开。随着日本陆军在朝鲜的作战战场北移平壤，日本联合舰队亦相应进泊仁川至大同江口一带。企图切断中国同朝鲜之间的海上联系,并寻机同中国海军主力决战,歼击北洋海军，夺取黄海制海权，为实施大本营制定的在直隶(约今河北)平原进行陆军主力决战的作战计划创造条件。　　9月16日，北洋海军提督丁汝昌奉命率领由战斗舰艇18艘组成的护航舰队，护送陆军4000人由大连乘运输船至鸭绿江口大东沟登陆，赴援平壤。17日，在陆军登陆后，舰队准备返航。同日，伊东祐亨司令长官率日本联合舰队本队(由"松岛"、"千代田"、"严岛"、"桥立"、"比睿"、"扶桑"、"西京丸"、"赤城"8舰编成,"松岛"为联合舰队旗舰)和第一游击队(由"吉野"、"高千穗"、"秋津洲"、"浪速"4舰编成，司令官为坪井航三，"吉野"为第一游击队旗舰),共战舰12艘，由朝鲜西海岸小乳纛角(长山串)出航，环绕黄海北部游弋。日联合舰队先驶抵海洋岛，继向东北方向前进。　　同日11时许，双方均发现对方舰队。日联合舰队随即准备发起攻击；北洋舰队亦启航迎敌。丁汝昌向各舰下达命令,重申按预定之三条要求行动:姊妹舰或对舰，务合而勿离，互相援助；以舰首对敌；诸舰随旗舰。在迎战时,其全队列成"夹缝雁行阵"(横队)：装甲舰"定远"、"镇远"居中；左翼依次为巡洋舰"靖远"、"致远"、"广甲"和"济远"；右翼依次为巡洋舰"来远"、"经远"、"超勇"和"扬威"。由于各舰航速不一，在列阵过程中实际形成了"定远"、"镇远"突前的不规则的横队。巡洋舰"平远"、"广丙"号及鱼雷艇2艘，位于大东沟港口，未列入迎战队列。炮舰"镇中"、"镇南"及另鱼雷艇2艘，进入大东沟口护卫陆军上陆,未加入战斗。日联合舰队在接战时列成纵队:第一游击队4舰依次居前，本队6舰依次居后，"西京丸"和"赤城"2舰依次列于本队后尾左侧(非战斗侧)。当北洋舰队进至距鸭绿江口西12海里时,双方相距6.4海里，日联合舰队第一游击队稍向左转向,企图攻击北洋舰队右翼。12时50分,双方在大鹿岛(大洋河口外)西南接近至3.2海里时，开始战斗。日联合舰队第一游击队向北洋舰队右翼实施猛烈攻击，"超勇"和"扬威"二舰被击中起火，先后沉没。"超勇"管带黄建勋、"扬威"管带林履中及两舰官兵大部阵亡。日舰"吉野"亦被击伤。　　战斗开始后,"定远"舰飞桥塌毁,正在飞桥上指挥战斗的丁汝昌摔伤。北洋海军右翼总兵、"定远"舰管带刘步蟾代替指挥。随后，"定远"舰信号设备被炮火击毁，北洋舰队遂失去统一指挥。"定远"、"来远"、"靖远"等舰集中火力攻击日联合舰队本队后尾之"比睿"和"赤城"等舰，将其击伤，并击毙"赤城"舰舰长坂元八郎太。伊东祐亨采取机动战术对北洋舰队实施夹击，令第一游击队向右后旋回，拟自率本队向左后旋回；但坪井航三误率第一游击队向左后旋回，伊东祐亨乃临机率本队向右后旋回。北洋舰队队形被穿插兜击，顿时混乱。"平远"、"广丙"和2艘鱼雷艇赶到现场，立即对已被击伤的日舰"西京丸"实施追击，但被日第一游击队所阻。为救援"比睿"、"赤城"，日第一游击队第二次向左后旋回机动,并对"经远"舰实施攻击；此时,向右后回旋攻击的日联合舰队本队绕至北洋舰队背后，形成对北洋舰队夹击态势。已受重伤且弹尽的"致远"舰正遇日第一游击队，管带邓世昌指挥已侧倾的"致远"舰向日舰"吉野"猛冲，以求与敌舰同归于尽，不幸被日舰击中鱼雷发射管，舰身爆裂，邓世昌及全舰官兵250余人壮烈殉国。日舰"高千穗"、"吉野"重新加入夹击"经远"舰，"经远"舰奋勇苦战，管带林永升、大副陈策阵亡，随后该舰被击沉，全舰官兵200余人英勇殉难。"来远"、"靖远"两舰在夹击日舰"比睿"、"赤城"时受伤。"来远"舰弹药舱爆炸，机舱充满浓烟，三管轮张斌元俯身舱底操纵轮机，大副张哲、炮官谢葆璋指挥官兵奋力灭火。15时30分,日舰继续夹击"定远"、"镇远","定远"、"镇远"等舰奋起还击，重创日舰"松岛"，毙伤其100余人,伊东祐亨被迫移"桥立"舰为旗舰。在"靖远"帮带大副刘冠雄建议下，管带叶祖?自动代理舰队指挥,集合各舰。伊东祐亨见天色已晚，数舰已伤,且顾虑遭鱼雷艇攻击，遂率队向东南方向撤出战斗。北洋舰队稍事追击后,亦收队回旅顺(今属辽宁大连)。在战斗进行中，"济远"、"广甲"两舰逃离战场，"广甲"舰至三山岛搁浅，后于23日被日舰击毁。　　此战历时5个多小时,日方因战法灵活,指挥得力,充分发挥第一游击队航速高、舰炮射速快等优势,始终掌握住战场主动权，故损失较小,只被击伤"松岛"、"吉野"、"比睿"、"西京丸"和"赤城"等5舰,官兵死伤290余人。中方由于接战队形不利于机动和发扬火力,加之一度中断指挥,故损失重大,"经远"、"致远"、"超勇"、"扬威"和"广甲"等5舰先后沉毁，"定远"、"镇远"、"来远"和"靖远"等4舰受伤，官兵伤亡约1000人。此后,黄海制海权落入日联合舰队之手，对甲午战争的后期战局具有决定性影响。 　 </t>
  </si>
  <si>
    <t xml:space="preserve">怎么老是进入不了游戏每次进入游戏,都是无法连接服务器.无论更新多 </t>
  </si>
  <si>
    <t>19至21日为全国哀悼日，停止一切娱乐，所有服务器停机三天。</t>
  </si>
  <si>
    <t xml:space="preserve">关于FTP电脑重装之后,FTP页面能打开,但打开文件夹时屏幕上显 </t>
  </si>
  <si>
    <t>打开‘我的电脑’--工具--"文件夹选项"，点击"文件类型"标签，在"已注册的文件类型"列表下找到"文件夹"并选中它，单击"高级"按钮，在出现的"编辑文件类型"对话框中，如果只有"find"一项，则在"操作"下点击"新建"按钮，在"新操作"对话框的操作下面输入"Open"，在"用于执行操作的应用程序"下面填入"C:\Windows\Explorer.exe"，然后点击"确定"，选中建立的"Open"，点击"设为默认值"按钮；如果已经有"Open"，则直接选中它并设成默认值即可。</t>
  </si>
  <si>
    <t xml:space="preserve">我要买车老款本田雅阁2.3顶配,开了五年,值多少钱? </t>
  </si>
  <si>
    <t>15-17W，看看多少公里了，车况怎么样，外观，之前的事故这些情况来最终决定。</t>
  </si>
  <si>
    <t xml:space="preserve">如何改掉粗心大意的习惯？如何让自己的大脑不至于想得太多，以至于丢? </t>
  </si>
  <si>
    <t>有句老话"好记性不如烂笔头",可以准备一本笔记本,每天上班第一件事就是把今天要做的事写好,按:急需解决,等待解决,慢慢解决,依次分好类,这样你就能把事情安排好,不用让你的脑袋装进那么多的东西了,还有,毛病是要慢慢改的,急不来,要坚持,有耐心,相信你自己一定能改正缺点的!加油,祝你成功!</t>
  </si>
  <si>
    <t xml:space="preserve">市丸到底有没有死 </t>
  </si>
  <si>
    <t>重伤，生死不确定，不过应该不会死~</t>
  </si>
  <si>
    <t xml:space="preserve">明星名人才能有个人认证吗 </t>
  </si>
  <si>
    <t>是的吧...普通人只能有微博达人的</t>
  </si>
  <si>
    <t xml:space="preserve">北京市对出差补助有什么规定,税务对出差补助税前扣除限额是多少?由 </t>
  </si>
  <si>
    <t>有发票的据实扣除，没有发票的不能扣除，只能税后利润负担！</t>
  </si>
  <si>
    <t xml:space="preserve">家用摄像机索尼和Jvc哪个好想买摄像机记录宝宝的成长过程看好索尼 </t>
  </si>
  <si>
    <t>100%是索尼好，原因是：索尼在摄像机上是专业品牌，从HDCAM SR系列、 HDCAM系列往下所有IMX, XDCAM， DVCAM系列都齐全。JVC只有民用产品。索尼能够生产CCD,  JVC的CCD只能采购索尼的。索尼在摄像机的历史长，JVC短。高端决定低端，索尼的高端是业内第一，低端也不用考虑，购买索尼的吧</t>
  </si>
  <si>
    <t xml:space="preserve">问一下各位没有过性生活的女生,需不需要用洗液那些东西来洗下体,还 </t>
  </si>
  <si>
    <t>一般说，女性由于生殖道及尿道短且离肛门近，容易引起生殖系统以及泌尿系统感染，所以女性应经常清洗下阴，没必要用洗阴液，清水就行了。未婚女性也很容易得乳腺增生，不过乳腺增生很常见，不要太担心，一般都是凉性的，建议去医院治疗一下</t>
  </si>
  <si>
    <t xml:space="preserve">请教白天鹅大夫我上次月经是7月26日,周期31天——45天不等， </t>
  </si>
  <si>
    <t>你未检测排卵情况就难说了，出现褐色分泌物的原因很多，未经检查情况不明，况且你的周期又比较长且不规律，现在只能等待了。</t>
  </si>
  <si>
    <t xml:space="preserve">上环是怎么回事，是不是上过就不会怀孕了。 </t>
  </si>
  <si>
    <t xml:space="preserve">     上避孕环简便易行，无明显的副作用，又不影响性，还不会发生像口服药物出现漏服、药物失效等情况，具有"一劳永逸"之效，因而受到很多女性的青睐。　　　　何以月经过多　　　　上避孕环的优点是显而易见的，但不是完美无缺的。个别妇女上环后，常常出现月经偏多、月经周期延长、痛经。这一现象的出现，原因是多方面的，并非都是避孕环本身的原因。　　　　临床较为常见的原因有如下几种：　　　　上环时或上环后感染　　　　子宫内膜是很脆弱的，如果在上环时将细菌、病毒带入宫腔，或上环后不注意卫生，均容易造成宫腔感染，发生出血过多、经期延长、痛经。但上环时引起感染的可能，在正规医院是极少发生的。　　　　避孕环压迫子宫内膜所致　　　　子宫内膜受到避孕环的压迫，可造成局部充血、水肿，甚至发生坏死，形成受压部位溃疡出血。这种情况与少数人不适应有关，一般经过一段时间后可以自愈，当然也可通过治疗很快康复。　　　　上环后其他方面改变　　　　避孕环可使纤维蛋白溶解酶活性增高。溶解酶活性增高导致纤维蛋白溶解，血液凝固功能遭到破坏，因而出血量增加。不仅如此，个别妇女上环后体内前列腺素增加。前列腺素增加的结果，不但会导致血小板凝集功能障碍，还会增加子宫收缩的频度，造成出血增多、痛经。　　　　避孕环本身的毛病　　　　避孕环变形、扭曲、位置异常，嵌顿在子宫壁上，也可引起出血增多或痛经。　　　　此外，如果原来就有出血倾向、凝血功能障碍、慢性子宫内膜炎或平时月经过多等疾病，强行上环也会导致月经过多。　　　　防治月经过多　　　　上环后月经过多是需要认真诊治的。有些人认为"月经多点没有什么，没必要大惊小怪，不需要进行治疗"，这种观点是错误的。因为在正常情况下上环是不会导致月经过多的，月经过多本身就是疾病。　　　　凡是上环后月经明显增多，而且伴有腹痛、腰痛、下坠、发热、出血过多，阴道分泌物有异味等症状，就应引起警惕，及时去医院找大夫弄个究竟。　　　　当然，上环要严格掌握适应证，不可勉强为之。上环后一定记住大夫的话，不要"闯红灯"，不要在上环后的一周内过食辛辣、酒类等刺激性较强的食物，不要过于劳累，不要洗盆池澡。应注重个人保健，注重阴部卫生。　　　　上避孕环后出现异常，应及时查明原因，针对病因进行治疗。如果经X线、B超、子宫造影证实属于避孕环形状、位置的问题，则应及时更换。这对于因避孕环压迫局部造成的溃疡性出血有良好效果，因更换后出血部位有修复机会，便于溃疡面的愈合。　　　　对于出血偏多者，可在大夫的指导下进行一般的止血治疗。有炎症表现者，应进行抗生素治疗。　　　　出血较多者，应及时去医院查明原因，针对出血原因采取措施。除了一般的止血药物外，还可运用中医药进行辨证施治。如果出血较多，颜色鲜红，口干舌燥，大便秘结，可用白茅根、生地炭、茜草、炒栀子、生地榆等治疗；倘若出血较多，颜色紫暗，腹痛较重，小腹有下坠感，宜用当归、川芎、丹参、红花、益母草、三七等；假如出血颜色较淡，时间较长，面色无华，四肢乏力，头晕耳鸣，则用炙黄芪、阿胶、旱莲草、太子参、三七、余禹粮、贯众炭等。　　　　药物治疗没有明显效果，而且出血量又大者，可考虑暂时取出避孕环，俟适宜时再作打算。上环后，只是阻断精卵结合，对于其他功能并无影响。 </t>
  </si>
  <si>
    <t xml:space="preserve">谁有日本加贺级战列舰的图片啊不是要已经改装成的航空母舰的图片，我 </t>
  </si>
  <si>
    <t>加贺级战列舰，39900/44200吨，91000马力, 26.5节，舰员1333人，5座双16.1寸主炮, 20门单5.5寸副炮,8具24寸鱼雷！</t>
  </si>
  <si>
    <t xml:space="preserve">人为什么心情会不好？莫名的烦躁，生气， </t>
  </si>
  <si>
    <t>有要求，有欲望，就会有情绪波动。工作，生活不顺利，人际关系难处理，很多外在的或内在的因素都会影响你的心情。</t>
  </si>
  <si>
    <t xml:space="preserve">弱弱的问下，高球营怎么样？用过的朋友可以谈谈体会吗？ </t>
  </si>
  <si>
    <t>以前还可以，现在在上面认识的人好多都是卖基金和房子的，根本不是球友，太烦了。。。</t>
  </si>
  <si>
    <t xml:space="preserve">戒指问题!!戒指,请问戒指带在各个手指上分别代表什么意思???? </t>
  </si>
  <si>
    <t>戴戒指是有讲究的。按西方的传统习惯来说，左手显示的是上帝赐给你的运气，因此，戒指通常戴在左手上。 国际上比较流行的戴法是：食指———想结婚，表示未婚；中指———已经在中；无名指———表示已经订婚或结婚；小指———表示独身。 至于右手，在传统上也有一个手指戴戒指时是有意义的，那就是无名指。据说戴在这里，表示具有修女的心性。 还有一种戒指，当你戴它的时候，无论你戴在哪里都不具备任何意义，这种戒指就是一般的花戒。这种戒指是起一种装饰的作用，可以戴在任何你想戴的手指上。 戒指戴在拇指上是十分奇怪的，因此不推荐。戒指戴在食指上，感觉是比较有个人主张。最正式的戴法莫过于戴在中指上，如果不想有太正式的感觉，可以在左或右指再加一个简单的指环。无名指上的戒指通常是结婚戒指，无名指长得比较纤细，因此不管什么戒指，戴起来都是标准的秀气。最新鲜的戴法，莫过于把戒指戴在小指头上了。一枚小小的、简单的尾戒，让女性的手莫名其妙地可爱起来，一般代表“我现在只想单身，请不要浪费时间追求我”的意思。 戴设计性比较强的戒指时，如果想更有个人风格，可以考虑搭配另一个材质相同、线条较简单的指环在另一指上。如果戒指的材质属性可以和手表搭配，那是最好不过的了。例如你戴的是枚可爱的花戒指，就可以配一只皮质金框的表。如果你并没有太多可以变换的表或戒指时，不妨考虑把戴戒指的手和戴手表的手错开，不要让不协调的两件配饰在同一只手上出现。 在同一只手上戴两枚戒指时，色泽要一致，而且一枚戒指复杂时，另一枚一定要简单。此外，最好选择相邻的两只手指，如中指和食指、中指和无名指或无名指和小指，千万不要中间隔着一座“山” 戒指自古以来具有强烈的象征意义，因此它的戴法很有讲究。按照我国的习惯，订婚戒一般戴在左手的中指，结婚戒指戴在左手的无名指；若是未婚姑娘。应戴在右手的中指或无名指，否则，就会令许多追求者望而却步了。 按西方的传统习惯来说，左手上显示的是上帝赐给你的运气，它是与心相关联的，因此，讲戒指戴在左手上是有意义的。 国际上比较流行的戴法是： 食指——想结婚，表示未婚； 中指——已经在恋爱中； 无名指——表示已经订婚或结婚； 小指——表示独身。 至于右手，在传统上也有一个说法：那就是戴在无名指上。据说戴在这里，表示具有修女的心性。当然，还有一种戒指，无论你戴在那里都不具备任何意义，这种戒指就是一般的花戒，它只起到一种装饰的作用，可以戴在任何你想戴的手指上，没有任何拘束。 戴戒指是爱的语言。戒指一般戴在左手（戴右手做事不太方便） 在国外，不戴戒指也表示“名花还无主，你可以追我”。 按西方的传统习惯来说，左手上显示的是上帝赐给你的运气，它是与心相关联的，因此，讲戒指戴在左手上是有意义的。国际上比较流行的戴法是： 食指--想结婚，表示未婚； 中指--已在恋爱中； 无名指--表示已经订婚或结婚； 小指--表示独身。 至于右手，在传统上也有一个手指戴戒指时是有意义的：那就是无名指。据说戴在这里，表示具有修女的心性。 戒指不仅仅是装饰品，你喜欢戴哪一类戒指，喜欢戴哪根手指，都会泄露你的心底故事。 对女士来说—— ．喜爱粉红钻或粉红色珊瑚者，感情丰富而浪漫。 ．喜爱红宝石或红碧玺者，热情似火。 ．喜爱蓝宝石或海蓝宝者．较内向冷淡。 ．喜爱祖母绿或土耳其石者，情感纤弱。 对男士来说—— ．戴纯银戒指表示性情温和，易迁就他人。 ．戴金戒指者较重视利益，往往会有精明的生意头脑。 ．戴翡翠玉石者注重品味素质，处事严谨。 手指与戒指—— 戒指戴在不同的手指上，能体现与性格有关的心理含义。 ．喜戴在食指者，性格较偏激倔强。 ．喜戴在右中指者．崇尚中庸的人生观念。 ．喜戴在左中指者，有责任感，重视家庭。 ．喜戴在小手指者，有自卑感。 ．喜戴在无名指者，无野心，随和，较不计较得失。 其他回答： 按西方的传统习惯来说，左手显示的是上帝赐给你的运气，因此，戒指通常戴在左手上。 国际上比较流行的戴法是：食指———想结婚，表示未婚；中指———已经在恋爱中；无名指———表示已经订婚或结婚；小指———表示独身。 至于右手，在传统上也有一个手指戴戒指时是有意义的，那就是无名指。据说戴在这里，表示具有修女的心性。 其他回答续： 戒指一般不宜随便乱戴，按习俗它戴在各个手指上所表示的含义不一样，这是一种沉默的语言，也是一种讯号和标志，所以在佩戴时要细心考虑，以免闹出笑话。 大拇指上一般不戴戒指；戴在食指上表示想结婚，表示未婚；戴在中指上表示已有对象,已在恋爱中；戴在无名指上表示已订婚或已结婚；戴在小指上表示独身主义或已离婚。有人用更简单的“追、求、订、婚、离”五个字说明将戒指分别戴在5个手指上的含义和暗示。 关于戴戒指的含义，历来流传着好几个版本的解释，其中比较通用的一种说法是：戴在拇指上表示追求对方，戴在食指上表示渴望爱情，戴中指表示已经订婚，戴在无名指上表示已经结婚，而戴在小指上就表示单身或离婚了。在国外，不戴戒指也表示“名花还无主，你可以追我”。而现代人已经不太拘泥于这套规矩，只要自己喜欢，戴在哪个手指都无所谓。 对男士来说--戴纯银戒指表示性情温和，易迁就他人。戴金戒指者较重视利益，往往会有精明的生意头脑。戴翡翠玉石者注重品位素质，处事严谨。 对女士来说--喜爱粉红钻或粉红色珊瑚者，感情丰富而浪漫。喜爱红宝石者热情似火。喜爱蓝宝石或海蓝宝石者，较内向冷淡。喜爱祖母绿或土耳其石者，情感纤弱。 手指与戒指--戒指戴在不同的手指上，能体现与性格有关的心理含义。喜戴在食指者，性格较偏激倔强。喜戴在右中指者，崇尚中庸的人生观念。喜戴在左中指者，有责任感，重视家庭。喜戴在小手指者，有自卑感。喜戴在无名指者，无野心，随和，不计较得失.</t>
  </si>
  <si>
    <t xml:space="preserve">花钱要区分“投资”行为或“消费”行为。 </t>
  </si>
  <si>
    <t>说的对。</t>
  </si>
  <si>
    <t xml:space="preserve">你好清泉老师,请问000598后市怎么操作?现在还未解套拜谢 </t>
  </si>
  <si>
    <t>20日均线附近补仓操作.</t>
  </si>
  <si>
    <t xml:space="preserve">红白喜事行个情多少钱合适？现在亲戚，朋友，同学的关系都是金钱关系 </t>
  </si>
  <si>
    <t>人情世故无法改变。可以随行就市，数量不与别人冲突为好。</t>
  </si>
  <si>
    <t xml:space="preserve">他们有人说妖精必须有80级的号才能玩？昨天看帖子有个叫忍什么地说 </t>
  </si>
  <si>
    <t>错了；官方网上说了；是新开放的职业；新区老区都可以玩；没有说要什么８０级才可以玩；骗人的；ＢＳ他</t>
  </si>
  <si>
    <t xml:space="preserve">山东鲁能主教练是谁？ </t>
  </si>
  <si>
    <t>鲁能新主帅腾卡特（荷兰人）</t>
  </si>
  <si>
    <t xml:space="preserve">封号多少天可以开啊 </t>
  </si>
  <si>
    <t>这个别好说！我就被封过两次！这要看你是什么原因被封的！情节严重的话，就会迟的！最快也要半个月！以后还是注意点！要不被封了太麻烦了！</t>
  </si>
  <si>
    <t xml:space="preserve">请问我刚怀孕一个多月的时候有感冒两个多星期,会不会对胎儿有影响?? </t>
  </si>
  <si>
    <t xml:space="preserve">您好,早孕期(妊娠1—3个月)是胎盘形成和胚胎各器官分化形成的关键时期，此期若患感冒对胎儿危害较大。 流感病毒侵入机体后繁殖产生毒素，毒素作用于机体而使机体代谢紊乱，体温升高，且高热和毒素可直接损害胎儿脑细胞，出生后智能低下。高热和毒素又可刺激孕妇子宫，使子宫收缩可诱发流产。病毒还可透过胎盘进入胎儿体内，影响胎儿各器官的发育，造成多种先天性畸形，如先天性心脏病、小头、兔唇等畸形。因此早孕期感冒应积极治疗。 对轻度感冒仅有鼻塞、轻微头痛者一般不需用药，应多饮开水，充分休息，也可适当用些中药，如感冒冲剂、感冒胶囊等，一般很快自愈。 如出现高热，体温达39℃以上，咳嗽，头痛等症状时，应卧床休息，多钦水，并积极采取降温措施，可用温湿毛巾擦浴或用30％的酒精擦拭颈部、两侧腋窝和服窝，反复擦试20—30分钟后测量体温，仍不降可继续擦拭，直至体温降至38℃以下为止。并到就诊，在医生指导下用药，且不可盲目用退热剂之类药物。 对持续高烧达3天以上者应积极治疗，病情痊愈后检查、确诊胎儿是否正常，如发现死胎应及时终止妊娠。对合并细菌感染者应在医生指导下选用抗生素治疗。在孕中期行B超、羊水等检查方法，了解胎儿有无畸形或发育异常，并做相应处理。 感康、感冒通、康泰克、白加黑、康必得、快克等等,孕期不宜服用,特别是孕4周前,感冒药主要是对症药物,治标不治本,对孕妇又不是安全用药,所以建议孕妇最好不用抗感冒药。青霉素是安全的用药,有影响的是感冒带来的,请尽快将感冒治疗好 可选用一些毒副反应较少的中草药对症处理。具有清热解毒、抗病毒作用的板蓝根、大青叶、连翘、羌活、金银花等都有较好疗效。中成药及其制剂银翘解毒丸及片剂、颗粒剂，复方大青叶注射液、银黄口服液等都可以用。 轻度畏寒发热、鼻流清涕的患者，可采用通阳解表之法，取生姜数片、葱白10段、香豆豉10克，共煎水服下。若是暑天感冒发热，可选用鲜藿香、鲜佩兰各15-25克，薄荷5克，荷叶5克，加水煎服。 以上供您参考,请尽量在医生指导下服药，选择用药时一定要注意说明书,看是否孕妇禁用、慎用。 祝早日康复。 </t>
  </si>
  <si>
    <t xml:space="preserve">限制级别9限大师以下的回答每人限回答2题，多回答不采纳题目是谁 </t>
  </si>
  <si>
    <t>Mil Mi-26 HaloUTair Aviation的Mi-26T吊着军用型Mi-26，挺有意思，算不算拉兄弟一把呢？</t>
  </si>
  <si>
    <t xml:space="preserve">我要买个梦幻西游帐号，我有些问题需要了解详细情况91wang有没? </t>
  </si>
  <si>
    <t xml:space="preserve">尊敬的客户:     您好！91交易网客户服务037很高兴为您服务！抱歉，如果您有疑问，可以在本版块发帖咨询，或者与我们客服中心联系咨询。如您有任何交易问题,请联系客服中心服务热线：400-711-9991咨询 。感谢您对91网的支持！！！                                                </t>
  </si>
  <si>
    <t xml:space="preserve">如何存外汇？ </t>
  </si>
  <si>
    <t>目前各家银行推出的此类产品名称很多，并且每一期推出的同一款产品在限制的条件、利率等方面都可能有所改进。但这些产品的收益基本上都是与该货币的利率相关，收益多与LIROR（伦敦同业拆出利率）有关，基本上可以分为三类：收益递增型。如工商银行上海分行推出的"节节高"产品。它的最低投资收益为年率1.2%，每3个月为一个计息期，如果银行不提前赎回，下一计息期的投资收益将自动递增0.2个百分点。据介绍，这种产品的到期收益率一般会比三年期收益率固定的产品，高出0.2-0.6个百分点。但是它的风险就在于，如果美联储的利率不上涨，或者上涨非常小，银行就有可能终止此产品，由于它是递增的，所以它前期的利率是会比较小。区间波动型。一般设定一个观察区间，LIBOR利率进入这一观察区间的天数越多，收益则越大。以中国银行2004年3月推出的"美元日进斗金"为例，它的投资期限最长达6年，第一年的收益率为5.60%，剩下5年的收益则与6个月美元LIBOR挂钩。第二年的观察区间为LIBOR在0%-3.0%之间，第三年为0%-3.5%之间，每一年的观察区间扩大0.5个百分点，第一年以后的年利率为5.6%*n/360，n为6个月美元LIBOR落入观察区间的天数，在一年内6个月美元LIBOR落入观察区间内的天数（n）越多，则收益越高，最高可获得的年收益率为5.6%。中行北京分行的敖小姐分析说，LIBOR利率是国际上短期资金拆借用得很普遍的一个参考指标，它是和美联储的联邦利率具有直接的相关性，目前LIBOR为1.7%左右。这个公式看似复杂，但实际上它就蕴含了一个观点：美联储公布的联邦基金利率不会急速上扬。如果客户认同这个观点，认为美国未来的经济即使快速发展，通货膨胀的压力也不足以使利率大幅度提高，那么你就可以购买这个产品。 总收益固定型。期限可缩短的产品。以建设银行"汇得盈"的一款产品为例，它的总收益率为10%，最短投资期限为2年，最长为5年。其中第一年获得6%的固定收益，其后的每一年根据8%-2*1年期LIBOR利率，当客户获得10%的总收益后，该产品自动终止。从公式中可以看出，LIBOR越大，获得的收益越小。所以它同样蕴含着LIBOR不会急速上扬的观点。这一类产品和上一种最大的区别就是，它的总收益是确定的，只是年收益率是不定的。但是客户可以看到它最坏的情况也就是五年获得10%的总收益，即当一年期LIBOR达到4%以上时，只有等到第五年才能拿到剩余4%的利率。但一年仍然有2%的收益率。而区间波动型的产品除了第一年的收益是确定的以外，其他都是不可知的。</t>
  </si>
  <si>
    <t xml:space="preserve">请问玩二人三足比赛有什么技巧就是把两个人的其中一个脚绑在一起，怎 </t>
  </si>
  <si>
    <t>保持相同的规律步伐前进,协调好步幅和步频,最好有一个人喊口号,其他人按口号先进,只要不跌倒,就有可能赢,所以稳是很重要的..</t>
  </si>
  <si>
    <t xml:space="preserve">南方基金公司可以什么银行卡直销？ </t>
  </si>
  <si>
    <t>广发卡，兴业卡，建行卡，很快还会有农行卡。</t>
  </si>
  <si>
    <t xml:space="preserve">请问老奥迪100的音响如何改装？已经安装一台索尼CD. </t>
  </si>
  <si>
    <t>您好!仪表台可以改装四寸喇叭,中门五寸,后一只低音泡一千多块性价比不错.还有很多种方法配置哦!详情01084805298再见 ...</t>
  </si>
  <si>
    <t xml:space="preserve">为什么油锅中的油有很多泡沫是油不好，还是起油锅时方法不对 </t>
  </si>
  <si>
    <t>油中含水量高，将油炼一下,待泡沫挥去就行了。</t>
  </si>
  <si>
    <t xml:space="preserve">100分来看看急急急!我老婆停经50多天了去医院B超医生说是早孕 </t>
  </si>
  <si>
    <t>那些说50天还不能看见胚胎大骂医生的只能说明他们不懂医学常识，确实在早孕特别是头两个月不是特别清楚，现在你情况有两种：一是确实胚胎还看不太清楚，二是有可能胚胎根本还没到宫腔内，因为受精卵在输卵管受精以后，慢慢的移行到宫腔，如果输卵管有炎症发生粘液或狭窄时有可能不能到宫腔内而在输卵管生长，那就是宫外孕，建议你可以过一个星期再做检查，可以做彩超，那样看得更清楚一些，但做B超的医生必须有经验。临床有许多经验不足的医生造成误诊的机率比较大。祝你好运！</t>
  </si>
  <si>
    <t xml:space="preserve">三国群英传充值问题我的点卡用完了，今早去在优游充值，怎么每次都是 </t>
  </si>
  <si>
    <t>继续黑他。。。。。看他们到时间怎么给我们补偿。。。让他们只知道骗钱。。。。</t>
  </si>
  <si>
    <t xml:space="preserve">什么是质数数列? </t>
  </si>
  <si>
    <t>就是由一系列质数组成的数列，从小到大是2，3，5，7，11，13，17，19，23，29，31，37，41，43，……</t>
  </si>
  <si>
    <t xml:space="preserve">请问深圳哪家KTV有能容纳四十人的大包间，并且有舞台。谢谢啦! </t>
  </si>
  <si>
    <t>钱柜KTV，富豪、金色时代都可以。另：罗湖区春风路置地广场二楼（B&amp;K商务量贩KTV）。订房电话是：88876600</t>
  </si>
  <si>
    <t xml:space="preserve">全权处理房产事宜的委托书需要公证吗?我帮朋友全权处理房产事宜的委 </t>
  </si>
  <si>
    <t>··全权处理房产事宜，如果本人不能亲自处理你，要看对方当事人要求了。 如果人家知根知底、新的过，可以不用为他。 反之，人家要求的委托并要求公证的，一般应当进行公证，否则，人家信不过，不能进行有关活动。 现在，一般情况下都要公证，房管局过户要求必须公证委托才可以。</t>
  </si>
  <si>
    <t xml:space="preserve">天音加点求天音技能以及天书加点```本人想走纯医生路线`` </t>
  </si>
  <si>
    <t xml:space="preserve">加点经验：总论正式版天音技能点数加法 在开始介绍加点之前，我们先要了解天音这个职业，和玩这个职业的目的究竟是什么？是群攻刷怪？是PK无敌？还是BOSS杀手？答案是以上皆非！ 我的答案是，天音是中最中庸的职业，但是中庸并非无用，中庸才是游戏的王道。 下面为广大的喜欢天音的朋友们分析一下150级的天音加点， 新手 重击2 警觉7 共9点（新手的就不做介绍了） ＝＝＝＝＝＝＝＝＝＝＝＝＝＝＝＝＝＝＝＝＝＝＝＝＝＝＝＝＝＝＝＝＝＝＝＝＝＝＝＝＝＝＝＝＝ 天音寺一重技能 降魔杖1 ↓ 明王心经3易筋经0 大悲咒4 ↓↓ ↓ 菩提树9诵经0 往生咒6 ↓ 狮子吼1 共24点（一重也没什么好详细说的，狮子吼的一点是为了凑点数） ＝＝＝＝＝＝＝＝＝＝＝＝＝＝＝＝＝＝＝＝＝＝＝＝＝＝＝＝＝＝＝＝＝＝＝＝＝＝＝＝＝＝＝＝＝ 天音寺二重技能 般若经3 ↓ 御空术2 明镜台5 宏愿4 ↓ ↓ 四大皆空火5金刚经0大慈悲5 ↓ ↓ 苦海无边9 四大皆空风0 共33点（二重费了33点 究其原因是浪费在四大皆空火和御空术上了，但是为了引苦海没办法，后面我会详细告诉大家为了一个苦海浪费这16点是值得的） ＝＝＝＝＝＝＝＝＝＝＝＝＝＝＝＝＝＝＝＝＝＝＝＝＝＝＝＝＝＝＝＝＝＝＝＝＝＝＝＝＝＝＝＝＝ 天音寺三重技能 伏魔经3 ↓ 地藏心经3观音经4 佛光普照4 ↓ ↓ 四大皆空地0同归极乐9金刚护体5 ↓ ↓ 天地同寿0 四大皆空水0 共28点（天地同寿的问题很多人会问，这里我简单说一下，这个技能和苦海的引出方法相似，浪费点数相同，但是在我看来，宁可要苦海绝不要天地，如果天音要群怪一定用不上天地，因为费血容易死，就算要群怪，苦海+天地+狮子的速度也不敢恭维，还是消停找人刷任务练级吧，如果150了要带小号，群攻技能用苦海加无量就可以了，更何况天书中还有一个没加的天舞宝轮呢，所以天地只能用鸡肋形容，建议不加） ＝＝＝＝＝＝＝＝＝＝＝＝＝＝＝＝＝＝＝＝＝＝＝＝＝＝＝＝＝＝＝＝＝＝＝＝＝＝＝＝＝＝＝＝＝ 天音寺四重技能 拈花妙谛3 ↓ 破魔秘言0摩珂心经5 静土真言3 ↓↓↓ 寂灭蔽日0 六道轮回9 因果循环8 ↓ ↓ 佛陀净世愿0 慈行法愿9 共37点（这重现在大家都没加过，但是我的加法是放弃佛驼净世愿，原因很简单，群P技能有苦海和无量真言足够了，毕竟群P天音不能一直打人，偶尔还要加状态解状态，看到有贫血的还要用单体技能秒人，所以这个群攻没必要加，而且范围太小类似狮子吼，150级的话带人上面已经说了，有没有这个技能无任何区别） ＝＝＝＝＝＝＝＝＝＝＝＝＝＝＝＝＝＝＝＝＝＝＝＝＝＝＝＝＝＝＝＝＝＝＝＝＝＝＝＝＝＝＝＝＝ 天音寺五重技能 雷音法谕6 ↓ 大梵般若5 ↓ 万象生佛4 无量真言2 共17点（不用多说，全加满） 5重全加，一共148点，还多出2点，看个人爱好了，我个人认为加观音经，这个技能很多人不想加，是因为时间太短，我认为这个技能非常好用，群怪的时候18秒内加150的防御非常好用，即使是PK在开战之前定个防御也是有好处的，如果可以的话我希望加满，但是按现在的加法只能加6点。 下面谈PK，有人说不加同归极乐也就不用加观音经了，省下的点可以加很多别的技能，但是我可以负责的告诉大家，这样是不行的，看看天音单体技能的冷却时间吧，同归极乐10秒，拈花妙谛7秒，六道轮回24秒，雷音法谕16秒，想想就知道没有同归是什么概念，就是你放完六道轮回和雷音法谕后就只能一直用拈花妙谛这个附加攻击很低的技能，如果有了同归极乐，情况变化极大，3个技能交替使用可以拥有很高的伤害输出，再配合上天书里的被动技能，可以说天音绝对有资本和任何职业一较长短！ 那么天音这样的加点仅仅有这些好处吗？？？？ 错！ 天音除了可以在单P中和其他职业匹敌外，在群P或者帮战中更加占有极高的地位！ 在群P过程中，先给队友套上金刚护体（加防）、大慈悲（加血上限）、因果循环（反伤）、慈行法愿（祝福技能加队友技能伤害），看看这些辅助吧，试想下2个级别和装备差不多的团队PK，有天音和没天音是多么大的差距？加完辅助以后顶个观音经，然后放苦海→无量真言→苦海这两个技能交替使用，大家也许会问2个技能的空挡时间不够，我可以告诉你，天音在队伍中的作用是加状态→解状态→加血→秒人，最后才是秒人，前两个群攻技能目的就是吸对方的蓝，费对方的血，秒人是不可能的，天音这两个技能就是要给对方队伍始终施加强大的压力，让你的队友有机会秒人，2个技能放完之后的空挡时间里你可以干很多事情，可以用万象生佛给队友加血（这个技能同时会有很高的几率解除不良状态，虽然费蓝很多，但是在加血的同时能解除眩晕、魅惑、定身状态，这是多么厉害的技能啊，这个不加满简直就浪费天音这个职业） 如果你的队友费血不多或者没有什么不良状态，这个时间你可以用上面的几个单体技能找贫血的敌人秒掉他，如果秒不掉的话就继续苦海+无量真言给对方施加压力，让他们所有队员始终保持在贫血状态！ ＝＝＝＝＝＝＝＝＝＝＝＝＝＝＝＝＝＝＝＝＝＝＝＝＝＝＝＝＝＝＝＝＝＝＝＝＝＝＝＝＝＝＝＝＝ 下面说天书，天书的目的就是为了配合技能，所以奉劝大家不要过早的加天书，在你的技能点数确定方向以后再开始加天书！ 以下是我的加法（不完全分析，由于级别不够暂时只加必加的29点，至于以后的点数等我150了补齐） 寂灭系 明王妙谕1（明王心经每升一级气血回复速度+20%） ↓ 天花乱坠2（诵经每升一级昏睡时间增加0.4秒） ↓ 明镜如沉2（明镜台防御效果增加15%） → 无尽苦海2（减少苦海和无两真言两个技能的冷却时间，增加攻击） → 度尽劫波2（苦海燃烧真气增加33%，最后一次额外扣除对方3%最大真气） 这条线是为了增加群攻技能伤害和状态，而且可以增加少量的防御，按我者种加点方式这条线也是必加的，至于寂灭系的终极技能天舞宝轮由于引出技能费点太多，而其中又有几个是没用的技能（如增强天地同寿的，我不加天地所以没用），建议暂时不加，天舞宝轮的效果具体能到什么程度也是未知之数，单从技能伤害上看较无量真言效果差很多，如果到150仙缘点够的话，我会从这条线和禅心系的治疗线选择一条线去加！ 寂灭系暂时只加了9点！ ＝＝＝＝＝＝＝＝＝＝＝＝＝＝＝＝＝＝＝＝＝＝＝＝＝＝＝＝＝＝＝＝＝＝＝＝＝＝＝＝＝＝＝＝＝ 镇魔系 往生极乐2（复活后血气+20%） ↓ 空冥禅念2（四大皆空施放16%几率增加攻击力8%） ↓ 金刚不坏2（金刚护体技能增加防御2%） ↓ 无常轮渡3（六道轮回技能增加致命一击率1%） ↓ 佛尊法印3（所有单体攻击技能追加本体攻击5%） 这条线主要是为了佛尊法印，因为3级追加本体攻击15%，也就是你1000的攻击附加150的伤害，这是相当可观的伤害增加。而且前面的几个也并非无用，金刚不坏可以增加2%的防御，无常轮渡可以增加六道的致命一击率，往生可以在复活的时候加气血，这些都是非常好用的技能，这条线是必加的（除非你玩天音玩到150也不PK那我服你了，你去加被动和加血的天书吧）！ 菩提荫佑2（增加菩提树附加的气血和真气上限） ↓ 金刚破魔2（金刚经附加攻击增加15%，大梵般若增加攻击百分比+2%） ↓ 顿悟之偈2（拈花妙谛附加攻击加15%，万象生佛解除状态成功率+5%） ↓ 天道循环2（因果循环反弹伤害每级增加1%，无量真言睡眠能力每升一级增加5%） 这条线主要是为了天道循环，但顿悟之偈给万象生佛增加的解除状态成功率也是非常可观的，而前两个一个加气血真气上限，一个增加大梵般若提升攻击力都是很好的技能，这条线也是必加的！ 这样镇魔系就加完了，一共20点！ 到此为止天书一共加了29点，这些点对于120级前的天音来说用处非常大，且后期能引出的技能也非常好用，所以建议天音的GGMM们大胆的按我的加法去加，这样会对前期天音的练级之路带来相当程度的帮助，至于其他线的技能得看150级还剩多少仙缘点了！ 最后总结一下，天音并非大家想象的那样弱不禁风，虽然没有鬼王防高血厚，没有合欢高攻和高暴击，也没有青云那无与伦比的练级速度，但是，天音是个最中庸的职业，也是群P、帮战、杀BOSS不可缺少的职业，我在这奉劝选择了天音的GGMM们，不要因为天音的一些弱点而放弃，坚持到最后才能看到最美好的天音，我也忠告所有眼里只看的见合欢青云鬼王的朋友们，你们要小心了，天音寺的和尚尼姑们带着一身强大的技能回来“诛仙”了！ </t>
  </si>
  <si>
    <t>猜个歇后语吧！1。蚊子趴到电灯上</t>
  </si>
  <si>
    <t>1。蚊子趴到电灯上---弃暗投明2。炒咸菜不放盐----有言(盐)在先3。挑着石磨走天涯---出力不讨好4。王八伸脖子-----等着挨刀</t>
  </si>
  <si>
    <t xml:space="preserve">推荐几部电影动作类和科幻类的 </t>
  </si>
  <si>
    <t>《倾城之泪》《初恋这点小事》《变身男女》《》</t>
  </si>
  <si>
    <t xml:space="preserve">谁能送我一个免费的诛仙号？？最好是墨雪的，谢谢号太小了受人欺负， </t>
  </si>
  <si>
    <t>我倒是带了4个90级的少侠~不过是自己用来玩的~花点钱找满级的带吧~别被骗就好</t>
  </si>
  <si>
    <t xml:space="preserve">我计算机二级Ｃ语言上机考的时候，作完题目保存了，但是结束时候没有? </t>
  </si>
  <si>
    <t>作完题目,保存,最后点 交卷 就 OK了.</t>
  </si>
  <si>
    <t xml:space="preserve">“我希望明天会有一个好的心情。”怎么翻译？Ihopetomorr </t>
  </si>
  <si>
    <t>I wish myself a good mood tomorrow.或者I hope that a good mood will see me tomorrow.对你的修改：原文：I hope tomorrow will be have a good mood.修改1、I hope I will have a good mood tomorrow.修改2、I hope I will be in a good mood tomorrow.修改3、I hope a good tomorrow will see me.</t>
  </si>
  <si>
    <t xml:space="preserve">邮箱中有6封未读邮件,打开后什么也没有,已经好长时间了,不知为什? </t>
  </si>
  <si>
    <t xml:space="preserve">近一段时间新浪服务器升级，功能上可能有些不稳定。您可以尝试刷新几次页面或者过一段时间重新登陆。全国统一客服热线：95105670 客服咨询邮箱：webcn@ </t>
  </si>
  <si>
    <t xml:space="preserve">怎么才能学好会计自己没事想学点知识补充一下自己但是这个会计怎么学 </t>
  </si>
  <si>
    <t>看书，实践，考试。</t>
  </si>
  <si>
    <t xml:space="preserve">打开的窗口为什么一下子全消失了?近段时间,我在浏览网页或操作电脑? </t>
  </si>
  <si>
    <t>建议先查杀一下木马，修复一下系统试试。建议你下载恶意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如果正常模式恢复失败，请开机按F8进入到安全模式中使用系统还原）。 4、如果故障依旧，使用系统盘修复，打开命令提示符输入SFC /SCANNOW 回车（SFC和/之间有一个空格），插入原装系统盘修复系统，系统会自动对比修复的。 5、如果故障依旧，在BIOS中设置光驱为第一启动设备插入系统安装盘按R键选择“修复安装”即可。6、如果故障依旧，建议重装操作系统。如果是IE损坏，请下载超级兔子在她的选项中有重装IE，建议重装IE。下载地址： 上网速度慢或上不了网，打开或关闭网页故障。出现这种故障，排除硬件、网卡、网速本身慢、病毒的原因外。一般是与你电脑中的程序软件或插件与系统不兼容引起的。解决办法如下：1、你回忆一下，当你出现这种故障前你都下载了什么程序软件或是插件。如果想起先将它们卸载，如果故障排除，就说明是程序软件或插件造成的。你再重新下载安装，如果故障依旧，说明是这些程序软件或插件本身有错误，不能再使用。2、打开IE选工具/管理加载项，在其中有没有出故障前下载的插件，如果有设为禁用。也可下载超级兔子让它帮助你，清理IE加载项中不兼容或恶意插件。观察故障有没有排除，如果没有排除你自己将IE加载项中的插件全部设为禁用，（不用担心选项还可随时启用）重新启动电脑后上网观察有效果否，如果有效果说明问题就出在这里，你在日后慢慢恢复IE插件的过程中，哪一天又出现故障，这天恢复的IE插件就有问题，将它彻底设为禁用。3、经常使用IE上网，木马病毒或恶意软件的脚本搞的IE出现故障，如果是Windows XP SP2可通过下面方法快速解决故障。运行输入："%ProgramFiles%\Internet Explorer\iexplore.exe"/rereg （含英文双引号），回车后运行它就可以帮助你重新注册IE的所有组件，帮助你彻底修复瘫痪的IE浏览器了。4、如果是IE损坏，请下载超级兔子在她的选项中有重装IE，建议重装IE。下载地址： 5、如果故障依旧，请你用系统自带的系统还原，还原到你没有出现这次故障的时候修复（如果正常模式恢复失败，请开机按F8进入到安全模式中使用系统还原）。</t>
  </si>
  <si>
    <t xml:space="preserve">怎么征途老是重复更新为什么昨天玩了,今天玩的时候又要重复更新da </t>
  </si>
  <si>
    <t>因为刚刚出了新的资料篇,更新的文件比较大.而且玩家普遍反映新的资料篇比以前的还卡,估计征途针对卡机的问题做一些调整,频繁更新是在所难免了 .</t>
  </si>
  <si>
    <t xml:space="preserve">我的黑眼圈很严重,可以画下眼线吗粉遮不掉,画了下眼线,会不会更加 </t>
  </si>
  <si>
    <t>不要画了，我也是黑眼圈很重的人，平时不化妆别人都会说：咦！她的眼线画的好重哦！好听一点的就说，她的妆好自然哦！</t>
  </si>
  <si>
    <t xml:space="preserve">请问什么时候才能建立内政厅？到什么级别才能建立市政厅啊？ </t>
  </si>
  <si>
    <t>1、资源要满足修建要求2、修建集市、暗仓和衙门3、好象就可以修建内政厅了</t>
  </si>
  <si>
    <t xml:space="preserve">小孩子不是都很喜欢看动画片的吗？回头仔细想了下，我们平时给他看的? </t>
  </si>
  <si>
    <t>动画片可以适当看，毕竟，它们能带给孩子很多有益的信息。但是要控制时间，不能依赖这些电子产品，毕竟，他们与孩子的互动是单向的，不是双向的。因为缺乏互动，孩子就很难学会如何去与周围人互交往，就会导致他社会交往能力发展缓慢，甚至出现一些问题</t>
  </si>
  <si>
    <t xml:space="preserve">什么叫线性源请问电学中“linesource”是翻译作“线性源” </t>
  </si>
  <si>
    <t xml:space="preserve">   在电学中“line source”应该翻译为“线性电源”。它包括“线性电压源”和“线性电流源”两种。“线性电压源”输出的电压基本不变，输出电流随着负载阻抗的减小而线性增加（成比例地增大）；“线性电流源”输出的电流基本不变，输出的电压随着负载的阻抗的增大而线性增大（成比例地增大）。“线性电源”的输出功率也是线性变化的（成比例变化）。但实际在世界上是没有真正的“线性电源”的，所谓“线性电源”通常是在忽略次要因素的影响之后的近似线性的电源。</t>
  </si>
  <si>
    <t xml:space="preserve">如何申请专利到什么部门去办理专利呢？都有什么费用？费用多吗？如果 </t>
  </si>
  <si>
    <t>国家啊知识产权局   很全的。不懂再问我费用看你的类型，和申请中的一些步骤（你的专利好，写到也要好）必须叫年费（维持费）但个人用户也可以免一部分费用的。</t>
  </si>
  <si>
    <t xml:space="preserve">药检怎么检测是抽血还是怎么样呢 </t>
  </si>
  <si>
    <t>可以验尿，可以抽血，检测是多样的</t>
  </si>
  <si>
    <t xml:space="preserve">请问这是哪种病毒,跪求帮助!!!特征是:1中毒后,时间停留在20 </t>
  </si>
  <si>
    <t xml:space="preserve">你可以试试CHENOE Anti-Virus Tools 2007,带实时监控,不与其它杀软件冲突.对流行病毒有效. 这款杀软不是太主流,但效果强劲,目前还不致于被病毒禁用. CHENOE Anit-Virus Tools(简称：C-AV)以恢复被病毒破坏的文件和剿杀该类病毒为主的专业杀毒免费软件，对部分木马型病毒的查杀也颇有成效。   其实对付病毒，不仅要进攻而且要防守，下载防病毒浏览器配合配合杀毒软件等安全防护软件使用，可有效阻挡病毒木马和流氓插件。 下载地址：  </t>
  </si>
  <si>
    <t xml:space="preserve">1岁宝宝头发越来越红我的宝宝快一岁了,头发近3个月来怎么越来越红 </t>
  </si>
  <si>
    <t>你的宝宝头发红请查一下微量元素，如铁、锌、钙等缺铁容易引起贫血，头发黄而无光泽。缺锌孩子食欲差而且易患口腔炎。缺钙容易得佝偻病，及时给予补充孩子的食欲会有所好转，体格发育会较快，头发也会有光泽。宝宝头发黄有以下因素：1、遗传因素。2、缺乏微量元素：缺锌，伴有胃口下降，血锌化验低于正常。缺钙，常有枕秃、长牙慢、囟门闭合迟等，血钙化验低于正常。3、缺铁性贫血和营养不良。以上原因均可引起头发黄，按不同情况不同处理，补充不同营养。　　以上仅供参考.</t>
  </si>
  <si>
    <t xml:space="preserve">最近在看一部抗日电视剧突发感想在看一部抗日电视剧的时候突然觉得其 </t>
  </si>
  <si>
    <t>有些导演会把自己对社会的看法融入到自己的片子中，所以，你说的没错。巧合吧！但是现在有很多人确实是~~~兴许也有讽刺的效果人性不好的那面也许就那么几种可以表现的吧。我觉得：因为现在的剧其实讲的是现在的社情，并非大家脑海中认为的是30年代的真实再现。纯属巧合！不过，戏剧人物都具有典型性和代表性，那些坏人更具有共同特点啦。</t>
  </si>
  <si>
    <t xml:space="preserve">什么人最容易成为光棍 </t>
  </si>
  <si>
    <t>一般说来，极端完美主义者，也就是说对爱情和恋人绝对容不得任何瑕疵的人，最容易成为光棍。</t>
  </si>
  <si>
    <t xml:space="preserve">我的相机开启了防抖功能，为什么拍出来照片还是会糊掉？ </t>
  </si>
  <si>
    <t>防抖系统不是像广告里那样开开以后即使在振动台上也能拍出清晰画面，实际中光学防抖系统只能提高2-3级的快门速度，如果环境很暗，防抖的作用很有限。其实明白人会把买防抖的钱用在买三脚架上。</t>
  </si>
  <si>
    <t xml:space="preserve">我和我男朋友交往半年了,也发生过关系.可是我觉得他现在对我不好了? </t>
  </si>
  <si>
    <t xml:space="preserve">    男人即使不爱一个人，也不会排斥与她发生关系的，可是女人呢，一定不同对不对。　　不要因为怕以前错了，就一直错下去。及时收手，以后的日子就是对的啦。</t>
  </si>
  <si>
    <t xml:space="preserve">我想把手机卖了去哪里呀？？我有一部ＮＯＫＩＡ６０２０　　今年八月 </t>
  </si>
  <si>
    <t>你是江宁的?好亲切哦!我以前在那上学的,你不烦去丹凤街看看呢,那有很多收二手机的店.101再转26,丹凤街下就是了</t>
  </si>
  <si>
    <t xml:space="preserve">脊髓损伤最好去什么样的正规医院 </t>
  </si>
  <si>
    <t>现在只是全身麻木．右边身体感觉平面消失活动能力5级，左脚活动能力4级左手活动能力约3级左肩有痛感，大小便正常有什么更好的药使颈髄不完全性损伤好得快，建议民航广州医院神经修复细胞疗法，.采用神经修复细胞疗法治疗有着多种优势：低毒性，即使不完全了解神经疾病发病的确切机理治疗也可达到较好的治疗效果，自体神经元因子移植可避免产生免疫排斥反应，对传统治疗方法疗效较差的神经疾病多有惊人的效果。随着胚胎神经元因子和iPS神经的研究,更可能从神经疾病患者自身神经开始获得神经元因子，进而分化为所需神经细胞达到治疗效果。脊髓病。常伴有下肢麻木无力，大小便失禁等。治疗可以选择神经修复技术，该疗法采用物理因素神经激发或调控、药物或化学等各种干预策略，在原有神经解剖和功能基础上，促进被毁坏或受损害神经再生修复和重塑、重建神经解剖投射通路和环路、调控和改善神经信号传导、最终实现神经功能修复。这一技术诞生多年来成功地使数千名脊髓损伤截瘫患者得到有效治疗。建议早点到正规医院检查，正规医院的设备有利于对你的病情  更好的治疗。脊髓损伤必致损伤脊髓平面以下发生完全或不完全截瘫。发病早期西医手术只是恢复了椎管口径免使神经再度受损导致病情加重，但受损的神经仍出于麻痹休克状态而不能恢复。其神经功能的恢复除自身修复外，需以下方案进行治疗才能有望恢复，若受损神经因时间过长继发缺血变性则本病恢复无望，且会变症丛生发生痉挛性截瘫和严重的肌萎缩。脊髓损伤可造成终生残疾，很多人因此而生活不能自理，需要有人照料，并且可由此而产生许多合并症。例如长期卧床，局部皮肤受压产生的压疮（俗称褥疮），由于小便失禁造成的泌尿系感染，长期不站立引起的骨质疏松以至骨折，骨关节长期不运动引起的挛缩固定、肌肉萎缩，以及脊髓神经毁坏导致的痉挛（俗称“抽筋”）和疼痛、髋关节膝关节周围的异位骨化、下肢静脉血栓、自主神经过反射（血压升高、心慌、面红）等等。另外，由于脊髓损伤的治疗目前医学尚无有效办法，上述严重后果会造成患者极大的心理创伤，导致心理失衡，悲观、失望、焦虑、忧郁均有可能产生。</t>
  </si>
  <si>
    <t xml:space="preserve">Threadcreationerror:储存空间不足,无法处理此? </t>
  </si>
  <si>
    <t>应该是你的内存质量不好不太可能是你的系统或者魔兽有问题</t>
  </si>
  <si>
    <t xml:space="preserve">求大神看看，这款是什么牌子型号？价格多少？ </t>
  </si>
  <si>
    <t>本田的公路赛车，具体提供购买年限和跑的公里数还有有没有过升级才能估价，可以追问。细心回答，希望好评。</t>
  </si>
  <si>
    <t xml:space="preserve">毛囊问题我的大腿上毛囊出现红肿，毛囊上还有浓，把浓挤掉，过几天就 </t>
  </si>
  <si>
    <t>你的毛囊皮下脂肪分泌过旺,所以对你来说必须经常洗澡.保持毛囊透气性.一旦再发生毛囊炎症应立即尽快洗干净局部后外用碘酒即可.不要挤压毛囊.</t>
  </si>
  <si>
    <t xml:space="preserve">水麒麟所在的高台怎么走？我找不到有告诉得告诉我一下好不 </t>
  </si>
  <si>
    <t>旁边有石头 先蹦上去  再从石头上跳到  麒麟的台上就行了  跳不上去  就多跳几次</t>
  </si>
  <si>
    <t xml:space="preserve">请教我家如何张贴春联四兄弟共建的一幢楼三层，底层入户门共用，四商 </t>
  </si>
  <si>
    <t>四兄弟从大到小、从左到右一人贴一张，中间贴横批</t>
  </si>
  <si>
    <t xml:space="preserve">转会市场？我在西甲踢了5.6个赛季了只有梅西和比利亚没出来其他球 </t>
  </si>
  <si>
    <t>肯定会的.只不过不可能没一次打完比赛都跑出来个巨星.那人家还怎么混啊.是不是.?!耐心==总会有的.?!</t>
  </si>
  <si>
    <t xml:space="preserve">现在家里真的有必要安装食物垃圾处理器吗？哪个牌子的比较好啊？ </t>
  </si>
  <si>
    <t xml:space="preserve">我推荐你了解下爱适易食物垃圾处理器哦！是全智能的，而且全程环保，超低能耗，多层研磨技术，防止堵塞下水道哦！ </t>
  </si>
  <si>
    <t xml:space="preserve">数学题有甲乙两桶油，共重45千克，甲桶用掉13千克后，剩下的油与 </t>
  </si>
  <si>
    <t>共重45千克，甲桶用掉13千克，这时候共重45-13=32千克而这时候甲：乙=5；3把甲看成5份，乙看成3份，共有5+3=8份，每份重32/8=4千克，乙桶有3份，那么乙桶有3*4=12千克列成总算式就是乙桶原来有3*（45-13）/（3+5）=12千克甲桶原来有45-12=33千克</t>
  </si>
  <si>
    <t xml:space="preserve">有给宝宝喝金装澳优的妈妈吗？怎样？与雅培比呢？ </t>
  </si>
  <si>
    <t>金装澳优味道比较香甜，袋装溶解不如桶装溶解的好，据说其它配方是一样的，金装雅培腥味比较大，但是有的宝宝就喜欢这个味道，两种奶份都是不错的，我家宝宝现在喝澳优</t>
  </si>
  <si>
    <t xml:space="preserve">cs美女版本在那下载!我想下载能和电脑玩的!顺便告诉我怎么加电脑 </t>
  </si>
  <si>
    <t xml:space="preserve">我想要个年轻前锋我的要求有点多希望大家谅解年轻85以后的速度带球 </t>
  </si>
  <si>
    <t>狼队的 S.布莱克，除了这个哥哥，估计你找不到其他更好的人了！</t>
  </si>
  <si>
    <t xml:space="preserve">这技能怎么用啊，我用这打怪，怪都不掉血。是先放个死之纠结，然后再? </t>
  </si>
  <si>
    <t>要先用心转把血压下去，血越少威力越大，如果是满血，伤害永远是1，血为1的时候威力大根是暴风雨的1。8倍</t>
  </si>
  <si>
    <t xml:space="preserve">我信箱中4000多分邮票，一夜之间就没有了，怎么回事我的积分已经 </t>
  </si>
  <si>
    <t>新浪邮票服务器正在升级，所以您的邮票积分不能正常显示，在升级期间，将暂停邮票积分的累加及兑换。但邮票积分不会丢失的，现在可以正常显示了。</t>
  </si>
  <si>
    <t xml:space="preserve">听人说雪肌精的化妆水可以细致毛孔，向用过的人请教一下感觉如何？ </t>
  </si>
  <si>
    <t xml:space="preserve">挺好的啊              </t>
  </si>
  <si>
    <t xml:space="preserve">三星笔记本怎么样？ </t>
  </si>
  <si>
    <t>“闻道有先后，术业有专攻”，不论买什么，都要买专业品牌！这是我买笔记本的时候同学说的。当初我也想买三星，因为便宜，再加上我只会看大小和显卡，后来懂的同学告诉我，三星散热器极差，人家开8小时也没他开2个小时来的烫！用的时间稍长一些说不定就炸了呢！呵呵，夸张了点，可散热器那么重要的东西他做的那么烂就说不过去了啊！而且CPU普遍较低级，性价比不高的！然后是外观，几乎每一款都是黑的，什么钢琴烤漆，屁诶，还不是塑料！最后是电池，夸张点充满了也就1个来钟头。    所以还是买专业做电脑的品牌吧。HP啊，作为一般办公学习不错的；其次是ASUS，性价比也很高的，我的就是Z99D，好用的，金属合金外壳，利于散热；再后面就THINK PAD吧，支持国产货啊，买了IBM技术后都说东西做得不错的。如果你擅长网购的话，强烈建议DELL，好东西啊，就是市场价贵的很！当然，如果你力求完美又不怕花钱，那么IBM嘛，什么话都不用说了，据说用了他们的东西，其他品牌就再也入不了眼了。    以上观点均来自一个只懂皮毛的门外汉，不过我已经把所有知道的都说了，希望能帮上忙哈</t>
  </si>
  <si>
    <t xml:space="preserve">鼻炎鼻塞很难受请大家帮帮我房间里晚上暖气挺热睡觉时鼻塞很难受还咳 </t>
  </si>
  <si>
    <t>使用千柏鼻炎片！房屋内保持一定的湿度，可以放一盆水！</t>
  </si>
  <si>
    <t xml:space="preserve">两个男友我很累都是相亲认识的，对我都不错，我是个低调的人，性格温 </t>
  </si>
  <si>
    <t>最主要是两个人的感觉，我觉的人品更重要，钱财要自己创造才有意义。</t>
  </si>
  <si>
    <t xml:space="preserve">为什么现在衣服,特别是裙子的腰围都那么大呢,一米六五左右的人,也 </t>
  </si>
  <si>
    <t>现在的女裙腰围是偏大的.因为大总比小,要更适合普众的.还有是款式的问题.如果实在不能穿,可以让裁缝改一下.祝越来越美~</t>
  </si>
  <si>
    <t xml:space="preserve">怎样冲卡呀? </t>
  </si>
  <si>
    <t>充点卡有两种途径一是自己花钱买50   150   300的点卡  然后上 冲入你的账号二是你在游戏中赚梦幻币，然后通过点卡交易系统，用梦幻币买别人卖的卡。</t>
  </si>
  <si>
    <t xml:space="preserve">怎么练强化石？强化石从2级开始练可我的强化石从1级的啊 </t>
  </si>
  <si>
    <t>本来一开始练石头就是从一级开始练的．．</t>
  </si>
  <si>
    <t xml:space="preserve">谁能帮帮我？谢谢我公司是做医药的，有的药品保质期只有一年，因为生 </t>
  </si>
  <si>
    <t>最重要的当然是充分利用人力资源去维护老客户\开发新客户的,而且千方百计提高生产效率!</t>
  </si>
  <si>
    <t xml:space="preserve">福州军区总医院就是南京军区福州总医院吗？ </t>
  </si>
  <si>
    <t xml:space="preserve"> 南京军区福州总（原九三医院）又称东方医院，建于1949年8月，是一家具有光荣历史的医院。 经过半个多世纪的建设和发展，已成为学科齐全，技术力量雄厚，设备先进，诊疗环境优良，集预防、医疗、保健、教学、科研为一体的大型综合性"三级甲等医院"。医院是国家卫生部国际紧急救援网络医院、福建省"120"医疗急救网络医院、省交通事故救治定点单位以及省、市医保首批定点医疗机构。     医院由院本部、莆田九五临床部、宁德442临床部、福州476临床部组成。医院院本部位于福州市西侧，毗邻西湖、左海公园，交通便捷，依山傍水、绿树成荫、空气新鲜、鸟语花香，是全军"文明卫生营院"和"园林式营院"以及福建省"福建省花园式单位"、"福建省卫生先进单位"、“福建省绿化环保先进单位”。     医院院本部占地面积38万平方米（570亩），医疗用房面积10多万平方米。新建的门诊大楼是国内一流的门诊大楼。大楼被评为全军优质工程，总面积2.7万平方米，楼高20层，是一栋集智能化、信息化、网络化、人性化的大楼。大楼安装有中央冷暖空调，主楼设有四部垂直电梯，裙楼设有自动扶梯。医院病房整洁、宽敞、明亮，设有中央空调、中心急救设施和双向通话系统。规划中的新病房楼由五栋大楼组成，建筑面积近10万平方米， 建成后将极大地改善医院的就医环境。　　    医院现展开床位1900张，其中院本部展开1300张。医院年门诊量达近100万人次、年住院量4万余人次，年手术量2万多台次。医院技术力量雄厚，拥有高级技术职称专家近300名，具有博士、硕士学位者200多名，在国家、军队及省级担任学术职务320多人次。其中领军人才3人，全军级学科带头人9人，军区级、省级学科带头人40多人。     医院院本部设有53个专业学科。拥有1个国家级重点学科：国家中医药管理局肿瘤重点学科；7个全军级重点学科：全军临床检验医学研究所、全军器官移植中心、全军儿科疾病诊治中心、全军计划生育优生优育研究所、全军临床药理基地、全军医院信息化研究与技术支持基地、全军卫生音像制作中心；12个南京军区重点学科：军区普通外科研究所、肝胆外科研究所、骨科研究所、妇产科研究所、呼吸内科中心、消化内科中心、肾脏病中心、神经外科中心、肿瘤中心、中医中心、药学中心、病理诊断中心。去年以来，为加强学科建设力度，医院党委提出了内外科联合建设、技术相似性学科联合建设的思路，即学科群的建设概念，在全军器官移植中心学科群组建成功的基础上，已先后又组建了普外消化学科群、肝胆内外科学科群、骨科学科群、神经内外科学科群、医学影像中心学科群，丰富了医院学科建设内涵，已取得初步成效，使医院学科建设迈向了新台阶。     器官移植是医院的主要特色，已先后开展肾脏、肝脏、肝-胰-肾、肝-肾、胰-肾、心脏、心肺、肺脏、角膜、骨髓等移植，手术的种类、数量和质量居国内领先水平，成为国内重要的大型器官移植中心之一。同时，医院在肾脏病、肝胆疾病、女性尿失禁、脊柱疾病、颅脑疾病、老年病、心脑血管病、消化病、肿瘤等疾病诊治方面处于国内先进水平。医院开展的临床检验技术、血液净化技术、放射介入技术、病理诊断技术、微创技术、超声诊治技术等处于军内外、省内外先进水平。     医院设有国家人事部博士后科研工作站，拥有7个博士后带教学科。医院是第二军医大学、南方医科大学、福建医科大学临床医学院、第四军医大学教学医院、第四军医大学口腔医学院教学医院。有23个学科（专业）点与上述高校及福建中医学院联合培养博士、硕士研究生，拥有博士、硕士研究生导师61名。此外，医院每年还承担上述高校及其它高校近400名本科生临床大课、临床见习、临床实习教学任务，每年接收军内外进修生200余人次。 　　    医院科研能力较强、研究水平较高。目前，医院承担了国家、军队和福建省科研项目60多项，其中重大项目近10项，还承担了100余项院内科研项目。多个研究项目有望取得重大突破。"十五"以来，医院获国家、军队科技进步、医疗成果奖和福建省科学技术奖113项，其中国家科技进步二等奖2项，军队医疗成果一等奖1项、军队科技、医疗成果二等奖5项，福建省科学技术一等奖1项、二等奖13项。在国内外期刊上发表学术论文3000余篇，出版专著20多部。 　　    医院拥有国内领先的医疗、教学、科研设备，设备总值已超过5亿元，主要有PET-CT、磁共振仪2台、双螺旋高速CT2台、全身γ-刀、ECT、DSA、数字胃肠机（DR）、数字拍片机（CR）、头颅X-刀、直线加速器、流式细胞仪、电子显微镜、大型彩色多普勒仪、电子胃肠镜、自动麻醉机、体外震波碎石机、高压氧舱群、全层流净化手术室等。     医院重视科学化管理工作，1998年以来，医院建立了以信息技术开发和推广应用为主要内容的国家金卫工程"军字一号"，有25台服务器、1500多个计算机工作站联网并正常运行，使全院日常医疗、护理、教学、办公实现数字化。各类信息系统，如医院信息系统（HIS）、医学图像传输与存贮系统（PACS）、临床检验信息系统（LIS）、麻醉信息系统、心电监护系统、心电图信息系统、办公自动化系统（OA）均实现无缝联接，初步建成数字化医院。2005年，医院被评为全军五家数字化医院试点单位之一，今年已申请成为全国十家数字化医院试点单位之一，有望取得成功。     医院重视全面建设，坚持正确的办院方针，树立"以病人为中心"的服务理念，坚持为部队服务方向，将"团结、奋进、德高、技精"作为院训，以质量效率为基础、科技为先导，大胆改革、开拓创新，严格执行医疗护理等各项规章制度，不断完善质量管理体系，极大地促进了医疗护理服务质量的提高。医院注重医德医风建设，开展了让病人"方便、放心、满意"等活动，并全面实施整体护理与健康教育工作，不断拓宽服务项目、深化服务内涵，密切了医患、护患关系，涌现了一批"军中白求恩--温端生"式的白衣战士，他们以精湛的技术、优良的服务，热忱为国内外来院就诊人员服务，获得了广泛赞誉。医院已连续三次六年被评为全军为部队服务先进医院。2006年，被总政、总后联合表彰为全军先进医院。     今后，医院将按照科学发展观的要求，加强学科、人才、技术建设，不断提高科学化管理水平、不断提高医疗护理质量，以最精湛的技术、最优质的服务、最大的诚意为广大患者服务，为推动我国医疗卫生水平的提高、促进人类健康、促进社会进步作出自己更大贡献。 </t>
  </si>
  <si>
    <t xml:space="preserve">大家喜欢悲还是喜一些的歌呢? </t>
  </si>
  <si>
    <t>都喜欢,主要是看哪个歌手唱的歌曲或者是什么时代的歌曲.</t>
  </si>
  <si>
    <t xml:space="preserve">读卡器是不是通用的？数码相机上读卡器用哪一种的，可不可以用在手机 </t>
  </si>
  <si>
    <t>卡是互相通用的，比如常用的CF、MD、MMC卡等等，多功能读卡器都是一样的，关键是看你的相机或者收集用什么样的卡</t>
  </si>
  <si>
    <t xml:space="preserve">怎样培养孩子的学习兴趣我的儿子是高三的学生，现在成绩一般，有时家 </t>
  </si>
  <si>
    <t xml:space="preserve">学习专注是所有学者的共同特征。每个孩子的头脑里都有着专注的成分，只不过由于引导上的差异才导致了后天在这方面的差距。　　      比尔·盖茨从小就表现出惊人的专注力，加之家庭的引导和培养，使其长大后能长期痴迷于计算机。孩子好奇心强，可能对许多事物都有兴趣，但往往很难专注于某事，浅尝辄止，结果一事无成。有的父母也存在浮躁心理，喜欢攀比，见别人的孩子学啥，也要让自己的孩子学，恨不得天下所有的知识都要孩子知晓，所有的技能、特长都要孩子掌握。这只会造成孩子看起来什么都会，却无一技之长。培养孩子的专注力十分重要，父母在孩子小的时候就应该把孩子的专注力激发出来。当孩子做某事时，应要求他在规定的时间内完成并帮助他排除外界的干扰；让孩子对感兴趣的问题不断寻根问底，深入思考；让孩子在兴趣广泛的基础上，选择最着迷的对象深入下去，父母应有意识地强化孩子这方面的兴趣。　　孩子可能对许多事都有兴趣，但往往很难能够专注于某事--未全身心地投入过去，永远只能在目标的外围徘徊，难达到很高成就。　　      法国大作家巴尔扎克一次写作时朋友来访，他很长时间也没有发现。中午仆人送来饭菜，客人以为是给自己送的，就把饭菜吃了，后来客人发现巴尔扎克还是那么忙就走了。      天黑了，巴尔扎克觉得该吃午饭了，就来端碗端盘。看到饭菜已被吃光，他责备自己"真是个饭桶，吃完还要吃！"法国昆虫学家法布尔为了解蚂蚁习惯，曾连续几小时趴在潮湿、肮脏的地面上，用放大镜观察蚂蚁搬运死苍蝇的活动。当时周围有许多人围观议论，他竟毫不理会。大文学家罗曼·罗兰有一次跟著名雕塑家罗丹去参观他的工作室，欣赏他刚完成的作品。可是来到塑像前，罗丹发现还有几处地方不满意。于是拿起凿子就修改起来，口中念念有词，仿佛那座雕像是他的朋友。两个小时后修改完毕，罗丹满意地瞧了自己的作品一会，然后大摇大摆地离去，差点把他的朋友锁在屋里。事实证明，专心可以集中精力，调动整个大脑神经系统来解决问题，高效率地完成任务；分心就会降低学习效率，甚至对本来可以弄懂的问题感到迷茫。　　      无独有偶，我国伟大的地质学家李四光也曾有过类似的笑话、据他的女儿回忆，有一天，时间已很晚了，李四光还没有回家。女儿来叫他回家吃饭，谁知他却一边专心地工作。一边亲切地说："小姑娘，这么晚了还不回家，你妈妈不着急吗？"等到女儿再次喊"爸爸，妈妈让你回家吃晚饭了"时，他抬头，不由地笑了，小姑娘不是别人，正是他自己的宝贝女儿。　　我们也都听说过，我国大数学家陈景润一边走路，一边想他的数学问题，不知不觉中和什么东西撞上了，他连声说对不起，却没听到对方反应，抬头一看，原来是棵大树。　      为什么这些大科学家会发生这样的事呢？原因很简单。因为他们一心想着自己热爱的科学上的问题，对他们所思考的科学问题反应清晰，对于这些问题之外的事情一点也没考虑，没有在意。这就是他们闹笑话的原因。　      　只有聚其精，会其神，孩子才能取得成功。而孩子能否集中精力则与父母的教育、教养的态度和方法分不开的。正所谓，成功孩子的背后总会站着伟大的父母。　　      因此，要想提高孩子的学习成绩，培养和开发他们的智力，第一步就要注意培养和训练他们的注意力，养成专心致志的习惯。要不然，其他的训练只能是事倍功半，甚至徒劳而无功。      我们给父母们的建议是：　　●培养孩子善于集中自己的注意力。这对任何一种劳动，尤其是脑力劳动具有很大的意义。能做到注意力集中的儿童，不但完成作业比较快，而且完成得比较好，效率高。那些作业马虎、粗枝大叶的孩子主要是因为注意力不够集中，没能仔细地看准习题的要求和提供的条件。而且，善于集中注意力的孩子学习起来比较省劲，效果比较好，也因此有更多的时间来休息和从娱乐活动。在小学阶段，低年级的孩子学习知识并不是最重要的，重要的是养成良好的学习习惯，而稳定持久的注意力是学习习惯中最重要的一方面。老师总要求一年级的孩子坐姿端正，目的就是训练他们集中注意力，那些坐姿懒懒散散、东倒西歪的孩子显然不可能专心致的听课。　    </t>
  </si>
  <si>
    <t xml:space="preserve">掠夺者科拉克好还是克拉里克好？哪个NB点？我现在一直带着泰卡罗森 </t>
  </si>
  <si>
    <t xml:space="preserve">       科拉克好.</t>
  </si>
  <si>
    <t xml:space="preserve">没有身份证坐飞机怎么办因为在外地提前定了飞机票回家可是现在身份证 </t>
  </si>
  <si>
    <t>到派出所开个户籍证明，一般在机场都会有这样的警务站点，可以办理此事。</t>
  </si>
  <si>
    <t xml:space="preserve">朋友不谈钱，谈钱非朋友。你怎么看这句话呢 </t>
  </si>
  <si>
    <t>如果从做生意的角度来说，那就是说：在生意上没有朋友，与朋友做生意就会有阻碍，所以要赚钱就不能有太多的友情，而是要狠下心，所以谈钱的时候就没有朋友。这只是理解的一个版本，其实你可以从不同角度，你自己就可以想出来的。</t>
  </si>
  <si>
    <t>求解以下不定积分题1）∫ln(2x</t>
  </si>
  <si>
    <t>1、分部积分：∫ln(2x－3) dx＝xln(2x－3)－∫2x/(2x－3) dx＝xln(2x－3)－∫[1＋3/(2x－3)]dx＝xln(2x－3)－x－3/2×∫1/(2x－3)d(2x－3)＝xln(2x－3)－x－3/2×ln(2x－3)＋2、∫2sin(2x－3)dx＝∫sin(2x－3)d(2x－3)＝－cos(2x－3)＋C3、∫1/(3－2x)dx＝－1/2×∫1/(3－2x)d(3－2x)＝－1/2×ln|3－2x|＋C4、∫(3－2x)^3 dx＝－1/2×∫(3－2x)^3 d(3－2x)＝－1/2×1/4×(3－2x)^4＋C＝－1/8×(3－2x)^4＋C5、因为∫tanx dx＝－ln|cosx|＋C，所以，∫tan(2x－3)dx＝1/2×∫tan(2x－3)d(2x－3)＝－1/2×ln|cos(2x－3)|＋C6、是1/[3(1+x^2)]，还是1/3×(1＋x^2) ？？∫1/[3(1+x^2)]dx＝1/3×∫1/(1+x^2) dx＝1/3×arctanx＋C；∫1/3×(1+x^2)dx＝1/3×(x+x^3/3)＋C＝1/3×x＋1/9×x^3＋C。</t>
  </si>
  <si>
    <t xml:space="preserve">梁祝SHE找这个歌的清晰试听地址，不要MV，谢谢 </t>
  </si>
  <si>
    <t>是茱罗纪吗? 罗密欧就是梁山伯，祝英台就是茱丽叶。。。。 是这个吧  在补充一下:梁祝-SHE 贴个地址:   自己下吧!!!</t>
  </si>
  <si>
    <t xml:space="preserve">急!电脑高手进!我电脑昨天还好好的.今天一开机,显示器上显示无信 </t>
  </si>
  <si>
    <t>这种问题,就凭你说的那句根本不可能知道是什么原因.你最好拔掉所以的接线,打开机箱,检查内存显卡等是否都正常.我也觉得,发出"呼呼"的声音是风扇的问题,不过这不影响开机.</t>
  </si>
  <si>
    <t xml:space="preserve">练武器技能的时候聊天窗口显示不出来?练武器技能的时候聊天窗口显示 </t>
  </si>
  <si>
    <t>把鼠标放在左下角（就是显示伤害多少那个位置）一会就会在上边显示出两个标签，点左边那个一个即可</t>
  </si>
  <si>
    <t xml:space="preserve">小众传媒产生的原因大众传媒小众化（传播方式改变）的原因 </t>
  </si>
  <si>
    <t>概括来说是受众细分化兼之媒介技术与管理进步的结果。这两者与社会进步密不可分。社会进步，社会信息需求增大，使得不同的受众对信息产生不同的需求，为了满足不同受众的信息需求，大众传媒开始变得小众化。</t>
  </si>
  <si>
    <t xml:space="preserve">白宫，五角大楼的区别！911后，现在五角大楼还在建造当中吗？ </t>
  </si>
  <si>
    <t>白宫就好象我们的中南海 首脑居住和办公的地 五角大楼里面有国防部 总参谋部 参谋长联席会议 还有陆军空军参谋部 海军作战部 陆站队司令部等机构 是纯军事机构</t>
  </si>
  <si>
    <t xml:space="preserve">高密度纤维板是什么？做家具环保吗？我想买美迪的家具。销售人员说是 </t>
  </si>
  <si>
    <t>纤维板是用木材或植物纤维（如玉米杆等）作主要原料，经机械打碎，加入添加剂制成板坯，通过热压或胶粘剂组合成人造板。纤维板因做过防水处理，其吸湿性比木材小，形状稳定性、抗菌性都较好..            　             　         　　   一般的密度板表面是贴的三聚氰胺，这种贴实木皮的做法，应该是和实木复合门的做法是差不多的..</t>
  </si>
  <si>
    <t xml:space="preserve">头皮刺疼是怎么回事？头顶发木，发涨，一碰头顶皮刺疼，有2年左右了 </t>
  </si>
  <si>
    <t>周围血管问题导致周末血液回流障碍。是高血脂引发的。治根就要治高血脂的问题。在饮食和药物上有所控制。也有可能是神经因素。到医院体检，看看有无其他病因。</t>
  </si>
  <si>
    <t xml:space="preserve">高层建筑问题30层的高层建筑，一般能够承受住多少级的地震？在大地 </t>
  </si>
  <si>
    <t xml:space="preserve">什么样的房子抗震性能更好？越来越多的高层建筑抗震效果怎样？专家介绍，按抗震级别从低到高，可以分为几种情况，土木结构的农村民居抗震性最差，在汶川地震中90%都倒塌了；其次是多层砖混结构，以6到10层楼多见，因为用砖量大，脆性强；第三是底框架结构，即底层是框架结构，用作临街网点，开间大，2层以上是砖混结构，因为两种材质刚性不同，头重脚轻，发生地震后底层容易坍塌。      相对结实抗震的是框架结构，在10层以上楼房多见；好些的是框架剪力墙结构，更好的是纯剪力墙结构。还有一种最结实的就是钢结构，多用在商场、客运站等建筑，在日本等国家也大量使用，柔性好，能吸附地震力量，但成本非常高。      目前，30层以上的高层建筑大多是框架剪力墙结构，这种结构的楼房在汶川地震中没有坏过，性能非常好。据介绍，剪力墙就是混凝土构造，刚度大，承受水平向地震力度强，更结实。 “所以别看楼高，关键要看建筑结构。 ”      房屋装修别乱拆改留心防震      专家提醒准备购房的百姓，现在房屋设计上都有明确指标要求，购房前可以咨询开发商，或者要求出示相关文件查验该楼盘的抗震设防标准，最低不应低于7度，如果抗震水平越高，说明材料投入越多，安全性肯定更好。如果手里已经有房产证，查看房产证也可以知道房屋构造。在房屋所有权证“房屋状况”项下“结构”一栏中，一般注明了“混合”、“框架”等字样。      此外，为了确保房屋的抗震安全性能，居民在进行家庭装修时，也千万不要私拆乱改。尤其禁止拆改房屋的基础、墙体、梁、柱、楼板等承重结构。 </t>
  </si>
  <si>
    <t xml:space="preserve">被猫子爪子抓伤怎么办我的手被猫爪子抓了一下，有一点血，我用拔罐的 </t>
  </si>
  <si>
    <t>下次记得先把伤口的血挤出来，流动水冲洗一会，用肥皂清洗一下，然后抹碘酒或者酒精消毒，伤口记得暴露在空气中~不要包扎~就没问题了~在上海未出现过犬科以外咬伤后出现的狂犬病例，何况你还只是抓伤的~放心好了~</t>
  </si>
  <si>
    <t xml:space="preserve">白癫疯，传染吗？这有什么危害吗？不治疗行吗？以后生活中，有什么忌 </t>
  </si>
  <si>
    <t xml:space="preserve">白癜风不会传染，但会遗传。因为这是人体免疫系统的疾病，跟基因有关联。但是你的下一代不一定会得。 你好!白癫疯是一种常见的后天性色素脱失皮肤病，与自身免疫有关，发病的根本原因在于黑白素C中酪氨酶活性降低，从而诱发酪氨酶转化受阻，黑素颗粒形成中断引起皮肤脱色。     白癫疯不仅会吞食人们健康的肌肤还会摧残人们心里上的健康，不知道有多少原本亭亭玉立、面目清秀的女子，因它的纠缠受着一辈子的煎熬，不知道有多少身材魁伟事业有成的男儿，也因它纠缠自渐行秽痛不欲生。得了白癫风我应该怎样调节自己的心情？  一、精神神经 　 1、保持开朗豁达的胸怀，避免焦躁、忧愁、思虑、悲哀、恼怒等不良情绪刺激。 　　2、建立良好的起居规律，避免机体生物钟紊乱、神经内分泌失调。 　　3、劳逸结合，避免过度劳累。 　　二、饮食 　　1、多食坚果（白果、核桃、花生、葵花子、栗子、莲子、南瓜子、松子、西瓜子、杏仁）、豆类和豆制品、黑芝麻、动物肝脏等。 　　2、绝对禁食鱼虾海味、禁饮酒。因食鱼、饮酒引起白癜风发病、复发或病情加重者，屡见不鲜。常见一些患者，因不能严格戒酒或海味、虽经长时间治疗，但病情仍不能得以控制。 　　3、避免维生素C 的过量摄入，不吃或少吃富含维生素C的食物如西红柿、苹果、橘子等。 　　4、不可过食辛辣等刺激性食物。 　　5、儿童应改变偏食习惯。 　　三、保护皮肤、免受损伤（机械性、物理性、性） 　　1、衣服宜宽大适身，尤其内衣、内裤、乳罩不可过紧、腰带宜松。临床上，乳房下、腰部、腹股沟等处的白斑，常因局部受压迫所致。内衣、内裤尽可能纯棉制品，不可穿用化纤之类。 　　2、避免外伤、摩擦、压迫。洗澡时不可用力搓擦。 　　3、避免接触酚及酚类化合物，如氢醌单苯醚（取代酚的一种），被用做橡胶的抗氧化剂，经常接触橡胶制品如橡胶手套，橡胶鞋带等，常引起局部脱色而出现白斑，而且在远隔部位也发生白斑损害。以氢醌单苯醚为主要成分的祛斑膏，亦可引起面部或手部白斑。 　　此外，常接触汽油、油漆、沥青等，也易引发白癜风病。 　　4、避免长时间、强烈日光曝晒。许多患者常因在炎热的天气外出，而诱发或致白癜风复发。 　　5、有湿诊、皮炎、虫咬症等皮肤病时应及早治疗。 　　6、进行期患者不可用强烈刺激性外用药，亦不可照射紫外线。   </t>
  </si>
  <si>
    <t xml:space="preserve">用NE怎大ORC的飞龙的 </t>
  </si>
  <si>
    <t>用AC+风德就可以.如果对方一意孤行出空军,那就再加上鹿,用三远对抗.如果对方转陆军,那就多出风德,用吹风对付.另外,恶魔一定要带球.2英雄可以用兽王.豪猪对空也很强.</t>
  </si>
  <si>
    <t xml:space="preserve">还是实况8请问哪位朋友能给我介绍个年轻的门将,当然要有潜力和发展 </t>
  </si>
  <si>
    <t xml:space="preserve">请参考以下人员中的门将    这是我的3个最强阵容,最强元老,最强妖人,最强新人这里是千月的全元老隐藏球员阵容:(阵型3-4-3.中场十字站位)主力门将:舒梅切尔.隐藏丹麦人.防守99,扑救98,反应99.替补门将:佐夫.元老意大利.防守96,反应97,扑救98后备门将:戈登班克斯.元老英格兰.防守98,扑救99,反应96(亚辛:雅辛.隐藏俄罗斯.防守97,扑救99,反应99,不知小日本怎么弄的,这个唯一在门将中拥有神之地位的扑点球专家素质高的无语,但实战老是爱脱手,若各位试了也是这样,建议不买)主力左后卫:克罗尔.元老荷兰.身高：180。右脚。防守：95。速度：92。加速：90.其他素质也有大部分上80,90,若硬要找个缺点,就是长的很慢很慢替补左后卫:帕萨雷拉.元老阿根廷.身高174,左脚,防守90以上,任意球精度可能上95,其他素质很好,但比克罗尔差些,长的比较快主力中后卫:布兰科.隐藏法国.身高192,右脚,防守98,其他素质较好,头球精度也有90好几,但不知为什么老是不容易进头球,可能高过头了吧替补中后卫:萨莫尔.元老德国.防守95左右,体力99.身体平衡99,身高181,其他素质也有好多黄,是比较完美的拦截者,但作为清道夫就是矮了点主力右后卫:鲁加里.元老阿根廷.防守97以上.身高182,右脚,上80很多,前场抢断很好.长的又比较快,真找不到什么缺点替补右后卫:巴雷西.元老意大利,防守98,身高178,右脚,素质很好,他和鲁加里,克罗尔,布兰科,撒莫尔是最好的三个元老后卫主力后腰:贝肯鲍尔.元老德国.素质全黄并有绝大部分上90,身高181,中场拦截,助攻等各项非常全面.还有远射.总之,非常好用替补后腰:里杰卡尔德.元老身高190,右脚,怎么说呢?比贝肯鲍尔还变态的家伙,防守上95,其他素质也好的过分,但就是太猛很了,一个不小心就犯规,我因此吃了不少任意球和点球啊,哎,完美过分了主力左边卫:马拉多纳.没有80的,只有90,95,99的,除防守扑救外全"红",身高166是唯一缺点,过全场,远射无敌,任意球精度96,弧度97.总之,用蚁力神的广告词就是谁用谁知道替补左边卫:奥弗拉特,元老德国,左脚,素质很不错,虽不是很BT.但作为全面的左脚将,很希奇了主力右边卫:贝利.右脚,身高171.素质很不错,20岁前实战感觉不太对得起人,但过两年后很好,特别是小角度打门,命中率很高.主力前腰:普拉蒂尼.元老法国,身高179,右脚.任意球精度99,弧度98,射门精度98,长短传精度都上95,很多上90的,上80的也多,很少白色的,插上偷袭很厉害替补前腰:古利特.元老荷兰.身高185,右脚.基本全上90,头球精度99,弹跳99,射门精度95左右,实战的感觉非常猛,若不是普拉蒂尼的任意球威力太大,决不会让他打替补,若是任意球水平不高的朋友,可以用他打主力主力左前锋:斯托伊奇科夫,隐藏保加利亚,身高178,左脚,速度上90,加速99,带球精度速度都上90,力量99,长短传都上90,其他素质也基本上90, 怎么说呢?比马拉多纳还爽,特别是那一脚,远射,进比不进的机会还大,他和维啊,克鲁伊夫,尤西比奥是我的非卖品替补左前锋:迪斯蒂法诺.身高175,右脚,元老阿根廷,其实他的平均素质比斯托伊奇科夫还高写,很多上95的,但力量和速度都不行,没办法,有素质还得有效率主力中锋:维阿.隐藏利比里亚,身高185,右脚,完美前锋,射门精度技术上95,头球也不低,速度90左右,最重要的就是他不浪费机会,该进就一定进,有他,机会就不再显得珍贵,进球也容易了替补中锋:范巴斯滕,元老荷兰,身高188,右脚,射门精度技术99,力量头球上95,其他素质除长短传都很厉害,基本全上85-95.但就是受伤耐性是C,动不动就睡几十周,恼火啊,没办法,打替补上场时间少,受伤机会就小了主力右前锋:克鲁伊夫.元老荷兰,身高180,速度加速长短传带球精度速度全上90,轻易过全场,右路突破无敌.很全面,射门也是一绝,总之挑不出啥缺点替补右前锋:尤西比奥,隐藏葡萄牙.身高175.右脚.和克鲁伊夫半斤八两,速度加速长短传带球精度速度全上90,轻易过全场,右路突破无敌.射门精度技术力量上95,他的射门虽比克鲁伊夫更高一个级别,但是他的传球就不敢另人恭维了,别以为前锋不需要传球,打下底穿中传不准,那就糗大了.所以是克鲁伊夫的替补.还有一堆没以上这些人厉害的,大家有兴趣就试试左边锋替补:胡戈.桑切斯,身高173.左脚.速度加速敏捷盘球精度都能练到95的人,盘球速度也能到九十左边锋:鲁本.索萨.身高172,素质好像胡戈.桑切斯的双胞胎兄弟,而且射门更高一个级别,但是受伤耐性是C,很容易被废后卫;经典英格兰：鲍比摩尔。身高173。防守：99。右脚。特里布切。身高：192。防守：90。左脚。詹泰尔。身高：176。防守：96。右脚贝尔戈米。身高：184。防守：94（好象）。右脚（强烈推荐）经典德国：福格茨。身高：168。右脚。防守：97斯内林格。身高：183（好象）。右脚。防守：91（好象）。马特乌斯.右脚.比贝肯鲍尔差些.布雷墨.比贝肯鲍尔差些.任意球不错博比查尔顿.经典英格兰.身高173.右脚.力量九八.远射不错劳德鲁普兄弟.隐藏丹麦.身高一个一八四一个一八六.迈克劳德鲁普突破不错.速度加速盘球精度盘球速度都上九十里瓦尔多.身高一八六,左脚,远射厉害.超强烈推荐.数值不错前锋.经典阿根廷.巴蒂身高一八五.右脚.在前一个半赛季确实垃圾，只能靠补射得分，但从他射门精度长到70那场开始，他4场比赛一人进了15球，6星难度哦！（但千万别让他射点球，射门精度差在战中可以克服，但瞒不了点球的）请耐心培养1，2个赛季。巴蒂不会让咱们失望的。超强烈推荐这里是最强全电脑生成妖人阵容:(阵型4-3-3)主力门将:让.法国人.身高199,右脚,整体素质也很好,基本全黄,但防守能上97,而且长的不慢,可以打清道夫,是实况中既能打门将又能打其他位置的少数珍贵球员.但体力超不过65是致命缺陷,所以,千月建议大家用他当门将替补门将:刘易斯.英格兰人.身高193,右脚,防守和扑救能力都能上93左右,但反应只有80多是其弱点.主力左边后卫:佐佐木.日本人,身高185,左脚,防守能上90,素质全黄并有大部分上90,可以说是一个用左脚的博雷.实际位置是后腰,但他打左后卫更有效,所以...弱点在于在于早衰,22岁停长,24开降替补左边后卫:小林.日本人,身高171,左脚,防守能上90多.素质一般,助攻不错主力左中后卫:帕尔梅里,意大利人,身高188.右脚,防守能上95,素质较好,心理素质98替补左中后卫:I什么的(是英文的,电脑生成球员里有不少英文名得人,但基本是中日韩的人)韩国人,身高182,素质很好.素质全黄并有大部分上90,很象博雷.但还是比博雷差些主力右中后卫:奥兰迪.意大利人,身高187,右脚,防守20岁到99.长的超快.却早衰,22岁长停,24岁开降.但从他转世出现开始每个赛季他的缺席数不超过5场,并让他参加每年夏季转会期的7场友谊赛和训练(夏季转会期的训练暴长素质),此人素质除扑救外可全上90,并有一半左右上95,上95的包括射门精度力量技术,长短传精度速度等.不过此人出现几率极小.替补右中后卫:KIM什么的,韩国人,身高180,右脚,防守能上95,其他素质一般,他的成长曲线很奇特,先长到23岁,然后停长,25岁再长主力右边后卫:根特尔.德国人,身高183,右脚,防守身体平衡头球99,弹跳上95,其他素质基本全黄.他的成长曲线很奇特,先长到22岁,然后停长,24岁再长替补右边后卫:弗里什么德尔的,国家忘了(抱歉,以后补上)身高173.右脚,防守能上90,其他素质一般主力后腰:博斯,荷兰人,身高180,右脚,防守能上90-95,其他素质基本全黄并有大部分上90,原版实况8里是英文的,叫BOS,是个超人,不少人都知道替补后腰:巴克尔.英格兰人.身高171,右脚,进攻型后腰,可打边前卫和边后卫.素质不错,上80,90的很多,但矮了些主力左前腰:佩拉伊兹,西班牙人,身高180,左脚,素质很多上80,90的,实战感觉一般替补左前腰:穆林,法国,身高175,右脚,最强妖人,12个99主力右前腰:奥雷兰德,阿根廷人,身高172,右脚,素质除防守扑救外全上80,大部分上90,一部分上95,至少有6个以上到99(包括射门精度技术,加速,任意球精度弧度,进攻等).特技有超级射手,擅长盘带,点球大师,进攻核心等近10余个,从实战和素质综合来看,他是最强人替补右前腰:fsn什么的,中国人(感动中,小日本还没忘了给咱中国一个超人),身高175,素质较好,上80的很多,90的有几个,任意球精度弧度能上95.主力左前锋:PARK什么的,中国人,和fsn什么的差不多替补左前锋:阿什么的.马耳他人,左脚,身高181,速度加速上95,其他素质一般主力中锋:I什么的(和那个后卫不是一个人),韩国人,身高191,射门精度技术,头球都能上95,但转身不灵活,典型的站桩射手替补中锋:高桥,日本人,身高188,转身不灵活,典型的站桩射手,和I什么的那个中锋差不多,但此人多个缺点,早衰.24岁就停长,而且更慢一些主力右前锋:查皮.西班牙人,身高163,速度能上95,加速99,任意球精度90以上,上80,90的很多,突破很无敌好用的边锋.很多朋友都用过替补右前锋:三蒲知良.日本人,身高181,速度加速上95,其他素质一般电脑随机转世球员的特征是：1、是现实中不存在的球员2、是一种不定期出现的转世球员3、是往往具有十分出色素质的球员（包括数值，身高，特殊技能，成长状况等等方面异于常人。其实每年都会出现电脑随机转世球员，但他们有些并不出色，并不是每个电脑随机转世球员都具有十分出色素质4、具有十分出色素质的电脑随机转世球员并不容易出现下面是最强新人阵容.阵型(361)前锋-瑞安巴贝尔.身高184,右脚.成长完毕后不压于维耶里和范尼这些巨星,射门精度头球均超过95以上,在荷甲三强中的其中1个右前卫-法尔范,身高176,右脚,打中锋,边锋,前腰,边前腰,长到25岁.有超级射手特技,说不出的猛,后卫非的上190以上才好卡住他,否则...反正无敌,你买来试试吧,千月不骗人的,在荷甲三强中的其中1个左前卫-法国的本.阿尔法，身高177 ，左脚，打边前卫，中锋，边锋，长到26岁,很不错,往往有精彩的射门,远射,任意球精度弧度都是90好几,除防守扑救外素质全黄并有大部分上90左中场-范德法特，身高175 ，左脚，打边前卫，前腰，边锋，长到26岁,阿甲克斯右中场-莫里斯,身高180,右脚,基本全黄,还有部分上90.很不错的年轻人,米堡后腰-巴拉圭的巴雷托，身高180，右脚，可打边前卫，后腰，前腰，中前卫，19岁，长到26岁,谁在实战中有他的抢断率和卡位效率.我叫他师父后腰-阿纳森的法布雷加斯，有的版本叫塞斯克。身高180，有的版本是177，右脚，可打前腰，后腰，中前卫，17岁，长到26岁,实况著名全能妖人右后卫-博雷，比利时人，身高185，有的版本是188，右脚，长到28岁，素质全黄，并百分之70都上90甚至95。可打中后卫，边后卫，后腰中后卫-孔帕尼，比利时人，有的版本叫科姆盘尼，身高190，右脚，绝大部分上80，一般左右上90左后卫-马丁什么的,英格兰人,身高183,左脚,素质比较全面,防守能上90,不知现实中不只是不是有这号人门将-金永光,韩国人,防守和扑救都能上90,不错以上是我用的所有超人,欢迎使用,但请注意,妖人们是随机出现的,在同一年把他们全部找到是不可能的.在打包送你实况8PC版电脑生成妖人1 妖人纳达尔，西班牙，27岁，身高197，防守89，平衡99，体能99，最快速度99，加速度93，反应99，长传99，短传99，头球精度86，弹跳99，球感76，可打中后卫。（没有过训练）2 胡夫，荷兰，20岁，身高182，左脚，位置除了中锋和门将外都可打。防守77，平衡99，体能97，最快速度86，加速度85，反应92，射门力量96，弹跳93，配合能力84。3 恩科里奇（NIKOLIC）德国，20岁，身高179，防守71，平衡99，体能98，最快速度98，加速度98，反应98，带球速度98，射门力量98，弹跳98。可打中后卫边后卫。4 ZAORIC 斯罗文尼亚，20岁，左脚，身高180，进攻80，平衡97，体能89，最快速度93，加速度87，反应93，敏捷性80，带球精度83，带球速度89，传球精度速度85以上，射门精度83，射门力量91，射门技巧81，任意球81，弧度83，弹跳91，球感91，可打中锋，前腰，边前卫。（强烈推荐）5 索尔多，（SOLDO）克罗地亚，20岁，身高189，防守66，平衡96，体能92，最快速度90，加速度81，反应97，带球速度77，射门力量93，弹跳90，配合能力84，可打中后卫，后腰。6 费蒂楠得，英格兰，20岁，身高180，进攻70，平衡96，体能96，最快速度97，加速度97，反应97，带球速度96，射门力量96，弹跳97，可打中锋。7， 帕留伊斯塔（PAULISTA） 巴西，20岁，身高165，进攻61，平衡97，体能85，最快速度97，加速度97，反应97，敏捷性93，带球精度87，带球速度97，射门力量97，弹跳81，球感91，可打前腰，中前卫。8， CRAIOVEANU 罗马尼亚，20岁，左脚，身高182，进攻70，平衡97，体能95，最快速度95，加速度97，反应92，敏捷性97，带球速度97，射门力量97，弹跳97，可打中锋，边前卫 实况8所有PS2,PC最变态的人都在这了希望我的回答您能满意.祝你玩的愉快~~~~~~~! </t>
  </si>
  <si>
    <t xml:space="preserve">你好哇，请问西安免费开放的景点都有哪些哦？告诉我吧``我记下来。? </t>
  </si>
  <si>
    <t>大雁塔音乐喷泉，大雁塔向西不远还有陕西历史博物馆，再有就是北郊大明宫遗址公园部分免费，南郊曲江遗址公园，东郊世园会园区，最重要的去西安一定要去回民街吃陕西特色小吃。。。。就这些了。。。</t>
  </si>
  <si>
    <t xml:space="preserve">想买电脑,在东莞哪里哦买好呀？在莞城这边，哪里买电脑好？ </t>
  </si>
  <si>
    <t>当然是东日电脑城啦,那里人气最旺,价格也不高,如果你在其他地方,如天源方正等,虽然电脑也可以买,但人气不旺,价格当然要贵了那么一点点.</t>
  </si>
  <si>
    <t xml:space="preserve">丰台区新办企业如何办理社保丰台区新办企业员如何办理社保，具体的程 </t>
  </si>
  <si>
    <t>和其它区一样,拿上你们单位的营业执照副本,组织机构代码证副本;银行开户许可证(社保局会让你去开户行办理委托缴费手续),法人身份证复印件,公章,到区社保局去办理社保登记证.有了这个证就算你们单位在社保局有了"户口",后面按它要求去办既可.</t>
  </si>
  <si>
    <t xml:space="preserve">现在持有美元怎么办？请教专家：1.由于害怕见顶，之前持有的澳元、 </t>
  </si>
  <si>
    <t>方案A:欧圆就放着,再高也别卖了,权当保值砝码。美圆拿出2/3做理财。剩下买卖日圆玩一下子。方案B:欧圆就放着。再高也别卖了。美圆拿出2/3换人民币。剩下买卖日圆玩一下子。方案C:欧圆就卖了和美圆一起拿出2/3做理财。剩下买卖日圆玩一下子。等短线玩出感觉了，理财到期有机会就试验一下大舱位短线。方案D:80%换人民币，剩下怎么招都行。</t>
  </si>
  <si>
    <t xml:space="preserve">怎样理解消费信用和泡沫经济的关系 </t>
  </si>
  <si>
    <t>这不象是个心理问题，更象是考卷上的问答题。</t>
  </si>
  <si>
    <t xml:space="preserve">求救我下载了暗黑模式转换v2.4可是进不了游戏啊 </t>
  </si>
  <si>
    <t>你到网上下载一个《毁灭之王》1.10智能升级包，先把这个补丁打上，然后再安装V2.4，你就能用了。</t>
  </si>
  <si>
    <t xml:space="preserve">导致患上尖锐湿疣的原因都有哪些？常见吗？ </t>
  </si>
  <si>
    <t>　　长期抽烟：因为抽烟能降低机体抵抗力，所以抽烟是尖锐湿疣的危险因素。研究表明，抽烟者尖锐湿疣的发病率比不抽烟者高3倍多，且发病率随烟龄和日抽烟支数的增加而增加，同时抽烟能促进尖锐湿疣复发。　　长时间酗酒：酗酒是尖锐湿疣疾病发病和复发的危险因素，因为饮酒影响了机体淋巴细胞的活性，抑制了机体的免疫力，同时酒精能抑制中枢神经系统，减轻焦虑，增强性欲，增加高危性行为，在一定程度上增加了尖锐湿疣的发生和复发。　　不洁性生活：不洁性生活是引发尖锐湿疣的最主要的原因，要想预防尖锐湿疣的发生，一定要洁身自好，避免不洁性生活。　　免疫功能：免疫力低下的个体如肾移植、恶性肿瘤、糖尿病、艾滋病、免疫抑制性化疗和应用糖皮质激素等病人，尖锐湿疣的发病率及复发率均显著增加，且疣体体积也较大。　　患其他性病：尖锐湿疣与其他性传播疾病如生殖器疱疹、淋病、梅毒、艾滋病等密切相关，其原因是尖锐湿疣的发生可导致其他性病的危险性行为。</t>
  </si>
  <si>
    <t xml:space="preserve">跪求上海大学材料科学基础的考研试题！！！试题，复习资料，笔记等 </t>
  </si>
  <si>
    <t xml:space="preserve">上海大学《材料科学基础》2011年初试考研大纲- 考研考试上海大学《材料科学基础》2011年初试考研大纲已经公布，考生可以查看。 ... 2011-8-26 - 百度快照   </t>
  </si>
  <si>
    <t xml:space="preserve">1岁多的宝宝用什么牌子的洗发水 </t>
  </si>
  <si>
    <t>我给女儿用贝亲的,从出生就用,虽然贵点,但效果好.你使用一下</t>
  </si>
  <si>
    <t xml:space="preserve">领袖应有什么样的品格 </t>
  </si>
  <si>
    <t>一个有品格的领袖要追求真理，评判是非，在行动中还要表现出勇气和承诺。品格不仅涉及伦理道德的最高准则，同时包含坚定、决断、自我约束和判断力。有勇气 决策能力诚信/可靠度</t>
  </si>
  <si>
    <t xml:space="preserve">过年前去北京,不知道有多冷。从来都没去过北方，又很怕冷，请问应该? </t>
  </si>
  <si>
    <t>呵呵，没有那么可怕啦 羽绒服一定要带一件。然后就是保暖秋衣秋裤，外裤普通的就好，但最好宽大一点儿才好套进秋裤。然后就是毛衣，如果年轻一点儿的人穿稍微厚一点儿的绒衣也可以。围巾帽子手套也要带，刮风的时候很管用呢。北京冬天很干燥，要注意多喝水。第一次来的人可能适应不了气候，所以要注意别感冒（最好备一些清热去火的药）祝你在北京愉快 :-)</t>
  </si>
  <si>
    <t xml:space="preserve">人类体细胞中有多少条染色体？ </t>
  </si>
  <si>
    <t>人类体细胞中有46条染色体.</t>
  </si>
  <si>
    <t xml:space="preserve">小孩子~最喜欢什么玩具(女一岁)我是她的舅舅`~~~~~她过生日 </t>
  </si>
  <si>
    <t>会发声但不要太响，颜色鲜但不脱色，不能有转动机构的电动玩具，还不能有小孩能扯下来的小饰品哟！</t>
  </si>
  <si>
    <t xml:space="preserve">谁知道东莞有没有新东方英语培训学校啊？ </t>
  </si>
  <si>
    <t>介绍一个好的方法，购买新东方的网上课程，然后自己在家学。新东方的人太多了，有的课程一个班很多人，都听不清老师讲什么。不过，这样有一个明显的缺点，不容易和老师交流。</t>
  </si>
  <si>
    <t xml:space="preserve">去云南旅游什么时候最好呢，哪家旅行社好？ </t>
  </si>
  <si>
    <t>云南一年四季都适合旅游，各个季节各有各的特色，来云南旅游千万不要被那些在车站拉客的人拉去了，很坑啊，云南假日风光国际旅行社是个不错的选择，希望对你有用。</t>
  </si>
  <si>
    <t xml:space="preserve">维生素E对脱发有一定效果吗?我脱发,最近听维生素E对脱发有一定效 </t>
  </si>
  <si>
    <t>专家们基本肯定了维生素E具有下列保健作用：1.预防心脑血管疾病 维生素E可降低血浆胆固醇水平、抑制平滑肌细胞增殖、抑制血小板粘连和聚集、减少白三烯的合成、强化前列腺环素的释放等，这些作用的整体效果是预防动脉粥样硬化，包括冠状动脉硬化和脑动脉硬化等。2.抗肿瘤 维生素E的抗肿瘤作用与其抗氧化性、调节免疫、诱导细胞凋亡等有关。3.防治糖尿病及其并发症 大剂量维生素E虽然没有降糖作用，但是可以降低脂质过氧化、清楚自由基、纠正脂代谢紊乱、改善血小板与内皮功能等，从而起到防治糖尿病慢性并发症的作用。4.延缓老年痴呆症和中枢神经系统功能失调。 5.延缓衰老。 6.美化皮肤。如果人体不缺维生素C，服维生素E不一定要服维生素C。</t>
  </si>
  <si>
    <t xml:space="preserve">2008年最流行的服装搭配的图片&amp;nbsp;&amp;nbsp; </t>
  </si>
  <si>
    <t>H&amp;M吧，如果你没钱,H&amp;M自己设计不出来，但是抄袭流行还是很厉害的，价格便宜，国内来说牌子还挺大的，国外来说也就是穿穿，不能说好，不能说太旧有钱的话，D&amp;G, juicy,什么的多看runway, 刚刚的milan fashion wekk，已经把09春夏的展出了，想看，vogue.uk</t>
  </si>
  <si>
    <t xml:space="preserve">有关检查胎儿健康的问题 </t>
  </si>
  <si>
    <t>由于超声诊断直观性能好，检出率高，操作简单，诊断迅速，尤其对先天性畸形的诊断敏感性高，因此很受欢迎。   一般在孕20-22周时做超声检查，这时胎儿整体及内部结构均能显示，可以诊断胎儿畸形，特别是神经管畸形，如无头儿、脊柱裂、明显的脑积水、脑脊膜膨出等；有些内脏畸形亦可作出诊断，如内脏外翻、内脏膨出、胸水及腹水、巨大膀胱、肾积水、多囊肾、胃肠道闭锁、四肢短小畸形、联体畸形、寄生胎、无心无头畸形等。   用彩色B超还能诊断心脏及大血管畸形。</t>
  </si>
  <si>
    <t xml:space="preserve">有什么方法可以解压?[疑问] </t>
  </si>
  <si>
    <t>去献血一次，你会放松很多。</t>
  </si>
  <si>
    <t xml:space="preserve">吃海鲜皮肤过敏怎么办 </t>
  </si>
  <si>
    <t>1、应停用所有的化妆品，让皮肤有缓冲的时间，如果平时就使用低-敏性护肤品，便可继续使用；如果是初次或偶尔发生敏-感现象，而平日又不使用低敏感性保养品，那麽就要选择具有消炎、镇静作用的皮肤专用保养品，在用清水洗脸之后使用。如果有持续发红的现象，就要去医院进行脱敏治疗，也可将棉花或纱布充分沾湿注射用的生理盐水后，敷在脸上敏感的部位，这种注射用的生理盐水，安全性高、渗透力好，具有消肿、退红、稳定皮肤的功用，一般而言，几天以后，红肿现象便会消除。2、强化肌肤的抵抗力也是有效的基本对策，如睡眠充足、饮食充足均衡、情绪和谐、远离污染环境及过敏原、减少皮肤的刺激等。轻微的敏-感只要处置得宜，很快便会恢复，严重时则要迅速就医。3、不要擅自用药。未经皮肤科医生诊断，不要自行到药店购买使用，这是伤害皮肤的做法。因为它对抑制炎症虽然有效，但长时间使用会产生副作用而危害到健康，建议*朴*安*堂*过*敏*修*复*霜</t>
  </si>
  <si>
    <t xml:space="preserve">平价保湿爽肤水哪种保湿最好用？问问大家都用的什么保湿爽肤水，我不 </t>
  </si>
  <si>
    <t>dreamtimes的梦幻水，The Face Shop金盏花爽肤水，露得清水活盈透保湿水，都是平价保湿爽肤水中好评不错的，你可以选一个,嘿嘿</t>
  </si>
  <si>
    <t xml:space="preserve">怎样才能解答电能表问题怎样计算有关电能表的问题？ </t>
  </si>
  <si>
    <t xml:space="preserve">一、概述　　电能量自动抄表（Automatic Meter Reading-AMR）技术在我国于80年代后期开始研究，当时由于微机远动技术的成熟与发展，利用各厂站到调度的已有通道，借助微机远动装置的脉冲（或遥信）计数与处理功能，将厂站端关口表的电能量数据传送到主站；其后，随着用电管理部门对关口表管理要求的提高，国外全电子多功能电能表（如landisgyr、siemens、ABB等）与国内开发多功能表的大量应用，自成体系的电能量采集与传输系统应运而生。　　另一方面，90年代初，国内因电力供应紧张开始研究电力负荷控制技术，随着负控系统的建设与应用，用电管理部门到各大中用户间的通信信道建立起来，由此发展了大中用户的远程自动抄表。　　而对于数量众多、抄表工作量极大的居民用户电能量远程集中抄表，则在90年代中前期开始了探索。由于该项技术的主要难点是在通道建设上，即要用较低的成本实现电能量的远距离传输，才能得以使这项技术实用。经过多年的实践，其实现方法从开始的RS-485总线、无线、canbus、LONWORKS、自制总线等方式，到低压载波方式，目前较多集中在低压载波和基于RS-485接口的双绞线方式。二、应用现状　　居民用户远程集中抄表系统一般构成如图1所示。自动抄表主要完成的两项工作：计度（电能量采集）和传输，对于机械表主要是通过脉冲计数、处理和传输；对于电子表则是通过脉冲计数、处理或RS－485口读取和传输。传输通常由两层通信构成，第一层是主站计算机到集中器；第二层是集中器到表计。第一层通常可采用电话等公用通信网、电力系统内部通信网，实现较为容易；第二层由于点多面广，是实现的技术难点所在。下面结合第二层常用的通信传输方式，对居民用户远程集中抄表的应用现状进行分析和说明。1. 利用RS－485的双绞线　　该方式通常是将多块表计的脉冲或485通信线连接到一集中处理装置，由该装置通过双绞线连接到集中处理并向主站传送抄表数据的集中器，以总线方式进行通信。该方式从技术实现上来说相对较为容易，在居民用户远程抄表实现的早期为最有效的方式。但是随着应用的扩大，其布线复杂、工程量大、维护困难、综合成本高等问题逐渐显现并难以解决，影响了其发展，目前其应用范围趋小。2. 利用低压电力载波　　自从90年代中前期以色列Unique公司的低压载波抄表技术及产品进入我国，为集抄的发展展示了良好的前景。载波通信以其无需布线、施工/维护工作量相对较小等特点，在居民用户远程集中抄表中有独特的优势。但是，该技术存在电力线传输信道间歇性噪声大、阻抗随负载变化大、信号衰减大等问题，故实现难度较大。由于电网的复杂程度不同，国外成熟应用的技术到国内应用并不理想。国内自有技术经过10余年的发展，从抄收成功率低、试点转化为实际应用的不多、实验室检测一次通过率极低，到2001年后一些厂家的产品水平已超过国外产品并达到实用，目前其在居民用户集抄中所占应用比例为各种通信方式之首。3. 其他方式　　无线方式由于依靠其空间传输、无需线路的特点在集抄中占有一席之地。但由于其功率小了易受阻挡和干扰，功率大了要受无委会限制，以及成本等问题，应用较少。　　此外，在智能化小区，采用canbus、LONWORKS、自制总线等方式传输水、电、气等抄表数据也有应用，但其成本相对较高，这些通信方式在单独的居民用户远程集中抄表系统中应用较少。　　根据近几年中国电力研究院配用电自动化系统设备检测实验室统计的数据显示，送检产品中采用的通信方式84％是低压配电载波，14％是双绞线，2％是无线（参见图2）。这从另一侧面反映出这几种通信方式的应用现状。三、发展趋势⑴ 功能。从近几年的应用情况来看，随着居民用户远程集中抄表技术的逐渐成熟与产品的实际应用，其功能上已不满足于对普通电表每月正确地将用户用电数据抄回。此外，抄复费率表多时段用电数据用于分时段电费结算、抄预付费电表用电数据用于对该种类电表进行监视与管理、每日或随机抄表用于对用户用电情况的监视、查处异常用电、同时抄收水、电、气等表计数据等应用逐步扩展。随着数据采集与传输产品的稳定、可靠应用，其功能将向数据挖掘，即：基于基本电表数据的存储与各种统计、分析等应用方向发展。⑵ 通信手段。近年来电力线上网技术不断发展，40余MHz技术的实现使得该项技术接近宽带网水平，基于电力线专有网络的集抄将成为现实。此外，随着蓝牙技术的发展与实用、蓝牙芯片的普及并成本的降低，可以预见，这种更为先进、使用更为方便的技术将显示出更为广阔的应用前景。1　老电表该不该换 老电表确实该换。早在1987年12月21日，国家机械工业委员会、国家计划委员会、国家经济委员会、财政部、水利电力部、中国工商银行、国家工商行政管理局就联合以"机委科[1987]208号"文，下发了"关于下达机械工业第十批淘汰能耗高、落后产品的通知"淘汰了DD5、DD9、DD10、DD12、DD14、DD15、DD17、DD20、DD28等民用单相电表及一大批三相电表，淘汰理由是"性能差，结构陈旧，设计工艺水平低"，淘汰日期为1988年12月31日。"对已公布的淘汰产品所需维修配件，从公布淘汰日期起，在规定期限内(电度表不超过五年，其他产品不超过三年)保证供应；超过规定年限，一律不再供应。"即：以上淘汰电表的维修配件最迟只供应到1992年12月21日。正因为这些老电表"性能差，结构陈旧，设计工艺水平低"，直接影响了计量的精确度，国家有关部委才下文明令淘汰。有人之所以得出"新电表走得快"的结论，是以老电表走得准为前提的。而老的机械式电表严重负超差，根本就不能作为比对的标准。以此为前提本身就是错误的，得出的结论当然是错误的！ 2　新电表是否走得快 现在为用户安装DD86系列电表，是"机委科[1987]208号"文推荐更新的电表。它是用电子技术来计量的电能表，计量更加准确。当然，世界上没有绝对准确的计量表计。因此，有关计量法规规定了各级各类电表的允许误差，快为正误差，慢为负误差，超过允许误差，则分别为正、负超差。用户的电能表一般是二级，其误差最大允许值为±2.5%。即：假如某用户理论上用了1kW．h的电，只要其电表显示在0.975～1.025kW．h之间，这块电表就是合格的。新电表在安装前，都必须用高精度的标准校表台校验过，其误差必须在国家对该级电表规定的误差范围内。因此，新电表一般都走得准，不存在走得快的问题。 3　怎样衡量电表的快慢 仍以开头的例子为例。问题反映到某供电局，该局立即派人到这个用户家当面封表、拆表，拿到供电局的标准校表台上当着用户校验，旧表负超差8%。即这个用户以前每用100kW．h的电，旧电表才显示92kW．h。换言之，这个用户以前每用100kW．h电，就少交了8kW．h电的钱。某省某县对电表走得快的问题，反映较多，于是抽了九块表送检，结果全部合格且都是负误差(即走得比标准表略慢)。判断电表走得快慢的标准，只能是比此类电表精度高的电表，而不是其他电表。譬如，同一袋大米，用甲的秤称是99斤，用乙的秤称是101斤。甲说乙的秤小，而乙说甲的秤大，请问：能以甲乙各自的秤来判断对方的秤吗？不能，只能用标准的秤来判断甲乙双方的秤。这个道理必然一说就通，判断电表走得快慢又岂能用两块电表互相比对呢？ 4　电网改造后，为什么电表走得快 电表走得快、走得慢，主要受到电压高低等因素的影响。原先电压低的地区在城乡电网改造后，电压达到了标准，群众最直接的反映是"灯亮多了"。"灯亮多了"自然耗电就多了，电表也就比电压低的时候走得快了。设以一个电阻220Ω的电灯(在额定电压220V时、此灯泡的功率为220W)为例：同样开一个小时，电压为154V时、灯泡功率为107.8W，电压为176V时、灯泡功率为140.8W，电压为220V时、灯泡功率为220W。而实际上，电网改造前，许多边远地区的电压还远远低于154V！ 5　电表出厂前有检验合格证，为什么安装前供电局还要校过 电表出厂后，有可能因为装卸、运输过程中抖动和震动影响精度。故有关的计量法规就规定了电表在安装前必须进行校验；1987年，国务院下发的"国办发[1998]134号"文要求供电局企业对用户电能表实行"统一校验"。因此，供电局在安装前，还要对电表统一校验。 6　供电局会不会在校表时把电表校快 这种担心可以理解，但是多余的。供电企业要接受国家质量技术监督部门对电能表计的检查监督，供电企业所校验的电表的正负误差只能在国家计量法规规定的范围，供电局真要故意校快电表，不仅要受到行政处罚，还可能被取消校验电表的资格。电力企业是国有企业，没有必要像有些街头小贩在秤上做手脚、短斤少两，侵占消费者利益。 7　如果我还是觉得电表快，要校电表，怎么办 这是用电人的权利，需要提醒的是校验电表的单位必须有质量技术监督部门的授权，还要有相应的测试手段。否则该单位出具的校验报告不仅不具有法律效力还有可能结果出错。如果用户电表的显示确实比实际用电多，可以用下面的方法来检测：把全部用电器具关掉，如电表仍在转动，则多半是用户的内部线路漏电；如果把电表后总闸拉掉，电表仍在转，那就是电表有问题，要送去修理检验了。 大规模的电网改造新安装电表成千上万，又是不同厂家的产品，极少数电表出现问题也是可能的。用户可以把电表送到有质量技术监督部门的授权、有相应测试手段的单位去校验，得到一份有效的客观公正的校验报告。 8　关于消费者的自主选择权的问题 有些用户认为，当地的供电企业在电网改造中，未征得自己的同意就统一要求将原有的旧电表更换为新电表，侵害了"消费者享有自主选择商品或者服务的权利"违反了《消费者权益保护法》；还有"限定他人购买其指定的经营者的商品，以排挤其他经营者的公平竞争"之嫌，违反了《反不正当竞争法》。 的确，《消费者权益保护法》第九条赋予消费者"享有自主选择商品或者服务的权利"，但是消费者的自主选择权是有限的，不是无限的。例如：从2001年9月1日起，在全国禁止销售化油器类的轿车，也就剥夺了消费者选择购买化油器类轿车的权利。再如：国家明令关停小水泥厂、小化肥、小纸厂、小煤窑，也剥夺了消费者选择购买这些产品的权利。某市规定不准再销售8升马桶，也就剥夺了某市人选择购买8升马桶的权利。1987年12月21日，中央七部委联合以"机委科[1987]208号"文下发的"关于下达机械工业第十批淘汰能耗高、落后产品的通知"，抄送中央电视台、《人民日报》等新闻单位。当年人们对产品的认识与今天人们对产品的认识不可同日而语。假如"机委科[1987]208号"文在现在公布，一夜之间，全国人民就会通过新闻媒体了解到"老电表要淘汰了"。用户也就不会认为更换老式电表是侵害了"消费者享有自主选择商品或者服务的权利"，供电企业更换这些老式电表的工作就会顺利得多。 至于用户认为电力企业"限定他人购买其指定的经营者的商品"，这是误会，也是电力企业宣传不力引起的。国家发展计划委员会1999年12月13日下发的"计基础(1999)2177号"文件第十六条规定，"为保证电能表质量，凡新购电能表，由项目法人统一招标采购。"由此可见：在电网改造中，只要承担电网改造工程的项目法人按照《招投标法》对新购的电能表统一招标采购，将这些新电表换掉用户原用的、国家明令淘汰的老式电表；就是合规的，没有无端"侵害消费者享有自主选择商品或者服务的权利"，也没有"排挤其他经营者的公平竞争"--因为所有具有资质的经营者(包括"其他经营者")在电表招投标时就开展了公平竞争，更没有违反《反不正当竞争法》。供电企业应当尊重用户的选择。只要用户有国家经贸委《推荐名录》上的电表、且经供电企业校验过，供电企业有义务用新电表更换用户的旧电表。 9　"计量正确"的法定公平交易条件 《消费者权益保护法》第十条，消费者"享有公平交易的权利。消费者在购买商品或者接受服务时，有权获得质量保证、价格合理、计量正确等公平交易条件。有权拒绝经营者的强制交易行为。"按照权利义务对等的立法原则，经营者同样有权获得价格合理、计量正确等公平交易条件。《计量法》的立法目的之一是"保障国家计量单位制的统一和量值的准确可靠"，"国办发[1998]134号"文特别强调"提高表计的准确性"；可见，"计量正确"作为法定的公平交易条件，既是政府所关注的，也是消费者、经营者都必须遵守的。消费者对待计量，不能采取双重标准：一方面反对经营者"短斤少两"，另一方面又希望计量的结果有利于自己--比如希望自家的电表走得越慢越好。 </t>
  </si>
  <si>
    <t xml:space="preserve">我的电脑上不去网了?IP改不了了我的电脑上不去网了,连接状态正常 </t>
  </si>
  <si>
    <t>你是家用电脑还是公司里面的电脑，如果是家用的话应该没有这个问题的，理由很简单，就是不需要你去设置什么IP地址的，你可以这样做：网上邻居——本地连接——属性——属性——Internet协议（TCP/IP）{双击}——看到常规选项，里面设置为自动获得IP地址就可以了。</t>
  </si>
  <si>
    <t xml:space="preserve">宝宝怎么结婚呀请高手帮助 </t>
  </si>
  <si>
    <t>苏州的珍兽店里，要求宠物要30级两个人要组队</t>
  </si>
  <si>
    <t xml:space="preserve">妈妈用作养老的钱现投基以期增值，请大家推一两个开封基。妈妈用作养 </t>
  </si>
  <si>
    <t>妈妈用作养老的钱个人建议不去投资风险大的股票型基金,可投资债券型基金,现在的股市风险太大,才一个月就跌去了20%的收益,也就是一个月前的1万元现在才8000元。还是投资债券基金吧！虽然收益低了点，还是让老太太心里别七上八下的好！补充：那你要有心里准备!妈妈的钱要一分为二，一半买入开基，如广发稳健，易方达积极成长，工银核心等，另一半买入债券型基金，下面的几家大基金公司都有其品种你可自选如华夏，易方达，工银瑞信，嘉实等。</t>
  </si>
  <si>
    <t xml:space="preserve">王者世界CANNON大炮详细的资料，有图片说明的吗？ </t>
  </si>
  <si>
    <t xml:space="preserve">　　炮，冷兵器时代的终结者。古代，中国人就已经造出火药发射弹丸的火铳。而作为一种可以造成敌人一片局域的伤害、或攻城时常用来轰掉城墙的武器来说，很多里面也仅仅是作为某个任务的道具来使用。 　　在由第九城市推出的2008年海外最受欢迎的3D金牌网游大作《王者世界》中，却有一个以火炮为武器的主职业——“Cannon大炮”。可能你会觉得很惊讶怎么会有这样的职业，但作为一个即将征服亚特兰蒂斯大陆的你来说，配备一个“Cannon大炮”绝对不会让你后悔的。 　　肩扛大炮 威震四方 　　在《王者世界》里，有一个关于“Cannon大炮”在北方旅行的传说流传广泛。那是正值大雪封山的严冬，“Cannon大炮”旅行到一个山中村庄留宿，听说这里山中饿狼经常夜袭家畜，所以就熬夜等待群狼出现。很快到了半夜，森林里窜出数十条饿狼准备袭击家畜。这个时候，“Cannon大炮”肩扛大炮，“轰”的一声，将狼群轰散，“Cannon大炮”还扛着大炮追击其余饿狼。一夜过来，村民发现“Cannon大炮”居然杀死了十六条饿狼，保证了村庄的家畜安全。就这样，“Cannon大炮”的威名就在亚特兰蒂斯大陆上传开了。 　　十字攻击 命中率高 　　“Cannon大炮”的武器是特制的大炮，由于使用的时候是肩扛的，所以在制造的时候更加考虑使用的便利性。而“Cannon大炮”也是《王者世界》中攻击范围最广的主职业，因为他可以进行十字范围的攻击。这比起其他职业来，可攻击到敌人或怪物更多了。在每次开炮的时候，为了保证每发炮弹的命中率，“Cannon大炮”总是要调整半天才放心的拉响火炮。这样攻击都会直击敌人阵中，真正发挥“Cannon大炮”的价值！ 　　通查视野 知己知彼 　　在战场上，所谓“知己知彼，百战不殆”，但要在战斗的空隙去了解敌人的血量是一个比较难的事情。“Cannon大炮”却拥有一个特殊的技能：“通查的视野”，这个机能可以在增加部分攻击力的基础上，查看敌人的生命值状况，为下一步进攻做好正确的选择。真是非常实用的必杀技！ 　　《王者世界》中的“Cannon大炮”勤勤恳恳，埋头做事，却有充满谋略，经常在你需要的时候发挥其特有的价值。怎样？为你的队伍配备一个“Cannon大炮”吧？在《王者世界》的探险中，让我们一起感受“Cannon大炮”的威力！ </t>
  </si>
  <si>
    <t xml:space="preserve">该不该赎回 </t>
  </si>
  <si>
    <t>以前任何时候赎回或许都是对的，不过放到今天来说—————未必！！</t>
  </si>
  <si>
    <t xml:space="preserve">请问清华大学的保送生与自主招生的具体要求和具体实施方案 </t>
  </si>
  <si>
    <t>报送生一．招生对象：      凡具备部规定的保送生资格且符合以下条件之一的应届高中毕业生：学业成绩优秀、综合素质突出；在科技创新、文学等方面具有突出特长；在外语方面具有突出的培养潜能且第一志愿报考我校英语和日语专业；综合素质突出且第一志愿报考我校国防生和定向生。二．招生程序：我校保送生选拔工作遵循“公平竞争、公正选拔、公开程序，德智体美全面考核、综合评价、择优录取”的原则。推荐方式采取中学推荐与个人自荐相结合的方式。1． 报名方式：本届保送生申请等工作采取网上报名方式（对个别无法上网的同学可以采取书面报名）。希望有条件的同学，尽量采取网上报名的方式，以便及时快捷的查询和了解自己相关的申请进度和认定结果等。学生所递交的申请材料一律不再退还。2． 学生本人申请，所在中学正式推荐，根据我校招收保送生的要求提交申请材料，申请材料的有关格式和程序等由招办预先在网上公布，内容包括：申请表格、推荐信、原始成绩单、个人陈述、相关证书材料复印件等。各中学确定的保送生推荐人选请各中学在本校公示。3． 申请材料提交截至日期后，我校对所有申请材料进行初步审核，以选拔部分优秀学生参 校组织的“清华大学2006年保送生暨自主招生冬令营活动”。初选的标准主要综合考虑申请者高中阶段的学业成绩、竞赛成绩、多项获奖、社会工作和课外活动、兴趣爱好、发明创造、毕业中学每年为我校输送的人才等情况。4． 我校通过举办“清华大学2006年保送生暨自主招生冬令营活动”，对通过初选的学生进行测试。测试内容分为文化课考试（理科考生：数学、英语、物理；文科考生：语文、数学、英语）和专家面试。清华大学将统筹考虑各种测试的成绩及学生的专业志愿，确定保送生人选和录取专业。录取结果将即时公布在清华大学本科招生网，供学生本人查询，并尽快通知考生所在中学。5． 被我校认定的保送生人选，如果体检和政审合格，我校将按照有关规定与各省级招生主管部门办理保送生录取手续。三．监督机制1． 为使保送生选拔工作公平公正，学校成立由职能部门、纪检部门和专职教师组成的专家组，对考生进行面试考核。保送生认定结果，须经招办报学校招生领导小组审批。2． 审批通过的保送生认定名单须由考生所在中学公布。如无异议，清华大学招办将此名单报生源所在省级招生考试机构备案。3． 中学及学生本人应本着“诚信”的原则，严格按照一定程序公平、公正、公开地进行申请和推荐工作，申请和推荐材料必须属实。申请或推荐如有作假者，一经查实，将取消被推荐学生的认定资格和该生所在中学三年的推荐资格。四．本实施方案由清华大学招生办公室负责解释。自主招生一．指导思想1．    通过实行“以文化课考试为主，多元化综合评价相结合”的方式，择优选拔部分在某些方面具有突出特长或综合素质较好的优秀人才。2．    大学自主招生选拔工作遵循“公平竞争、公正选拔、公开程序，德智体美全面考核、综合评价、择优录取”的原则。二．招生对象：凡符合以下条件之一者，经中学推荐和个人自荐，并由我校考核测试后，可认定为“自主招生”人选。1．      学业成绩优秀、综合素质突出者。2．      在科技创新、文学等方面具有突出特长者。3．      在外语方面具有突出的培养潜能且第一志愿报考我校英语和日语专业者。4．      综合素质突出且第一志愿报考我校国防生和定向生者。三．招生程序我校组织专家教授组对自主招生申请者提交的申请材料进行初审，根据学生的学业成绩、竞赛成绩、特长及爱好、社会活动、个人陈述、推荐材料等对学生的综合素质进行评价，选拔出一定的优秀考生参加自主招生冬令营复试活动。我校通过举办自主招生冬令营活动，对考生进行复试。复试内容分为文化课考试和专家面试，其中理工类考生的文化课考试科目为数学、物理和英语，文史类考生的文化课考试科目为语文、数学和英语。报考英语和日语专业的考生，需要增加外语口语面试。报考国防生和定向生的考生，需要增加专业面试。四．录取原则1．学校根据学生在冬令营中的测试成绩，确定自主招生认定名单和考生在高考录取中享受的优惠政策。被我校认定的自主招生人选如果高考总分（含附加分）达到我校同类科目在当地的最低录取分数线下20分时，即予以录取。成绩特别优秀者，经学校招生领导小组同意，可以享有更加优惠的录取政策。2．第一志愿报考英语和日语专业的学生，根据冬令营的测试成绩，单独排队认定。3．第一志愿报考国防生和定向生的学生，根据生源情况和冬令营测试成绩，决定认定结果。五．监督机制1．为保证自主招生选拔工作公平公正，学校成立由职能部门、纪检部门和专职教师组成的专家组，对考生进行面试考核。自主招生认定结果，经招办报校招生领导小组审批通过后，入选考生名单须向考生所在中学公布，并报生源所在省级招生考试机构备案。2．中学及学生本人应本着“诚信”的原则，严格按照一定程序公平、公正、公开地进行推荐工作，推荐材料必须属实。如有推荐作假者，一经查实，将取消被推荐学生的认定资格和该生所在中学三年的推荐资格。六．本实施方案由清华大学招生办公室负责解释。</t>
  </si>
  <si>
    <t xml:space="preserve">排水沟与截水沟有什么区别？ </t>
  </si>
  <si>
    <t>排水沟一般设在填方路基下，用来排路面水。截水沟，一般设置在挖方段路基边坡上，用来拦截地表水侵蚀路基。</t>
  </si>
  <si>
    <t xml:space="preserve">总梦到过世的奶奶从今年春节就总是梦到已过世的奶奶，(我奶奶过世已 </t>
  </si>
  <si>
    <t>你的奶奶生前对你好,你由于小并没有什么在意这份深情,谈不上对她的报达,现在你长大了,懂事了,你感觉到目前周围许多的境况都不尽如意,多少渴望小时候的感觉,其实,你错了,错解了现况,你选择什么样的心态对待这个环境,这个环境就会怎么样.爱是相互的,见意你要得到某份关爱和信任前,你要做好自己,摆好心态.</t>
  </si>
  <si>
    <t xml:space="preserve">保安有权检查居民身份证吗？如可以那警察干什么呢？ </t>
  </si>
  <si>
    <t>只有人民警察可以</t>
  </si>
  <si>
    <t xml:space="preserve">请哪个贵人帮我孩子取个名字宝宝出生都快十个月了.我还是没有替宝宝 </t>
  </si>
  <si>
    <t>叫郑名扬,名扬四海吗.</t>
  </si>
  <si>
    <t xml:space="preserve">重庆最大的网吧是哪个哦？能通宵吗？ </t>
  </si>
  <si>
    <t>原来的创新现在的银河</t>
  </si>
  <si>
    <t xml:space="preserve">请问有谁知道南京江宁区的西部路桥这个单位，公司好吗，属于什么性质? </t>
  </si>
  <si>
    <t>我舅舅就在这单位，非常好。年底拿4万元奖金呀，平时福利待遇也很好！这单位属于江宁公路管理站下属企业，算是事业单位！不过，职工分好几种，有正式工有合同工也有临时工</t>
  </si>
  <si>
    <t xml:space="preserve">吃豆制品为什么有益身心健康 </t>
  </si>
  <si>
    <t>发酵豆制品具有防治老年性痴呆症的功效。人体产生的乙酰胆碱酯酶是分解神经末端传达物质的酶，现代医学认为它的存在与老年痴呆症发病有关。笔者在和日本专家的共同研究中发现，我国腐乳具有明显乙酰胆碱酯酶抑制活性。也就是说，发酵的腐乳，对防治老年性痴呆症有效。</t>
  </si>
  <si>
    <t xml:space="preserve">山东山西是什么山,广东广西是什么广,湖南湖北是什么湖,河南河北是? </t>
  </si>
  <si>
    <t xml:space="preserve">山?|：以在太行山之?|而得名。唐大部分?俸幽系溃凰卧O京?|路，後分京?|?|、西路；金更名山?|?|、西路，?山?|得名的開始；元設山?|?|西道；明置山?|省，後改山?|布政使司；清改山?|省，省名至今未?。 　　 　　 　?西：以?原之西得名。唐大部?倬╃艿篮完P?鹊溃凰纬踉O?西路，??西得名的開始，後分設永興?路，以?事？延、？甯、環?c、秦鳳、熙河五路設?西五路?略使；元設?西行省和?西?h中道；明置?西省，後改?西布政使司；清改?西省，省名至今未?。 　　 　　河南：以在黃河之南而得名。西?h即有河南郡，?河南得名的開始。唐大部分?俣肩艿篮秃幽系溃凰卧O京畿路和京西北路；金改南京路；元設河南省和河南江北道；明置河南省，後改河南布政使司；清改河南省，省名至今未?。 　　 　　河北：以在黃河之北而得名。唐大部分?俸颖钡溃瑺?河北得名的開始。宋設河北路，後分河北?|、西路；金分河北?|路設大名府路；元設燕南趙北道；明設北平省，後?U省，所有府和直隸州直?僦醒耄Q北直隸；清改直隸省；1929年民?暮颖笔。∶两裎醋?。 　　 　　湖南：以在洞庭湖之南而得名。唐?俳衔鞯篮颓械溃嵩O湖南觀察使，?湖南得名的開始；宋稱湖南路；元設?X北湖南道；明?俸?V省，後改省?湖?V布政使司；清分湖?V省置湖南省，省名至今未?。 　　 　　湖北：以在洞庭湖之北而得名。唐?俳?|道、淮南道和山南?|道；宋荊湖北路，?稱湖北路，?湖北得名的開始；元設江南湖北道；明?俸?V省，後改?省?湖?V布政使司；清分湖?V省置湖北省，省名至今未?。 　　 　　?V?|：以?V南?|路?稱得名。唐??X南道；宋以舊?V州轄地置?V南?|路，?稱?V?|路，??V得名的開始；元設海北?V?|道；明置?V?|省，後改?V?|布政使司；清改?V?|省，省名至今未?。 　　 　　?V西：以?V南西路?稱得名。唐??X南道；宋置?V南西路，?稱?V西路，??V西得名的開始；元設?V西?山溃幻髦?V西省，後改?V西布政使司；清改?V西省；民?灾唤?岣?V西?炎遄灾?^，?^名至今未?。 </t>
  </si>
  <si>
    <t xml:space="preserve">怎样才能购买到奥运会开幕式的门票我很想购买到门票，其实有很多人想 </t>
  </si>
  <si>
    <t>朋友你好，给你找了一些资料，供朋友参考。。。北京门票的销售将在2007年上半年启动。今天上午，北京市副市长、北京奥组委执行副主席刘敬民在做客北京城市管理广播时表示，北京奥运会大多数项目的票价将充分考虑群众承受能力，让他们支付得起。 刘敬民介绍说，北京奥组委预计在明年上半年推出北京奥运会票务计划，销售工作将在2007年上半年展开。按照惯例，北京奥运会开幕式的部分门票将预留给奥林匹克大家庭。刘敬民表示，北京奥组委将尽量增加可售票的范围，绝大多数开幕式门票都将通过市场销售，且主要面向国内市场，有一部分将用来满足部分国外奥运会 爱好者的需求。 刘敬民表示，票务工作比较复杂，需要通过科学调查进行门票总数估算，还要研究、制定合理的票价。为此，北京奥组委曾在官方网站进行过一项民意测验，收集大家对门票定价的意见和建议。北京奥组委将充 分考虑各方需求进行科学预算，最终确定合理的票价结构。 奥运会开幕式历来备受关注，其门票价格也不菲，北京奥运会开幕式门票如何定价？刘敬民说，2008年奥运会开幕式的门票价格将相对较高。约2000-5000。此外，从往届奥运会情况看，一些热门项目的决赛门票也将略高于其他项目。尽管如此，北京奥运会的大多数项目票价都将充分考虑群众的承受能力，让老百姓支付得起。 刘敬民还表示，北京奥组委将保证市民更方便、更便捷地购票，在经过一些必要的安检措施轻松入场馆观看比赛</t>
  </si>
  <si>
    <t xml:space="preserve">坼迁补偿问题我们这是成都市新都区房地产开发商占用我们这的地。我想 </t>
  </si>
  <si>
    <t>政府公布的价格往往都比拆迁补偿的钱要低。因为政府希望补偿标准低些，对政府有好处还是参考附近商品房价格比较实际些，建议别急着签协议，后拆的人都能多得点补偿</t>
  </si>
  <si>
    <t xml:space="preserve">请大家帮我做一个遮罩动画如图：上面是一附雪景。下面是“雪景”两个? </t>
  </si>
  <si>
    <t>你提供的附件看不了...</t>
  </si>
  <si>
    <t xml:space="preserve">绿茶都包括什么茶？我在好多资料上看到绿茶对护肤有很大的帮助，可是 </t>
  </si>
  <si>
    <t xml:space="preserve">绿茶包括：西湖龙井，南京雨花茶，黄山毛峰，太平猴魅，洞庭碧罗春，蒙顶茶，庐山云雾，顾渚紫笋，桂平西山茶，六安瓜片，信阳毛尖，惠明茶，敬亭绿雪，老竹大方等。 </t>
  </si>
  <si>
    <t xml:space="preserve">墨镜戴在脸上（鼻梁上）容易滑怎么解决？ </t>
  </si>
  <si>
    <t>改变一下镜腿的角度......................眼镜店可以做到.</t>
  </si>
  <si>
    <t xml:space="preserve">我得了尖锐湿疣,医生说我的个数多连成片有的象黄豆样大,不能用激光? </t>
  </si>
  <si>
    <t xml:space="preserve">目前治疗这种病的最佳效果应该 是归激光默数了 尖锐湿疣在初期时一般只长一个或 是几个疙瘩 如果不及时治疗，病情就会加重，男人还好一点 女人会蔓延至子宫，肛门等，激光打一个只需要几十元钱 如果不是很严重大概有200多元就足够了 最多不会超过一千元，如果 是 初期，一次就可以做完，如果严重，就需要分几次做， 做完之后，会留下创口，需要休息2周到一个月，期间最好不要过性，着种病传染性很强，一般病毒会在体内潜伏 几年，甚至几十年后发病 的都有 治疗尖锐湿疣常用药物 具有对疣体破坏性的药物都能用于尖锐湿疣的治疗。下面介绍几种常用的治疗尖锐湿疣的药物，供读者参考。 (1)5％5-Fu软膏 5-Fu是一种常用的抗肿瘤药物，它能抑制细胞的增殖，力量较为温和，一般需治疗2～3周。 (2)30％三氯醋酸 是一种强酸，可用来烧灼疣体，每周用药2次，要注意保护周围皮肤和粘膜。 (3)争光霉素、平阳霉素兑生理盐水，外涂患处，每周用药2～3次。 (4)3％的肽丁胺霜 外搽本药，每日2次，无不良副作用，尚可用于阴道内的尖锐湿疣。力量温和，需长期治疗。 (5)疣脱欣（鬼臼毒素溶液） 为新的高效的治疗尖锐湿疣的药物，无刺激性，外用局部，每日1次，连续3～5天即可。 (6)20％的足叶草酯酊 每周用1～2次。本药有副作用，要注意保护周围皮肤粘膜，涂药2～4小时后洗去。有致畸作用，孕妇禁用。 尖锐湿疣的常用治疗方法 目前治疗尖锐湿疣主要是以外治为主，内治为辅。外治的方法很多，有药物治疗、冷冻治疗、激光治疗、微波治疗、电烧治疗、手术治疗等。它们各有其适应症，其治愈率在50%～80％之间。药物治疗方便，易于操作，但一般需要重复数次，而且有些药物有灼伤粘膜的可能。激光治疗、冷冻治疗、微波治疗需要术者有高超的技艺，准确地破坏病变组织。 1、冷冻疗法 是一种皮肤科常用的治疗方法，它是以液氮或二氧化碳干冰冷冻皮肤病损，使皮肤损害局部水肿、坏死，以达到治疗的目的。尖锐湿疣是由于尖锐湿疣病毒的感染，导致皮肤粘膜的良性增生。它有大量的小血管，增殖迅速。用冷冻的方法可使尖锐湿疣内结冰，形成组织局部的高度水肿，从而破坏疣体。冷冻治疗的最大好处是局部不留痕迹，治愈率约70％左右。可用喷雾法或直接接触法，适用于平坦较小的疣体。一般每周冷冻1次，连续2～3次。 2、激光治疗 是皮肤性病科常用的治疗尖锐湿疣的方法。它的特点是见效快，在治疗的当时，疣体即可脱落。常用的是二氧化碳激光，烧灼疣体，一般1次即可使疣体脱落。但是，由于激光的光束过于集中的原故，激光治疗只适用于疣体较小的尖锐湿疣，如疣体较大，激光治疗很容易复发。 3、微波治疗 是进入90年代后兴起的治疗方法。它的原理是利用微波的高频震动，使疣体内部水分蒸发，坏死脱落。微波治疗的特点是，疣体破坏彻底，不易复发，但创面恢复较慢，容易继发感染。所以微波治疗特别适用于治疗疣体较大的，孤立、散在的，同时要远离包皮系带的尖锐湿疣，以防损伤包皮系带，影响男性的性功能。 4、电烧灼 是较老的一种治疗方法。过去皮肤科医师常用高频电刀或电烙铁烧灼寻常疣、色素痣及其他皮肤赘生物。它的特点是操作简单，见效快。高频电刀能直接切除和干燥疣体，治疗也较彻底，但是，电烧灼疮面愈合较缓慢。综上所述，电烧灼治疗，可用于任何尖锐湿疣的治疗，但是对施术者的技术要求较高，烧灼太过或不足都是有害的。同时要注意无菌操作，预防感染。 5、手术治疗 尖锐湿疣一般不主张手术切除，因为手术治疗后，尖锐湿疣很容易复发，使治疗失败。但对带蒂的较大的疣体可考虑手术切除。有的患者尖锐湿疣生长过于迅速，或大如菜花，其他治疗十分困难，可考虑手术治疗。为防止复发，术后配合其他治疗。   </t>
  </si>
  <si>
    <t xml:space="preserve">怀孕快40天了下面还是有血正常吗？上不下厕所老是头晕:怀孕快40? </t>
  </si>
  <si>
    <t>正常初期的症状∶这是由女性自己凭感觉或依自己的生理情形而发现。 1.停止∶这是一般人最常注意到的怀孕徵兆，只要是一般正值生育年龄的妇女，月经正常，在性行为后超过正常经期两周，就有可能是怀孕了。但并不是月经没有来就是怀孕了，月经没有来的原因有很多，可能因为卵巢机能不佳，可能因为荷尔蒙分泌不正常，工作忙碌，考试紧张…..等等，都会引起月经迟来的现象.所以最好还是要经过医师的诊断，才是最安全的。 2.乳房有刺痛、膨胀和搔痒感∶乳房有刺痛、膨胀和搔痒感，这是怀孕早期的生理现象，此外，还会有乳晕颜色变深、乳房皮下的静脉明显、乳头明显突出…等变化。 3.常有恶心、呕吐的感觉∶几乎很多怀孕初期的孕妇都时常会有恶心、呕吐的感觉，尤其是在一天的刚开始。这些症状都是因人而异的，有些人的症状相当轻微，有的则是很严重。除非是恶心、呕吐的非常厉害，才需要就医，否则这些都是怀孕初期的正常现象。 4.皮肤颜色有变化∶可能会产生皮肤色素沉淀或是腹壁产生妊娠纹，尤其怀孕后期更为明显。 5.阴道黏膜变色∶怀孕初期，阴道黏膜可能会因充血而呈现出较深的颜色，这些由医师做判断。 6.容易疲倦∶怀孕初期容易疲倦，常常会想睡觉。 7.频尿∶怀孕的第三个月时，因为膀胱受到日益扩大的子宫的压迫，使得膀胱的容量变小，常会有频尿的现象发生。 临床症状∶这是指由医师检查后及自己发现的变化。 1.腹部变大∶在怀孕第三个月的时候，腹部便明显地扩大了，但在未确定怀孕之前，也有可能是因为腹部有肿瘤或是体重急剧上升的缘故，而使得腹部变大。所以此时必须作进一步的检验，才可确定有无怀孕。 2.可摸到胎儿的形状∶这也是一种可靠的怀孕症状之一，通常是在第四或第五个月左右，亦可感觉到有胎动。但切记要小心别把腹部肿瘤当成胎儿的形状，还是需要再请医师做下一步更正确的判断。 子宫颈变软，子宫变成圆球形∶这必须由医师内诊得知，偶而子宫会有无痛性的收缩，用手去触碰腹部，即可感应到变化。 3.怀孕的测试∶如果月经已经迟了两周以上没有来，可以做尿液hCG检查，只要五分钟的时间，就可以检查出有没有怀孕。但准确度也并不是百分之百的界定为子宫内怀孕，因为除了受孕者的尿液中会含有人类绒毛性腺激素（hCG）之外，其他例如子宫外孕、葡萄胎、绒毛膜癌等，在做此项试验时，也会产生正反应，所以尿液中hCG检查也只能做为医师评断有无怀孕的参考。 确定怀孕的现象∶这些现象是由腹中胎儿传来的明确讯息，大约是在怀孕第六周，会逐渐明显。 1.透过超音波可看见胎儿轮廓∶但在怀孕六周即可确定怀孕之位置及胎儿心跳，怀孕十二周以后即可以利用超音波，观察胎儿的各项结构。 2.听到胎儿的心跳声∶怀孕十二周即可明确用胎儿胎心检测仪听到，第十八到二十周时，可以用胎心音筒听到胎儿的心跳声音，每分钟大约是120~160次。 3.感觉胎儿的活动∶怀孕第五个月的时候，会感觉胎儿在子宫内活动，即所谓胎动。 --------------------------------------------------------------------------------------------------   如何"诊断"怀孕症状 凡在生育年龄的妇女，发生性关系而又未采取避孕措施，都有怀孕的可能。婚后保持正常性生活的妇女，如果没有采取避孕措施，约有85％的人在第一您内就会怀孕，尽早知道自己怀孕有很多好处，比如可以提早对胎儿加以保护，避免有害因素影响，搞好优生。凡具有性生活的育龄妇女应掌握自我“诊断”的方法： 月经停止：如月经一直很规律，一旦到期不赖，超过10天以上，应该考虑到怀孕的可能性。这是怀孕的最早信号，过期时间越长，妊娠的可能性就越大。 早孕反应：停经以后孕妇会逐渐感到一些异常现象，叫做早孕反应。最早出现的反应是怕冷，以后逐渐感到疲乏、嗜睡、头晕、食欲不振、挑食、怕闻油腻味、早起恶心、甚至呕吐，安全时还有头晕，疲乏物理，倦怠等症状。 尿频：由于怀孕后子宫逐渐增大，压迫膀胱所以小便次数增多，但并没有尿路感染时出现的尿急和尿痛症状。 乳房变化：可出现乳房发育乳头增大，乳头、乳晕颜色加深，乳头周围出现小结节，甚至乳房刺痛、胀痛的现象，偶尔还可挤出少量乳汁。 色素沉着：有的妇女怀孕后会出现为棉布及腹中线有棕褐色色素沉着。 基础体温升高：当出现上述某些症状时，可每天测定基础体温，怀孕者基础体温往往升高。 以上所列举的一些表现，有的只是妊娠早期出现的一些症状。当怀疑自己怀孕时，可用市售的“早孕诊断卡”，按说明进行自我检测，即可做出自我“诊断”。</t>
  </si>
  <si>
    <t>无奈联盟猎人8</t>
  </si>
  <si>
    <t>8-10级要充分利用射击间隙平移或侧移，8级有震荡射击了 基本是毒蛇钉刺，震荡，奥射中间插入2-3次平射和大概10-15码的跑位。跟泡菜游戏一样硬顶是不行的。</t>
  </si>
  <si>
    <t xml:space="preserve">在郑州那里能买的到缝纫机 </t>
  </si>
  <si>
    <t>纺织大世界附近</t>
  </si>
  <si>
    <t xml:space="preserve">如何在blod的回复中贴图？不懂如何在blog的回复中贴图，[i </t>
  </si>
  <si>
    <t>博克中留言、评论等回复信息都不能贴图。</t>
  </si>
  <si>
    <t xml:space="preserve">我想买一本实用且较全面的英语语法书,有没有什么好的推荐? </t>
  </si>
  <si>
    <t>看你英语学在什么阶段，如果只是初级，中级，建议薄冰的不用买了，买了不会去看的，很全面，但不详细，不是一点就通的人看不下去的。不同的阶段帮助的侧重点是不同的。张道真的不错，薄冰的也好，大学英语以上的水平可以买，还有就是对英语特别有兴趣的，愿意研究的。除此之外，不用浪费了。</t>
  </si>
  <si>
    <t xml:space="preserve">股票交易中小单指多少,大单指多少?谢谢 </t>
  </si>
  <si>
    <t>目前上证所的交易系统是这样的：500手以上称为大单，以下则为小单，但也有自己随意设置的。</t>
  </si>
  <si>
    <t xml:space="preserve">我号被盗我的＜新破天一剑＞家园－霸业区　帐号sj于2007年12 </t>
  </si>
  <si>
    <t>被盗号 只能自认倒霉了 请节哀顺变！还有想处理盗号问题发在这里没有，要去官方论坛，最好是打官方的客服电话，官网上有！我以前玩的是中广代理的破天 ，玩了4年多，号被盗了2次，只能把号找回来，东西是不会还给你的！</t>
  </si>
  <si>
    <t xml:space="preserve">我非常烦母亲怎么办?我的母亲为人很自私,从来不肯承认自己的错误, </t>
  </si>
  <si>
    <t>最好的办法就是不理睬，不然你跟她顶两句就更没完了。可能是更年期，女人一到更年期的年龄40--55左右，就会?旅?完，全家好像就她一张嘴，她说什么就是什么。我们楼上的就这样，不是骂儿子就是骂丈夫，没有一天安生的。太好的办法也没有，她要意识到自己这是属于一种病症才行，你才能告诉她需要药物调理和精神食粮补充。</t>
  </si>
  <si>
    <t xml:space="preserve">怎样才能翻译古文？很多情况下碰到课外的古文却不知道怎样有现代汉语 </t>
  </si>
  <si>
    <t>翻译是要注意三个字，“信”“达”“雅”什么是“信”呢？那是指翻译出来要能忠实于原文。所谓“达”嘛，就是要符合我们现代人的理解，所谓“雅”嘛，就是翻译出来要有文采，好了，就这些，你如果要具体的可以去百度查，谢谢！</t>
  </si>
  <si>
    <t xml:space="preserve">巴萨大冷萨拉戈3 </t>
  </si>
  <si>
    <t>支持一下！1-0就够了</t>
  </si>
  <si>
    <t xml:space="preserve">如何看我这个游戏帐号的交易成功记录我这个游戏帐号资料被人盗过挂在 </t>
  </si>
  <si>
    <t xml:space="preserve">尊敬的客户:    您好！5173回复客服03号很高兴为您服务！    您自己是无法查询的，如您需要查询，您可以与我们联系，我们会为您查询。                                            </t>
  </si>
  <si>
    <t xml:space="preserve">关于映射的问题请问函数y=x^1/2(即y等于x的开平方),在定 </t>
  </si>
  <si>
    <t>如果值域是实数的话，定义域应该是非负整数，否则负整数的开方没有定义。假定是从非负整数到实数，那么根据a不等于b推出a^(1/2)不等于b^(1/2)可知，y是单射（即将不同的元素映射到不同的元素）但是y不是满射，因为不存在非负整数a使得a^(1/2)=0.5^(1/2),所以不是所有实数都是y的象，y不是满射</t>
  </si>
  <si>
    <t xml:space="preserve">初一的历史小论文要求1.写一篇小论文。2.题目自拟。3.内容：科 </t>
  </si>
  <si>
    <t>出类拔萃的科举制德化三中高三年(3)班 林祥仕    中国古代的科举制度有利于选拔人才，那种机会均等，公平竞争，择优录用的原则，达到了“学而优则仕”的境界，有利于中国古代的政治清明、经济繁荣、科技发达，也备受西方人推崇对欧洲文官制度的确立产生积极影响。法国启蒙思想家伏尔泰说：“中国只有通过严格考试的人才能出任官职‘中国由那些及第的人治理者’，政治清明，经济繁荣。”科举制产生于隋朝，唐朝时得到发展，宋代得以完善。科举制的推行，打击了腐朽的士族的势力，符合庶族地主经济发展的趋势，适应了巩固国家统一的需要。科举制把读书、考试和做官紧密联系起来，从而提高了官员素质，也大大加强了中央集权。有利于政局稳定、政治清明廉洁。同时，也推动了教育事业的发展，使唐朝学制完备，达到世界先进水平，也推动了宋代科技革新，使得宋代科技领先于世界。科举制度对中国封建社会达到高度繁盛发达起着不可磨灭的贡献。新航路开辟以后，来华的西方传教士潜心研究中国的典章制度，不断向欧洲传递东方的信息。16世纪中期来华传教士克鲁兹在他的游记中把中国科举制介绍到欧洲。欧洲人了解到中国科举制度以后，都异口同声的称赞。16世纪的门多萨认为，中国是世界各国中治理得最好的一个，他把原因归于中国竞争性的科举制度，说中国通过竞争开放一切官职，从而利用了所有中国人的聪明才智。牛津大学教授纽曼说：中国行政制度是迄今为止存在于东方的无与伦比的优秀制度。他们认为科举制是一种出类拔萃的制度，值得效法。法国首先师承中国，在1791年进行了文职人员的考试，德国在1800年。1833年，英国确认了通过考试择优录用的原则，但直到1847年，英国某一驻外机构为聘任办事员，才进行了最早的竞争性的考试。1855年，英国成立第一个文官委员会、主持普通文职人员竞争性考试。1855年，英国颁布法令，使文官的竞争性考试正常化，英国文官考试制度最终确立。英国文官考试面向公众，定期举行，强调入选者必须备有良好的品行和确定试用期，与中国科举制度的形式非常相似。《大英百科全书》对英国文官制与中国科举制的渊源关系也有公允的结论：“在历史上，最早的考试制度出现在中国，它用考试来选拔行政官员，并对已经进入仕途的官员进行定期考核。”英国文官制吸收中国科举制的精华，又影响了欧洲其他国家。可见，中国科举制对中国乃至于世界都发挥其积极作用。中国的科举制是一种出类拔萃的制度啊！科举制最大的功,在于给草根平民出人头地提供了一条通道,为维护封建统治立下大功.剩下都是过了.反观我们当今社会,平民百姓当官到底从何渠道进入?连个游戏规则都没有了,老子当官儿子跟着当,老子种地儿子跟着种,这还不如科举制呢!请诸位注意,我们同学们这些当官当吏的,可还是20年前高考制度的产物,那时还是科举制的残余,"学而优则仕"哪!</t>
  </si>
  <si>
    <t xml:space="preserve">念珠菌龟头炎用药，急啊，有人能帮忙看看吗？医生给输液，用药：氟康 </t>
  </si>
  <si>
    <t xml:space="preserve">外用 洁尔阴洗液 稀释清洗龟头、阴茎。 每次清洗15分钟。每日一次  连续用药七天为一疗程。短期内不要有性生活。饮食不宜辛辣刺激的食物。口服用药：氟康唑 是较常用的治疗药物 副作用是大些 但是这药是短期内服用的 不宜超过10天  一般都没有大问题  你若不放心 可以咨询主治医师 看是否可以替换此药  </t>
  </si>
  <si>
    <t xml:space="preserve">男友的前女友一直纠缠着男友,我该怎么办? </t>
  </si>
  <si>
    <t>我的男友以前的女朋友总是打电话给他，而且也发短息给他，虽然他没有接，但是我想还是会影响他的情绪的，看了大家写的那么多，我男朋友他已经跟原来她的那个女朋友说清楚了，没有希望了，可是那个女的总是纠缠，更可气地是他原来的那个女朋友明明自己已经有男朋友了，可是她确还骗我的男朋友，说她一直等着他呢，唉！真是没折呀，我现在一点办法也都没有了。如果碰上了死不要脸的女人，就是再说清楚我看也是一点办法都没有。我想让男朋友换手机，可是他因为工作上的原因，换手机非常的不方便，所以我只能眼睁睁的看着他原来的女友发短息给他，打电话给他，什么办法也想不到了。但是我相信我的男友是爱我的，但是不想他原来的女友再骚扰，不然肯定会影响我们之间的感情。大家帮帮忙吧，能不能有好办法呢？</t>
  </si>
  <si>
    <t xml:space="preserve">大家说说，大盘真的没救了？是新的下跌还是空头陷阱？ </t>
  </si>
  <si>
    <t>大盘跌了还会涨但重重压力啊!个股的行情多些如 0 3加油</t>
  </si>
  <si>
    <t xml:space="preserve">中行的外汇理财产品比工行的更好吗？ </t>
  </si>
  <si>
    <t>各家有各家的特点，不好比的。</t>
  </si>
  <si>
    <t xml:space="preserve">请问大师,关于盆腔炎的治疗我有盆腔炎,,该怎么治疗呢,, </t>
  </si>
  <si>
    <t>我的一个朋友患过盆腔炎，治疗一段时间效果不是很好，后来一位老中医告诉一方法，用后痊愈。方法很简单，就是每天坐热水盆，水温以能承受的温度（大概接近40度）每天三次，每次三、四十分钟。你可以试一试。当然常规的消炎药还是要用的。</t>
  </si>
  <si>
    <t xml:space="preserve">请教股票高手，600620的成长性如何,能否中线持有.谢谢!!6 </t>
  </si>
  <si>
    <t>该股还在理性发展之中,长线看好,还涉足物流业,地处上海,中价股,很有发展空间.</t>
  </si>
  <si>
    <t xml:space="preserve">【求救】我遇到防拷系统了进不去游戏再就是在那么把光驱线啊?高手指? </t>
  </si>
  <si>
    <t>完成后,请安装"Daemon Tools V4.0",然后用"Daemon Tools V4.0"虚拟你的安装目录下的镜像文件" s"为光驱!序列号: BZ7A9-X488N-725MY-E9FND-TLPDZ安装完成后,需要重新启动!******************************************************************************运行游戏:由于游戏采用了最新的加密技术,可能有的电脑屏蔽光驱不能进入游戏,需要拔掉所有的光驱线才能进入游戏的!屏蔽光驱的方法:1:)运行CD2上的"SFAFSB"目录下的"SFAFSB.exe",选"install sfcure driver",然后重新启动电脑!2:)重启后,再次运行"SFAFSB"目录下的"SFAFSB.exe" ,单击"Start SFAFSB"，提示启动成功。3:)运行CD2上的"SFNightmare.exe"，依次点击"diable ch2、disable cd，disable node"，如果是串口硬盘还需要点击"Disable ch1"。(注:这一步骤的作用就是屏蔽掉光驱!如果你不能确定你的光驱的位置或无法运行游戏,那么请拔掉你的电脑的所有的光驱线就可以了!然后必须再运行"SFNightmare.exe"，这个时候只需点击"Disable node" 就可以了!这样的话,肯定能进！~~~)***最简单的方法就是直接拔掉所有光驱线,然后就可以进入游戏了!如果你不能进入游戏,那么请打开"Daemon Tools V4.0"的所有虚拟选项就可以了!</t>
  </si>
  <si>
    <t xml:space="preserve">为什么我连接游戏以后，选不了区啊，进不到游戏输入帐号的界面里边 </t>
  </si>
  <si>
    <t>首先要保证自己的客户端是最新的，另外看看是不是与防火墙或杀毒软件冲突了。或是直接双击游戏安装文件夹里的ALONG.EXE，还不行只能重装了</t>
  </si>
  <si>
    <t xml:space="preserve">是读三本好?还是补习一年?我今年高考过了二本几分,是读一个很差的 </t>
  </si>
  <si>
    <t xml:space="preserve">  能走就走，本3也不一定不好。  好的学历只是在你走出校门第一步有用——能找到不错的工作。但是，仅仅是第一步而已，能不能晋升不是看你的学历，而是看你的能力——交际能力，工作能力等等。没有一个公司会因为你的学历高而把领导的位置让给你，领导的位置永远是为那些有实际本领的人准备的。如果你的专业知识足够扎实，工作能力足够强，交际能力足够好，没有人会因为你的学历低而不提拔人才——因为公司是要发展的。 在中国应试发展的几十年中，种种弊端已经暴露，应试教育培养的“人才”不乏高分低能儿。比如吧，我是学会计的，社会上照样有拥有n本会计证，但是不会作账的名牌大学毕业生——连一个中专生也不如。 在深圳，广州一带发达地区，私营企业已经开始不太注重学历，而更注重实际能力。 三本也许在刚开始找工作的时候困难，但是这一关啃过后，考虑晋升的时候，每个人都是平等的，只要有能力你就能上——但是以上的一切，都是要建立在你必须有过硬的专业知识的基础上。 读三本没有什么抬不起头的，自信是你自己给的，不是学校。人家德国70%技校生，人家还引以为豪呢。因为德国人认为，只有管理人员有必要读本科，其他人应该拥有技术为德国工业作贡献。在美国以劳动为荣，只要是自己劳动所得，都是光荣的，所以美国的泥瓦匠可能比名牌大学的教授收入更高。在中国恐怕难以想象吧。 我也是读三本的，我并不觉得自己比人家低一等，只要有能力，就是人才。中国应试教育的弊端已经毕露，将来大家的观念都会改变。</t>
  </si>
  <si>
    <t xml:space="preserve">怎样知道是否怀孕?上一次十月14日结束月经26号HX射之前拔出但 </t>
  </si>
  <si>
    <t>女性的排卵日期一般在下次月经来潮前的天左右。下次月经来潮的第1天算起，倒数 14天或减去14天就是排卵日，排卵日及其前5天和后4天加在一起称为排卵期。例如，某女的 月经周期为28天，本次月经来潮的第1天在12月2日，那么下次月经来潮是在12月30日（12月2日加28天），再从12月30日减去14天，则12月16日就是排卵日。排卵日及其前5天和后4天 ，也就是12月11-20日为排卵期。除了月经期和排卵期，其余的时间均为安全期。以下三个网址都可查询:   要知道自己是否已怀孕，可用早孕试纸测试一下, 早孕试纸的原理是:当成熟女性怀孕后，在胚胎发育成长为胎儿的过程中，胎盘合体滋养层细胞产生大量的绒毛膜促性腺激素（hCG）。这些激素会通过孕妇的血液循环而排泄到尿中，因此检测育龄妇女受孕后尿中的hCG可以判断是否怀孕，快速准确。1.检测时间：月经过期当天即可检测，或在同房后7-10天进行检测。2.检测方法：收集尿液（第一次晨尿为佳），插入试纸条，5分钟内观察结果。方便、快捷、准确。3.检测结果的判断:阳性：试纸条上端和下端均有色带出现，表示怀孕。阴性：只在试纸条上端出现一条紫红色带而下端无色带出现，表示未怀孕。</t>
  </si>
  <si>
    <t xml:space="preserve">说说巴西VS埃及巴西VS埃及现在是球半盘，前面是一/半盘。升盘之 </t>
  </si>
  <si>
    <t xml:space="preserve">昨天也算有冷门了吧 南非那个是下盘 巴西不会输的 问题是他能赢得多吗 最冷就是打平 北单让了1球???那就买10吧 估计会受昨天西班牙大胜的影响 令到大部分人追今天巴西的上盘 如果联合会杯每天都是一上盘一下盘那就容易玩了呵呵 </t>
  </si>
  <si>
    <t xml:space="preserve">为什么刚才连发了好几个关于微群的问题都没成功发出来？被河蟹了吗？ </t>
  </si>
  <si>
    <t>通常是系统繁忙,一时审核不来,因此无法提出问题,不能登上页面.试多几次吧~</t>
  </si>
  <si>
    <t xml:space="preserve">融资融卷是国家政策吗？如果是，卷商是否有权规定哪类投资者才可以融? </t>
  </si>
  <si>
    <t>请参阅    证券公司融资融券业务试点管理办法（2006-06-30）  证券公司融资融券业务试点管理办法（2006-06-30)证券公司风险控制指标管理办法(2006-07-20)</t>
  </si>
  <si>
    <t xml:space="preserve">时速表不转了，怎么回事？车在正常行驶的情况下，突然时速表不转了，? </t>
  </si>
  <si>
    <t xml:space="preserve">尊敬的用户，您好：首先检查车速传感器信号，如果此信号已经输入到组合仪表，则解体组合仪表检查车速表和里程表。但由于车速表和里程表同时损坏的可能性极小，所以此故障一般情况下是没有车速传感器信号输入，故障原因应是车速传感器及其配线故障。北京市三元桥丰田汽车销售服务中心  技术总监  张立维业务电话：010－84541072／74  EMAIL：zhangliwei_bjtoyota@ </t>
  </si>
  <si>
    <t xml:space="preserve">我国海军的舰艇支队有多少艘舰艇 </t>
  </si>
  <si>
    <t>这个嘛，应该问吴胜利海军中将</t>
  </si>
  <si>
    <t xml:space="preserve">江苏省高中老师的课时补贴是多少？是否有个全省的统一标准啊？高中英 </t>
  </si>
  <si>
    <t>各地不同,各个学校不同,在5-15元之间!</t>
  </si>
  <si>
    <t xml:space="preserve">怎样升级到2G邮箱 </t>
  </si>
  <si>
    <t xml:space="preserve">您好，有以下用途一、可以激活2G如果积到达到500分，可以将免费邮箱激活到2G。步骤如下：进入您的邮箱，打开“未读邮件”“收件夹”“寄件夹”“垃圾桶”中任意一个，在右边点击(　Web邮件　|　 POP邮件　|　 新浪邮票)中的新浪邮票.进入新浪邮票后再点击新浪邮票回馈区中的 　　回馈一：攒新浪邮票得2G超大空间  。  或在邮箱左边菜单里面特色服务下边的“集邮册”里面，在右边也有“新浪邮票回馈”攒邮票激活2G邮箱空间规则： 　1.凡拥有1.5G免费邮箱的用户，即可用500分新浪　　邮票激活2G邮箱。 　2.2G邮箱空间激活后，会扣减相应积分。 二，可以参加抽奖具体是:进入您的邮箱，打开“未读邮件”“收件夹”“寄件夹”“垃圾桶”中任意一个，在右边点击(　Web邮件　|　 POP邮件　|　 新浪邮票)中的新浪邮票.进入新浪邮票后再点击新浪邮票回馈区中的回馈二：“新浪邮箱直达1.5G集邮还送大礼”。  或在邮箱左边菜单里面特色服务下边的“集邮册”里面，在右边也有“新浪邮票回馈”参加抽奖说明1.拥有500分以上（含500分）邮票的用户，有机会参加珍藏纪念　手表的抽奖2.拥有300分以上（含300分）邮票的用户，有机会参加精美音箱　的抽奖3.拥有100分以上（含100分）邮票的用户，可参加幸运奖的抽取获奖名单在抽奖结束后公布，如果幸运的您中奖了，客服人员将主动与您取得联系。另外您也可以咨询新浪客服中心。全国统一客服热线：  咨询邮箱：webcn@ </t>
  </si>
  <si>
    <t xml:space="preserve">我想了解一下彩票的规则北京地区的彩票，什么3d彩，两步彩，双色球 </t>
  </si>
  <si>
    <t xml:space="preserve">    中国双色球彩票规则 第一章　总　则第一条　本规则依据财政部《彩票发行与销售管理暂行规定》和《中国福利彩票（电脑型）联合发行与销售管理暂行办法》（以下简称《管理办法》）制定。 第二条　中国福利彩票“双色球”（以下简称“双色球”）是一种联合发行的“乐透型”福利彩票。采用计算机网络系统发行销售，定期电视开奖。第三条　“双色球”由中国福利彩票发行管理中心（以下简称中福彩中心）统一组织发行，在全国销售。第四条　参与“双色球”销售的省级行政区域福利彩票发行中心（以下称省中心）在中福彩中心的直接领导下，负责对本地区的“双色球”销售活动实施具体的组织和管理。第五条　“双色球”彩票实行自愿购买，凡购买者均被视为同意并遵第二章　游　戏第六条　“双色球”彩票投注区分为红色球号码区和蓝色球号码区。第七条　“双色球”每注投注号码由6个红色球号码和1个蓝色球号码组成。红色球号码从1--33中选择；蓝色球号码从1--16中选择。第八条　“双色球”每注2元。第九条　“双色球”采取全国统一奖池计奖。第十条　“双色球”每周销售三期，期号以开奖日界定，按日历年度编排。第三章　投　注　　　　　　　　　　　　　　　 第十一条　“双色球”的投注方法可分为自选号码投注和机选号码投注;其投注方式有单式投注和复式投注。第十二条　自选号码投注是指由投注者自行选定投注号码的投注。第十三条　机选号码投注是指由投注机为投注者随机产生投注号码的投注。第十四条　单式投注是从红色球号码中选择6个号码，从蓝色球号码中选择1个号码，组合为一注投注号码的投注。第十五条　复式投注有三种：（一）红色球号码复式：从红色球号码中选择7--20个号码，从蓝色球号码中选择1个号码，组合成多注投注号码的投注。（二）蓝色球号码复式：从红色球号码中选择6个号码，从蓝色球号码中选择2--16个号码，组合成多注投注号码的投注。（三）全复式：从红色球号码中选择7--20个号码，从蓝色球号码中选择2--16个号码，组合成多注投注号码的投注。　第四章　设　奖第十六条　“双色球”设奖奖金为销售总额的50%，其中当期奖金为销售总额的49%，调节基金为销售总额的1%。 　第十七条　“双色球”奖级设置分为高等奖和低等奖。一等奖和二等奖为高等奖，三至六等奖为低等奖。高等奖采用浮动设奖，低等奖采用固定设奖。当期奖金减去当期低等奖奖金为当期高等奖奖金。设奖如下： 　　　　　　　　　　　　　　　　　　 　 奖　级 中奖条件 奖金分配 说明 红色球号码 蓝色球号码 一等奖 ●●●●●● ● 当期高等奖奖金的70%和奖池中累积的奖金之和。 选6+1中6+1 二等奖 ●●●●●● 　 当期高等奖奖金的30% 选6+1中6+0 三等奖 ●●●●● ● 单注奖金额固定为3000元 选6+1中5+1 四等奖 ●●●●● 　 单注奖金额固定为200元 选6+1中5+0或中4+1 ●●●● ● 五等奖 ●●●● 　 单注奖金额固定为10元 选6+1中4+0或中3+1 ●●● ● 六等奖 ●● ● 单注奖金额固定为5元 选6+1中2+1或中1+1或中0+1 ● ●   ● 第十八条　根据国家有关规定，“双色球”彩票单注奖金封顶的最高限额为500万元。第十九条　“双色球”设立奖池。奖池资金来源：未中出的高等奖奖金和超出单注封顶限额部分的奖金。奖池资金计入下期一等奖。第二十条　当一等奖的单注奖额低于二等奖的单注奖额时，将一、二等奖的奖金相加，由一、二等奖中奖者平分；当一、二等奖的单注奖额低于三等奖奖额时，补足为三等奖奖额。当期奖金不足的部分由调节基金补充，调节基金不足时，从发行费列支。 第五章　开　奖第二十一条　“双色球”由中福彩中心统一开奖，每周开奖三次。开奖前，省中心将当期投注的全部数据刻入不可改写的光盘，作为查验的依据。 第二十二条　“双色球”通过摇奖器确定中奖号码。摇奖时先摇出6个红色球号码，再摇出1个蓝色球号码，摇出的红色球号码按从小到大的顺序和蓝色球号码一起公布。第二十三条　开奖公告在各地主要媒体公布，并在各投注站张贴。第二十四条　“双色球”的开奖结果以中国福利彩票发行管理中心公布的开奖公告为准。第六章　中　奖 第二十五条　“双色球”彩票以投注者所选单注投注号码（复式投注按所覆盖的单注计）与当期开出中奖号码相符的球色和个数确定中奖等级：　　一等奖：7个号码相符（6个红色球号码和1个蓝色球号码）（红色球号码顺序不限，下同）　　二等奖：6个红色球号码相符；　　三等奖：5个红色球号码和1个蓝色球号码相符；　　四等奖：5个红色球号码或4个红色球号码和1个蓝色球号码相符；　　五等奖：4个红色球号码或3个红色球号码和1个蓝色球号码相符；　　六等奖：1个蓝色球号码相符（有无红色球号码相符均可）。第二十六条　一等奖和二等奖中奖者按各奖级的中奖注数均分该奖级的奖金；三至六等奖按各奖级的单注固定奖额获得奖金。第二十七条　当期每注投注号码只有一次中奖机会，不能兼中兼得（另行设奖按设奖规定执行）。第七章　兑　奖 第二十八条　“双色球”彩票兑奖当期有效。每期开奖次日起，兑奖期限为30天，逾期未兑奖者视为弃奖，弃奖奖金进入调节基金。第二十九条　中奖人须提交完整的兑奖彩票，因玷污、损坏等原因造成不能正确识别的，不能兑奖。第三十条　　一等奖中奖者，需持中奖彩票和本人有效身份证明，在兑奖期限内到各地省中心验证、登记和兑奖。其他奖级的兑奖办法由省中心规定并公布。第三十一条　按国家有关规定，单注奖金额超过一万元者，须缴纳个人偶然所得税。第八章　附　则第三十二条　本规则未尽事宜，均按《管理办法》和有关规定执行。第三十三条　本规则由中国福利彩票发行管理中心负责解释。第三十四条　本规则由自发布之日起施行。 　       　 中国福利彩票3D游戏规则 　　 中国福利彩票3D游戏（以下简称3D），是以一个3位自然数为投注号码的彩票，投注者从000-999的数字中选择一个3位数进行投注。3D在各省（区、市）保留各自奖池、单独派奖的基础上实行三统一，即统一名称标识、统一游戏规则、统一开奖号码。投　注　　3D每注投注金额为人民币2元。投注者可在中国福利彩票投注站进行投注。投注号码经投注机打印为兑奖凭证，交投注者保存，此兑奖凭证即为3D彩票。销售期号以开奖日界定，按日历年度编排。　　投注者投注时可自选号码，也可机选。自选号码投注即将投注者选定的号码输入投注机进行投注；机选号码投注即由投注机随机产生投注号码进行投注。投注者可只购买当期彩票（即"当期投注"），也可购买从当期起连续若干期的彩票（即"多期投注"）。3D每期每个号码的投注注数，由各省根据市场销售情况限量发行。　　3D的投注方式分为单选投注与组选投注。单选投注是将3位数以惟一的排列方式进行单注投注。组选投注是将投注号码的所有排列方式作为一注投注号码进行的单注投注。如果一注组选号码的3个数字各不相同，则有6种不同的排列方式，因而就有6个中奖机会，这种组选投注方式简称"组选6"；如果一注组选号码的3个数字有两个数字相同，则有3种不同的排列方式，因而就有3个中奖机会，这种组选投注方式简称"组选3"。设　奖　　3D的设奖奖金占彩票销售总额的50%。其中：当期奖金为销售总额的49%；调节基金为销售总额的1%。3D设置奖池，奖池由设奖奖金与实际中出奖金的差额组成。当期中出奖金未达设奖金额时，余额进入奖池；当期中出奖金超出当期奖金时，差额由奖池补充。当奖池总额不足时，由调节基金补足，调节基金不足时，用发行经费垫支。3D在各省（区、市）保留各自奖池。　　3D采用固定设奖。当期奖金设"单选"、"组选3"、"组选6"三个奖等，各奖等中奖奖金额按固定奖金结构设置，规定如下：　　"单选"投注：中奖金额除北京每注980元，其他省市每注1000元；　　 "组选3"投注：中奖金额为每注320元（上海每注333元）；　　 "组选6"投注：中奖金额为每注160元（上海每注166元）。开　奖　　中国福利彩票发行管理中心负责3D的开奖和摇奖工作，每天在北京开奖一次，各省（区、市）共享统一的号码。　　摇奖在北京市中国福利彩票3D摇奖大厅公开进行，在公正人员监督下，使用中国福利彩票发行管理中心指定的专用摇奖器，摇出中奖号码。 3D摇奖时，摇出一个3位数的号码，构成3D的中奖号码。中　奖　　根据投注者所持3D 彩票上的投注号码与当期中奖号码相符情况，确定中奖等级。　　"单选"奖：投注号码与当期公布的中奖号码的3位数按位数全部相同，即中得单选奖。　　"组选3"奖：当期摇出的中奖号码3位数中有任意两位数字相同，且投注号码与中奖号码的数字相同，顺序不限，即中得"组选3"奖。　　"组选6"奖：当期摇出的中奖号码中3位数各不相同，且投注号码的三个数字与当期中奖号码相同，顺序不限，即中得"组选6"奖。兑　奖　　中奖彩票是兑奖凭证，中奖彩票因玷污、损坏的原因而不能正确识别的，不能兑奖。　　中奖者持中奖彩票在本省规定的兑奖期限内到本省内任意投注站兑奖，中奖金额较大的中奖者，可持中奖彩票及有效身份证件在兑奖期限内到本省福利彩票发行中心兑奖。   联网销售36选7电脑体育彩票游戏规则 　　总 则 第一条 根据财政部《彩票发行与销售管理暂行规定》和国家体育总局 《体育彩票发行与销售管理暂行办法》以及《计算机销售体育彩票管理暂行办法》，制定本游戏规则。 第二条 “ 36 选 7 ”电脑体育彩票（以下简称“ 36 选 7 ”）由国家体育总局体育彩票管理中心统一发行，广东省、福建省、江西省、湖南省、广西区、海南省、四川省、贵州省、云南省、湖北省、黑龙江省、江苏省、上海市、浙江省、山东省、安徽省、重庆市等 17 省（区、市）体育彩票管理中心在所辖区域内承销，采用计算机网络系统发行销售。 第三条 “ 36 选 7 ”实行自愿购买，凡购买该彩票者即被视为同意并遵守本规则。 　　游戏方法 第四条 购买“ 36 选 7 ”时，由购买者从 01 — 36 共 36 个号码中选取 6 个号码为基本号码和 1 个号码为特别号码为一注进行投注。 单张彩票最大投注数量限 10000 注。 购买者可对其选定的结果进行多倍投注，投注倍数范围为 2 — 99 倍。 第五条 购买者可在广东省、福建省、江西省、湖南省、广西区、海南省、四川省、贵州省、云南省、湖北省、黑龙江省、江苏省、上海市、浙江省、山东省、安徽省、重庆市等 17 省（区、市）体育彩票管理中心设置的投注站进行投注。投注号码可由投注机随机产生，也可通过投注单将投注者选定的号码输入投注机确定。投注号码经系统确认后打印出的兑奖凭证即为“ 36 选 7 ”电脑体育彩票，交购买者保存。 第六条 “ 36 选 7 ”每注 2 元人民币。彩票不记名、不挂失，不返还本金，不流通使用。 　　设 奖 第七条 “36 选 7”设 6 个奖级，即一、二、三、四、五、六等奖。其中一、二、三等奖为浮动奖，其余为固定奖。 第八条 奖金分配： 一等奖为当期奖金额减去固定奖总额后的 75% ，及奖池和调节基金转入部分。 二等奖为当期奖金额减去固定奖总额后的 15% 。 三等奖为当期奖金额减去固定奖总额后的 10% 。 四等奖固定奖金为 500 元。 五等奖固定奖金为 100 元。 六等奖固定奖金为 10 元。 单注彩票中奖奖金最高限额 500 万元。 　　奖金管理 第十条 销售总额的 50% 为奖金，分为当期奖金和调节基金。其中， 49% 为当期奖金， 1% 为调节基金。 第十一条 “ 36 选 7 ”设置奖池，奖池由未中出的浮动奖奖金和超出一等奖单注封顶限额部分的奖金组成。奖池与当期奖金中用于一等奖的部分及调节基金转入部分合并为一等奖奖金。 第十二条 调节基金包括返奖奖金 2% 提取部分、浮动奖奖金取整后的余额、弃奖收入和逾期未退票的票款。调节基金专项用于支付各种不可预见情况下的奖金支出风险、调节浮动奖奖金，以及设立特别奖。 第十三条 当奖池奖金达到或超过 6000 万元时，下期一等奖与二等奖奖金分配比例倒置，即：一等奖为当期奖金额减去固定奖总额后的 15% ；二等奖为当期奖金额减去固定奖总额后的 75% 。 第十四条 一、二、三等奖按照该奖级实际中奖注数平均分配该奖级奖金。当浮动奖上一奖级的单注奖金低于下一奖级单注奖金时，单注奖金额补足至下一奖级单注奖金额的二倍，所需资金从调节基金中支付，若调节基金不足时，从发行经费中列支。 　　中 奖 第十五条 所购彩票与开奖结果对照，符合以下情况即为中奖。 一等奖：选中 6 个基本号码和 1 个特别号码； 二等奖：选中 6 个基本号码； 三等奖：选中 5 个基本号码和 1 个特别号码； 四等奖：选中 5 个基本号码； 五等奖：选中 4 个基本号码和 1 个特别号码； 六等奖：选中 4 个基本号码或选中 3 个基本号码和 1 个特别号码。 第十六条 当期每注彩票只有一次中奖机会，不得兼中兼得，另行设立的特别奖除外。 　　开奖及公告 第十七条 “ 36 选 7 ”每周开奖三次，摇奖过程在公证人员监督下进行，通过电视台播出。 第十八条 每期开奖后，广东省体育彩票管理中心需奖中奖号码、当期销售总额、各奖级中奖情况以及奖池资金余额等信息，通知各联网销售省（区、市），并通过新闻媒体向社会公告。 　　兑 奖 第十九条 “ 36 选 7 ”兑奖当期有效。每期自开奖次日起 28 天为兑奖期，逾期未兑，视为弃奖。 第二十条 兑奖机构有权查验中奖者的中奖彩票及有效身份证件，兑奖者应予配合。 第二十一条 单注彩票中奖金额超过 1 万元的中奖者须依法缴纳个人所得税，由兑奖机构代扣代缴。 第二十二条 凡伪造、涂改中奖彩票，冒领奖金者，送交司法机关追究法律责任。 　　附 则 第二十三条 本游戏规则解释权属国家体育总局体育彩票管理中心。 第二十四条 本游戏规则自下发之日起执行。        　   　  　 2006年8月31日 星期四   　 　  　  </t>
  </si>
  <si>
    <t xml:space="preserve">我失恋可是我还是很爱她我该怎么办? </t>
  </si>
  <si>
    <t>兄弟算了吧把她忘了，找一个真正爱你的人和你爱的人从新开始。为了一棵树放弃整个森林你认为值得吗？</t>
  </si>
  <si>
    <t xml:space="preserve">我们这样的关系是不是有点过头了呢？我和一个女生关系比较好吧，算是 </t>
  </si>
  <si>
    <t>其实，很正常的，只要你做些事情的时候抱着一颗纯洁的心就行了。异性朋友对于我们的生活起到了美好而美化的作用，用心，用正常的心去经营就好！！</t>
  </si>
  <si>
    <t xml:space="preserve">怎样制作视频短片？制作视频短片用什么软件能制作呢？如何制作/ </t>
  </si>
  <si>
    <t>制作视频短片：使用《狸窝照片制作视频软件》这一款不错。</t>
  </si>
  <si>
    <t xml:space="preserve">双鱼座的守护神、守护星还有幸运色、幸运日、幸运数、幸运地点分别是? </t>
  </si>
  <si>
    <t>双鱼座档案　　守护星：海王星（象征高超的幻想力）　　守护神：希腊——波塞冬　　幸运石：猫眼石、祖母绿　　幸运花：百合、紫罗兰　　幸运色：银灰色、紫色　　幸运日：每月的7日、16日、25日、星期四　　幸运国度：法国、意大利、萨摩亚群岛、澳大利亚　　幸运数字：5，7，8 　　ＥＱ指数：80——90 　　幸运地点：海边或近水的城市　　幸运场所：海边俱乐部、海边、咖啡馆、剧场　　幸运的方位：东南偏东向、东北偏北向　　幸运的爱好：帆板、划船、钓鱼、游泳等</t>
  </si>
  <si>
    <t xml:space="preserve">水110装备选择我120级全敏水，2500+道，但是灵力多加了5 </t>
  </si>
  <si>
    <t>建议买装备比较实际。。不用花心 也不用花太多RMB一次就成 要成品。全敏水 当然要造火套。。。。。。2500+道能杀牛了 B小的普通黑水和超级该黑水造装备的时候没有区别。全敏水修行不怕没人要。。2500+道  杀什么*都行了。。。。武器一定要够忽视</t>
  </si>
  <si>
    <t xml:space="preserve">今天银行股似乎蠢蠢欲动，有戏吗？中午银行股，如民生、浦发等都有所 </t>
  </si>
  <si>
    <t>下午打压，是为明天准备，今天吸筹，时间最佳，看周边市场，时机已到。今天钢铁，明天银证。献给朋友，暂作见面。</t>
  </si>
  <si>
    <t xml:space="preserve">一个成人话题，小盆友不要进来了你们觉得这个科学嘛？ </t>
  </si>
  <si>
    <t>看来日本人晚上用的套白天也可以当帽子。</t>
  </si>
  <si>
    <t xml:space="preserve">恋爱中怎么理财啊？我和女友刚刚相处，每次出去当然是我掏钱了。女友 </t>
  </si>
  <si>
    <t>和她直接说，就说你身上钱不够用了。。这个问题是迟早都要面对的。。我如果和我男朋友出去，如果我去玩的地方真的很贵，他说身上钱没了 ，我可能当时会有些不高兴，但一会就可以调整的，因为恋爱也是不能永远那么浪费啊，，现实过日子是 最重要的 。。呵呵 ，有些话，找个好的 方式表达，呵呵，都能 理解的</t>
  </si>
  <si>
    <t xml:space="preserve">我亡灵SS25级了不知道在哪升级刷怪了,,有告诉我的吗,,谢谢,? </t>
  </si>
  <si>
    <t xml:space="preserve">千针石林(25-35)希尔斯…(20-30)阿拉希(30-40)荆棘谷(30－45)凄凉之地(30-40)荒芜之地(35-45尘泥沼泽(35-45)悲伤沼泽(35-45)菲拉斯(40-50)塔纳利斯(40-50)费伍德…(48-55)诅咒之地(45-55)辛特兰(40-50)　燃烧平原(50-58)西瘟疫…(51-58)东瘟疫…(53-60)冬泉谷(55-60)　安戈洛…(48-55)大概情况了~要是遇到不明白的任务可以上网去找也可以用插件找 </t>
  </si>
  <si>
    <t xml:space="preserve">手机怎么扫描商品条码？今天去家乐福，看见很多人选东西的时候，拿着 </t>
  </si>
  <si>
    <t xml:space="preserve">之前我也不明白，后来打听，原来是手机上的一款 我查查 软件，可以扫描商品的条形码，然后出来一堆的不同超市的价格，比比哪家超市卖的便宜，一目了然。精打细算一族的最爱。去我查查官网下载  </t>
  </si>
  <si>
    <t xml:space="preserve">包皮手术需要拆线吗？泉州我32岁，由于工作原因，一个人在泉州，我 </t>
  </si>
  <si>
    <t>泉州爱民医院为你回答其实包皮手术有两种线，一种是要拆的，一种是不用拆的，各有利弊。通常手术前医生会问你选择哪一种，但也可能医生会根据他的经验为你选择一种。如果需要拆线的，就要麻烦些，手术后一般5到7天，需要到医院拆线，拆线还是会有一点点疼，不过一般人都可以承受。不用拆线的是可以自行脱落或者被吸收掉的，不过需要很久的时间，而且因人而异，一般一个月左右，但也有人几个月都没有掉，最后还是回医院把线给拆了的。因为线头留着的时间过长反而增加了感染的机会。</t>
  </si>
  <si>
    <t xml:space="preserve">不知道该咋办我想知道,网上所说的家庭手工制作可以去投资吗?我孩子 </t>
  </si>
  <si>
    <t>我想知道,网上所说的家庭手工制作可以去投资吗?我孩子小,不想离开他出去上班,请问还有什么工作可以在家完成的上网</t>
  </si>
  <si>
    <t xml:space="preserve">网站建设与网络营销有关系吗？ </t>
  </si>
  <si>
    <t>当然有关系了，其实如果你要想做网络营销应该从网站建设的前期就应该要考虑到这些问题。其实我也不是很了解，建议比去专业的网络营销公司去咨询看看。推荐你一个专业的网络整合营销公司，北京N次方网络整合营销公司。</t>
  </si>
  <si>
    <t xml:space="preserve">福冈黄蜂会逆转吗？目前0比1落后，看来情况不妙啊！ </t>
  </si>
  <si>
    <t>估计是平局！</t>
  </si>
  <si>
    <t xml:space="preserve">哪家公司的招标投标系统比较好，推荐下？ </t>
  </si>
  <si>
    <t>我之前咨询过一家叫北京微昂的 感觉他家技术做的不错。</t>
  </si>
  <si>
    <t xml:space="preserve">请问大家真劲,炼气什么王会掉 </t>
  </si>
  <si>
    <t>掉的王一般都是武0和江洲王.你级可以的话可以去定军山那里刷王速度快.你说的书在那都有爆.</t>
  </si>
  <si>
    <t xml:space="preserve">我累了!当爱一个人爱的很累的时候该不该放手? </t>
  </si>
  <si>
    <t>你感觉到累是不是说明你们的关系有点小问题了呢?是不是只有你一个人在一味的付出呢?爱情是相互的.在繁体的爱中是有个心字的,说明爱是要用心去爱的.用心去爱的爱情当然除了甜蜜之外也会累的,试着和她\他沟通沟通呢祝你幸福</t>
  </si>
  <si>
    <t xml:space="preserve">有关父母卖房，我是不是没权和他们一起平分专家，你好！我父母在我很 </t>
  </si>
  <si>
    <t>从法律上说:房子是你母亲个人的,不是你的也不是你父亲的.</t>
  </si>
  <si>
    <t xml:space="preserve">部队哪去了?在NPC战斗后自己的部队全没了是彻底没了还是掉到别的 </t>
  </si>
  <si>
    <t>是这样的，你可能说的是只有很少的部队，这个少是打不过BOSS的部队，然后呢你在别的小城上刷小怪，但一会就好像被打了，其实你也没去那个主城堡想的是不会给那个BOSS吃了，如果是这样就是给BOSS打了，假如你在它出来前正好在主城堡就是这样的，虽然你看还有几分钟，但NP会卡一会，这个时间BOSS有足够的时间吃了你，你可以在战报里看下，如果没有就反馈给客服就可以了</t>
  </si>
  <si>
    <t xml:space="preserve">公司刚生产出一批新产品，想要做一个宣传片，大家知道有哪几家公司在? </t>
  </si>
  <si>
    <t xml:space="preserve"> 广州润龙文化传播有限公司</t>
  </si>
  <si>
    <t>定投基金10</t>
  </si>
  <si>
    <t>你这么相信中国的股市?股市17年来熊市都能一走六七年!定投二年以上就不短了,走一步赚一步再说定期投资的习惯可以保留,但不必一棵树上吊死,去年的明星基金,像易方达的,今年表现就比上投、鹏华差得远了。兴业基金在第一季度里非常猛，但进入5月后就极其惨淡。指数型，像融通100、鹏华50都可以考虑股基太多，看你方便投哪个吧。最好选择晨星评比三星以上的基金，长期有保证！</t>
  </si>
  <si>
    <t xml:space="preserve">热血江湖中升级快而且省钱的职业和怎么样加点呀，自己单练谢谢 </t>
  </si>
  <si>
    <t>单练的话我建议选枪,攻击高升的快...要说攒钱,我建议练医生..一出世就拿个Q4可以混到3转..钱都可以攒下来的...群医的加点顺序:秒手-&gt;运气-&gt;太极-&gt;长G..</t>
  </si>
  <si>
    <t xml:space="preserve">华为p1和P6哪个好呢？ </t>
  </si>
  <si>
    <t>外观p6 价钱9508 d1硬件 p1过时了  要我说 买p6 是那种可以给你涨面子的华为p6挺不错的P6配置要比P1高得多，又是双卡双模的，P1是4.3，P6是4.7，看你自己想要哪款了华为p6好……</t>
  </si>
  <si>
    <t xml:space="preserve">沟通太平洋和大西洋的运河是。。。 </t>
  </si>
  <si>
    <t xml:space="preserve"> 巴拿运河位于美洲巴拿马共和国的中部，它是沟通太平洋和大西洋的重要航运要道。巴拿马运河全长81.3千米，水深13米～15米不等，河宽150米至304米。整个运河的水位高出两大洋26米，设有6座船闸。船舶通过运河一般需要9个小时，可以通航76000吨级的轮船。　　巴拿马运河的开凿过程是一段不平凡的历史。多少年采，帝国主义一直试图控制拉美国家，包括这些国家的主权领土、能源、交通等。处在这一地区的巴拿马共和国曾经就是一个受到扩张、侵占的国家，巴拿马人民在历史上受尽帝国主义的奴役与压迫，巴拿马运河就是最好见证。  巴拿马地处北美洲与南美洲的交界处，地区优势明显，左临太平洋，右临大西洋，最宽的陆域宽度只有80多千米。这一切使得巴拿马成为沟通两大洋的理想之地。早在16纪，西班牙国王查理五世就曾下令进行巴拿马运河开凿的测量与调查。到了1879年，在法国巴黎召开了审查巴拿马运河问题的国际代表会议，决定由法国政府全面负责进行开凿运河。1880年1月1日，法国的"全球巴拿马洋际运河公司"宣布正式开工挖凿巴拿马运河。然而，因流行病的发生、蔓延以及财政上的重重困难，挖凿工程终于在1889年停顿。在以后的时间里，美、英、法三国围绕着巴拿马运河的开凿问题展开了激烈的争逐。1901年，美国迫使英国就范，缔结了《海一庞斯福特条约》，同时废除了1850年签订的保证两国对巴拿马运河拥有平等权的《克莱敦一布尔尼条约》。美国从此获得了开凿、经营和管理巴拿马运河的特权01903年，在美国的策划下，哥伦比亚共和国巴拿马地区的一些人发动政变，宣布成立巴拿马共和国。同年11月18日，美国与巴拿马签订了不平等的美巴条约，规定了美国以一次偿付1000万美元和9年后付给年租25万美元的代价，取得永久使用巴拿巴运河区(约14.74万公顷)的权利。除了这一权利之外，美国还得到修建铁路和设防驻军的权利。　　在法国原先开凿运河航道的基础上，美国又继续投资了3.87亿美元，雇佣了数十万人挖凿运河。在整个挖凿施工过程中，来自世界各国的劳工，其中包括许多中国劳工，都为开凿巴拿马运河付出了血汗。当时的劳工们在极其恶劣的环境下劳动，曾先后有7万名巴拿马和其他国家的劳工死亡。巴拿马运河于1914年竣工，1915年通航，1920年起运河成为国际通航水道。由于巴拿马运河的开通，太平洋与大西洋之间的航程比原来缩短了5000千米至10000千米。现在，每年大约有1.2万至1.5万艘采自世界各地的船舶经过这条运河。　　巴拿马运河通航以来，美国一直控制着运河航行等各个环节。直至今日，管理运河的最高权力机构是"巴拿马运河管理委员会"，委员会的总负责人由美国人担任，副手是巴拿马人，运河的全部引航员由美国人充当。　　为了夺回运河的管理权，巴拿马人民不断进行英勇斗争。 1946年1月9日，巴拿马曾爆发了震惊世界的反美爱国斗争。在巴拿马人民坚持不懈的反抗与斗争下，美国政府终于和巴拿马政府签订了《巴拿马运河条约》。根据这个条约，美国应在1999年前把巴拿马运河及运河区全部归还巴拿马，美国驻扎在运河区16个基地的军队将全部撤走。运河收回后，巴拿马政府将另外成立专门的管理机构统一处理运河事务。 </t>
  </si>
  <si>
    <t xml:space="preserve">翻译普天之下，莫非王土。 </t>
  </si>
  <si>
    <t xml:space="preserve">This world does the king of earth. </t>
  </si>
  <si>
    <t xml:space="preserve">看得懂的给我个答案，谢谢（应该是很隐晦的笑话）一艘船失事后，1名 </t>
  </si>
  <si>
    <t>　一个月后，那个女的自杀了，因为她觉得这一个月发生的事情实在太恶心了。----- 多人**女人一个月后，他们决定把她埋了，因为他们觉得这一个月发生的事情实在太恶心了。 -----**女尸一个月后他们决定把她挖出来，因为他们觉得这一个月发生的事情实在太恶心了。 -----互相**一个月后，上帝把那个女的复活了，因为他觉得这几个月发生的事情实在太恶心了-----继续**女尸</t>
  </si>
  <si>
    <t xml:space="preserve">华电国际600027如何操作以被套牢如何操作？？？？？？？？？？ </t>
  </si>
  <si>
    <t>600027，基本面一般，市场估值依然偏高。作为当前市场非主流板块，中期调整尚未结束。运用黄金率分析，技术支撑分别在8。30元/7。20元一线。操作策略，建议盘中反弹至9。30元一线，短期出货，换股操作。祝好运~</t>
  </si>
  <si>
    <t xml:space="preserve">手癣怎么治？左手上长了一块癣，时间有半年了，现在有2分硬币那么大 </t>
  </si>
  <si>
    <t xml:space="preserve">治疗手癣的方法贵阳市华烽主治医师  张少武 　　进入秋冬季节，一些人的手掌皮肤会出现干燥、增厚、皲裂症状，活动手指时还会出现疼痛，这种由于手部感染真菌引起的皮肤病，医学上称为手癣。　　预防手癣，在日常生活中应注意手部卫生，接触足癣后要勤洗手，同时用药物治疗足癣，杜绝病源。早期皮损潮红湿润者，可用雄黄膏外涂，每日２次。以水疱为主者，用１号癣药水或复方土槿皮酊外搽，每日２～３次。秋冬季节，手掌粗糙肥厚、干裂疼痛者，可采用中医特色疗法———热烘疗法。其方法是：将疯油膏均匀地涂在患处，然后用电吹风吹烘（用火烘亦可，注意不要被烫伤）患部，每日１次，每次约２０分钟，烘后即可将所涂药物擦去。患者应坚持治疗，才能获得良好效果。也可于每晚睡前用半边莲６０克煎汤，泡手１５分钟后擦干，再厚厚地涂上疯油膏，然后用塑料袋套扎患手，第二天早晨再擦去药膏。　　现代医学抗真菌药也很多，如克霉唑、咪康唑、酮康唑等，可选择外搽。要注意坚持用药，减少搔抓。手部干疼严重者，可涂凡士林等霜剂，减少肥皂洗擦及其他刺激物的接触，并防止手部感染。 </t>
  </si>
  <si>
    <t xml:space="preserve">那里有电影《横空出世》的下载那里有电影《横空出世》的DVD9的版 </t>
  </si>
  <si>
    <t>讯雷 横空出世需要下载讯雷软件</t>
  </si>
  <si>
    <t xml:space="preserve">羊绒大衣怎么洗，立白的哪款产品效果好？求帮助 </t>
  </si>
  <si>
    <t>这个我来告诉你吧，因为我的羊绒大衣就是用立白全效护理洗衣液这款产品洗的，它内含护色护理因子，有效防止衣物变黄、变旧、变硬，还特别添加了多种活性洁净成分，能有效去除多种顽固污渍，不穿的时候放进衣柜里，等穿的时候拿出来衣服还特别柔顺，我建议你试试。</t>
  </si>
  <si>
    <t xml:space="preserve">因名著而改编的经典电影有哪些？ </t>
  </si>
  <si>
    <t>红字——(德国导演文德斯根据美国作家霍桑的同名改编)白鲸记——(美国导演休斯顿根据美国作家麦尔维尔的同名小说改编)顽童历险记——(美国导演MICHAEL CURTIZ根据美国作家马克吐温的小说《哈克贝里费恩历险记》改编)百万英磅——(英国导演尼姆根据美国作家马克?吐温的同名小说改编)纯真年代——(美国导演马丁?斯克塞斯根据美国作家华顿的同名小说改编)小妇人——(美国导演GEORGE CUKOR根据美国作家奥尔科特的同名小说改编)乱世佳人——(美国导演Victor Fleming根据美国作家米切尔的小说《飘》改编)大地——(美国导演SIDNEY FRANKLIN根据美国作家赛珍珠的同名小说改编)最后的大亨——(美国导演卡赞根据美国作家菲茨杰拉尔德的小说《了不起的盖茨比》改编)老人与海——(美国导演JUD TAYLOR根据美国作家海明威的同名小说改编)鼠与人——(美国导演Gary Sinise根据美国作家斯坦贝克的同名小说改编)愤怒的葡萄——(美国导演福特根据美国作家斯坦贝克的同名小说改编)救生艇——(英国导演希区柯克根据美国作家斯坦贝克的同名小说改编)马嘴——(英国导演尼姆根据美国作家Joyce Cary的同名小说改编)马耳他之鹰——(美国导演休斯顿根据美国作家哈米特的同名小说改编)杀死一只知更鸟——(美国导演罗伯特?马利根根据美国作家哈伯?李的同名小说改编)沉沦——(意大利导演维斯康蒂根据美国作家詹姆斯?凯恩的同名小说改编)欲望号街车——(美国导演卡赞根据美国作家威廉斯的同名戏剧改编)朱门巧妇—— (美国导演RICHARD BROOKS根据美国作家威廉斯的剧本《铁皮屋顶上的猫》改编)推稍员之死——(德国导演斯隆多夫根据美国作家阿瑟?米勒的同名戏剧改编)炼狱——(美国导演NICHOLAS HYTNER根据美国作家阿瑟?米勒的戏剧《熔练》改编)国王的全班人马——(美国导演ROBERT ROSSEN根据美国作家沃伦的同名小说改编)红粉佳人——(美国导演 FRED ZINNEMANN根据美国作家琼斯的小说《从这里到永远》改编 )细红线——(美国导演马利克根据美国作家琼斯的同名小说改编)圣路易斯雷大桥——(爱尔兰导演Mary McGuckian根据美国作家桑顿?威尔德的同名小说改编)蒂凡尼的早餐——(美国导演Blake Edwards根据美国作家Truman Capote的同名小说改编)亨利和琼——(美国导演考夫曼根据美国作家阿娜伊斯?宁的同名小说改编)铁面人——（改编自法国作家大仲马同名小说)冠军的早餐——(美国导演Alan Rudolph根据美国作家冯尼格的同名小说改编)大鱼——(美国导演蒂姆?伯顿根据美国作家丹尼尔?华莱士的小说《Big Fish: A Novel of Mythic Proportions》改编)人性的污点——(美国导演ROBERT　BENTON根据美国作家罗思的同名小说改编)冷山——(加拿大导演明格拉根据美国作家查尔斯?弗雷泽的同名小说改编)时时刻刻——(英国导演Stephen Daldry根据美国作家坎宁安的同名小说改编)冰风暴——(中国台湾导演李安根据美国作家里克?穆迪的同名小说改编)断背山——(中国台湾导演李安根据美国作家安妮.普鲁克斯的同名短篇小说改编)女仆的故事——(德国导演斯隆多夫根据加拿大作家阿特伍德的同名小说改编)英国病人——(加拿大导演明格拉根据加拿大作家翁达杰的同名小说改编)一千零一夜——(意大利导演帕索里尼根据阿拉伯同名故事集改编)阿里巴巴与四十大盗——(美国导演Arthur Lubin根据阿拉伯故事集《一千零一夜》中故事改编)特洛伊——(德国导演Wolfgang Petersen根据古希腊诗人荷马的史诗《伊利亚特》改编)奥德赛——(俄国导演康恰洛夫斯基根据古希腊诗人荷马的同名史诗改编)俄狄浦斯王——(意大利导演帕索里尼根据古希腊作家索福克勒斯的同名戏剧改编)美狄亚——(意大利导演帕索里尼根据古希腊作家欧里庇德斯同名戏剧改编)萨蒂里孔——(意大利导演费里尼根据古罗马作家阿尔比特罗的同名小说改编)希腊奇人佐尔巴——(希腊导演卡柯尼斯根据希腊作家卡赞扎基斯的同名小说改编)福地——(波兰导演瓦依达根据波兰作家莱蒙特的同名小说改编的电影)好兵帅克——(捷克导演Karel Stekly根据捷克作家哈谢克的《好兵帅克》改编)底层的珍珠——(捷克导演门泽尔/齐蒂洛娃等根据捷克作家赫拉巴尔的同名小说改编)严密监视的火车——(捷克导演门泽尔根据捷克作家赫拉巴尔的同名小说改编)朱丽小姐——(美国导演MIKE　FIGGIS根据瑞典作家斯特林堡的同名戏剧改编)巴拉巴——(美国导演Richard Fleischer根据瑞典小说家拉格奎斯特的同名小说改编)屋顶上的小飞人——(瑞典导演Vibeke Ids?e根据瑞典童书作家林格伦的原著改编)灰姑娘——(俄国导演戈洛夫根据丹麦作家安徒生的同名小说改编)走出非洲——(美国导演波拉克根据丹麦作家卡琳?布里克森的同名小说改编)危险关系——(英国导演弗里尔斯根据法国作家拉克洛的同名小说改编)孽恋焚情——(法国导演瓦德姆根据法国作家拉克洛的小说《危险关系》改编)丑闻——(韩国导演李在容根据法国作家拉克洛的小说《危险关系》改编)索多玛120天——(意大利导演帕索里尼根据法国作家萨德的小说《萨罗》改编)包法利夫人——(法国导演夏布罗尔根据法国作家福楼拜的同名小说改编)红与黑——(法国导演Claude Autant-Lara根据法国作家司汤达的同名小说改编)巴黎圣母院——(法国导演JEAN DELANNOY根据法国雨果的同名小说改编)悲惨世界——(法国导演Josée Dayan根据法国作家雨果的同名小说改编)基督山伯爵——(美国导演Kevin Reynolds根据法国作家大仲马的同名小说改编)三个火枪手——(英国导演莱斯特根据法国作家大仲马的同名小说改编)茶花女——(美国导演George Cukor根据法国作家小仲马的同名小说改编)乡村一角落——(法国导演雷诺阿根据法国作家莫泊桑的同名短篇小说改编)卡门——(西班牙导演绍拉根据法国作家梅里美的同名小说改编)金马车——(法国导演雷诺阿根据法国作家梅里美的戏剧作品改编)洗衣女的一生——(酒店)(法国导演克莱蒙特根据法国作家左拉的小说《小酒店》改编)追忆逝水年华——(法国导演RAOUL　RUIZ根据法国作家普鲁斯特的同名小说改编)田园交响乐——( 法国导演Jean Delannoy根据法国作家纪德的同名小说改编)一个乡村牧师的日记——(法国导演布列松根据法国作家贝尔纳诺斯的同名小说改编)莫谢特——(法国导演布列松根据法国作家贝尔纳诺斯的同名小说改编)撒旦的阳光下——(法国导演彼亚拉根据法国作家贝尔纳诺斯的同名小说改编)甘泉玛侬——(法国导演贝里根据法国作家马塞尔?帕尼奥尔的小说《山泉》改编)我父亲的荣誉——(法国导演Yves Robert根据法国作家马塞尔?帕尼奥尔的同名小说改编)我母亲的城堡——(法国导演Yves Robert根据法国作家马塞尔?帕尼奥尔的同名小说改编)地下铁的莎姬——(法国导演路易?马勒根据法国作家雷蒙?格诺的小说《地铁姑娘扎姬》改编)屋顶上的轻骑兵——(法国导演Jean-Paul Rappeneau根据法国作家季奥诺的同名小说改编)死刑——(德国导演斯隆多夫根据法国作家尤瑟娜尔的同名小说改编)情人——(法国导演阿诺根据法国作家杜拉斯的同名小说改编)广岛之恋——(法国导演雷乃根据法国作家杜拉斯的剧本改编)巴黎野玫瑰——(法国导演贝纳克斯根据法国作家菲利普?迪昂的同名小说改编)暴风雨——(英国导演贾曼根据英国作家莎士比亚的同名戏剧改编)理查三世——(英国导演Laurence Oliver根据英国作家莎士比亚的同名戏剧改编)威尼斯商人——(英国导演MICHAEL RADJORD根据英国作家莎士比亚的同名戏剧改编)仲夏夜之梦——(美国导演Michael Hoffman根据英国作家莎士比亚的同名戏剧改编)罗密欧与茱丽叶——(美国导演PHILP　KAUFMAN根据英国作家莎士比亚的同名喜剧改编)哈姆雷特——(英国导演Laurence Oliver根据英国作家莎士比亚的同名戏剧改编)德克萨斯旺——(德国导演Uli Edel根据英国作家莎士比亚的戏剧《李尔王》改编)乱——(日本导演黑泽明根据英国作家莎士比亚的戏剧《李尔王》改编)麦克白——(英国导演Jeremy Freeston根据英国作家莎士比亚的同名戏剧改编)蜘蛛巢城——(日本导演黑泽明根据英国作家莎士比亚的戏剧《麦克白》改编)亨利五世——(英国导演Laurence Olivier根据莎士比亚同名戏剧改编)亨利八世和他的六个情人——(英国导演Naomi Capon，John Glenister根据莎士比亚的戏剧《亨利八世》改编)都是男人惹的祸——(英国导演Kenneth Branagh根据英国作家莎士比亚的名剧《无事生非》改编)鲁宾逊漂流记——(美国作家GEORGE MILLER根据英国作家笛福的同名小说改编)汤姆.琼斯——(英国导演Tony Richardson根据英国作家菲尔丁的同名小说改编)克拉丽莎——(英国导演Robert Bierma根据英国作家理查森的同名小说改编)小人国历险记——(英国导演CHARLES STURRIDGE根据英国作家斯威夫特的小说《格列佛流记》改编)傲慢与偏见——(英国导演Joe Wright根据英国作家奥斯丁的同名小说改编)曼斯菲尔庄园——(英国导演Patricia Rozema根据英国作家奥斯丁的同名小说改编)惊情四百年——(美国导演科波拉根据英国玛丽?雪莱的《弗兰肯斯坦》改编)雾都孤儿——(英国导演大卫?里恩根据英国作家狄更斯的同名小说改编)尼古拉斯.尼克尔贝——(英国导演Stephen Whittaker根据英国作家家狄更斯的同名小说改编)新圣诞颂歌——(英国导演DAVID JONES根据英国作家狄更斯的小说《圣诞欢歌》改编)我们共同的朋友——(英国导演Julian Farino根据英国作家狄更斯的同名小说改编)大卫.科波菲尔——(英国导演Simon Curtis根据英国作家狄更斯的同名小说改编)奥利弗——(英国导演卡罗尔?里德根据英国作家狄更斯的小说《奥利弗?退司特》改编)双城记——(英国导演Jack Conway，Robert Z. Leonard根据英国作家狄更斯的同名小说改编)化身博士——(美国导演John S. Robertson根据英国作家斯蒂文生的同名小说改编)名利场——(印度导演奈尔根据英国作家萨克雷的同名小说改编)巴里.林登——(美国导演库布里克根据英国作家萨克雷的同名小说改编)简爱——(美国导演Delbert Mann根据英国作家勃朗特的同名小说改编)理想丈夫——(英国导演Oliver Parker根据英国作家王尔德的同名小说改编)良家妇女——(英国导演Mike Barker根据王尔德的戏剧《温夫人的扇子》改编)小王子——(美国导演Stanley Donen根据英国作家王尔德的童话改编)秘密的花园——(波兰导演霍兰根据英国作家王尔德的童话改编)莎乐美——(西班牙导演绍拉根据英国作家王尔德的同名戏剧改编)呼啸山庄——(美国导演惠勒根据英国作家艾米莉?勃朗特的同名小说改编)米德镇的春天——(英国导演Anthony Page根据英国作家乔治?艾略特的小说《米德尔马契》改编)亲爱的——(英国导演约翰?施莱辛格根据英国作家哈代的同名小说改编)疯狂佳人——(英国导演约翰?施莱辛格根据英国作家哈代的小说《远离尘嚣》改编)苔丝——(波兰导演波兰斯基根据英国作家哈代的小说《德伯家的苔丝》改编的电影)绝恋——(英国导演迈克尔?温特伯姆根据英国作家哈代的小说《无名的裘德》改编)现代启示录——(美国导演科波拉根据英国导演康拉德的《黑暗的心》改编)一个贵妇的画像——(新西兰导演坎皮恩根据英国作家詹姆斯的同名小说改编)华盛顿广场——(波兰导演霍兰根据英国作家詹姆斯的同名小说改编)欧洲人——(英国导演艾弗里根据英国作家詹姆斯的同名小说改编)金碗——(英国导演艾弗里根据英国作家詹姆斯的同名小说改编)黛丝.米勒——(美国导演博格达诺维奇根据英国作家詹姆斯的同名小说改编)恋爱中的女人——(英国导演拉塞尔根据英国作家劳伦斯的同名小说改编)查泰莱夫人的情人——(英国导演拉塞尔根据英国作家劳伦斯的同名小说改编)达罗威夫人——(荷兰电影导演格瑞斯根据英国作家伍尔芙的同名小说改编)霍华德庄园——(英国导演艾弗里根据英国作家福斯特的同名小说改编)墨里斯——(英国导演艾弗里根据英国作家福斯特的同名小说改编)印度之行——(英国导演大卫?里恩根据英国作家福斯特的同名小说改编)动物庄园——(英国导演JOHN STEPHENSON根据英国作家奥威尔的同名小说改编)隐形人——(英国导演James Whale根据英国作家威尔斯的同名小说改编)沉默的美国人——(新西兰导演PHILLIP　NOYCE根据英国作家格林的同名小说改编)恋情的终结——(爱尔兰导演尼尔?乔丹根据英国作家格林的同名小说改编)蝴蝶梦——(英国导演希区柯克根据英国作家达夫妮?杜穆里埃的《吕蓓卡》改编)圣诞快乐，劳伦斯先生——(日本导演大岛渚根据英国作家劳伦斯?包斯特的同名小说改编)发条橙子——(美国导演库布里克根据英国作家伯吉斯的同名小说改编)星期六晚上和星期天早上——(英国导演赖兹根据英国作家西利托的同名小说改编)蝇王——(英国导演PETER　BROOK根据英国作家戈尔丁的同名小说改编)法国中尉的女人——(英国导演赖兹根据英国作家福尔斯的同名小说改编)无可救药爱上你——(英国导演Neil LaBute根据英国作家拜厄特的小说《占有》改编)魔戒三部曲——(新西兰导演彼得?杰克逊根据英国童书作家托尔金的同名小说改编)纳尼亚传奇——(新西兰导演Andrew Adamson 根据英国作家C.S. 刘易斯的同名小说改编)小飞侠彼得.潘——(美国导演P.J. Hogan根据英国作家J.M.巴里的童话《彼得?潘》改编)哈利.波特与密室——(美国导演克里斯-哥伦布根据英国童书作家J.K. 罗琳的同名小说改编)唐吉诃德——(美国导演奥逊?威尔斯根据西班牙作家塞万提斯的同名小说改编)安娜.卡列尼娜——(英国导演Bernard Rose根据俄国作家托尔斯泰的同名小说改编)罪与罚——(美国导演Joseph Sargent根据俄国作家陀斯妥耶夫斯基的同名小说改编)我的童年——(苏联导演米?顿斯阔依根据俄国作家高尔基的同名戏剧改编)在人间——(苏联导演米?顿斯阔依根据俄国作家高尔基的同名戏剧改编)我的大学——(苏联导演米?顿斯阔依根据俄国作家高尔基的同名戏剧改编)日瓦戈医生——(英国导演大卫?里恩根据俄国作家帕斯特尔纳克同名小说改编)十日谈——(意大利导演帕索里尼根据意大利作家薄伽丘的同名小说改编)大开眼戒——(美国导演库布里克根据奥地利作家施尼茨勒的小说《一场梦的小说》改编)一个陌生女人的来信——(中国导演徐静蕾根据奥地利著名作家茨威格的同名小说改编)钢琴教师——(奥地利导演哈尼克根据奥地利作家耶利内克的同名小说改编)源氏物语——(日本导演崛川顿幸根据日本作家紫式部的同名小说改编)罗生门——(日本导演黑泽明根据日本作家芥川龙之介小说《筱竹从中》改编)地狱门——(日本导演衣笠贞之助根据菊池宽的同名小说改编)杨贵妃——(日本导演沟口健二根据白居易的长诗《长恨歌》改编)西厢记——(香港导演岳枫根据王实甫的同名戏曲改编)红楼梦——(中国导演卜万苍根据古典名著曹雪芹同名小说改编)西游记——(香港导演何梦华根据吴承恩的同名小说改编)祝福——(中国导演桑弧根据中国作家鲁迅的同名小说改编)骆驼祥子——(中国导演凌子风根据中国作家老舍的同名小说改编)我这一辈子——(中国导演石挥根据中国作家老舍的同名小说改编)春蚕——(中国导演程步高根据中国作家茅盾的同名小说改编)原野——(中国导演凌子风根据中国作家曹禺的同名戏剧改编)红玫瑰白玫瑰——(香港导演关锦鹏根据中国作家张爱玲同名小说改编)倾城之恋——(香港导演许鞍华根据中国作家张爱玲同名小说改编)半生缘——(香港导演许鞍华根据中国作家张爱玲同名小说改编)春香传——(韩国导演林权泽根据朝鲜古典名著《春香传》改编)</t>
  </si>
  <si>
    <t xml:space="preserve">中介卖道具的钱怎么收不到我刚在中介挂了道具一下子有人买了然后我去 </t>
  </si>
  <si>
    <t>你有满18岁，或者没填身份证号码？如果是，应该是受防沉迷限制了，去帐号管理把身份证号码补上就行了，记得要填一个有效且满18岁的号码。</t>
  </si>
  <si>
    <t xml:space="preserve">怎么看待聊天？在你有男（女）朋友的情况下，他（她）会不会阻止你和 </t>
  </si>
  <si>
    <t>其实在网上与网友聊天跟现实中交朋友是一样的，只不过是网络给我们提供了一个平台而已，这个平台上大大缩短了交友的时间和距离，比与现实中的朋友面对面的聊天更加自由、随意，更加畅所欲言，聊的来多聊一会，话不投机少说一会。如果说因为在网上聊天会有网恋发生，那么也是每一个人要如何掌握好一个度的问题，掌握不好这个度即使在现实生活中也会婚外情和第三者。</t>
  </si>
  <si>
    <t xml:space="preserve">鬼吹灯服务器在搞什么飞机搞什么，快点解决，让鬼友白白等那长时间。 </t>
  </si>
  <si>
    <t>别玩了，进去后也是卡死你！不信你试试，除非你内存够4个G！</t>
  </si>
  <si>
    <t xml:space="preserve">新版微博如何看相互关注升级之后没有这个选项了，请问怎么看 </t>
  </si>
  <si>
    <t>可以看“相互关注的好友”只不过新版的新浪微博不能直接显示“相互关注好友”的数量了。</t>
  </si>
  <si>
    <t xml:space="preserve">我想练瑜伽，但是不知道选择哪一种瑜伽比较好，网上各式各样的瑜伽都? </t>
  </si>
  <si>
    <t>瑜伽意即“相应”，瑜伽部的修法，事与理相应，言与行相应，上与诸佛相应，下与众生相应。从这里开出三个层次，就是密三乘。密三乘是嘛哈(摩诃)瑜伽、阿努瑜伽、阿底瑜伽。嘛哈瑜伽，意即大圆满相应，将观成的气脉等有相的东西化空，以与无相的法身相应。阿努瑜伽，意即无上圆满相应，以界智为趣入门，进一步把种种显现都化为一实相。阿底瑜伽，意即无比圆满相应，进而合三乘为一大密咒乘。</t>
  </si>
  <si>
    <t xml:space="preserve">贪官死囚为何都“享受”注射死刑？2月12日，经最高人民法院核准， </t>
  </si>
  <si>
    <t>说不定打的就是麻醉针  根本就没死</t>
  </si>
  <si>
    <t xml:space="preserve">服务器刚更新后稀有宝宝是不是马上刷新的?还是接这上次的时间~? </t>
  </si>
  <si>
    <t>不会马上刷新,更新后的服务器状态就是昨天刚断网维护的状态,你上了也抓不到宝宝的,我试过两次了,以前抓断牙和拉克西里的时候都是版本升级以后上去都没刷</t>
  </si>
  <si>
    <t xml:space="preserve">皮肤干燥经常全身大面积掉大量皮屑，背部有红斑，手脚皮肤易裂易脱皮? </t>
  </si>
  <si>
    <t>可能是缺乏维生素c所引的，建议多吃维生素c。</t>
  </si>
  <si>
    <t xml:space="preserve">头疼为什么啊？谁有好招~~~~ </t>
  </si>
  <si>
    <t>因为激动,生气,失眠,焦虑或忧郁等因素常使头痛加剧.还有一部分病人,不仅具有肌紧张性头痛的特点,而且还有血管性头痛的临床表现,主诉双颞侧搏动性头痛.这种既有紧张性头痛,又有血管性头痛的临床表现,称为混合型头痛.病人多伴有头晕,烦躁易怒,焦虑不安,心慌,气短,恐惧,耳鸣,失眠多梦,腰酸背痛,颈部僵硬等症状,部分病人在颈枕两侧或两颞侧有明显的压痛点.指导意见：预防神经性头痛还应注意改善自己的生活环境 ,因为不良的环境可扰乱人的情绪 ,而恶劣的情绪又是引发头痛的重要因素.因此 ,要把自己的工作间布置得井然有序 ,把家居搞得窗明几净 ,再用鲜花,绿草点缀 ,保持空气清新.这样的环境定会使你心情舒畅 ,也许会忘了头痛 ,甚至不再发生头痛.也可以去当地的医院开药方.先看下是不是感冒或者发烧了 P.S. 你的支持是我坚持的动力~，点下好评吧，亲！！！</t>
  </si>
  <si>
    <t xml:space="preserve">网站备案号批下来还要政府部门批准才能打开网站吗?政府部门是备案号? </t>
  </si>
  <si>
    <t>呵呵，如果是普通的网站备案话，没那么复杂批下来了，直接就可以绑定空间开通网站了，不需要其他部门的什么审核，但是如果是经营性的，估计要麻烦些</t>
  </si>
  <si>
    <t xml:space="preserve">考公务员必须有单位证明材料吗？请有经验者给支个招我是社会在职人员 </t>
  </si>
  <si>
    <t>北京华图回答您:同学你好!是的,必须由你所在的单位开据的证明才可以。如有疑问请致电华图热线010-82612992.感谢您的来信.北京华图祝您考试顺利通过!找到理想的工作!</t>
  </si>
  <si>
    <t xml:space="preserve">奇缘任务前往水麒麟所在的高台.偷偷的取一跟麒麟须.请问水麒麟在什 </t>
  </si>
  <si>
    <t>就在武器店旁边有个大石头`跳上去就可以看到了``要拿到麒麟须就要从那个大石头上面跳过去``</t>
  </si>
  <si>
    <t xml:space="preserve">note2好定系S4好定系S3好？求大神回复~~请从性能和配置方? </t>
  </si>
  <si>
    <t>显然是S4的配置和规格都比Note2强不少，但是屏幕就小了点。续航能力差点。你自己选择吧S4好，note2太大了，s3旧款。S4性能强大，使用体验好很多的。</t>
  </si>
  <si>
    <t xml:space="preserve">我的血压偏低，低压在60上下，最低到55，应该怎么办？我家的人大 </t>
  </si>
  <si>
    <t>一般成年人血压低于12/8千帕&lt;90/60&gt;者为低血压。慢性低血压多见于慢性消耗性疾病。表现为头痛，头晕,容易疲劳，食欲不振,脉博缓慢等。特别是突然站立时,头晕眼黑，欲倒.家庭食疗:1,多增加营养，多时一些温脾补肾的食物.象狗肉，羊肉，鸡肉，黄鳝,芝麻，辣椒，韭菜等。  2,建议可多吃一些盐,提高血压,但也不可摄入太多。  3,生姜有提高血压的作用，建议适量多吃，或者炮茶饮用。  4,多洗澡可促进血液循环，显著改善低血压症状。  5,少吃能够降低血压的寒凉食物.如冬瓜，西瓜，芹菜，苦瓜，绿豆，海带，洋葱等。  6,积极锻炼身体，增强体质.</t>
  </si>
  <si>
    <t xml:space="preserve">如何通过中介买二手房,如何按揭贷款,这过程中什么时候交什么税例如 </t>
  </si>
  <si>
    <t xml:space="preserve">购买二手房交易按揭贷款的基本操作流程：  一、确定按揭服务公司和贷款方案    借款人在办理贷款前首先需要与中介确定按揭服务公司，并向按揭服务公司提出贷款咨询，确定贷款方案。二、查询公积金(如需公积金贷款)    与卖方确定购房意向后，借款人提供公积金帐号，由按揭服务公司进行公积金查询，确定可贷款的金额和贷款年限。三、签定房屋买卖合同    借款人与卖方签定房屋买卖合同。四、准备贷款资料，审核贷款资质    按揭服务公司协助借款人按照银行要求准备贷款资料，有的房屋需要由指定的评估公司进行房价评估；并且由按揭服务公司进行初步审核。五、签贷款协议，公证，    按揭服务公司将初审后的贷款资料交贷款银行审核，通过后，按揭服务公司将安排借款人与银行签定贷款协议和办理协议公证，同时收取费用，包括房屋保险费等。六、办理房屋过户和抵押手续    借款人到房屋所在区的交易中心办理房屋过户和抵押手续，并将抵押收件收据通过按揭服务公司交贷款银行。七、银行第一次放款    银行在收到借款人的抵押收件收据后，按揭服务公司将借款人所贷金额的90% 发放给借款人。八、办理房产证和抵押证明    贷款人的房产证和他项权利证明办出后，按揭服务公司将您的产证复印件和他项权利证明交银行。九、银行第二次放款    银行在收到借款人的以上两证后，按揭服务公司将所贷金额余下的10%发放给借款人。二手房交易的税费共计3.8%。其中：　　1、买卖双方交易鉴证手续费1.5%（买方为1%、卖方为0.5%）　　2、买卖双方房屋登记费0.8%（双方各付0.4%）　　3、买方契税1.5%。　　4、如果土地通过划拨取得的，卖方需缴纳土地出让金1%。　　房改购房再上市的税费共计3.5%，其中：　　1、买卖双方交易手续费0.5%（双方各付0.25%）　　2、买方登记费0.5%、买方契税1.5%、卖方土地出让金1%。 </t>
  </si>
  <si>
    <t xml:space="preserve">《金枝欲孽》里小禄子向安茜告密他奶奶怎么死的是出于什么原因？ </t>
  </si>
  <si>
    <t xml:space="preserve">    安茜的奶奶来探望她的时候，正是安茜和孔武互生爱意的时候，孔武也有意将安茜带出宫中，去过自由自在的生活。而小禄子心里喜欢安茜，他不希望安茜跟着孔武离宫。她知道，如果安茜知道是皇后害死了她的奶奶，她一定会留在皇宫报仇。当然，皇后之所以加害安茜的奶奶，也是想安茜留在宫中帮她对付其他妃嫔。因为安茜唯一的亲人就是奶奶，奶奶一死，她也没有地方可去。  </t>
  </si>
  <si>
    <t xml:space="preserve">请问钱老师；我39元买入600256被套，后是有机会解套吗？请问 </t>
  </si>
  <si>
    <t>如果10月15号进场你没有看量能的不足，这时涨升已经不足了，如果10月26号阴线进场你被套中的风险就更大了，现在不是想解套的时期，而是选好反弹时机出局，它的支撑点位或许就是在周五的最低点35.85和10月11号34.60-35.00一线吧！仅供参考！！！</t>
  </si>
  <si>
    <t xml:space="preserve">生育问题老婆查出问题有三个：一、卵泡发育不成熟；二、雌性激数水平 </t>
  </si>
  <si>
    <t>不难，可以通过中药调理或者西药促排卵的方法怀孕，前两个是相互关联的，雌激素低，卵泡就发育不好~~平时注意多吃一些豆制品，像豆浆是补充雌激素最好的食物~如果不着急可以看中医，通过中药调理来怀孕~~~着急的话，看西医，医生会对排卵情况进行监测，用促排卵的药，然后医生会告诉你什么时候同房！</t>
  </si>
  <si>
    <t xml:space="preserve">调查哈开新区了有朋友会一起去玩吗？我想找个朋友一起过去玩找个朋友 </t>
  </si>
  <si>
    <t>你要冲啊`````  汗  建议表冲了  丝路以后只会越来越衰  人会越来越少   很佩服你的热情  但建议最好表冲了  小道消息  挂以后不能用了  手动打怪到100  很渺茫很无助  还是表冲的好  浪费时间金钱！</t>
  </si>
  <si>
    <t xml:space="preserve">请问？飙车中的红旗领袖和大卡车在哪买啊？谢谢 </t>
  </si>
  <si>
    <t>飚车里是没红旗和大卡车买的只有飚车世界里有的买，红旗19490点，按十元=150点的计算需要1300RMB网银买点卡需要1100多RMB</t>
  </si>
  <si>
    <t xml:space="preserve">佛诞的来历?今天是四月初八,佛诞日,这个日子是怎么来的,都要做些 </t>
  </si>
  <si>
    <t>相传二千多年前，在喜玛拉雅山脚下，今尼泊尔南部与印度毗邻的提罗拉科特附近，有一个名叫拘萨罗属国的迦毗罗卫国。这个是释迦族居住的地方，他们是古印度时期著名王族懿师摩王(汉语“甘蔗王”)的后裔。当时的国王名首图驮那(汉译“净饭王”)，妻子摩诃摩耶是与迦毗罗卫城隔河相对的天臂城善觉王的长女。按当时风俗，妇女怀孕后必须回娘家生育，摩耶夫人临产前回娘家，途中在蓝毗尼园无忧树下生下了太子悉达多(汉译“成就者”)。因为释迦族姓乔答摩，所以太子全称为乔答摩·悉达多。传说，太子诞生下地，就不须别人扶接向东西南北各行七步，他一手指天，一手指地，口中说：“天上天下，唯我独尊。”这位太子就是佛教始祖释迦牟尼佛。佛教将佛祖在无忧树下降生之日称为佛诞日。 关于佛诞日的具体日期，虽然在印度南、北传的《佛传》里都有明确记载，但说法不一。《大唐西域记》卷六、卷八曾述上座部和诸部所传的不同。另外，在诸多佛教经典中，关于佛诞日的说法亦多有出入。《长阿含经》卷四、《过去现在因果经》卷一、《佛本行集经》卷七、《萨婆多毗尼毗婆沙》卷二，定佛诞日为二月八日；《修行本起经》卷上，记载佛诞日为四月七日或四月八日；《太子瑞应本起经》卷上、《异出菩萨本起经》、《佛所行赞》卷一、《十二游经》、《灌洗佛形像经》，定佛诞日为四月八日。纵观我国历史记载，北朝多以四月八日为佛诞日；自南朝梁经唐至于辽初，大抵定为二月八日；宋代南方用四月八日，北方却改为十二月八日(腊八)；元代以来，南北趋于统一，均以四月八日为佛诞日。而南传、藏传佛教则历来以公历五月的月圆日(相当于我国农历即月之十五日)为佛诞日，并且于1954年在缅甸仰光召开的“世界佛教徒联谊会”第三次大会上，定此日为“世界佛陀日”。因此为了既尊重我国的历史传统，又体现佛法的庄严性和一致性，我国各大寺院除了仍以农历四月八日为佛诞日外，自1990年起，增加每年公历五月月圆日为佛陀吉祥日。 佛诞日是佛教的一个重大节日，与七月十五日自恣日一起历来被称为“佛欢喜日”。历史上，寺院内外于此日往往举办大型的庆祝仪式，比如浴佛、行像、放生等(详见浴佛、行像、放生诸条)。明清以来，寺院于佛诞日举行佛诞仪。晚近通行的佛诞仪则如下： 众集大殿，唱“宝鼎爇名香”香赞，主法拈香礼拜毕，大众合掌唱、诵《圣无量寿光明王咒》三遍。主法居中跪下，监院(或斋主)居后跪下，押磬，悦众白：金钟才叩，绕龙象一班齐；梵音演处，祝如来之圣寿。维那跪呼：哇地一声，尘刹国中现妙相，周行七步，(众接)人间天上独称尊。(维那呼)偏设六度慈航，(众接)拔济众生苦恼。(维那呼)仰叩洪慈俯垂明证某寺，(白)当代住持宏法沙门，(众接)监院比丘等(引磬二下，维那呼)于今某年四月初八日恭逢世尊降诞良辰，云集僧众，登临宝殿，讽演秘章，(众接)称扬嘉号。(维那呼)所集功勋，端为庆祝南无娑婆教主，(众接)释迦如来，(维那呼)释迦如来，(众接)释迦如来，(维那呼)本师释迦如来，(众接)金莲座下，(维那呼)伏愿扇慈风于末世，揭慧日于中天，百亿山河，(众接)全彰法王妙相，(维那呼)大千刹海，灌沐我佛金身，指出本有菩提，(众接)圆成众生种智，(维那呼)仰劳大众，称念金刚无量寿。(主法等皆起，悦众押磬举)护国仁王菩萨摩诃萨，接《楞严咒》从“萨怛他”起，念毕接《心经》，接“摩诃般若波罗密多”三称，唱《佛宝赞》，接《赞佛偈》，众齐称念本师释迦牟尼佛号绕行归位，拜愿，宣疏，三皈依毕。 明清以来，除在寺院举行佛诞仪另外还形成了一些与佛诞日有关的民风民俗。 食结缘豆是明朝开始的一种风俗。明朝刘侗、于奕正《帝京景物略》卷二云：“四月八日舍豆儿，曰‘结缘’。……先是，拈豆念佛，一豆号佛一声，有念豆至石者，至日(四月八日)熟豆，人编舍之，其人亦一念佛啖一豆也。凡妇不见容于夫姑婉若者，婉妾摈于主及姥者，则自咎曰：‘身前世不舍豆儿，不结得人缘也。’”可见明代民间已有食结缘豆之风俗。此俗至清代而大为流行，据《余墨偶谈》称：“京都浴佛日，内城庙宇及满洲宅第，多煮杂色豆，微漉盐豉，以豆萝列于户外，往来人撮食之，名‘结缘豆’。”另据查嗣琛《查浦辑闻》记载：“四月八日，都人煮豆，任人掬取之，谓之‘结缘’。”可见清代食结缘豆之俗在民间流行之盛，甚至发展到了“任人掬取”的程度。食结缘豆之俗主要流行于都城北京。 举办善会，这是清代时兴的一种佛诞日新风俗。善会亦称斋会，即由僧家作主人，邀请善男信女在佛诞日这天到寺内来吃斋。这个风俗本与佛诞日无必然联系，实际上是寺院举办的一种旨在集资募捐的活动，不过是以四月八日佛诞日为借口罢了，但此俗风行甚盛。北京俗曲《阔大奶奶出善会》生动地反映了这一风俗，曲中说：“这一天正是四月初八日，庵观寺院都办佛事，尼姑庙里摆席筵，请的是些大门子，指佛吃饭，赖佛穿衣，叫下了学号徽班儿一台戏，善会办的出奇。”这种善会有三个特点：其一，客人要在寺院里吃两顿饭，早饭与中饭，“早饭吃些，不过是点景而已，嗽口喝茶”，到了中午，再“重新入座，摆酒安席”。其二，要请客人看神戏，先“参拜佛像，瞻仰神只”，然后，“归座安席”听“三出神戏”。戏是由戏子“呈上戏单”，由客人自点。其三，请吃饭，看戏的目的是要客人捐款出份子，称作“布施”。善食既以集资募捐为目的，寺院请客自然注重大户，不过一般群众亦在参加善会之列，一般群众“施财”往往称为“凑份子”，钱叫“会印钱”，这些凑份子的人被称作“善台”或“猴头”。在佛诞日举办善会，已难以体现纪念佛祖之初衷，而且因为它以集资募捐为目的，亦诱发出许多弊端。这一问题，清代已为人们注意，《风俗门》引《京都竹枝词》云：“堪笑时逢芍药开，上方善会请将来。禅堂酒肉公然吃，二百猴头是善台。”注云：“名曰斋，其实则荤菜、烧酒、切面。赴会者名为善台，不过制钱二百，携去便吃面矣，名曰‘会印钱’，近日皆呼之为猴头，不知何解，可笑。”</t>
  </si>
  <si>
    <t xml:space="preserve">桂林哪里好玩想去桂林玩。求介绍 </t>
  </si>
  <si>
    <t>1.七星公园  早上六点以前，本地人晨练都是自由出入的。过了这个时间本地人两人元门票，买通卡1元/次。  攻略：千万不要背大包挂相机，让门卫一眼就看出你是旅游的。最好学几句桂林话,守门的人感可疑盘问，打死说自己是桂林哪所学校的，忘带证了。还有一条路从后山爬进公园，比较危险一些。要说这个公园30的门票其实挺值，景点大多很经典，但是有这样的途径为什么不用呢？   2.两江四湖（0元）  这是一条能与威尼斯水城媲美的环城水系——广告语。这个景点广告没有夸大，其实相当不错，错的是很多跟团的被骗去坐船夜游，100多元用来打水漂玩。其实这个景点所有都与市区相接，不设大门围墙，也不售票，是个完全免费的超大景区。   3.靖江王府（0元）  “靖江王府”位于桂林市中心，有城中之城美称，桂林众山之王的独秀峰矗立城中，宋人王正功诗句“桂林山水甲天下”刻于城中。  原广西师范大学校址，所以旁边的侧门供学生出入，也是免费进去的，门卫不会查票，关键是你不要装束像个旅游的，此景点积聚了明清两朝及民国时期众多的人文景观、是桂林儒家道家最集中的地方，整个王城浓缩了桂林几百年的历史文化，文化底蕴十分深厚。矗立于王城中心的独秀峰脚下有一个天然的岩洞，该洞因发现太平通宝而得名太平岩，这里曾是历代靖江王拜仙修炼的地方，洞内的道教文化保存完整，其中的六十甲子神像摩岩石刻群是迄今内地发现的唯一的摩岩石刻群。 4.漓江游泳、看象鼻山  夏天来漓江不触摸一下漓江水，你不会相信中国还真有没被污染的水。訾州在解放桥附近，是个免费的游泳场，政府指定的游泳安全区域花1~2元钱存放衣物就可以了。訾州又在象鼻山的对面,可以免费看象鼻山，因为象鼻公园门口都被竹子给遮得严实，你想照张相都难。  考虑到象鼻山是桂林的城徽，名气又大，不想花25元买票，就几个人乘坐私人竹排进去吧！这样可以发挥你的砍价才华，砍到5—10元都正常，进了公园和买门票游的效果一样，光明正大的从大门出来，出来就是两江四湖的杉湖。    5.桂林三个免费——全国首创  除了公园一早一晚对神仙般的桂林人免费，桂林的部分公车和所有厕所是免费的。  桂林的“厕所革命”你知道不知道？都推出几年了！都是4、5星级的公厕，可以烘手，自动感应，不收费的！大城市来的肯定不相信！桂林还有免费公车，以5打头，好象是50—59吧，大部分是串联景区的。  桂林十八怪  公车免费把人载，冒烟工厂不存在，  五星公厕全敲坏，短裙穿在裤子外，  树上鸟窝长蔬菜，四季鲜花开不败，  会说英语有老太，朋友叫狗不是坏，  山水字画轻易带，市内也有民族寨，  西瓜霜销海内外，溶洞能与仙境赛，  郊外生猪跑户外，米粉好吃便宜卖，  长豆角当裤腰带，鞋子后面多一块，  东边太阳西边雨，三姐山歌传世代。  在介绍收费低的景区前还是隆重推出最地道最划算的美味小吃，勾勾你的食欲。  6.桂林米粉100克带干牛肉10片左右（2.00元）  桂林米粉，因其卤水的不同风味各异：汤粉、卤菜粉、牛腩粉、酸辣粉、马肉米粉等。正宗的吃法是，先拌匀干吃，吃完后再盛骨头汤慢饮，米粉的全部滋味融入心中，你敢相信有一个城市把米粉当早餐午餐和晚餐，连夜宵也吃都吃不腻的米粉吗，那就是大名鼎鼎的桂林米粉。便宜还吃，但是我最怕驴友们吃上瘾了，回去还搀。  目前桂林本地名气比较大的米粉店有  胜利米粉（瓦窑）、石记米粉（解放西路，微笑堂对面）、又一轩（乐群路口）、福林米粉（中山北路）、秋玲米粉（东环路口）。    7.中心广场和正阳步行街  桂林市正阳步行街,南与与杉湖相接，北至解放东路与明王城正阳门相连，东伴举世闻名的漓江，西邻中心广场，全长666米（暗合中国民间"六六大顺"的口彩），路面是朴实古雅的青石板。这条街上，既有表达正阳等传统渊源的中式仿古建筑，又有配以桂林山水浮雕的桂北民间建筑；既有南亚、日本、韩国的建筑，又有欧式古典建筑；既有阳朔西街的情调，又有北京王府井的热闹；既有浓厚的商业气息，又有传统文化氛围；既有民族风格，又有现代风韵，中西合璧，古今一体；被人们誉为"中国西部第一街"。  主要景点：文物"曲水流觞"，安放在正阳步行街的南面入口处，旁边种植的八株桂花树，象征"八桂"。购物方便，浓缩了全桂林的吃喝玩乐。  世界最大的人造瀑布“九天银河”即大瀑布饭店，已被列入2002年大世界吉尼斯之最。瀑布上部宽72米，下部宽75米，水流由45米高的屋顶沿83度的弧形玻璃幕墙流泻到饭店二楼5.6米高处的水池后，再跌入地面水池，每小时流量达2560立方米。大瀑布设有桂林的桂花、海浪、幕造浪等7种花式，瀑布下方设有水景观光平台，供游客观景。  “九天银河”大瀑布与桂林中心广场的音乐喷泉遥相呼应，成为桂林的标志性人造景观，是桂林市中心的世界级旅游和休闲景点，每天来观赏游览的中外游客和市民络绎不绝。  入夜（晚上八点），瀑布在灯饰的照射和映衬下，似珍珠散落，晶莹剔透，周围水雾缭绕，仿如仙境。整个大瀑布重现出了李白千古名句中“飞流直下三千尺，疑是银河落九天”的醉人意境。  这些景点因为是露天的，和两江四湖一样不设门票，全是免费的景点。不过如果你是自助游，最好找一个导游陪伴，有人介绍的游览还是比较舒服。 漓江大瀑布饭店 8.骑自行车游阳朔（从桂林汽车站坐车去阳朔10元）  用5元人民币亲密接触全世界最动心的一片山水，这就是桂林阳朔最有魅力的一种自助游法。双人车10元，单车5元，经典路线途经：  从阳朔县城→图腾古道→聚龙谭→蝴蝶泉→大榕树公园→月亮山公园→龙门水岩洞。  大榕树，蝴蝶泉在外照照相就可以了，不用进去，月亮山可以从对面的望月路看月亮从月牙到满月，也是免费的；水岩当然值得一看，个人觉得龙门水岩比较惊险刺激，120的门票被我砍到40元，那是相当的好玩，还有泥巴浴。  晚上去西街泡吧，等过几年我小资了，再来感受，凡是贵的回避。本节告一段落。    9.大圩古镇（从桂林三里店大圆盘坐车到大圩3~5元）  又是一个免费的景点，到此为止，除了你花了来回30元不到的车费外，好象没花什么MONEY吧，再推荐一个千年古镇——大圩。建议去大圩附近的雄村，保存很完整的明清古建筑！码头对面有几个岛，专搞农家乐旅游的，实惠，住一晚小木楼才10元/人。吃正宗的漓江鱼，青菜；还可以自己划竹排，唱卡拉OK，烧烤场地全免费的，至于下地摘草莓，摘橙子柚子一般先吃饱再称，也是可以的，当地人相当淳朴。  10.灵渠（从桂林坐车到兴安大概8~~10元）  灵渠，建成于秦始皇33年，是跨越湘江水系和珠江水系的古运河，位于湘桂走廊中心兴安县境内，与陕西的郑国渠、四川的都江堰并称为“秦的三大水利工程”。郭沫若先生称为：“与长城南北相呼应，同为世界之奇观。”   灵渠两岸风景秀丽，景点、文物古迹众多，如状元桥、陡门、四贤祠、飞来石二战、铧嘴、大小天平、泄水天平和秦文化广场等景点，景区内还建有二战美国飞虎队遗迹纪念馆，是了解二战期间中美两国人民共同抗击日本军国主义的史实的好去处。  攻略：就是上面那位朋友说的，出了车站后,叫辆三轮拉你进去,也是可以省去门票钱的。就付车费钱。至于你的疑问，景区和村落连在一起，当地人当然有这个特权啊！  11.古东森林瀑布（在大圩）：15元/人（学生价）作为一个自然风景名胜区，它由前景区、生态广场、钙化瀑布群、丛林穿梭、森林布道组成，有灵瀑、碧潭、怪藤、红枫四绝。景区是以地下涌泉汇集形成的多级串连瀑布，瀑布比漓江水位还高180米，尚能喷涌、是全国唯一一个由地下涌泉来形成的多级串连瀑布；是一个因钙活华沉积作用可逐渐长高而改变景致的瀑布；  古东瀑布景区有各类景观共17处之多：蝴蝶湖、古东之眼、生态广场、天然观音、龙呤潭、森林浴场、蝶泉、枫林画廊等。那一片大林子，是漓江的绿肺。春鲜，夏翠，秋染，冬素，如诗如画。最难得三千亩红枫纯林，五彩缤纷，浪漫迷人。  攻略：本人是个环保主义者，也比较推崇这个景点，因为里面有个环保广场。我们是15元就能进去，不过外地客人好象要60，价格贵了点。但是夏天来玩主要是爬瀑布，亲水之旅。秋冬天看千亩红枫，很浪漫的。  注意：平常来玩碰到我们高校有活动的驴友一同随行，享受本地学生价基本没问题，但是黄金周就很难说了。因为景区也要考虑他的接待容量。象七星公园去年十一接待10万余人，其中10月1号一天就突破两万人。其他景点基本处于饱和状态，避开旺季可能是明智的选择。 1.兴安水街  除了上面介绍的灵渠外，兴安还有个免费的景点值得一去。  水街由秦汉建筑文化、古桥文化、古雕塑文化、灵渠历史文化、岭南市井风俗文化五大部分组成，具体景点有秦文流景区、娘娘桥、万里桥、马嘶桥、古戏台、金钟街、湖广会馆、水街亭台廊榭、百米雕塑长廊、三将军墓、古石雕群、民俗风情区等。秦始皇为了统一中国而开凿的灵渠，是中国古代三大水利工程之一，工程规模雄伟，气势磅礴，灵渠的灵气和其特别的地位，加上风景优美的地域，丹青水街成为了一条千古传诵的水街，如今这里已经是挚手可热的旅游胜地，走在灵渠上使人仿佛置身于梦一般的地方，荡漾水街中又好象在画中游，美伦美焕…… 13.愚自乐园  如果说桂林山水是大自然的艺术造化，那么，桂林愚自乐园则是自然与人文的奇遇。  以“保护自然、创造人文”为建园理念的愚自乐园是以当代雕塑艺术、地景艺术为主题，集艺术创作、展览、美育培训、旅游休闲、文化观光为一体的国际艺术创作与文化交流中心，同时也以其绝美的自然风光和浓郁独特的艺术气息成为中国极具游赏价值的国际级人文艺术景观，被中外专家及媒体惊叹为“东方的卢浮宫”，“现代的敦煌”。  愚自乐园是山水与艺术的奇遇，是听石头与山水对答的露天剧场，47个国家的114位艺术家以松林、绿野、峻峰、奇石为舞台，奏响了自然与人文交织的绝美乐章，山之畔、水之湄、林之中，一件件雕塑品或深刻或轻快、或睿智或平易、或迂回或流利地引动着人们的思绪与共鸣。邓丽君音乐花园便建于此，2005年愚人节我们去的时候门票25元还赠送20元的购物券，相当划算，不过现在没有那个好机会了。  14.关于漂流  五排河漂流位于华南第一高峰猫儿山（位于兴安）下，被世人誉为桂林的“黄河壶口”，桂林的“虎跳峡”。以“水险、石奇、林幽、瀑美”著称。五排河约30km的漂流，落差达200多米。整个漂流河段无暗河、无漩涡，局部落差不过2米，既刺激又安全。因此五排河不仅适合大众旅游漂流，而且具有开展激流皮划艇回漩运动竞赛和训练的自然条件。  国家体总水上运动管理中心官员和专家考察五排河后确认：五排河是目前国内综合条件最为理想，唯一可以完全满足世界级比赛条件的漂流训练基地和比赛场所。  资江漂流素有“资江漂流，华夏第一”的资江发源于第一高峰猫儿山，是漓江的姊妹江，属长江水系，自南而北注入洞庭湖，河床平均宽度100米。资江两岸植被保护良好，流量、流速相对稳定，似一条玉带穿梭于奇山峻岭之间。资江漂流全程22.5公里，下45条滩，拐31道弯，不管是乘坐木船、竹筏，还是橡皮艇，都是有惊无险。漂流其间，景点迭出，犹如步入一条长长的山水画廊，船在江面行、人在画中飘。特别在春暖花开季节，沿岸山花烂漫，四处精彩纷呈，令人如醉如痴。资江除具有原始、古朴、幽野的特色外，更富一种灵动、秀丽之美。沿江分布的60多处景点，古怪稀奇，美不胜收，其中“风帆石”、“神象饮水”、“火炬山”、“将军骑马镇天门”、“资江大佛”等景点形神毕俏，堪称绝景，具有很高的观赏价值。  十二滩漂流十二滩漂流全程9公里，途经66道河滩，12道急滩，急滩中最高落差达3米，全程落差80多米。十二滩九曲十八弯，激流冲击着山石溅起层层水花，橡皮艇在波峰浪谷中颠簸、跳荡、起伏、摇晃，让漂流者尽情放松身心、个性的张扬。  十二滩河谷两岸是高耸入云的山崖和叠障的梯田，从山脚到山顶分布着苍翠茂密的原始次森林。景区内平均海拔为300至500米，气候垂直差异较大，四季分明，雨量充沛，盛夏时气温比桂林市区低3至5摄氏度。河道两岸为寒武系深灰色页岩，色彩斑斓，河床左右散落形状各异的巨石，形成陡坎、平台、壶穴等新奇地貌。在峡谷两岸连绵的山崖间悬挂着许多小瀑布，十分清幽秀美，使人仿佛置身于仙境之中。  遇龙河竹筏漂流  A线早上骑车至金龙桥，坐竹筏过金猫捕鼠，穿遇龙桥（800多年的单拱石桥）、仙桂桥，过旧县欣赏宁静秀美的遇龙河、古老原始的村庄、旧水车、松鼠爬山、工农桥（骆驼过江处）等，返回阳朔,漂4－5小时．漂流途中可下船吃农家饭．  B线从工农桥（骆驼过江处）骑行15分钟至阳朔胜地，乘竹筏荡漾在石灰山峰下，绿草殷殷的遇龙河中，缓缓前漂，经骆驼过江、水墨园（遇龙河最美的黄金段），返回阳朔。    15.关于岩洞  七星岩桂林七星岩位于七星公园内普陀山腹，东西贯通，它原是距今100万年的一段古老地下河道。七星岩以雄伟、宽广、曲折、深邃著称，是石灰岩发育较完全，景物较丰富，保护较完好的地下宫殿。洞内石乳、石笋、石柱、石幔、石花，变幻莫测，玄妙无穷，组成一幅幅绚丽的图景。著名的景点有：古榕迎宾、边寨风光、群英聚会、银河鹊桥、石林幽境、孔雀开屏、蟠桃送客等40多处。这些形象、逼真、传神的景物，令人如痴如醉，遐想联翩，由此生发无数神话，广为传流。如广寒官中的嫦娥，在桂花树下舒袖起舞；牛郎织女隔江相望；女蜗氏炼石补青天；鲤跃龙门，等等。从隋唐起，七星岩已成为旅游胜地，留下不少石刻。如隋开皇十年（590）昙迁题的"栖霞洞"榜书，唐显庆四年（659）佚名"玄玄栖霞之洞"的题字，宋范成大的《碧虚铭》、柯梦得的《迎送神曲》，明张文熙的"第一洞天"，都很珍贵。  芦笛岩芦笛岩因溶洞内瑰丽壮观的钟乳石景观而闻名于世。溶洞高18米、面积15000平方米、游程约500米。石奇洞幽、高低错落、曲折迂回，钟乳岩千姿百态，景象万千，状物逼真，配以现代高科技的彩色灯光更显得色彩斑斓，景致奇绝，来到这里，仿佛置身于童年梦幻里的王宫一般，又像一座用宝石、珊瑚、翡翠雕砌而成的宏伟、壮丽的地下宫殿。在这个奇妙的ldquo;宫殿rdquo;中，琳琅满目的钟乳石、石笋、石柱、石幔、石花拟人状物，惟妙惟肖，构成了三十多处景观，有ldquo;红罗宝帐rdquo;、ldquo;高峡飞瀑rdquo;、ldquo;盘龙宝塔rdquo;、ldquo;原始森林rdquo;、ldquo;帘外云山rdquo;、ldquo;水晶宫rdquo;等，可谓移步成景，步移景换。芦笛岩内所有的景观都是大自然鬼斧神工的杰作，没有加一点人工修饰，因此，芦笛岩又被人们誉为ldquo;大自然艺术之宫rdquo;。  阳朔水岩位于阳朔（县城）东南部十多公里，是世界著名的大型地下河水晶溶洞（国内外书册、地图都有标注）。从阳朔县城出发，经大榕树、月亮山，然后到达龙门村——水岩。溶洞入口有约300平方米的湖泊，洞长约八公里，贯穿八座大山，有四条通道，洞高100多米，有5层洞天，洞中叠洞。听取广大中外游客的建议，不对岩洞进行任何的灯光装饰，保持纯天然的原始风貌。  桂林岩洞太多了，游其一二便可，除了公园的岩洞不能砍价，阳朔的几个水岩都是可以还价的，人多当然更优惠。    16.乐满地——中国最大的旅游休闲世界  集观光、休闲、旅游、度假于一体的桂林乐满地休闲世界,位于桂林兴安县,占地面积6000多亩,是迄今国中最大的旅游休闲世界。乐满地堪称现代旅游休闲顶峰之作,宏大、亲切、美妙、天人合一;现代科技与神工山水的绝纱融合;规模之宏伟规划之完整、设施之完整、意境之曼妙、堪称中国之最。它亦零点亦幻的主题乐园,忠于原味的森林度假村,园内最具特色的18洞美式陵高尔夫球场,卧拥山林的度假酒店等,令每一位乐而忘返的游人可、以流连其间,在原始的山光水色中得到现代的舒适享受。  在忠于原始风味的森林度假村里，依山林高低变化座落雅致的山崖别墅与小木屋群，风格独具的露营平台，让您享受贵族式的露营情趣。在充满原始风味的原野乐园中，游客可以畅游别具创意的游乐设施，如：诗情画意的游湖画舫、惊心动魄的霹雳滑车、惊悚刺激的地动山摇、步步为营的攀爬区、享受极速快感的人工滑雪场…等，都将带给您意想不到的惊喜。类似于美国迪士尼乐园的大型娱乐场所，辟有美国西部区欢乐中国城、梦幻世界区、南太平洋区、海盗村等特色景观区，整个园区为可观、可闲逸的旅游王国。  引进国际级大型游乐园的设计，撷取世界各地的梦幻情境、重新落实在乐满地的梦幻王国中，热情洋溢的南太平洋区、时空交错的欢乐中国城、惊险刺激的美国西部区、奇妙魔幻世界区以及充满神秘的海盗村……都将让您进入到不同的时光隧道中体验奇幻多变的精彩乐趣。  浑然天成的高尔夫俱乐部，运用山峦与灵湖的景致，由国际专家依原有的山水地景，雕琢出一片浑然天成的国际级18洞高尔夫球场，精巧善变的球道设计，将带给您逐洞谋略的挥杆乐趣。现为全广西最大、全中国唯一的国际标准18洞美式丘陵球场。让挥杆者在畅快尽兴之余，饮览所独有的世界级景观，体验那一份极致的尊荣感受.   我们学校跟团学生票80元，通票玩一整天，可以重复玩喜欢的项目。不过五一那里爆满，推荐你错开比较好。 17.龙胜梯田  龙脊最好的游览时间是每年农历4月15以后的半个月，这个时候梯田开始放水，很多优秀的龙脊摄影作品就是这个时候产生的；还有就是每年中秋前后的半个月，是丰收的季节，是金黄的世界。还有就是龙脊的雪景也很棒，不过是否下雪以及每年下雪的时间不定，看运气了。  龙脊梯田只是一个景区统称，包含龙脊古壮寨（壮族）、平安寨（壮族）、中六寨（瑶族）、大寨（瑶族）、田头寨（瑶族）、小寨（瑶族）等若干村寨。就梯田本身而言，最壮观的是大寨的金坑梯田，和附近的小寨梯田。央视12台的片头以及大家经常看见的龙脊梯田宣传图片和影视作品绝大部分都是出自金坑梯田。平安寨的七星伴月也非常不错，也就是通常大家以前说的龙脊梯田了。  龙脊梯田常规来说有3个入口，一个是平安村，一个是大寨村还有一个是龙脊村（龙脊古壮寨）。  ■门票50元，包含大寨和平安龙脊两个景区。平安和大寨之间可以徒步石板路到达，时间约4个半小时，线路见下面的说明。大寨和平安之间也可以乘坐相应的车辆在黄洛瑶寨转车以及包车前往。桂林乘坐慢车（13元，6：10-19：30，20分钟/班）到和平乡（也是龙脊路口，大概2小时），然后在路口等龙胜－龙脊的班车，从和平路口－龙脊班车车费4.5元。听说也可以搭顺路车省去门票，就是在当地司机家入住，给车费和住宿就可以了，本人没尝试过!</t>
  </si>
  <si>
    <t xml:space="preserve">怎么老掉线啊怎么老是数据传输中断啊，为什么啊，浪费我点卡啊 </t>
  </si>
  <si>
    <t>请将目录下UPDATE2删除掉，重新上线进MAIN更新试试。（UPDATE2文件在游戏目录下。）</t>
  </si>
  <si>
    <t xml:space="preserve">600655后市如何操作呀？ </t>
  </si>
  <si>
    <t xml:space="preserve">均线压制，下跌通道中运行，仍然没有止跌迹象，短线反弹离场为好。 </t>
  </si>
  <si>
    <t xml:space="preserve">天津光子嫩肤哪里便宜？嫩肤后的效果如何？ </t>
  </si>
  <si>
    <t>皮肤上的美容是需要循序渐进的，而光子嫩肤同样也需要好几个疗程也能够达到完美的效果。这是因为皮肤上的问题一般都不是短暂性的，所谓冰冻三尺就是这么个道理了。光子嫩肤三到五次能见效一般来说光子嫩肤做三到五次才可以见效，而两次治疗的时间需要一段日子，脸部会慢慢地变得光洁美丽。一般来说第三次治疗以后会有显著的改善了，继续治疗以后会发现细纹的减小和皮肤光滑度的提高，胶原蛋白受激发而生，美丽洁净的皮肤更完美了。建议大家可选择正规专业的整形美容医院来进行嫩肤工作，会让收到相当不错的美容效果的光子嫩肤的效果：1、光子嫩肤的主要功能不是针对局部的斑点，而是对整个面部进行综合治疗，它可以让面部皮肤状况在原有皮肤色调基础上使皮肤变得更均匀、更明亮，具有粉底效应，治疗后不上妆亦有上妆般干净、光润的肤色。2、没有明显皮肤问题的人也可以通过接受光子嫩肤治疗使皮肤的胶原纤维保持良好的弹性和活力，从而延缓皮肤松弛、皱纹的出现，在海外，美容就医者一般将光子嫩肤作为皮肤保专家讲到：治疗任何疾病的费用都跟医院仪器、治疗技术、患者的病情难易程度有关的，不能一概的说价格是多少。</t>
  </si>
  <si>
    <t xml:space="preserve">请教法师套装问题法师套装都有哪儿些有特殊加成啊？ </t>
  </si>
  <si>
    <t>奉献套装有提高施法速度提升15%防御增加  奉献套装是 奉献一套+皮头盔</t>
  </si>
  <si>
    <t xml:space="preserve">练级快的问题有分啊来那啊一个新手没玩过这游戏的。。里面那个狂战魔 </t>
  </si>
  <si>
    <t>那要看你一天练多少小时咯！要是你一天到晚坐在电脑面前一直练！估计50最多也就三天时间吧！这游戏不是看你等级高了技能才能练的！你一开始就可以专门练技能！技能高练级也就更轻松更快！所以你可以一边练级一边练到技能！至于练技能要多久，所有职业技能都要双修的！比较高估计一个星期吧！</t>
  </si>
  <si>
    <t xml:space="preserve">如何去除衣服上的胶水不小心把胶水粘到了衣服上，是普通的办公用胶水 </t>
  </si>
  <si>
    <t xml:space="preserve">1、洗上的红墨水渍：新渍先用冷水洗，再用温肥皂液浸泡一会儿，再用清水漂洗；陈渍可先用洗涤剂洗，再用10%的酒精溶液搓擦即可祛除。 2、墨渍：可用饭粒和洗涤剂调匀，涂在污渍部分搓擦，再用清水漂洗干净；也可用一份酒精、二份肥皂制的溶液反复涂擦，亦有良好效果。 3、圆珠笔油渍：首先要看看衣服是什么料子，一般做法是在污渍处下面放一块毛巾，用小鬃刷沾上酒精顺丝轻轻刷洗待污渍溶解扩散后，再把衣服泡在冷水中，抹上肥皂轻轻刷洗，这样反复两三次，就能基本除去圆珠笔油。如果洗后还留有少量残迹，可再用热肥皂水浸泡或煮沸就可以除去，对棉和棉涤织品可以采用这种方法。如果毛料装沾上圆珠笔油，可先把污渍处放到三氯乙烯和酒精（比例是二比三）的混合溶液中浸泡10分钟，同时不断用毛刷轻轻刷一刷，待大部分油渍溶解后，再用低温肥皂水或中性洗衣粉洗净。 4、霉斑：用2%的肥皂酒精溶液擦拭，然后用漂白剂3%-5%的次氯酸钠或用双氧水擦拭，最后再洗涤。 5、汗渍：衣服上沾上了汗水，时间一长容易出现黄斑，有了汗渍可把衣服放在5%食盐水中浸泡1小时，再慢慢搓干净。 6、羊毛衫受污染：用开水将中性肥皂液体溶解并加一汤匙硼砂，等温度降至60度把羊毛衫放入皂液浸泡三四小时，再在40-50度的温水中轻轻揉洗，最后用温水漂洗。如还有洗不净的污染处，可用皂液加两汤匙松节油，调成乳状洗涤，洗净后的毛线衫任其自然干燥，至大半干时可用不太烫的熨斗隔一层布将其烫干熨平，再略加晾晒即可。 7、血渍：刚染上的血渍可先用冷清水浸泡几分钟，然后用肥皂或酒精洗涤。如是陈迹可用柠檬汁加盐水除掉，也可用白萝卜揩擦，但切忌用热水洗。也可以用清水将血渍洗至浅棕色后，再用甘油皂洗涤，最后在温水中漂洗干净。 8、烟筒油渍：衣服上染上烟筒油渍要立即用汽油擦洗（从污迹外部往里擦洗，避免污迹扩大）或用温皂液洗涤。 9、洗衣服上的腊纸、复写纸色迹：先用洗衣粉洗，再用汽油洗，最后用酒精擦。 10、咖啡迹：不太浓的咖啡污迹可用肥皂或洗衣粉浸入热水中清洗干净；较浓的咖啡则需在鸡蛋黄内洒入少许甘油，混合后涂抹在污迹处，待稍干后再用肥皂及热水清洗咖啡污迹可清除干净。 11、洗衣服及台布上的鸡蛋迹：衣服，尤其是饭桌的台布上常有鸡蛋的污迹，先把台布浸在冷水里，浸透后用棉布或棉布蘸少许食盐擦拭，最后用温水清洗。 12、口红迹：染在浅色服饰上的口红，可先浸透汽油，然后再用肥皂水擦洗便可洗净。 13、口香糖污迹：沾在衣物、墙壁或其他物品上的口香糖污迹，可先用棉花或布巾浸上白醋，再用其擦洗污迹处，可擦洗干净。 14、桐油渍：先用汽油将桐油渍浸软，再用豆腐渣擦洗，可除净。 15、膏药：用温白酒洗除。 16、碘酒污：用面粉洗除。 17、红汞污：用醋洗除。补充：油渍 　　①衣服上的油渍可用松香水、香蕉水，汽油等来擦洗，然后放人3％的盐水里浸几分钟，再用清水漂洗。 　　②丝绸饰品如果沾上油渍，可用丙酮溶液轻轻搓洗即可。 　　③深色衣服上的油渍，用残茶叶搓洗能去污。 　　④少许牙膏拌上洗衣粉混合搓洗衣服上的油污，油渍可除。 　　⑤取少许面粉，调成糊状，涂在衣服的油渍正反面，在太阳下晒干，揭去面壳，即可清除油渍。 油漆渍 　　①衣服沾上油漆、喷漆污渍，可在刚沾上漆渍的衣服正反面涂上清凉油少许，隔几分钟，用棉花球顺衣料的经纬纹路擦几下，漆渍便消除。1日漆渍也可用此法除去，只要略微涂些清凉油，漆皮就会自行起皱，即可剥下，再将衣服洗一遍，漆渍便会荡然无存。 　　②新渍可用松节油或香蕉水揩试污渍处，然后用汽油擦洗即可。陈渍可将污渍处浸在10—20％的氨水或硼砂溶液中，使凝固物溶解并刷擦干净酒渍可以用煮沸的牛奶擦试，非常有效。其中以白棉麻质衣物最有效。 墨渍、唇膏渍水洗后用洗涤剂洗，或用糯米饭与洗涤剂调匀，也可用牙膏涂在污渍部分揉搓，然后用水漂洗。如果是丝绸料，要将污渍面向下平铺在干净的纸上，涂上干洗剂或酒精，揉搓丝织品污迹背面，直至污迹消失，然后洗涤、漂洗。 霉斑 　　①衣服出现霉点，可用少许绿豆芽在霉点处揉搓，然后用清水漂洗，霉点即可去除。 　　②新霉斑先用软刷刷干净，再用酒精洗除。陈霉斑先涂上淡氨水，放置一会儿，再涂上高锰酸钾溶液，最后用亚硫酸氢钠溶液处理和水洗。 　　③皮革衣服上有霉斑时，用毛巾蘸些肥皂水措擦，去掉污垢后立即用清水洗干净，待晾干后再涂甲克油即可。 　　④白色丝绸衣服上的霉斑，可用5％的白酒擦洗，除霉效果很好。 　　⑤丝绸衣服出现霉斑，一般可以在水中用软刷刷洗，若霉斑较重，可在霉斑的地方涂上5％谈盐水，放置3—5分钟，再用清水漂洗即可。衣物上粘有口香糖难以除去，若将衣服放置冰箱一段时间，口香糖经冷冻变脆，用刀片就容易刮掉了。染色衣物经过洗涤，往往会发生褪色现象，如果将衣服洗净后，再在加有两杯啤酒的清水中漂洗，褪色部位即可复色。白衣服穿久了常常会变黄，可以把它浸泡在加有蓝靛的溶液里漂洗，结果会洁白如新  </t>
  </si>
  <si>
    <t xml:space="preserve">第一部社会主义劳动法典是什么？ </t>
  </si>
  <si>
    <t>世界上第一部社会主义劳动法典是《苏俄劳动法典》,这部劳动法典是十月革命后苏维埃政府在1918年颁布的,并于1922年颁布了新的《苏维埃劳动法典》。1994年7月5日,人大常委会八届八次会议审议通过了《中华人民共和国劳动法》,它是我国第一部劳动法典,</t>
  </si>
  <si>
    <t xml:space="preserve">80岁的老年人心率低于40而且有高血压怎样治疗 </t>
  </si>
  <si>
    <t>心率太低有生命危险,快到医院看吧!!!</t>
  </si>
  <si>
    <t xml:space="preserve">德国、荷兰、西班牙、乌拉龟四强谁最有可能夺得2010年南非世界杯? </t>
  </si>
  <si>
    <t xml:space="preserve">西班牙最有可能夺得2010年南非世界杯。 </t>
  </si>
  <si>
    <t xml:space="preserve">轮胎加宽省油还是费油?轮鼓不变,扁平比不变,加宽轮胎,一种声音是 </t>
  </si>
  <si>
    <t>答:都不太合理.根据你的限制条件,起步会稍慢,会增加油耗,操控性会提高.</t>
  </si>
  <si>
    <t xml:space="preserve">吃什么食品有助于睡眠 </t>
  </si>
  <si>
    <t>1、牛奶催眠：牛奶中色氨酸是人体八种必需的氨基酸之一，它不仅有抑制大脑兴奋的作用，还含有能使人产生疲倦感觉的作用。它是体内不可缺少的氨基酸之一，一杯牛奶中的含量足够起到使人安眠的作用，可使人较快地进入梦乡。2、水果催眠：过度疲劳而失眠的人，临睡前吃苹果、香蕉等水果，可抗肌肉疲劳，若把桔橙一类的水果放在枕边，其香味也能促进睡眠。3、大枣催眠：大枣味甘，含蛋白质、维生素C、有机酸、粘液质、钙、磷、糖类、铁等，有补脾、安神的功效。每晚用大枣30～60g，加水适量煮食，有助于入眠。</t>
  </si>
  <si>
    <t xml:space="preserve">在北京单位买断后还可以办病退吗单位要买断工龄，买断后还可以办病退 </t>
  </si>
  <si>
    <t>买断工龄后你就离开单位了,还办什么病退啊?</t>
  </si>
  <si>
    <t xml:space="preserve">帮忙看看贵不贵2TJ漫天罩子雨107级满血武学125W,罩子62 </t>
  </si>
  <si>
    <t>120,也就差不多8卡.107级了，价格差不多了,不算贵,喜欢就买把.</t>
  </si>
  <si>
    <t xml:space="preserve">怎样去除牛奶的味道！一代牛奶破了，把我的化妆包都弄湿了，洗了好几 </t>
  </si>
  <si>
    <t>放点醋去洗</t>
  </si>
  <si>
    <t xml:space="preserve">请问在北京哪里学服装设计比较好确切的说我也不是想一定要自己设计， </t>
  </si>
  <si>
    <t>北京联合大学师范学院服装设计专业,建议也可以选择这个学院的夜大,就能满足您的愿望,我就是这个学院服装设计专业毕业的,地址在北京安定们外外管斜街</t>
  </si>
  <si>
    <t xml:space="preserve">藏宝海湾的沉船到底哪种沉船可以捞出石头？我老捞到复活叶！ </t>
  </si>
  <si>
    <t>老兄......捞石头的打捞点是固定在几个地方的..那些地方每天都有人守着.............具体坐标是:500/1200......718/1103.......401/1067425/947.........578/839这五个点...以前是每三小时刷新一次...现在改为4小时刷一次...愤怒啊.......愤怒.....</t>
  </si>
  <si>
    <t xml:space="preserve">微博有安卓客户端吗？ </t>
  </si>
  <si>
    <t>有的！求采纳，谢谢！</t>
  </si>
  <si>
    <t xml:space="preserve">iAsk编辑乱撤销提问，怎样投诉？ </t>
  </si>
  <si>
    <t xml:space="preserve">暂无:你好。问题未通过审核，而被撤消，必定有其原因。建议在提问之前，首先要参考以下审核原则： </t>
  </si>
  <si>
    <t xml:space="preserve">大家来评评英格兰的头号烂人把,列举几个给你们参考1.厄普森:今晚 </t>
  </si>
  <si>
    <t>顶！英格兰人骄傲自大，全场虽裁判有一次误判，但如此豪华的队伍却如同梦游毫无建树，反观德国队少了巴拉克，年轻人倒是如行云流水般顺畅，我们不得不说英格兰人走吧，确实烂</t>
  </si>
  <si>
    <t xml:space="preserve">我想问下在云南昆明如何考律师从业资格证，知道的请告诉下，谢谢 </t>
  </si>
  <si>
    <t>1、确定您已取得国家认可的本科学历。2、参加统一的国家司法考试并通过考试。3、通过培训并在律师事务所实习满一年。4、向户籍所在地司法局申请律师执照。</t>
  </si>
  <si>
    <t xml:space="preserve">如何清理公务员吃空饷请问：这次河南省清理公务员吃空饷的具体文件规 </t>
  </si>
  <si>
    <t xml:space="preserve">河南严查“吃空饷” 查实将追究失职领导责任　　河南讯　有些财政供养人员不上班照样领工资，上着学还能拿钱，这样的“好事”今后不会再有了。记者从河南省纪委了解到，从即日起到10月底，河南省将用两个多月时间，对全省财政供养人员工资发放状况进行清理。 　 河南是经济欠发达省份，但财政供养人员年均增加10万余人。据有关部门统计，从1995年至2004年，该省财政供养人员共增加93.8万人。在财政负担日益沉重的同时，有些县、乡领导却一人领着两人的工资，农村中小学有些教师长期脱岗但工资仍在发放的现象也十分突出。“吃空饷”现象主要表现为：有的长期不上班，仍足额领取工资；有的已亡故多年，但家属或单位长期隐瞒不报，“死魂灵”继续领取工资或离退休费和补助；有的擅自经商办企业或在企业兼职，一人领取双份工资；有的受到党政纪处分或司法处理后，工资待遇并没有及时进行相应调整等。 　 河南省委副书记、省纪委书记李清林表示，对故意隐瞒不报、漏报或纵使他人虚假申报的，一经查证属实，除全额追回其多领的工资、补助金外，还要追究有关领导的责任。 来源： 扬子晚报 　  </t>
  </si>
  <si>
    <t xml:space="preserve">江浙地区指的是哪里?是江苏和浙江的地区的简称么? </t>
  </si>
  <si>
    <t>江浙地区一般指"沪杭宁"所属区域,基本上为江苏省南部(苏南地区),浙江北部(富春江流域)和上海.沪为上海,杭为杭州,宁为南京.包括周遍的扬州,无锡,苏州,湖州,嘉庆,绍兴,宁波等城市.江苏简称为"苏",浙江简称为"浙".附图为杭州湾(基本为江浙地区)附近.</t>
  </si>
  <si>
    <t>胆皇马</t>
  </si>
  <si>
    <t>我也不看好皇马的平，要么3要么0！</t>
  </si>
  <si>
    <t xml:space="preserve">什么叫做筏板基础筏板基础能说详细点最好？ </t>
  </si>
  <si>
    <t>筏板基础由整块钢筋混凝土平板或板与梁等组成。用于多层与高层建筑。这类基础由于其整体刚度相当大，能将各个柱子的沉降调整得比较均匀。采用混凝土全现浇的筏板基础,可以提升建筑的防水、抗震、抗变形和沉降的性能。当上部结构荷载大、地基软弱或地下防渗需要时，可采用板式基础，俗称满堂基础。此种基础用钢筋混凝土做成连续整片基础，亦称筏片基础。</t>
  </si>
  <si>
    <t xml:space="preserve">我把跑跑卡丁车打开的时候，要安装补丁但是我安装的时候有误，咋回事 </t>
  </si>
  <si>
    <t>可能你版本太低了，一般都自动安装补丁的，手动的话不是文件坏了就是版本太低了，需要２个以上的补丁．</t>
  </si>
  <si>
    <t xml:space="preserve">双子还还是天蝎好啊？ </t>
  </si>
  <si>
    <t xml:space="preserve">不是前途的问题！2车可以说都没前途！  天蝎比较好！很久以前就证明了！天蝎在城市破记录就比双子好,说全面就天蝎好点 </t>
  </si>
  <si>
    <t>本人正在纠结到底是入CR</t>
  </si>
  <si>
    <t>这个可以根据自己的情况来吧，我平时主要是在市区跑跑，当时入的2.0的，完全够用，如果你上高速的次数少，我建议你入手2.0的，2.0的动力也不错，不过这个还是看你自己的需求，我用车到现在觉得挺好的，CR-V是款很不错的车，希望你早点加入我们这个大家庭。</t>
  </si>
  <si>
    <t xml:space="preserve">我想做占小生意。可是不知道怎么开始。我不知道小生意要怎么才能做得 </t>
  </si>
  <si>
    <t>广告上不是说上U88吗？ 到U88看看 有没有想加盟的小店</t>
  </si>
  <si>
    <t xml:space="preserve">民意调查！！！！！！！！！！！！！！！！！！！大家认为精神成长到 </t>
  </si>
  <si>
    <t>1.5以上，其实只要BP很平均的宠只要掉血攻很严重的都做魔宠，比如TL</t>
  </si>
  <si>
    <t xml:space="preserve">有没有好玩的iphone游戏玩啊？最近比较无聊，想找个手机游戏玩 </t>
  </si>
  <si>
    <t xml:space="preserve">01.动作游戏《斯巴达英雄》02.休闲游戏《超级猴子球》 03.竞速游戏 《极品飞车》04.动作游戏《刺客信条》 05.益智游戏 《蜡笔物理学》06.动作游戏 《生化危机》 07.休闲游戏 《模拟人生》08.竞速游戏《Real Racing》 09.休闲游戏 《祖玛宝藏》10.体育游戏 《X2足球2009》 </t>
  </si>
  <si>
    <t xml:space="preserve">请问我查木马的时候在system32文件里发现木马这意味着什么? </t>
  </si>
  <si>
    <t>system32是WIN下面的一个文件夹名称，很多系统文件都在里面。发现木马说明你机器中了木马程序了，一般在system32下面的木马程序都是自行设定了开机/或开某个游戏就启动这个木马程序的，所以你掉号与这个有直接的联系。建议杀掉木马，或格式化后重新装系统。</t>
  </si>
  <si>
    <t xml:space="preserve">准考证英语怎么说准考证翻译成英语怎么表述 </t>
  </si>
  <si>
    <t xml:space="preserve">exam admission card </t>
  </si>
  <si>
    <t xml:space="preserve">胃酸怎么办半夜总会被胃酸弄醒,不过一会就好了,这种情况经常发生, </t>
  </si>
  <si>
    <t>应该是十二指肠溃疡导致的胃酸分泌过多,可以先吃些H2受体阻止剂抑制胃酸分泌的药物,最好到医院检查,要是真有溃疡的话还应吃些胃黏膜保护剂,就得到医院具体问题具体分析了.</t>
  </si>
  <si>
    <t xml:space="preserve">男朋友过生日准备送他一台显示器，他总是玩游戏看电影要求分辨率高点? </t>
  </si>
  <si>
    <t>如果没有尺寸和价钱要求的话，给你推荐一款三星S27B750V分辨率1920*1080屏幕16:9 主要面向于家庭娱乐用户进行设计制造。 黑与白的经典搭配。而底座则采用了三星独家的TOC水晶透明技术机身也是非常纤薄屏幕尺寸为27英寸MHL直连技术价位2700吧送出去一定您男朋友大爱</t>
  </si>
  <si>
    <t xml:space="preserve">已经刷过立邦漆的墙面可以直接贴壁纸吗？ </t>
  </si>
  <si>
    <t>刷过漆的墙面不要直接贴墙纸,先打磨一下,以提高墙纸胶与墙的粘接力，就像补车带以前要先打毛一个道理，然后再刷一层基膜，再贴就可以了..</t>
  </si>
  <si>
    <t xml:space="preserve">增长地精地区(永望镇,藏宝海湾等地方)的声望除了购买东西便宜外还? </t>
  </si>
  <si>
    <t>声望高了没有坏处的，WOW无限期，说不定哪天BZ慷慨了，那里的NPC就卖个好配方呢~配方：死亡药剂使用：和对手同归于尽材料：拉格纳罗斯之眼 哈卡之眼 奥尼克西亚的头颅 耐法里安的头颅  灌魔之瓶</t>
  </si>
  <si>
    <t xml:space="preserve">600555九龙山复牌后怎么办 </t>
  </si>
  <si>
    <t>继续持有啦,等待拉升</t>
  </si>
  <si>
    <t xml:space="preserve">每次睡醒后都勃起始怎么回事？就连午休后都如此，这是什么原因？ </t>
  </si>
  <si>
    <t xml:space="preserve">晨勃的意义 “小明，起床了。”妈妈一掀被子，将小明唤起。小明揉着惺忪的睡眼，去洗手间撒尿，小裤衩顶得像小帐篷。妈妈笑道，“看你小鸡鸡给尿憋的，再晚点起身，非尿床不可。”爸爸一边刮着胡子，一边小声说，“这你就不懂了，这叫晨勃。”妈妈脸一红， “去你的，没正经。” 这家人谈论的话题，是男子常有的早晨清醒前出现的阴茎勃起现象，医学上称之为清晨 勃起，简称晨勃。大人和小孩都一样，和憋尿无关。 据研究，男子在成年后，20～30岁时，清晨勃起次数增多，中年以后逐渐减少。不 仅清晨会勃起，睡眠时也会勃起。一般每天晚上会有三次到五次的勃起，每次勃起的时 间，平均十五分钟，但也有长达一小时之久的。 关于清晨或睡眠时阴茎勃起的确切机理，至今尚未研究清楚，但清晨阴茎勃起是男子的 一种正常的生理反应，已肯定无疑。由于男子的个体差异，每天所产生的变化也不尽一 致，即勃起的硬度粗度，持续时间都不同。 只要神经、血管及阴茎海锦体结构与功能正常，就会有这种现象。这个时候，阴茎的勃 起不受心理因素的干扰，可以单纯表现出阴茎的结构和功能状况。这一特点，对性功能 的研究及治疗，提供了极重要的指标。有人认为，清晨阴茎勃起现象可以作为观察男子 精力和健康状况的参考指标之一。 正常男子的阴茎，在直接的性刺激或某些与性有关的语言、文字、画面、场景等外界环 境刺激下，都会勃起。假如不能勃起，有人担心就是阳痿了。其实，阳痿有心理性和病 理性两类情况。前者仅仅属于心理障碍，导致不能举阳，并无器质性问题。后者则是真 的有病理因素。两种情况的处理方式是不同的，心理性问题只要进行心理辅导，释放心 理障碍，就可以恢复正常；病理性问题，则要通过一系列检查治疗，从根本上解决问 题，才有可能治愈。 晨勃，则是鉴别这两种情况的最简单的方法。 对于阳萎的患者，如果清晨起床时仍有勃起的现象，那么可能是心理因素引起的。反 之，则考虑病理性因素，需要进一步检查。 现在，国内已经有先进的专门医学检查仪器，进行晨勃和夜间勃起的检查。目前使 用的仪器大约是手掌大，可固定在大腿上。另有两个皮环套在阴茎的头部及根部；在安 静的睡眠中，就可记录一个晚上阴茎勃起的次数及每次勃起的时间与硬度。这种检查比 患者自己观察要客观、精确得多。 </t>
  </si>
  <si>
    <t xml:space="preserve">蒋介石的妈妈是谁 </t>
  </si>
  <si>
    <t>蒋介石的母亲王采玉是浙江溪口葛竹村人。王采玉生于清同治二年(１８６３年)。她幼承父教，聪明伶俐，精于女红，深得慈爱。但她青年时代命运不佳。其父王有则不事生产，家道中落。王采玉以一双灵巧的手，做针线活，贴补家中，日子过得十分艰苦。王采玉初嫁于跸驻乡曹家田地方的竺某。结婚之后，夫妻相处倒还不错，只是竺某性情急躁，往往为了一点小事发脾气，引起争吵，有时甚至打骂。到了第二年的春天，王采玉生了一个儿子，夫妻十分高兴。但孩子生下数月以后，突患急症，没有及时医治就夭折了。这年秋天，曹家田一带时疫(霍乱)流行，一连猝死了不少人，竺某也是其中之一。王采玉遭到子夭夫亡的变故，年轻居孀，自伤身世，又听到邻居说她“面有克夫克子之相”等冷言闲语，精神更受刺激，况且竺家原无什么产业，她认为自己没法、也没必要在竺家苦守下去，就萌发了遁入空门为尼的念头。　　此时，不幸的事又接踵而来，她的父亲也病故了。她感到无限辛酸，于是决定回娘家，与母弟共度岁月。王采玉在娘家过了一段时间，葛竹附近金竹庵的一个老尼病死了。王采玉母亲姚氏信佛，听说她死了，就叫女儿一同前去帮助料理丧葬事宜。原有出家为尼之想的王采玉，此时遇这机会，就向首事提出了自己到此修行的要求。首事很可怜她的种种不幸遭遇，便应允了。起初，她母亲认为女儿年轻，还不甚同意，后来见她意志坚决，也就不再劝阻，只是不许她剃去头发。素菜淡饭，日子过得很安稳，她大有在此以了一生的念头。　　王采玉再嫁到蒋家还亏她堂兄王贤东。蒋介石的父亲蒋肇聪是溪口蒋姓２７代孙。蒋肇聪曾读过四书五经，为人精明能干，绰号“埠头黄鳝”(做生意本领很高，别人不易占他便宜)。王贤东是王采玉的堂兄，这时在蒋肇聪的店铺当伙计。一天，特地借故请假回家，路过金竹庵，进去看望带发修行的堂妹王采玉，继之，王贤东就谈起了溪口东家的情况，然后用关心的口吻劝道：“采玉，你如此年轻，要想在此出家终老，漫长的岁月，殊非容易……”王采玉顿时拿不定主意，欲言还休地不知如何回答才是，只好说道：“此事还得与母亲仔细商量商量再说。”姚氏当初不许女儿剃去头发，就是为了要她以后还俗再嫁。就这样在光绪十二年(１８８６年)六月，２３岁的带发尼姑王采玉还俗再醮，做了４５岁的溪口玉泰盐铺蒋肇聪的继室，当了老板娘。光绪十三年(１８８７年)九月十五日午后，王采玉在玉泰盐铺的后屋楼上分娩。这就是后来溪口街上无人不知、无人不晓的“瑞元无赖”———蒋介石，又名周泰、志清、中正。　　蒋介石４岁时，王采玉又生下女儿瑞莲，以后每隔一年，再生女儿瑞菊、幼子瑞青。王采玉和她公公都信佛，也都迷信算命看相，听了“必出贵子”的看相人之言，公媳俩对蒋介石格外疼爱，寄以“光宗耀祖”的期望。　　王采玉是个孝女，嫁到蒋家后，有条件去照顾娘家，资助两个弟弟读书成家。此时母女可谓称心如意，但好景不长，只过八九年，不幸的遭遇又接踵而来。光绪十二年(１８９４年)，她那８１岁的公公因病去世；第二年的夏天，溪口发生时疫，蒋肇聪也染病，抛下店务和妻子儿女呜呼哀哉。这对３２岁的王采玉来说，无疑是一场灾难。从此，治家理店、抚儿育女的重担全部落到她的肩上。不幸的是自夫亡分家后的４年内，她的小女瑞菊、幼子瑞青也相继夭折。一个年轻寡妇面对接连不断的家庭变故，哪里受得了这么大的打击?她哭告无门，只有把精神寄托在儿子和菩萨身上。她祈求菩萨保佑儿子没病没灾，她育儿成器的决心始终不渝。翌年，她娘家葛竹聘嵊县姚宗元在王氏宗祠设塾授课。她便让儿子调换环境，在严师管教下以求改变顽性，以便更加专心读书，并且生活起居有母亲照料，可以放心，她于是送子前往就读。就这样，蒋介石四书五经也学了不少，开始懂得了一点孝道，发誓要读书上进，求取功名。　　就在王采玉人在溪口，口念佛经，心挂读书的儿子之时，想不到从岩头传来了他儿子这个毛孩子要娶堂表妹毛阿春做老婆的闲话。王采玉很诧异，这不是更被人家背后耻笑吗?倒是她的母亲姚氏为她出了主意：索性到毛家去提亲，把毛阿春娶过来，也可给这匹小野马套上个笼头。母亲说得有理，王采玉立即行动，找了个媒人去岩头毛阿春家提亲。毛阿春的母亲名蒋赛凤，是蒋肇聪的堂妹，听到这一消息，气不打一处来，不但一口拒绝，还对媒人说：“阿嫂也真作孽!这样不争气的歪胚不好好管教，还对他依头顺脑来提亲，将来变成败家子有的哭呢!我有１０个女儿也不会嫁给他的，让他死了这份心吧!”媒人碰了一鼻子灰，如实回报了王采玉，王采玉窘得无地自容。她发狠说：“赛凤把我家阿元看做虫，我一定要在她眼皮底下挑个好媳妇。”　　说干就干，王采玉亲自雇了一顶小轿，赶到榆林拜访表兄陈春泉，请他无论如何也要给儿子物色个好媳妇。经过一番比较，才认准了通家世交毛鼎和，要把他二女儿毛福梅说给蒋介石。没想到毛鼎和很快允了这门亲事。原来毛鼎和有他自己的择婿标准。俗话说：“拣亲不如择媒”，由德高望重的人来为爱女做媒，他面上光彩；再则溪口蒋玉表、蒋肇聪父子也非等闲之辈，早年曾是缙绅首户，如今虽家道中落，名望犹在；第三，蒋介石这孩子６岁上就读书，据陈春泉介绍，人极聪明，领悟极快，学业还不错，说不定能考上个秀才、举人什么的，若是谋得一官半职，岂非应了看相的预言?这么一权衡，便有九分愿意了。再加上他打听到蒋母为人厚道贤德，教子有方，心想有其母必有其子，儿童顽劣，将来说不定大有出息，于是便把亲事定了下来。毛福梅呢，是个从封建礼教中熏陶出来的闺秀，信奉着“女子无才便是德”的箴言，对于这桩父亲做主的婚姻，自然没有异议，同时怀着少女的羞涩答应了。１９０１年(清光绪二十七年)，１９岁的毛福梅出嫁了。这年蒋介石１４岁。王采玉为培育儿子成材，煞费苦心，同时还别有见地，特把新媳妇送到县城的作新女校就读，既使她学文化，又利于相夫立业。过了几年，蒋介石１９岁，家中发生了一桩意外的事。当时的清朝政府，对外屈辱于列强，对内加重其剥削，以应困境，各地无主滞纳的田赋，责令甲首(首富)和中户摊赔，蒋介石家也是被摊赔的人家之一。一些狡猾的富户与征收田赋的庄书勾结，欺侮他家孀妇孤儿，特别苛派。王采玉不胜负担，据理力争，差役就把蒋介石捆拘到县关押，勒令交纳后方释放。蒋介石回到家中，母子见面痛哭。王采玉认为这是奇耻大辱，愤恨贪官污吏的苛虐和土豪劣绅的横暴，勉励儿子发愤上进，将来做出有利于国于民的事业，并为自己扬眉吐气。蒋介石深为感动。当时反清的革命运动已风起云涌，很多有志之士出国留学，不久，蒋介石自己剪去发辫，决心出洋学军事。可是这被有些至亲好友得知，认为是对“皇清”的大叛逆，都出于好心地前来劝阻。王采玉尽管也有难舍孤儿远离之情，却很赞成儿子有远大志向，将来必然能出人头地，便不听劝阻，毅然决然地为之措资整装。从此，蒋介石按照留日学军事须由本国学校选拔保送的规定，先入保定陆军速成学校受训，然后，东渡日本入振武学校，不久加入同盟会，参与革命活动。 （如果对你有帮助，请设置“好评”，谢谢！）</t>
  </si>
  <si>
    <t xml:space="preserve">怎么样把自家的IP变成公网IP就是把自已家的IP虚拟成公网IP </t>
  </si>
  <si>
    <t>这个不需要自己设的,你就算设自己的网卡为固定IP,连接上网后,为你提供因特网接入的电信商(不管电信好还是网通好或者其他),它们的服务器会自动给你的机子随机分配一个公网IP的</t>
  </si>
  <si>
    <t xml:space="preserve">她为什么离开我？我们在一起半年了，而且已住在一起并谈到了结婚的事 </t>
  </si>
  <si>
    <t>呵呵，我猜她一开始就不情愿。在感情方面，可能女人比男人要执着得多，她对你的放弃，我想是源自一开始。可能当初是因了家人或朋友的劝说，才与你相处，后来发觉隔阂越来越大，越来越难以弥补，所以提出了分手，如果是象我说的这种原因，我觉得她这样作对你们两人都好。祝你们幸福。</t>
  </si>
  <si>
    <t xml:space="preserve">如何看带婚后的分居?生了宝宝28天了.也就是说和老公分居28天了 </t>
  </si>
  <si>
    <t>我和老公因为女儿分床了5年,我为女和他考虑得太多,忽略了自己.现在,夫妻间的交流少得可怜,前不久发现他在外面有了个异性"挚友".我正处在痛苦的调整期.只是分房的时间太久,我们都有些不适应彼此了.一个过来人郑重地给个忠告:不能为了孩子和过于为他着想而忽略了夫妻间身体和思想的交流.</t>
  </si>
  <si>
    <t xml:space="preserve">天堂2每天只能玩40个小时吗？ </t>
  </si>
  <si>
    <t>想得美~~~~~是每个帐号每周只能玩40小时野外时间....周四刷新时间</t>
  </si>
  <si>
    <t xml:space="preserve">合鸡包的活动什么时候开放，合成完的鸡包有什么用 </t>
  </si>
  <si>
    <t>22号开。现在打到的鸡包都是一级的，每20个一组可以合成一个高或低级的，10个10级的可以和出神秘矿石，不过按照金山的做法成功率不可能很高。估计神秘矿石要掉价了。看来我攒的几千个鸡包要好好考虑是自己合还是卖掉了：）</t>
  </si>
  <si>
    <t xml:space="preserve">侧翻过的车可以买吗？06年的3000，要5万。请问侧翻过对整车性 </t>
  </si>
  <si>
    <t>买此车一定要慎重！从价格上看,的确比较便宜，当然，侧翻过，价格也只要如此。问题的关键是当初翻到什么程度，伤没伤着发动机部分，都修理了哪些地方，到底是怎么修理的，花多少钱修的（如果超过万元，我不建议你再选择此车）。你可以了解一下这个车是在哪个修理店修理的，必要时，亲自去向修理些车的师傅们打听一下当时的情况，听听他们的说法。如果仅仅是小变形，其它方面没有大问题，特别是跑高速依然很稳，没有跑偏倾向，噪音正常，整车没有明显的杂音，再讲讲价可以买下。建议你到4S店对找一下专业的二手车评估师，花点小钱顾他帮助你对这个车检查一下并做出评估意见。</t>
  </si>
  <si>
    <t xml:space="preserve">桌面图标阴影怎么去除我的桌面图标下一直出现阴影，在属性里进入WE </t>
  </si>
  <si>
    <t>在我的电脑上右键---属性---高级---性能----设置---视觉效果---自定义---在桌面上为图标标签使用阴影 打上勾就可以了。 如果上面的不行的话，右击桌面空白，选‘排列图标’，把‘在桌面上锁定web项目’前的勾去掉。</t>
  </si>
  <si>
    <t xml:space="preserve">免费领取1天宠物,怎么领不了??? </t>
  </si>
  <si>
    <t xml:space="preserve">您好:    关于的问题,请参考下面的问答噢.  1.本次更新之后推出多少宠物？ 答：本次更新首先推出3种宠物，分别是：丑蛋蛋，笨笨龙，淘气龙。随后还会有熊宝宝、小金猪等多种宠物陆续推　　出。本次推出的宠物中，丑蛋蛋非常特别，无论多长时间将一直保持在蛋的模样上。 2.宠物从那里购买？ 答：游戏内商城可以购买。 3.宠物价格是多少？ 答：丑蛋蛋仅售980点点券，笨笨龙和淘气龙价格一样，仅售1580点点券。 4.宠物买回来就能使用吗？ 答：宠物买回来之后放在包裹宠物栏中，最初是蛋的模样，双击后可以放出来带在身边。跟随主人一起打怪成长以后，宠物的等级才会慢慢提升。 5.宠物有什么用处？ 答：呵呵，宠物的用处可多了，陪主人聊天啦、给主人解闷啦，到５级的时间还能帮主人捡东西，１０级还有其他技能。 6.宠物具有些什么功能呢？是否所有的宠物功能都一样呢？ 答：除了丑蛋蛋没有技能之外，其他的宠物都有自己的特别的功能： 笨笨龙：自动捡包(5Lv. 掌握) SP恢复(10Lv. 掌握) 淘气龙：自动捡包(5Lv. 掌握) HP恢复(10Lv. 掌握) 还未开放的其他宠物功能都各不相同，请您留意哦。 7.宠物最高能到多少等级？ 答：宠物最高等级为20级。 8.宠物达到20级还有技能可以使用吗？ 答：20级宠物技能暂未开放，详细情况我们会随时介绍，请留意主页 9.宠物有没有使用期限？ 答：宠物是有使用期限的，购买后的90天内有效。 10.如果超过90天，宠物如何继续使用呢？ 答：可以通过在商城中购买宠物复活道具让宠物续继陪伴您。 11. 宠物可以喂他什么东西？ 答：彩虹宝宝很好养，打怪爆出来的，包裹其他栏里的东西全都能喂，不挑食的宝宝长得快嘛。 12. 喂宠物有什么作用？ 答：可以恢复宠物的SP值。SP不足时，宠物是无法施放技能的。 13. 宠物买回来以后可以送人吗？ 答：宠物买回来之后就不能赠送了，但是在购买的时候您可以先选择赠送礼物功能，赠送给自己的朋友。 14. 宠物经验100%为什么不能升级？ 答：当宠物经验到达100%，您需要到艾丽娅斯宠物商人“西鲁”购买宠物升级药剂，然后点功能键“I”选择宠物升级，将宠物和升级药剂放上之后点确定就可以了！ 15. 宠物如何收回包包里？ 答：点“L”键打开宠物专栏，将宠物拖回到自己的包裹宠物栏中就可以了哦。双击宠物，又可将宠物放出来。 16. 彩虹岛的宠物是否可以同时释放两个？ 答：宠物只能释放一个。 17. 使用宠物复活道具让宠物复活后，宠物等级是否会有所变化？ 答：使用宠物复活道具让宠物复活后，宠物等级是不会变化的。 18. 宠物包裹是否有负重上限？ 答：宠物是没有包裹的，宠物拣取的物品会直接存放到人物角色的包裹中。 19. 宠物等级如何提升？ 答：人物角色带着宠物去打怪就有经验，但是宠物一定要释放出来。 20. 宠物是否会被怪物攻击？ 答：宠物是不会被怪物攻击的。 21. 宠物是否可以起名？ 答：目前宠物的名字是不可以更改的。 22. 宠物的升级后技能点是怎么加的 答：宠物没有技能点，宠物到了一定等级后就会有技能。 23. 宠物到多少等级算变成成长期 答：没有什么成长期 24. 是否喂养宠物的物品越多会越快提升宠物的等级 答：喂养宠物的物品和宠物等级是没有关系的。宠物要提升等级是需要角色携带宠物打怪。 </t>
  </si>
  <si>
    <t xml:space="preserve">多大以后恋爱不算早恋?以前他们都说不能早恋，现在他们还说不能早恋 </t>
  </si>
  <si>
    <t>思想和能力成熟后,不影响学习的情况情况下恋爱不算早恋</t>
  </si>
  <si>
    <t xml:space="preserve">我们之间有问题吗我们结婚己有四五年了,并有了一个可爱的女儿.在这 </t>
  </si>
  <si>
    <t>首先不能太猜疑了，要找到真正的原因，他以前不是这样吗，变化很大吗。是不是你冷淡了他呢，因为孩子你可能照顾他少了，所以他就会心烦吧，要懂得适当的理解和沟通，当然两个人的感情最好要都懂得珍惜吧。有个道理我觉得很好：男人就象是风筝，每个都是很喜欢自由翱翔的，但线在老婆身上。老婆如果掌握好尺度，他会觉得自由，老婆让他回来时就会回来；如果线抓的太紧，线断了，风筝就回不来了。你明白我说的意思吗。人都是有感情的，只要你能对他好些，能好好的沟通，告诉他你和孩子都需要他，让他知道在你心中他的地位是重要的。更何况一日夫妻百日恩，还有孩子，相信他只要有一点良心，也会好好考虑的。祝你们幸福，全家健康，快乐。</t>
  </si>
  <si>
    <t xml:space="preserve">上海生殖器疱疹三甲医院，泡疹溃疡是什么病 </t>
  </si>
  <si>
    <t>生殖器疱疹是由单纯疱疹病毒侵犯生殖器部位皮肤和粘膜引起的炎症性、复发性的性传播疾病，此病不同于常见的男性疾病，如果不及时治疗的话，不仅可诱发男性泌尿系统疾病，致使男性患者不育，还会给患者造成心理障碍，导致思想负担过重。建议及时的去正规的性病医院进行检查治疗，上海这边的江城皮肤性病医院通过采用“”内旋酶排毒“+”DC-CA细胞免疫疗法“，强效杀毒，迅速修复受损病灶。生殖器疱疹治疗时不仅要切实地针对病毒源头进行杀灭，也要对免疫系统进行修复建立起对该病的抵抗力。针对于生殖器疱疹的治疗，上海江城皮肤性病医院有先进的医疗设备和权威技术，通过“内旋酶排毒”+“DC-CA细胞免疫疗法”具有治疗时间短1-3天快速消症，4-5天激活抗体强效免疫，有效率达96.8%，一次治愈，终身有效，不在复发。多年来成功累计治愈113020多例湿疣疱疹患者，无一例复发。生殖器疱疹是一种由很小的病毒引起的疾病，用禸眼是看不见的，但是通过性接触就会感染的性病。一般长在外生殖器、皮肤、粘膜、外阴、肛部、胸部、女性生殖道内部、宫颈口等部位。建议选择上海正规的性病医院进行检查和治疗，目前治疗生殖器疱疹建议采用“内旋酶排毒”+“DC-CA细胞免疫疗法”，在治疗生殖器疱疹上具有不手术、不开刀、无痛苦等有点，避免了疱疹反反复复发作。在有效清除病毒的同时，保持器官外形完整和正常的生理功能。</t>
  </si>
  <si>
    <t xml:space="preserve">法律判断题1.宪法规定，中华人民共和国采用的单一制的国家结构形成 </t>
  </si>
  <si>
    <t>1、对。《宪法》2、对。《宪法》3、对。因为监护是有顺序的，兄弟姐妹应该是在三代以内的其他亲属之前的，所以监护人是甲。4、第四题错误，只有满18周岁是人才是完全民事行为能力人。刑法中16岁以上的是完全负刑事责任能力人5，对。《继承法》</t>
  </si>
  <si>
    <t xml:space="preserve">找个歌（有分）男女情歌对唱，节奏挺欢快，歌词记得不多：女：…寻找 </t>
  </si>
  <si>
    <t>有点像《爱你一万年》寒风吹起细雨迷离风雨吹开我的记忆我像小船寻找港湾不能把你忘记爱的希望爱的回味爱的往事难以追忆风中花蕊深怕枯萎我愿意为你祝福爱上你我心已属于你今生今世不移在我心中再没有谁代替你的地位爱上你对你付出真意不会飘浮不定你要为我再想一想我决定永远爱你寒风吹起细雨迷离风雨吹开我的记忆我像小船寻找港湾不能把你忘记爱的希望爱的回味爱的往事难以追忆风中花蕊深怕枯萎我愿意为你祝福爱上你我心已属于你今生今世不移在我心中再没有谁代替你的地位爱上你对你付出真意不会飘浮不定你要为我再想一想我决定永远爱你爱上你我心已属于你今生今世不移在我心中再没有谁代替你的地位爱上你对你付出真意不会飘浮不定你要为我再想一想我决定永远爱你</t>
  </si>
  <si>
    <t xml:space="preserve">为什么食管闭锁跟食管气管瘘的患儿会出现腹胀这个跟腹部胀气有什么关 </t>
  </si>
  <si>
    <t>胃肠道有细菌是产气的，排出的途径：放屁、打嗝。现在打嗝的途径堵住了，自然容易积气一些</t>
  </si>
  <si>
    <t xml:space="preserve">做了神符之语，有的武器的伤害提升了，有的没有变化，怎么回事？例如 </t>
  </si>
  <si>
    <t>这有什么奇怪的，武器伤害数值的任何变化都是来源于魔法属性的变化啊，你没有去看符文之语的属性吗？必须要有增强伤害百分比、提升最大伤害、提升最小伤害这样的属性才会导致武器的伤害发生变化，精神明显没有这样的属性啊。没有增加伤害属性的装备太多了，看你的提问，难道你认为所有的符文之语做成后都应该提升伤害？没有这样的道理。精神一般是做在盾牌上的，而且精神的属性是完全适合法术型角色用的，也可以放在副手配合战争召唤bobo用，做在剑上的话，也是给法术角色用的，而不是砍人的，所以，做精神的目的是为了它的2技能、法术施展速度等等有用的属性，而不是为了伤害，武器的伤害对于法术角色来说毫无用处。</t>
  </si>
  <si>
    <t xml:space="preserve">请问600177雅戈尔现在可以入吗？多谢。 </t>
  </si>
  <si>
    <t>600177 雅戈尔  蓄势上攻走势，可介入，5日线上持有。</t>
  </si>
  <si>
    <t xml:space="preserve">和小姐做爱真的很刺激，很爽吗？请男士回答～～为什么很多男人有老婆 </t>
  </si>
  <si>
    <t>首先，并非所有男人都会找小姐。出于理性、道德和法规的约束，有些人会厌恶这种行为。其次，一些人找，主要是将其视为一种满足各种欲望的“消费行为”，每个找的人心理不一样，追求刺激、面对诱惑一时冲动、特殊情况发泄甚至将其看成时尚跟随等等。最后，可能有技术上的原因，一些人觉的小姐更专业，更有技巧。</t>
  </si>
  <si>
    <t xml:space="preserve">新鲜的波萝蜜怎么吃？怎么保存？新鲜的波萝蜜怎么吃？有几种吃法？怎 </t>
  </si>
  <si>
    <t>直接吃。注意如果是“湿包”菠萝蜜，吃的时候戴一次性手套掰着吃或者在手上擦食用油，不然手粘上菠萝蜜很难洗掉。吃不完可以放冰箱啊菠萝蜜的核可以煮熟掰开吃，象吃花生那样</t>
  </si>
  <si>
    <t xml:space="preserve">这个主板主板名称MSI845GEM/845GLMS/845GVM? </t>
  </si>
  <si>
    <t>2G都没有问题，关键看是使用DDR1还是DDR2</t>
  </si>
  <si>
    <t xml:space="preserve">在历史上表示年代的BC450是什么意思 </t>
  </si>
  <si>
    <t>BC还有公元前的意思. B代表Before,在...之前的意思 C代表Christ,基督的意思. 西方以基督出生的年份为公元1年,所以在此之前就叫公元前. 所以习惯上常用BC或B.C.代表公元前.BC450就表示公元前450年。</t>
  </si>
  <si>
    <t xml:space="preserve">单位的福利房两千一平方,我买不买?单位现有福利房提供给职工,毛坯 </t>
  </si>
  <si>
    <t>我们工薪阶层要注意几项：一、要有房产证，不要轻易相信房地产开发商的口头承诺；有很多房子是单位改造房，或者是本作其它用途的，办房产证如果是正规渠道的新建房，当然快得很，如果是改造房，而且改造的原因不明的话，呵呵，哪可就有得等了，如果你运气不好的话，可能等上好些年，或者根本就办不下来，可就惨了。二、是土地证，如果土地是正规出让的，本来用处就是建住宅，那问题不是很大，怕就怕在是划拨的，比如说政府啊军队啊什么的，他们从国家那里划拨出这样一块地，原来申请的理由是建其它用处的房子，现在改在公司自己员工的住房，如果你永远呆在那个地方，那也无所谓，如果哪一天你想走，按商品房来转让，那对不起，你得补交土地出让金与划拨时的差价，房子价钱本来是挺有竟争力的，一加上这个东东，呵呵，有时候可能比商品房的新房还要贵，这一点你得搞明白。三、房子的本身，如果房子改变不大，好用，也可以考虑，如果房子设计时本来就不是用做住房，那改动可就大了，风水啊什么的不考虑，房子的结构你总得考虑吧，没有理由改造房比原先设计就是住房的房子好用，再说了，改造的质量怎么样，你心中有数吗？四、如果你对它是否升值，可不可以买没有十足的把握，你就看看身边有没有搞建筑这一行的“专家”也买这个，（中国跟风的情况很普遍，这里不说大多数人是因为有不少人是跟风的，真正理智作决定的人并不多）五、如果你手上钱多，又没有房子住，哪就无所谓，如果你钱不多很吃紧，你可真得仔细琢磨一下，毕竟买房不是买菜，我们普通老百姓一生差不多也就只够买一套房子自已住，其它诸如升值啊倒手啊什么的，不是我们考虑的重点，你说呢？</t>
  </si>
  <si>
    <t xml:space="preserve">爱一个人自私吗?有不自私的爱情吗???????? </t>
  </si>
  <si>
    <t xml:space="preserve">     爱一个人，应该自私，因为爱具有排它性。但这不是完全意义上的自私，因为爱情的排它性，所以产生了独占权。这再自然不过了。什么都可以分享，唯独情爱不可以。  你认为自私与不自私的爱情有哪些区别吗？自私是指哪些特定的范畴，不自私又是泛指哪些？  当你真爱一个人时，会自私，当你不爱一个人时，就可以分享。那就不叫爱情，而是叫烂情了。  当身处爱情之中，是无法超越爱情的属性的。因为我们都是凡人，凡人是做不到神仙的事。</t>
  </si>
  <si>
    <t xml:space="preserve">脱兔下载软件伤硬盘吗BT,eMule,脱兔，讯雷哪个最不伤硬盘？ </t>
  </si>
  <si>
    <t>大家都知道，存储着许多东西，频繁地读写，对整个机器很重要，如果硬盘慢了，机器性能也就会被拖慢。一、BT 和 emuleBitTorrent是一种类似eDonkey2000GUI Client(俗称“电驴”)的P2P共享软件，简称BT，中文叫“比特流”。其全新的下载理念——下载的人越多速度越快，也逐渐为人们所接受。随着应用的普及。大家知道，BT之所以能提供这么高的下载速度，是因为在下载文件的同时，也为别人提供着这个文件的下载服务。一种观点认为：当一个文件有N个人下载的时候，硬盘就要承受1次下载和N-1次上传(即你给别人提供的下载)，如果有N×10或者N×100个人在同时下载，硬盘的负荷将大大增加，造成损坏的几率也大大增加。另一种观点认为：硬盘的读写属于正常操作，硬盘有一个参数叫连续无故障时间(MTBF)，它是指硬盘从开始运行到出现故障的最长时间，一般硬盘的MTBF至少在30000小时以上，而用户使用BT下载的时间肯定远远少于这个时间，所以使用BT对硬盘没有太大的危害。 我认为，与一般场合相比，使用BT会对硬盘进行更频繁地读写操作，在一定程度上，会加快硬盘的老化.二： 讯雷所以迅雷推出了磁盘缓存机制,也就是在你高速下载达到一定的容量之前,是不向硬盘写入的,只写在内存里,当达到了你设定的,(迅雷默认2046也就是2M的内容)才一次性的向硬盘写入一次,而不是象BT一样的一直不停的向硬盘写入.大家可以自己来计算一下,这样减少了多少次写入呢!!而各位在使用下载的软件的时候,不管你在使用什么下载软件（如网际快车、影音传送带）,都需要向硬盘写入,而且在你一开机的硬盘就在运转了.所以每一次有用户问我,迅雷伤硬盘吗?我只能回答:迅雷能最大化的保护你的硬盘!!现在大家放心了吧!!!迅雷绝对是最保护硬盘的一款下载软件!!</t>
  </si>
  <si>
    <t xml:space="preserve">关于清朝雍正年间十七王爷允礼的小说 </t>
  </si>
  <si>
    <t>绝梦谣（原名：清雨芙蓉）   作者：姬流觞 主角：洛蓉，胤礼 ┃ 配角：八阿哥－胤禩，四阿哥－胤禛为什么上天赋予她卓尔的容貌，却不让她拥有纯粹的？为何赐予她生命却没有守候她，让她快乐平安的成长？既然设定她的性别却又为何逼迫她在N个男人中间辗转求生?使她拥有聪颖的头脑，却陷她于步步为营、如履薄冰的境遇她有感情，却屡屡被人割裂侵犯，丧心病狂的生父，利欲熏心的青梅竹马，阴冷狠绝的皇四子与 心机深沉的皇八子……女孩子不是天生被人疼、被人呵护的吗？一个女孩究竟能承受多少？清生倾世   作者：花卷ZZ 主角：苏枕 ┃ 配角：允礼，雍正，弘昼，允禵，允祥，弘时，弘历苏枕是一个失败而又荒唐的穿越者苏枕也可算是一个幸运的穿越者苏枕发现无论是在现代，还是从前，事情往往不会因为自己而改变话说穿越就像在坐火车，车窗外绵绵不绝的风景就像那永无尽头的时间，一幕幕地从眼前迅速抽离看上去活像我在前进，它在倒退，但是一转身，又变成了我在后退所以到底是我不停地后退来到了这个时间点，还是时间在后退，与这一刻的我相交会？</t>
  </si>
  <si>
    <t xml:space="preserve">皮肤变得很差怎么办啊？我本身肤质比较黑用了很多化妆品都没有什么效 </t>
  </si>
  <si>
    <t>【3个美白实用小方法】1、要睡觉的时候，拿小黄瓜切雹放置脸上过几分钟拿下来，一个月您的脸就会白嫩。2、睡前用最便宜的化妆棉加上化妆水完全浸湿后，敷在脸上20分钟，每周3次，您的皮肤会有想不到的水亮清透喔。3、每天起床喝2杯水，其中一杯加些盐巴，可以清肠胃。</t>
  </si>
  <si>
    <t xml:space="preserve">我能否以社会考生身份参加普通高考?我是一名职业高中的学生,我今年 </t>
  </si>
  <si>
    <t>你如果明年应届,完全可以以在校生身份参加普通高考</t>
  </si>
  <si>
    <t xml:space="preserve">如何端正自己的心态，从而把自己变成一个成熟稳重的人？？？谢谢！！? </t>
  </si>
  <si>
    <t>放弃学校,自己能独自一个人生活后,,自然就变得成熟..不会再像小孩子.找到工作,有一定的工作学历后,自然就变得稳重,慢慢容入社会,很多事情多是在不知不觉得时候发生的,心态?没有正确的心态,只有不断的努力,跌下,起来,祝你幸福!</t>
  </si>
  <si>
    <t xml:space="preserve">我们是买卖房屋，那按您说的，库存商品最后是负数的，这个金额结转到? </t>
  </si>
  <si>
    <t>卖房屋时，借记银行存款，贷记主营业务收入（卖房价）结转到成本时，借记主营业务成本，贷记库存商品（买房价）月底时，借记主营业务收入（卖房价），贷记主营业务成本（买房价），本年利润（买卖房屋差额）主营业务收入＝主营业务成本+本年利润库存商品转入（买房屋）＝转出数，所以，库存商品最后是0,买卖房屋差额是本年利润</t>
  </si>
  <si>
    <t xml:space="preserve">请问，中专学历可以参加会计证考试吗？有没有一个具体的学历要求。请 </t>
  </si>
  <si>
    <t>申请取得会计从业资格的人员，应当符合下列基本条件：（一）坚持原则，具备良好的道德品质；（二）遵守国家法律、法规；（三）具备一定的会计专业知识和技能；（四）热爱会计工作，秉公办事。因有提供虚假财务会计报告，做假账，隐匿或者故意销毁会计凭证、会计账薄、财务会计报告，贪污、挪用公款，职务侵占等与会计职务有关的违法行为，被依法追究刑事责任的人员，不得取得或者重新取得会计从业资格。会计从业资格的取得实行考试制度。申请取得会计从业资格的人员，除具备下面条件外，应当按照规定参加会计从业资格考试。被吊销会计从业资格证书的人员，符合重新申请取得会计从业资格条件的，均须参加会计从业资格考试。具备教育部门认可的中专（含中专）以上会计类专业学历且符合本办法第六条规定的人员，自毕业之日起两年内（含两年）可以直接申请取得会计从业资格，不参加会计从业资格考试；超过两年未取得会计从业资格的，必须通过参加会计从业资格考试取得会计从业资格。这里非常明确的告诉了你，可以参加。</t>
  </si>
  <si>
    <t xml:space="preserve">求教化生的最佳加点梦幻西游的化生加点要怎么加才算是极品？最佳的？ </t>
  </si>
  <si>
    <t>绝对没有最佳的加点方法.如果有,那每个人都是最佳,也就失去意义和趣味了.我玩了阵子方寸,也看了很多加点宝典和秘籍.自己也试着加.玩着看,我的看法是:方寸平均点加点最实用.毕竟你的号不会只用来PK,又或者磨双.人族的成长特性也是平均.加了也不会亏.我建议除了力外的都加.魔略多加点.方便用法和发挥五雷威力.速度,防,体都加些.什么场合都使用.最重要的还是看你的喜好.希望他突出什么.游戏嘛,图个兴趣和高兴.</t>
  </si>
  <si>
    <t xml:space="preserve">我的人物无故不见了怎么办？？发了N个邮件GM也不回 </t>
  </si>
  <si>
    <t>不会是号被盗了，然后人物被删了吧</t>
  </si>
  <si>
    <t xml:space="preserve">去屑洗发水含有大量硫磺,名牌厂家剥夺大众的消费知情权目前中国市场 </t>
  </si>
  <si>
    <t>悦丝（yesi）的洗发用品不含有有害物质，在北京的中关村家乐福中的丝芙兰化妆品超市中有卖的，借个不算太贵，效果却很好，建议用一下。</t>
  </si>
  <si>
    <t xml:space="preserve">第五十条道路交通事故成因无法查清的，公安机关交通管理部门应当出具? </t>
  </si>
  <si>
    <t xml:space="preserve">可以依据《道路交通处理程序》第四十九条“逃逸交通事故尚未侦破，受害一方当事人要求出具道路交通事故认定书的，公安机关交通管理部门应当在接到当事人书面申请后十日内制作道路交通事故认定书，并送达受害一方当事人。道路交通事故认定书应当载明事故发生的时间、地点、受害人情况及调查得到的事实，有证据证明受害人有过错的，确定受害人的责任；无证据证明受害人有过错的，确定受害人无责任”的规定，要求交警出具道路交通事故认定书以及《交通事故逃逸证明》。 先向相关部门投诉，请求干预并处罚。否则，只能向人民法院提起行政诉讼。 </t>
  </si>
  <si>
    <t xml:space="preserve">炒猪肠用些什么配料好 </t>
  </si>
  <si>
    <t>苦瓜300克~大肠150克~红辣椒30克（或者更多）蒜瓣三至五瓣~（拍扁）精素油30-50克~料酒50克~盐、味精适量~苦瓜、大肠红辣椒都切成丝~将油入锅烧至七分熟~大蒜红辣椒放入~再放大肠加料酒爆炒一会儿~再放苦瓜~(如果你要吃脆脆的苦瓜~就到快起锅时才放盐；否则这时就可放盐~）加盐翻炒至熟~加少许味精即可~。炒炸肠头材料 洗净猪大肠头500克，青、红椒共150克，湿木耳50克，姜片、葱段、蒜茸各5克，绍酒10克、生抽10克。精盐、味精、麻油、湿生粉适量。花生油50克。 作法 1、将猪大肠煮至八成熟，捞起切三角片，用绍酒、姜片腌过。木耳、青红椒也切成三角片。2、烧镬下油，爆香姜、蒜、加青红椒、木耳、精盐、味精、少熟上碟。3、再烧镬下油，落猪大肠爆炒，加入精盐、生抽、绍酒拌匀后加盖稍煮，再加入炒好的配料翻炒，用湿生粉打芡，下包尾油拌匀上碟。九转大肠原料：猪大肠，绍酒，酱油，白糖，醋，香菜末，胡椒面，肉桂面，砂仁面，葱末，姜末，熟猪油，花椒油，清汤，精盐。 　 制法：将猪大肠洗净，用醋和盐里外涂抹揉搓，除去粘液污物，漂洗后放入开水锅中，加葱，姜，酒焖烧熟，捞出切成段，再放入沸水锅中焯过，捞出沥水；炒锅上中火，倒入猪油烧至七成热，下大肠炸至呈红色时捞出，锅内留油放入葱，姜，蒜末炸出香味，烹醋，加酱油，白糖，清汤，精盐，绍酒，迅速放入肠段炒和，移至微火上烧至汤汁收紧时放胡椒面，肉桂面，砂仁面，淋上花椒油，颠翻均匀，盛入盘内撒上香菜末即成。特点：色泽红润，质地软嫩，兼有酸，甜，香，辣，咸五味，鲜香味美，异常适口。  咸菜煲猪大肠材料:猪大肠1.5斤咸菜(潮州货)8两老姜8片胡椒1茶匙红叔1只调味料:盐2茶匙糖1茶匙花雕酒1汤匙食疗功效∶助消化和吸收，有袪寒作用，能健脾胃蠕大肠。制法∶猪大肠解冻之后，正反两面分别用生粉和盐洗两次，然后将小肠套在大肠之中，用白醋水灼熟后再浸洗。咸菜切片，姜和红椒切角，胡椒拍碎。猪大肠先用油煎香，然后用滚水烫去里面的油。咸菜、老姜、红椒炒香，赞入花雕酒，加入胡椒，加水煮滚，放入大肠一齐煲。经过1小时左右试味，若大肠够腍，可加盐及糖调味即成。五更肠旺材料：猪大肠一条蒜头数颗咸酸菜二两蒜苗一条猪血四两辣豆板酱一大汤匙红辣椒一条花椒一茶匙姜数片红油（辣椒油）三汤匙　做法：1．猪大肠用清水冲洗一片，滴干水份后，再用白醋半杯和生粉两大汤匙，不加水磨洗大肠，最后再用清水清洗干净，再把大肠翻转，剥掉大肠上的肥油，再把它翻转像当初的样子即可。2．用水加姜葱、少许盐、花椒八角把猪大肠煲至淋身（约一个小时），再在煲内加少许黄色五号食用色素，把大肠染成橙色备用。猪大肠放凉后，斜切成长圈。3．咸酸菜略浸一下，用刀平片成薄片。4．猪血用水略为冲洗，切成六七公分厚的小方片。红椒辣切斜片，姜切小片，蒜头用刀背拍碎。蒜苗切小斜片。5．烧热锅落油两汤匙，先用慢火爆香花辣粒，爆先后把它铲起去掉，再落姜、蒜头、红椒和辣豆板酱一起爆香，这时酒下约一茶匙（厨用绍兴酒），加一碗半清汤，再下猪大肠、咸酸菜、猪血落镬，用半汤匙生抽、一茶匙糖和少许麻油古月粉调味，用少许生粉水打芡，不要太浓，像煮羹一样即可，最后淋上红油和把蒜苗酒上面即成。脆皮糯米酿大肠材料：猪大肠一条、白糯米、六两、腊味粒酌量、花生酌量、老抽一汤匙、盐少许、潮州甜酱少许。做法：1、将糯米蒸熟后，加入腊味粒、花生、老抽及盐炒至软熟。2、将糯米酿入清洗好的猪大肠，放入滚水，慢火煲一小时，然后风干。3、将风干好的猪大肠油炸至金黄色,切片后可上碟，以潮州甜酱伴食，味道更佳。姜丝炒大肠 材料  猪大肠1斤(用药水发泡过的)、 嫩姜4两、 酸菜心2两 调味料  白醋、胡椒粉、 味精、 盐、 米酒、 辣椒少许(大约4根) 烹调步骤   1. 姜及红辣椒切细条2. 酸菜切细条3. 猪大肠切4公分之小段4. 烫猪大肠，起锅备用5. 以麻油炒姜丝、红辣椒丝、酸菜后，猪大肠下锅拌炒6. 加入所有的调味料，便可起锅  腰豆烧大肠主 料：吉美红腰豆、熟猪大肠配 料：兰片、香菇调 料：盐、味精、老抽、料酒、水淀粉制作方法：将熟猪大肠切成大片放入热水中汆一下，然后放入炒锅中煽炒倒入盘中。另起炒锅放入红腰豆、兰片、香菇翻炒，倒入大肠上。特 点：鲜香软嫩苦菜大肠汤 一、原料1、主料：选用深山坑沟沿边的野生苦菜干150克，猪大肠头2个约500克。2、辅料：猪大骨1000克，盐10克，味精10克。二、制法1、将猪大肠头摘去油脂，翻洗干净，放入沸水锅焯水，捞起切成块待用。2、把苦菜干摘洗干净，捡掉粗枝，浸泡于清水中2个小时。 3、锅置中火上，把猪大骨熬成乳白色后，捞起骨头留汤，将洗净的苦菜、大肠头放入骨头汤中，用文火烧煮3小时，加入精盐、味精即可盛碗食用。特点：此汤清凉降内火，排解内毒，是暑天的保健食物。猪肠虽然好吃，但胆固醇较高，要适量哦！</t>
  </si>
  <si>
    <t xml:space="preserve">脚后跟疼用什么膏药最有效，现在不知道怎么回事脚后跟疼的呢，想知道? </t>
  </si>
  <si>
    <t>你好，足跟痛是常见的疾病，造成足跟痛的疾病有足跟脂肪纤维炎、跟腱周围炎、跟部滑囊炎、跟骨骨刺、跖腱膜炎、跟骨病（骨髓炎、肿瘤、畸形性骨炎）、距跟关节炎等，最常见的是前五种疾病。所以需要检查一下明确病因，治疗主要有药物治疗包括内服药、外用药，按摩、手术等。另外也可以经过辨证后选用苗药治疗。现在口碑比较好的有“苗方跟痛贴”等贴剂，对跟骨骨刺综合症、跟骨骺炎、跟腱后滑囊炎、距骨后结节骨折、跟腱前囊炎、胫后神经痛等足跟痛疾病有确切疗效。苗医讲究标本兼治，使用苗医贴剂治疗，可以避免西医治疗复发的可能性。   另外在生活中应当注意到这些1、尽量避免穿戴一些软的、薄底的鞋子，不要使足跟着凉或受冻；2、在足跟部垫一些比较柔软的垫子，以减轻局部摩擦、损伤；3、经常做脚底蹬踏动作，增强跖腱膜的张力，加强其抗劳损的能力，减轻局部炎症； 4、温水泡脚，有条件时辅以理疗，可以减轻局部炎症，缓解疼痛。药物加养护，祝你早日康复！</t>
  </si>
  <si>
    <t xml:space="preserve">腰痛是怎么一回事? </t>
  </si>
  <si>
    <t>建议去妇科，别大意</t>
  </si>
  <si>
    <t xml:space="preserve">如何在网上找到影片的真实播放地址方便下载 </t>
  </si>
  <si>
    <t xml:space="preserve">在网页里播放的东西基本上都可下载。不同的网页有不同的方法，一般找找属性、地址等.本人常用的方法是察看网页源代码对于一些有限制的网页,就要使用软件工具了,比如:影片嗅探器,能够获取影片的真实地址 只要进入播放网页，就能够获得影片的真实地址，双击的寻找到的URL，软件会自动打开下载软件下载的。现在只支持影音传送带(Net Transport)。 </t>
  </si>
  <si>
    <t xml:space="preserve">肾病综合征患者怎样用中医药治疗 </t>
  </si>
  <si>
    <t>肾病综合征的药治疗宜从塞流、澄源、复本3方面入手。    (1)塞流 主要指消除或减少尿蛋白的流失，常用药物有复方雷公藤糖浆，由雷公藤去二层根皮后的根心木质部分、丹参、生甘草组成。    (2)澄源 主要指针对病因、病机采取辨证论治措施，以清其源头。不同证型的方药为：    ①肾气虚方 黄芪、党参、山药、白术、仙灵脾、桑枝、米仁.    ②脾肾阳虚方 桂枝、附予、白术、芍药、干姜、猪茯苓、泽泻、带皮槟榔、陈葫芦壳。    ③肝肾阴虚方.干地黄、女贞子、杞子、知母、旱莲草、茯苓；泽泻、益母草。    ④肾络淤阻方 干地黄、当归、赤芍、川芎、桃仁、红花，仙灵脾、水蛭粉(吞)。    ⑤湿热肿方 商陆、泽泻、赤小豆、川椒目、带皮槟榔、茯苓皮、羌活、大黄。    ⑥外感风寒及风热方 外感风寒用麻黄、白杏仁、茯苓皮、陈皮、大腹皮、桑白皮、生姜衣、车前子草，外感风热用麻黄、生石膏、连翘、白茅根、黄芩、赤小豆、鱼腥草、桔梗。    (3)复本 主要指针对原蛋白流失及疾病导致精.血耗伤的补偿措施，其中包括药补和食补。药补可用黑料豆丸：黑料豆、黄芪、苍术、山药，并可选用阿胶等。</t>
  </si>
  <si>
    <t xml:space="preserve">大家办车险了吗，给推荐个靠谱的车险吧?今年车子拿到手了，但交规太 </t>
  </si>
  <si>
    <t>主要还是看你自己的需求啊，综合来看的话太平洋车险口碑还不错。比如他们推出的“3项服务创新”中的新技术，运用3G快速理赔技术现场一次性完成查勘定损和单证、信息采集等工作,第二天就能进行转账赔付。而且赔付流程透明化，车险人伤一对一服务，各种售后都考虑到用户的方便，综合来看比较靠谱。</t>
  </si>
  <si>
    <t xml:space="preserve">无极真气问题无极真气使用后狗的能力是不是降低了？3级真气一次加多 </t>
  </si>
  <si>
    <t>对狗应该没什么影响的吧，我道士英雄0及真气加21道术，持续6秒，现在练到1及真气居然加了32点道术，持续还是6秒，后面2及3及就不知道了，时间看来肯定是6秒，道术加的更多了。但是对道士本人来说可能加的没道士英雄多吧。</t>
  </si>
  <si>
    <t xml:space="preserve">虾怎么做比较入味儿？ </t>
  </si>
  <si>
    <t>不久前在海鲜街吃了一种新式作法，刚出不久的改良加工虾的工艺，也只知大概，把虾先过一下热水（为方便去头和黑线）弄到八九成熟；把去头的虾背部用刀切到一半的样子之后翻开，让肉能露出来；之后过一下油，再在锅内留少许油，再加姜、蒜未（一定的小火）；煸出香味后再加盐、蚝油、味精（可多点，要的就是一个鲜味）；生抽，再放入虾，好点的汤（没有清水也行，不用多）之后汤沸后再勾一个薄芡；起锅前再把准备好的葱花（多点）加入锅内起锅，那个香，就不得了了，同时入口时那个虾嫩和滑；与多加点味精和蚝油和鲜，真的舌头都会咬断方为味尽；</t>
  </si>
  <si>
    <t xml:space="preserve">医疗兵这个兵种作用大么？ </t>
  </si>
  <si>
    <t>医疗兵不但可医疗伤兵，还有作战能力。打战时很有用的</t>
  </si>
  <si>
    <t xml:space="preserve">液晶显示器的DVI线是用来干什么的？ </t>
  </si>
  <si>
    <t>目前的DVI接口分为两种，一个是DVI-D接口，只能接收数字信号，接口上只有3排8列共24个针脚，其中右上角的一个针脚为空。不兼容模拟信号。DVI传输的是数字信号，数字图像信息不需经过任何转换，就会直接被传送到显示设备上，因此减少了数字→模拟→数字繁琐的转换过程，大大节省了时间，因此它的速度更快，有效消除拖影现象，而且使用DVI进行数据传输，信号没有衰减，色彩更纯净，更逼真。</t>
  </si>
  <si>
    <t xml:space="preserve">晒单必死?俺就不信这个邪！LWP可能累了，拜仁可能松了，就防这两 </t>
  </si>
  <si>
    <t xml:space="preserve">彩虹最美 总在风雨后出现 太阳最美 总在黑夜后灿烂 晚霞最美 总在黄昏后看见 枫叶最美 总在秋霜后鲜艳 相信我 我的宝贝 岁月抹不老想你的脸 爱你如磐石 爱你情悠远 相信我 我的宝贝 时光遮不住望你的眼 爱你不褪色 爱你到永远 </t>
  </si>
  <si>
    <t xml:space="preserve">免费邮箱能否收发国外的邮件？有国外的朋友信箱，我的免费邮箱能否收 </t>
  </si>
  <si>
    <t xml:space="preserve">   大多数的邮箱都能收到，因为大多数网站都已连上了国际互连网（internet），成为顶级域名下的子域名；少数局域网，城域网或国内互连网不能，还有就是被主站服务器功能限制权限。新浪，雅虎的免费邮箱都能。</t>
  </si>
  <si>
    <t xml:space="preserve">129期双色球，我提出如下方案，请各位讨论！3+0810(共计2 </t>
  </si>
  <si>
    <t>03 05 08 12 17 24 28 +02 08 别人的.</t>
  </si>
  <si>
    <t xml:space="preserve">怀孕期间,可以做爱么?请问,怀孕期间，可以做爱么,如果不可以,或 </t>
  </si>
  <si>
    <t>前3个月和后3个月易引起流产。要多注意。对胎儿无其它影响。</t>
  </si>
  <si>
    <t xml:space="preserve">20画的字有哪些? </t>
  </si>
  <si>
    <t>祝贺您，共找到176字 骜(土)  膀(水)  龅(水)  宝(火)  ??水)  避(水)  ?c(水)  ??(水)  鳊(水)  ??木)  辫(水)  zn(水)  缤(水)  濒(水)  ?(水)  膑(水)  藏(木)  ]?土)  阐(火)  镡(金)  榇(木)  r?金)  筹(木)  触(金)  ?(金)  篡(木)  郸(火)  党(火)  镫(金)  鲽(火)  窦(火)  镦(金)  鹗(木)  鳄(木)  镄(金)  黼(水)  鳆(水)  藁(木)  瀚(水)  蚝(水)  鹕(水)  铧(金)  怀(水)  还(水)  鳇(木)  攉(木)  蠖(木)  继(木)  籍(木)  锏(金)  舰(木)  藉(木)  警(木)  竞(木)  镢(金)  矍(火)  ?(金)  觉(木)  嚼(火)  龃(木)  遽(木)  醵(木)  锎(金)  阚(木)  喾(木)  跨(木)  郐(木)  纩(木)  矿(土)  岿(土)  馈(木)  濑(水)  蓝(木)  篮(木)  懒(火)  铹(金)  黧(火)  醴(火)  沥(水)  疠(火)  砾(土)  镣(金)  ??金)  龄(火)  骝(火)  泷(水)  栊(木)  胧(火)  拢(火)  露(水)  泸(水)  炉(火)  栌(木)  掳(火)  罗(火)  迈(水)  颟(水)  馒(水)  鹛(水)  檬(木)  藐(木)  蠛(水)  魔(水)  聍(金)  糯(火)  篷(木)  譬(水)  飘(火)  镤(金)  镨(金)  脐(木)  蛴(木)  荠(木)  骞(木)  缱(金)  镪(金)  黥(金)  謦(金)  琼(木)  鳅(木)  劝(木)  嚷(水)  壤(土)  蝾(金)  薷(木)  襦(金)  蠕(金)  鳃(金)  馓(金)  骟(金)  赡(火)  释(金)  孀(金)  獭(火)  挞(火)  薹(木)  铴(金)  腾(火)  龆(火)  鼍(火)  璺(金)  鼯(土)  鹜(土)  牺(木)  曦(火)  献(木)  霰(金)  潇(水)  邂(水)  瀣(水)  馨(金)  ~{(金)  续(金)  悬(木)  薰(木)  严(木)  邀(木)  耀(火)  邺(土)  议(木)  译(金)  瘾(土)  嘤(土)  罂(土)  潆(水)  赢(火)  瀛(水)  橼(木)  ??木)  谵(金)  槠(木)  潴(水)  橥(木)  躅(火)  驺(金)  纂(木)   警告:此测试纯属,不可太信哦</t>
  </si>
  <si>
    <t xml:space="preserve">问个关于PS2硬件的弱智问题达人进PS2的主机能接电脑显示器和音 </t>
  </si>
  <si>
    <t>绝对没问题，我就是用电脑的显示器和音箱玩的。只要买一个转接盒就可以，不仅仅是PS2,还可以用在NEC,XBOX等机器上。价格大约在100元以内。虽说效果差了一些，不过这是特殊环境的特殊处理方法嘛……推荐使用普通的CRT显示器，不要用液晶，否则会出现有竖纹的现象。</t>
  </si>
  <si>
    <t xml:space="preserve">软件问题？我coreldaw12出现菜单打开后无法收回的问题！修 </t>
  </si>
  <si>
    <t>可在空白处点一下左键即可。这是常规做法。没用过，具体啥问题不知道。</t>
  </si>
  <si>
    <t xml:space="preserve">怀孕37周多了，今天去厕所时发现下面有血，不是特多，稍微有点疼，? </t>
  </si>
  <si>
    <t>是正常产前假性宫缩。如果有痛经的感觉，离生就不远了。如果见红或者羊水流出要马上去医院。</t>
  </si>
  <si>
    <t xml:space="preserve">为什么是国民党接受日本投降，又为什么是何应钦出席？ </t>
  </si>
  <si>
    <t>何应钦当时是中国战区陆军总司令，岗村宁次是对华派遣军总司令，因此何应钦代表中国政府受降是最合适的。此外，中国找不出类似岗村宁次是对华派遣军总司令一职的中国军方将领。这也是蒋介石按照对等原则考虑的产物。至于为什么是国民党接受日本投降，因为当时的国民党政府是代表全中国的唯一合法政府，而当时的中共政府是中国境内接受国民政府领导的地方政府，显然不适合作为代表全中国乃至中国战区去接受日本投降。</t>
  </si>
  <si>
    <t xml:space="preserve">如何人计算电机的负载率一台3000W的电机.额定电压380V,额 </t>
  </si>
  <si>
    <t>电动机的额定负载就是铭牌上的额定功率，负载率就是实际负载比额定负载。</t>
  </si>
  <si>
    <t xml:space="preserve">圣骑士的问题?圣骑士会不会解读?解读是什么意思?解读会让武器发光 </t>
  </si>
  <si>
    <t>什么是解读啊，是解毒吗？要是解毒的话是可以的，用纯净术可以解除一个魔法效果，用清洁术可以解除一个魔法效果或者一个中毒效果好像和武器发光没什么关系吧，发光只能付魔才能</t>
  </si>
  <si>
    <t xml:space="preserve">爱情可以在来一次吗爱情的问题在此我是女孩不是男孩 </t>
  </si>
  <si>
    <t>爱情可以有很多次，但只有一次是你付出的最多的。</t>
  </si>
  <si>
    <t xml:space="preserve">有哪位妈咪知道妈咪爱怎么给孩子吃？孩子便便比较干且粗，现在拉便便 </t>
  </si>
  <si>
    <t>你儿子多大了？我女儿5个月，大便不好时我会给她连续吃3天妈咪爱，一天两次，一次半包，分别是上午10左右和下午5：30左右吃，用偏凉温水送服，效果很好。</t>
  </si>
  <si>
    <t xml:space="preserve">电视剧天若有情2的插曲 </t>
  </si>
  <si>
    <t xml:space="preserve">钟汶的《赔偿》《刺猬》两首都特别好听哦！！！赔偿  刺猬  </t>
  </si>
  <si>
    <t xml:space="preserve">枪兵穿什么甲?兵器:丧钟甲和头分别是什么好?那个吸血鬼的凝视好象 </t>
  </si>
  <si>
    <t>无形安达利尔的面貌镶8#无形刚毅执政官铠甲这是最好选择。</t>
  </si>
  <si>
    <t xml:space="preserve">工薪阶层的女孩子一般都买什么价位的衣服呢？又想漂亮。又不想挨宰。 </t>
  </si>
  <si>
    <t>一般里面的配的毛衣呀什么的要质量好点的,200-300,一定要有质地好的包包什么的,鞋子呀什么的都要买好点的.其他就可以随配呀.款式呀可以随流行呀.这样就会级漂亮又实惠.可以去小店里淘,要有眼光哦.</t>
  </si>
  <si>
    <t xml:space="preserve">银月城里的巨型女雕塑是谁?另外一个是凯尔萨斯。那么杀伊利达雷4议 </t>
  </si>
  <si>
    <t>在血精灵心目中可以和王子比的就只有艾萨拉女王了吧……不过她也太老了……希尔瓦纳斯？也不太可能，而且她和UA的女王发型不一样……奥雷利亚就更不可能了，她还没到血精灵为她立雕像的程度……也就暂时认为她是艾萨拉女王吧……而且血精灵爱美，艾萨拉女王号称是全艾泽拉斯最美丽的……</t>
  </si>
  <si>
    <t xml:space="preserve">宝宝发音不准怎么办我的女儿4周岁了，自从会说话以后，她的所有以“ </t>
  </si>
  <si>
    <t xml:space="preserve">为何发音不准   语言是一种互动的学习活动 . 任何语言发展都是由简入繁 , 由易到难 . 一般来说 , 孩子一岁以前能叫爸爸 , 妈妈或牙牙学语 . 二岁左右 , 发音虽然不正确 , 但已能说简单的词汇 , 短句亦逐渐出现 , 例如“回家”“要喝水” . 三岁时 , 汉语拼音大部分的音已能发出 , 只有个别的音发不准 . 另外 , 汉语四声的学习也有一定的发展程序 , 这四声的练习约在二岁时就应完成学习 . 根据发上分析 , 若孩子三岁还无法说简单短句 , 四声发音仍维持在音调的一声阶段 , 父母就应提高警觉 , 应检查幼儿是否有听障 , 或有构音方面的问题 , 及时帮助他发展正确的语言能力 . 一般儿童语音不清可从两个方面分析 , 一是 ” 能否听得全 ”; 二是 ” 能否讲得全 ”. 儿童听力正常与否可进行简易测试 : 作用两个相近的发音问他 , 如声音相同 , 就点头 , 不同就摇头 . 例如让他辨别“床”“船”的发音同不同，就很容易了解其是否能分辨得清楚。如果“听”没有没有问题，儿童发音与否就在于其构音能力的好坏。构音问题与大脑感觉动作功能之发展有关。因为感觉动作功能操纵着发音器官，包括胸腔、腹腔、声带的动作及下腭的辅助，舌头、牙齿、嘴唇之间的配合。这些部位若配合不正确，不灵活，发音就无法清楚。我们发现所有婴儿开始说话时都不是很清楚的，但在逐渐长大的过程中，随着“感觉动作功能”控制的发音器官（口、齿、舌、唇）彼此配合也日益灵活，发音也就日趋清楚了。还有一种情况，有些家长把儿童不会讲话或语音不清的原因归结于舌系带太短，其实所谓的大舌头的小孩子经过一段时间训练，舌头就会变得较为灵活，可见其说话不清楚并非舌头大，而是操纵舌头的能力不良所致。事实上，如果发现儿童将舌头伸出嘴唇外缘，舌头呈现鸡心状，舌尖凹陷时，才算是舌系带过短或太紧，这种情况才可能会影响到舌头的操纵。此种现象应经由医生诊断后，再决定是否需要做手术治疗。不少人舌系带也不见得长，但发音方式和构音能力却不差。同时，并非长舌的人就会讲话讲得很好。由此可见舌系带若非过短，也不一定非动手术不可，若有发音不良，讲话不清的现象，应属大脑感觉动作能力发展不够成熟，以致无法适当操作发音器官的缘故，解决的途径也应从这些方面入手。 </t>
  </si>
  <si>
    <t xml:space="preserve">我是7F新来得，没钱好难活啊，感觉自己无能为力了，特求朋友帮帮忙? </t>
  </si>
  <si>
    <t>谁都是从新手过来的。难道没钱就什么都不行？那那么多玩家是怎么出现的。就是一句话。天上没有掉下的饼。多努力总会有收获。我就是7F的。没收过任何天币走过来的。</t>
  </si>
  <si>
    <t xml:space="preserve">爱问的问答推广好做吗？ </t>
  </si>
  <si>
    <t>你说的是新浪的爱问知识人吧? 还记得上学时候,基本每天都会到这里查东西。 新浪爱问的资料分享特别好, 现在想想大学生活实在是太爽了。</t>
  </si>
  <si>
    <t xml:space="preserve">拍卖球员？！可不可以把自己球队的现役球员（非球员卡）卖了啊？ </t>
  </si>
  <si>
    <t>不可以，那个球员只能留着，养不起了就只能节约货自己消失了</t>
  </si>
  <si>
    <t xml:space="preserve">十月份自考考试通知单什麽时间领取？ </t>
  </si>
  <si>
    <t>提前一个星期去你以前报名的自考办领取。</t>
  </si>
  <si>
    <t xml:space="preserve">我的装备怎么没了黑辽服务器晚上大约10点左右掉了我11点登陆发现 </t>
  </si>
  <si>
    <t>很简单,一可能是你装备买的吧{是别人复制过的装备}地2,LX把你装备看成复制品给删了.</t>
  </si>
  <si>
    <t xml:space="preserve">Adobephotoshop如何转到Imageready编辑，我? </t>
  </si>
  <si>
    <t>你安装的是简装版的Photoshop。简装版的为了节省空间，没有捆绑ImageReady。建议你下载安装完整版的，我给一下你CS2中文版本的地址： 把这个地址复制到地址栏里回车就可以开始下载了。</t>
  </si>
  <si>
    <t xml:space="preserve">我现在已经注册了,从哪下载游戏啊 </t>
  </si>
  <si>
    <t>一般你注册的地方都有下载的标签点击后即会出现下载的详细内容</t>
  </si>
  <si>
    <t xml:space="preserve">关于飚车世界怎么每个服务器都显示游戏连接失败请于稍后重试 </t>
  </si>
  <si>
    <t xml:space="preserve">下午1点能上去。 </t>
  </si>
  <si>
    <t xml:space="preserve">紧急求助!紧急求助!发生车祸!我的车在宽约5米的道路上走,撞上了 </t>
  </si>
  <si>
    <t>你应该负35%责任。</t>
  </si>
  <si>
    <t xml:space="preserve">有人会写吗,代写自考论文,自考论文,自考论文网,自考毕业论文 </t>
  </si>
  <si>
    <t>你加1'9'9'6'2'0'7'8这个Q号吧大家都说他写得好呢，要想论文通过，找他写肯定没问题</t>
  </si>
  <si>
    <t xml:space="preserve">梦见自己身体腐烂了这表示什么？有什么征兆？ </t>
  </si>
  <si>
    <t>观此梦并非身体有恙之征兆，吾以为是错失一次机会而已，失去一次机会未必不是好事，无妨未来！</t>
  </si>
  <si>
    <t xml:space="preserve">[英翻中]Iheardbehindme,andInearlyju? </t>
  </si>
  <si>
    <t>我听见身后有人﹐吓得一跳﹐知道他终于来到了﹐心也安了，也顾不上刚才让自己尴尬了一回。</t>
  </si>
  <si>
    <t xml:space="preserve">抗衰老最好的方法是什么？有没有人了解得详细一点？ </t>
  </si>
  <si>
    <t xml:space="preserve">一是该睡就睡。提高自己的睡眠质量，在失眠的情况下可以选择沉思、瑜伽等呼吸运动帮助入睡，同时，保持睡眠环境黑暗而安静，一定要上床睡觉。二是慢吸快呼。放松腹部的肌肉，做到吸气的长度是呼气长度的2倍。三是学会加餐。不吃大餐对身体健康是很重要的，因此要学会加餐。四是使用好的抗皱产品。比如法国芙洛雅去皱抗皱防衰老效果特别好，适合任何肤质的人群使用。 </t>
  </si>
  <si>
    <t xml:space="preserve">想到自己喜欢的男人就会有一种性冲动，但是真正接触到他是，可是却一? </t>
  </si>
  <si>
    <t>理想总比现实更让人接受!</t>
  </si>
  <si>
    <t xml:space="preserve">大盘跌停,基金能赎回吗？俺今天申购了１万元的开放式基金．各位大师 </t>
  </si>
  <si>
    <t>能，大盘和基金的申购和赎回关系不是很大，基金都持有多家的股票。再说，赎回是从基金公司赎回，不是从股市。大盘有跌停么？我不懂股市</t>
  </si>
  <si>
    <t xml:space="preserve">脚上非常痒，还有臭味，起水泡怎么治 </t>
  </si>
  <si>
    <t>建议要保持脚的清洁干燥，汗脚要治疗。勤换鞋袜，趾缝紧密的人可用草纸夹在中间，以吸水通气。鞋子要通气良好.不要用别人的拖鞋、浴巾、擦布等.一下是几种脚气的治疗方法：1.糜烂型：先用1：5000高锰酸钾溶液或0.1%雷佛奴尔溶液浸泡，然后外涂龙胆紫或脚气粉，每日2次，待收干后再外搽脚气灵或癣敌药膏，每日2次.2.水疱型：每日用热水泡脚后外搽克霉唑癣药水或复方水杨酸酊剂一次。皮干后再搽脚气灵或癣敌膏.3.角化型：可外用复方苯甲酸膏或与复方水杨酸酒精交替外用，早晚各一次。最好涂药后用塑料薄膜包扎，使药物浸入厚皮，便于厚皮剥脱.脚气是一种极常见的真菌感染性皮肤病。建议每晚洗脚后用碘酒棉球局部擦拭,三至五分钟后,用75%医用酒精脱碘.事后用干棉条缠绕于趾间睡觉,以保持局部干燥.连续七至十天,脚气容易复发,平时要注意经常用碘酒酒精擦一下,经常烫洗袜子,尽量少穿旅游鞋,多穿布鞋。（希望能帮到你，麻烦在我回答的下面点击 “好评”，谢谢你啦^_^）</t>
  </si>
  <si>
    <t xml:space="preserve">深圳技师学院是学什么的？有什么专业？ </t>
  </si>
  <si>
    <t>深圳技师学院有信息技术系 国际商务系 光机电技术系 珠宝钟表系 现代汽车技术系 应用生物系 现代印刷技术系 电气工程系 电子通信系。</t>
  </si>
  <si>
    <t xml:space="preserve">电脑上不了网?连接不到服务器? </t>
  </si>
  <si>
    <t>呵呵，估计你用的电脑不是家庭里的吧？？应该不是家庭ADSL，可能是小区宽带或者单位宽带，因为你这样的现象明显是网管限制了端口的缘故，我也做过路由，管理过一个区域的上网，网管做这样的限制是为了一个区域的网络稳定，限制了大部分无用的端口，保证不被病毒利用，而限制下载工具是为了保证网络不超过负荷，保证网络正常运做。 当然还有可能就是自己机器上的防火墙自做多情了，直接关掉防火墙试试，防火墙一般也限制端口的利用，这样才不会被别人攻击。 如果是第一种情况，可以改变下自己软件的使用端口，或者使用代理服务器，第二种情况直接关掉防火墙，或者添加相应的策略。 希望我的回答能帮的到你。</t>
  </si>
  <si>
    <t xml:space="preserve">如果我58级去ZGMC金团经验多么？如题请表谈论有没有人带我去的 </t>
  </si>
  <si>
    <t>说实话 很少很少很少 就好象在XLSS杀强风一样 你这个级别能拿到的经验不过100 在MC你看看能拿多少 不过说实话不到60能不能进MC偶还米试演过</t>
  </si>
  <si>
    <t xml:space="preserve">关于副将的问题！在战场上，遇到副将，身上的蓄电有着不同的色，请问 </t>
  </si>
  <si>
    <t>在新手遇到的没电（刚体）无双~熟练~精锐~遇到的有电有时候新手的副将是普通的电~无双~熟练~精锐是紫色的电！紫色的电！代表（刚体）且对风`火`冰`斩有抗性！</t>
  </si>
  <si>
    <t xml:space="preserve">你们知道谁是小当家吗?谁是小当家?谁是辣椒妹? </t>
  </si>
  <si>
    <t>小当家:统一镇的乐天少年,热情,善良的侦探.辣椒妹:食品王国的暴躁少女,是小当家的好帮手.</t>
  </si>
  <si>
    <t xml:space="preserve">得了痔疮怎么办？用不手术治疗痔疮的好办法吗？谢谢。 </t>
  </si>
  <si>
    <t xml:space="preserve">不是很严重的话，最好别动手术，术后常有后遗症的。我告诉你简便方法，你看这用。 方法一： 活的大田螺每次一个，将盖去掉，放入如黄豆大的冰片（一般中药店都有售）。5分钟后取田螺内水涂肛门，每天2次，7天一般可痊愈。在此期间，忌酒、辣物。 附：本方属于非处方药，对内、外痔均具有疗效。如3天后仍没有改善病状，请及时到医院就诊。 方法二：内服：强力痔根断；外涂：马应龙麝香痔疮膏（注意：在痔疮未痊愈之前，每天最好用温水洗肛门两次，保持肛门的清洁）。一般情况下，用药一个疗程(七天)就可以看痊愈了，三天就可以见到明显的效果了。药房或者医院，这两种药一般都有。两种药一共50元左右。 怎样用药效果最好：假如：用药需一天三次，不是每顿饭之前吃药，而是一天24小时每隔8个小时用药一次效果最好。依此类推。 马应龙麝香痔疮膏，一天2至4次，根据你的时间是否方便，来决定次数，没有严格规定。 OK,希望我的经验对你有所帮助，不要再忍受那种非人的痛苦了，呵呵参考资料： </t>
  </si>
  <si>
    <t xml:space="preserve">谁教教我奇迹世界如何窗口化我不知道怎么弄这个```谁教一下 </t>
  </si>
  <si>
    <t xml:space="preserve">找到奇迹世界的游戏安装目录下的3dsetup.ini这个文件，图标的样子像个文本加个齿轮打开后找到FullScreen=1 1表示全屏幕，0表示窗口Width=1024   分辨率的宽，可以调节为800Height=768   分辨率的高，可以调节为600  </t>
  </si>
  <si>
    <t xml:space="preserve">只用一个牌子的牙膏好不好？ </t>
  </si>
  <si>
    <t xml:space="preserve">不好，原因有四点 1、药物牙膏虽 对一些口腔疾病有疗效，但并不能包治所有的口腔疾病。如果长期使 用抗菌消炎类药物牙膏，会在杀灭致菌的同时将口腔中的正常细菌也 杀灭了，使口腔产生新的疾患； 2、许多药物牙膏中含有生物碱和刺激性 物质，长期使用会损害口腔黏膜，使口腔、牙龈、舌头、口唇、咽喉 等处发炎； 3、有些带有苦辣味的药物牙膏长期使用会使人胃肠不适； 4、有 些药物牙膏含有一定量的色素，长期使用，可使牙齿失去光泽。 因而 家庭要经常换用不同品牌的牙膏。 </t>
  </si>
  <si>
    <t xml:space="preserve">以下那个电视剧更好看？谢谢《实习医生格蕾》《24小时》《英雄》我 </t>
  </si>
  <si>
    <t>实习医生格蕾我看过，这个很好</t>
  </si>
  <si>
    <t xml:space="preserve">最近看不到了一个人魔力爱问的一名重量级别的谐星吕某好久米出现了猪 </t>
  </si>
  <si>
    <t>吕某本人应该已经离开了现在很多所谓的吕某都是别人冒充的不过也继承了吕某人光荣的搞笑传统是件好事情有的人死了，他还活了。。。</t>
  </si>
  <si>
    <t xml:space="preserve">为什么我博客上的字总在变大??我在电脑里写的文章一粘到博客上字就 </t>
  </si>
  <si>
    <t>呵呵，先把文章粘贴到记事本里，然后再复制记事本里的文章粘贴到那，再选字体，是不是可以了？</t>
  </si>
  <si>
    <t xml:space="preserve">鸡蛋清和蛋黄哪个更有营养？ </t>
  </si>
  <si>
    <t>根据科学家分析蛋黄的营养比蛋清更高，常吃鸡蛋对于我们骨脑的发育、神经系统的发育，增强大脑记忆力都有重要的作用。所以吃鸡蛋要既吃蛋清又要吃蛋黄，这样可以吸收更多的营养。 蛋中的脂肪绝大部分在蛋黄内，且分散成细小颗粒， 极易被吸 收。蛋黄中脂肪和胆固醇的含量都比较高，无机盐和维生素主要 也集中在蛋黄内。无机盐、钙、磷和铁都较丰富，所以蛋黄是婴 幼儿铁的良好来源。维生素以维生素A、维生素D和核黄素较多。 总的说来，蛋黄的营养价值较蛋白高</t>
  </si>
  <si>
    <t xml:space="preserve">为什么龙盘泰山区进不去???????????? </t>
  </si>
  <si>
    <t xml:space="preserve">别的区都行,龙盘怎么了????是啊 [破系统又出问题了??? 快快修复,GM们要给予补偿啊 现在还有活动呢~~~~~~~~~~~~~~~~~~~ 强烈建议每人个补偿一张会员或女娲~~~~~~~~~~~~~~~~~~~~~~~~~~~~~~~~~~~~~~~~~~~~~~~~~~~~~~~~~~~~~~~~~~~~~~~~~~~~~~~~~~~~~~~~~~~~~~~~~~~~~ </t>
  </si>
  <si>
    <t xml:space="preserve">CPUfan,systemfan,processor是同一产品吗? </t>
  </si>
  <si>
    <t xml:space="preserve"> 风扇systemfan:系统风扇processor:处理器</t>
  </si>
  <si>
    <t xml:space="preserve">在１２０区的传奇中，４３战士哪打装备我是４３级战士，裁决＋圣套＋ </t>
  </si>
  <si>
    <t xml:space="preserve">43级的战士打BOSS?有点难.在老区.怒斩从卧龙出来的较多,要是打BOSS而得到怒斩,几率太小了.玩热血传奇,一定要注册或绑定白金新手帐号，因为白金新手帐号的奖励如下：         1．  白金新手奖——直升金牌帐号 （可以领到魔龙装备）2  .白金消费奖——聚灵珠(小)――价值5元宝；双倍宝典――价值6元宝 （只需消费1元宝就可以领到）3  .免费用户每日领取一个锦囊，付费用户每日领取一张灵符！（不管是付费或免费，每天都可以领取的）下面的文章里写的很详细，我就是按照里面的方法注册成功的： </t>
  </si>
  <si>
    <t xml:space="preserve">请问：雕文的问题？我的法师，70，但是雕文界面里的圆圈都是黑色的 </t>
  </si>
  <si>
    <t>你要去铁问下卫兵雕文师在哪！（位置是在飞行点的旁边）然后你进去后就可以看见桌子上面有本书，你站过去点开你的雕文界面。然后右击买来的雕文，在点在你的雕文书上就可以了。</t>
  </si>
  <si>
    <t xml:space="preserve">写入档案SFLogin.exe失败怎么回事？就是打开游戏更新完之? </t>
  </si>
  <si>
    <t>去论坛上下载补丁啦~！</t>
  </si>
  <si>
    <t xml:space="preserve">近几年学汽修学什么方面较好? </t>
  </si>
  <si>
    <t>如果长期干，就学那些核心技术，如电路、发动机等等。</t>
  </si>
  <si>
    <t xml:space="preserve">帮我看看精液检查报告，谢谢精子活率49%，精子活力：A级48.1 </t>
  </si>
  <si>
    <t xml:space="preserve">要吃中药~这样的结果比我先生的好多了~快吃药吧~边吃中药边试孕是可以的~我现在都有宝宝两个多月了~祝你好孕 </t>
  </si>
  <si>
    <t xml:space="preserve">怎么老是发炎呢记的上次发炎是去年10月吧发炎的时候阴茎和肛门有点 </t>
  </si>
  <si>
    <t>如果住过宾馆，就很有可能是那消毒工作没做好，感染了．建议你每天换内裤，并且将内裤高温消毒或在太阳下暴晒．如果是发炎了打点消炎针会好，不过还是去医院检查下这样放心些．</t>
  </si>
  <si>
    <t xml:space="preserve">有一首歌的每句歌词最后一个字都是"了"字,请问这个歌叫什么名字啊? </t>
  </si>
  <si>
    <t xml:space="preserve">歌曲：我真的受伤了    歌手：张学友 专辑：热    窗外阴天了音乐低声了我的心开始想你了灯光也暗了音乐低声了口中的棉花糖也融化了窗外阴天了人是无聊了我的心开始想你了电话响起了你要说话了还以为你心里对我又想念了怎麽你声音变得冷淡了是你变了是你变了灯光熄灭了音乐静止了滴下的眼泪已停不住了天下起雨了人是不快乐我的心真的受伤了 </t>
  </si>
  <si>
    <t xml:space="preserve">女人生育后的经期生育后什么时候来月经啊？知道的告诉我啊，谢谢 </t>
  </si>
  <si>
    <t>如果不是母乳喂养那么40天左右恢复月经,如果是母乳喂养那么大多数喂养停后恢复.</t>
  </si>
  <si>
    <t xml:space="preserve">臭豆腐是怎么做的?臭豆腐是怎么做的,吃了对身体有没有益? </t>
  </si>
  <si>
    <t xml:space="preserve">"做、酱豆腐的豆腐是特质的，压得比我们一般吃的豆腐要硬，但比豆腐干又软，如果你家附近有豆腐作坊可以定制一板几板的，如果没有就难了。 除了原料难搞，接种霉菌也不容易，一般家庭里不备这个玩意儿。 臭豆腐的做法是将定制好的豆腐一板一板地上架，木质架子可以放十几层豆腐，中间可通风，抹上盐，点上霉菌（菌种溶化在水中，用手指蘸了弹在豆腐上），在无阳光直晒的通风房间里放两至三天，夏天屋中气温可在32度上下，豆腐会长出一寸长的白毛，即霉菌。 南方用来炸制食用的臭豆腐发霉时间短些。 等等，中间还有一些细节，且各地的做法都有区别。 总之在家中自己做臭豆腐过于麻烦，一次霉几块豆腐还不够折腾的，最好还是认准些牌子买瓶装货吧，脏不到哪儿去，反正都是发霉的东西。"附臭豆腐的吃法：毛豆煎臭豆腐做法： 臭豆腐洗净，切成小块，漓 干水分。毛豆剥壳去衣。油锅烧热， 将臭豆腐下锅炸至金黄捞起。锅内 留少量油，烧至八成热，下毛豆翻 炒至熟，再将臭豆腐倒入加少许水， 加盐、味精，待汤汁收干后装盘即可。风味特色味道鲜美清蒸臭豆腐材料：臭豆腐四块，酸菜二片，大豆芽四两，冬菇六只，红辣椒一只，芫茜适量。调味：麻油，黑醋，盐，酱油，糖各适量。做法：酸菜，冬菇，红辣椒切丝。芫茜切碎。豆腐放碟或碗内加入调味及酸菜丝等，中火蒸约十分钟，洒上芫茜碎即成。麻辣臭豆腐 材料绞肉、臭豆腐（A料）香菇、虾米（泡软切末）、大蒜、辣椒、葱（切末）、（调 味料）辣椒酱、酒、糖、水、酱油均适量作法 平底锅倒少许油，开中火，将A料及绞肉入锅炒香后，放入臭豆腐及调味料、水（盖过臭豆腐即可）盖上锅盖煮滚至臭豆腐熟透，入味即可。 肉 酱 蒸 臭 豆 腐 材 料：1. 广香肉酱1罐2. 臭豆腐6块3. 毛豆仁2大匙4. 红辣椒1条 调味料： 1. 酱油膏1大匙 作 法： 1. 将臭豆腐洗净切成4块。2. 毛豆仁洗净，红辣椒切片。3. 广达香肉酱与调味料加上毛豆仁与红辣椒搅拌均匀。4. 臭豆腐排盘后，将作法3淋在上面，用猛火蒸约15分钟即可。 备 注： 素食者可将广达香肉酱1罐改用广香吉丁酱2罐。 </t>
  </si>
  <si>
    <t xml:space="preserve">从中立球迷角度看切尔西vs巴萨客观地说，所有在皮克手球之前的犯规 </t>
  </si>
  <si>
    <t xml:space="preserve">那白痴裁判 明明阿比达尔可以不被罚下去的 一直在这里找平衡 </t>
  </si>
  <si>
    <t xml:space="preserve">有什么方法能让头发长快一些吗 </t>
  </si>
  <si>
    <t>可以修剪之后将头发扎起来就长的比较快的，如果我的答案对你有用麻烦点击有用，谢谢！</t>
  </si>
  <si>
    <t xml:space="preserve">看到路上5位纯数字的车牌越来越多了，想问下怎么办理纯数字的车牌啊? </t>
  </si>
  <si>
    <t>无法直接办理纯数字的！车牌号是慢慢，慢慢在往后边跑啊，最先199..年的车子就是纯数字的啊。后来那些车慢慢进入报废，如果没保号，号牌就注销`不用了。车子越来越多，够买新车的也越来越多，号就慢慢往后边排，字母就出来了。现在有些小城市也只有一两个字母，大城市都上好远去了，都是数字在前边，字母后边了。看一个城市车多不多，看看号牌就知道了。还有就是有些城市购买二手车，都会换牌照。你说排的远不远。如果现在看到纯数字的车都是保号的车子。所以现在没纯数字的了。</t>
  </si>
  <si>
    <t xml:space="preserve">SHE在哪个MTV里最亮丽？〈茱萝记〉她们穿的服装就体现了她们三 </t>
  </si>
  <si>
    <t>《星光》</t>
  </si>
  <si>
    <t xml:space="preserve">请教一下worry的用法在字典上查worry是及物动词／不及物动 </t>
  </si>
  <si>
    <t xml:space="preserve">  你的老师说得对。  so 是副词其后只能跟形容词。如 so interesting,so sad,....   worry 是动词。 只有变成形容词后，才能用 so 来修饰。 动词的过去分词 可以当作形容词来用。 如 cooked food  熟食 ( 烹调过的食品 ) worry  做动词用 后跟 about 如： I always worry about him.(我老是为他担心)  用过去分词 worried.    I am so worried about him. (此句可以用 so , 上句不能用 so ) 你把过去式和过去分词混淆了， 只有过去分词可以做形容词用。</t>
  </si>
  <si>
    <t xml:space="preserve">哪有大量壁纸打包下载？就是哪儿提供rar或zip打包下载的可以作 </t>
  </si>
  <si>
    <t xml:space="preserve">海南大学是官办还是民办.是省属还是市属. </t>
  </si>
  <si>
    <t>海南大学建于1983年，是海南省惟一一所公办综合性大学和省属重点大学。现设有理工、信息、生命科学与农学、海洋、经济管理、法学、人文传播、外国语、艺术、旅游、政治与公共管理、高等职业教育、成人教育等13个学院和社科部、体育部2个公共课教学单位，设有13个硕士学位授予点、30个本科专业和10个高职专业。建立了7个省级重点学科、3个省级重点实验室，10个校级重点学科，以及26个科研机构。学校是国务院侨办批准设立的全国22家华文教育基地之一。学校现有专任教师724名，其中教授、副教授400多人，获得国家突出贡献专家、享受政府特殊津贴专家和省级优秀专家称号的65人，学校还聘请了120多位国内外著名学者为特聘教授或兼职教授。学校广泛开展对外交流与合作，先后与境外20多所著名高校建立了校际关系，与国内外教育、文化、科研机构进行了频繁的交流。</t>
  </si>
  <si>
    <t xml:space="preserve">关于天堂2免费服务器的问题免费服务器说上线一个月就关了是指在游戏 </t>
  </si>
  <si>
    <t>免费服事新手服，指实际上一个月，玩了可以转到正常的收费服收费标准。。。。略小于0.5元/小时包月大约41元/月游戏计时当然是按照你上游戏的时间算拉</t>
  </si>
  <si>
    <t xml:space="preserve">随便猜猜~~~往一个篮子里放鸡蛋，假定篮子里的鸡蛋数目每分钟增加 </t>
  </si>
  <si>
    <t>11分钟后。。。。。。。。。。。。。。。。。。。。。。</t>
  </si>
  <si>
    <t xml:space="preserve">高俅真的是苏东坡的书童吗？听说一件轶事，高俅是苏东坡的书童，不知 </t>
  </si>
  <si>
    <t>水浒传原文如下：“住了十数日，董将仕思量出一个路数，将出一套衣服，写了一封书简，对高俅说道：“小人家下萤火之光，照人不亮，恐后误了足下。我转荐足下与小苏学士处，久后也得个出身。足下意内如何？”高俅大喜，谢了董将仕。董将仕使个人将着书简，引领高俅迳到学士府内。门吏转报。小苏学士出来见了高俅，看了来书。知道高俅原是帮闲浮浪的人，心下想道：“我这里如何安着得他？不如做个人情，他去驸王晋卿府里做个亲随；人都唤他做小王都太尉，他便欢喜这样的人。”当时回了董将仕书札，留高俅在府里住了一夜。次日，写了一封书呈，使个干人送高俅去那小王都太尉处。这太尉乃是哲宗皇帝妹夫，神宗皇帝的驸马。他喜爱风流人物，正用这样的人；一见小苏学士差人持书送这高俅来，拜见了便喜；收留高俅在府内做个亲随。”这个小苏学士就是苏东坡的弟弟苏辙。</t>
  </si>
  <si>
    <t xml:space="preserve">新浪房产曾经找到的房子信息找不到了我曾经在新浪的房屋租赁信息中看 </t>
  </si>
  <si>
    <t>别人已经租了，所以删了，一般房子出租到15天后就已经出租了。你再找找别的信息好了</t>
  </si>
  <si>
    <t xml:space="preserve">学习倒桩时怎么把握离合器? </t>
  </si>
  <si>
    <t>一般来说，倒车场地如果基本是平坦的，轿车的怠速对于1档和倒档来说，动力性已经足够了，所以不必再另加油门；化油器式的车辆在倒桩前，教练一般都已经将发动机怠速调高，够1档和倒档也不用另加油门；有加力档的车辆动力性更强，就更不用另加油门倒桩；特别提醒：1、平路用怠速起步时，动力相对不是很充足，在起步是一定要压稳离合器，让起步有一个过渡期；2、如果地面不平，有时会需要出现动力不足现象，这时就需要临时加点油门；3、长时间半联动，会加速离合器磨擦片的磨损；如果发动机转速过高（油门加大），磨擦片的磨损就会加剧；</t>
  </si>
  <si>
    <t xml:space="preserve">奥运会爆炸事件发生在哪届 </t>
  </si>
  <si>
    <t>奥运会爆炸事件发生在1996年，第26届亚特兰大奥运会</t>
  </si>
  <si>
    <t xml:space="preserve">６区选择阵营问题我跟朋友都是公测玩到现在的一直玩BL现在想玩玩L </t>
  </si>
  <si>
    <t xml:space="preserve">六区..无尽之海..在六区是最晚开的..所以挺新.. 人很多.就是要排队...六区人最多的服务器... LM和BL的比例大概是55:45 这区LM比BL多一些.. 参考资料：how21游戏网  </t>
  </si>
  <si>
    <t xml:space="preserve">经典福克斯怎么样？增配减价是真的吗？ </t>
  </si>
  <si>
    <t>驾乘环境有所提高：经典福克斯时尚型增加了同级别车中少有的豪华皮质座椅、皮质门内饰以及前座中央扶手储物盒；新增的倒车雷达功能，在安全性上也有所提高。价格9.98万入门价，增配减价不假，而且本月入手还可以享受购置税全免，性价比将更高。</t>
  </si>
  <si>
    <t xml:space="preserve">东风标致5082.3L旗舰版怎么样?最好是508车主进，谈谈用车 </t>
  </si>
  <si>
    <t>最开始我对标致508似乎也没有什么特别吸引人的～随后到4S店去试驾～坐进车里就被508的内饰吸引了～～看过之后再看其他的中级车都觉得有些老气～可以说最后决定508～80%的原因都在于其内饰～我们提的是2.3L  碳晶黑，动力足够我们一家人使用，买车时就听说标致508的外形和口碑做得还不错，外观看着很漂亮，动力配置还得了奖什么的，果然冲劲儿十足，现在狮子进家已经6个多月了，里程也跑了5000多公里，油耗十个左右，师傅说挺好，主要家用较多，还有这车配置很丰富~各种娱乐设施~~多的不说，建议TX到4S店试驾之后，就懂了。</t>
  </si>
  <si>
    <t xml:space="preserve">数学问题！概念辨析：两直线的夹角（1个还是两个），面面夹角，到角 </t>
  </si>
  <si>
    <t>两直线的夹角（1个还是两个），面面夹角，到角，线面夹角，直线的倾斜角请说明上述各种角的概念的异同点，谢谢直线的夹角:指两直线所成的锐角或直角，范围是(0,∏/2]面面夹角:指从棱上一点出发的，分别在两个半平面内，垂直于棱的直线所成的角．范围：［0,∏]线面夹角：斜线与斜线与平面内的射影所成的角．范围：［0,∏/2]，特别的，如果为0，则线与平面平行或线在面内直线的倾斜角：直线向上的部分与x轴正半轴所成的最小正角．范围：（0,∏]到角：指直线L1与L2相交于点A，直线Ｌ１绕点Ａ逆时针旋转与Ｌ２重合时，所转过的角．范围：（０，∏）</t>
  </si>
  <si>
    <t xml:space="preserve">1月24日购买什么基金合适？有些短债基金从今日起已停止申购，有哪 </t>
  </si>
  <si>
    <t xml:space="preserve">    博时债券未停止申购,请看公告：                   关于博时稳定价值债券投资基金"春节"假期前限制申购的公告    博时基金管理有限公司关于博时稳定价值债券投资基金"春节"假期前限制申购的公告     根据中国证监会《关于2006年部分节假日放假和休市安排有关问题的通知》（证监办发[2005]89号）及深沪证券交易所休市安排，博时基金管理有限公司自2006年1月26日-2月5日休息7个工作日（双休日除外），2月6日（星期一）起照常办理所有业务。现将"春节"假期投资博时稳定价值债券投资基金的有关事项公告如下：    1、为保证博时稳定价值债券投资基金的稳定运作，保护基金持有人利益，同时保证一般投资者正常的申购能够顺利进行，根据《博时稳定价值债券投资基金基金合同》第六部分第五条第六款"基金管理人可根据有关法律规定和市场情况，调整申购金额和赎回份额的数量限制"的规定，本管理人决定对"春节"长假前两个工作日（2006年1月24日和1月25日）申购款不能划入基金资产的申购金额进行数量限制，即每个基金交易账户每个工作日的申购金额不超过20万元。    2、从1月26日至2月5日期间投资者提交的开户、申购、赎回、转换等基金交易业务申请，及假期前未确认的交易申请、未到账的赎回款项等，将顺延至假期结束后进行处理。 敬请投资者提前做好交易安排。如有疑问，请拨打客户服务热线：95105568、010-65171155，或登录本公司网站 获取相关信息。    特此公告。                                            博时基金管理有限公司                                             二○○六年一月十九日 </t>
  </si>
  <si>
    <t xml:space="preserve">广东技术师范学院南校区是怎么回事？为什么我见到广东药学院门口写着 </t>
  </si>
  <si>
    <t>广东技术师范学院合并了广东财经干部学院后设立的南校区。</t>
  </si>
  <si>
    <t xml:space="preserve">西安一般做宫外孕手术需要多少钱呢？？ </t>
  </si>
  <si>
    <t>宫外孕的手术费用包括：宫外孕术后消炎费用、宫外孕术前检查费用、宫外孕手术费用，具体的费用还要根据个人的情况而定。 目前宫外孕的手术费用是不确定的，但是普遍可以接受的，具体要看每位女性朋友身体的不同情况、治疗的手术方式、手术前的检查，所以费用是各不相同的，如果已经检查出是宫外孕建议及时到医院进行有效的治疗，一定要去正规的大医院。宫外孕治疗费用是患者最为关心的问题，传统手术因为住院时间长，恢复时间久，费用很高，而微创宫腹腔手术，伤害小、伤口小、保全女性孕育权利，恢复快等众多优势，因为不住院、恢复时间极短、不需要太多繁琐术后注意，使得费用大大下降。宫外孕的治疗费费用与很多因素有关，不同的医院收费标准不一样的，因宫外孕一般需要住院治疗，而住院时间与病人的恢复情况有关，所以费用存在差异，因宫外孕发生的部位、妊娠时间等有所不同，所以手术难度也不一样，这也会影响到宫外孕的治疗费用。</t>
  </si>
  <si>
    <t xml:space="preserve">今年英超又开始玩悬念了！到底是曼联呢？还是曼城呢？还是曼城呢？还 </t>
  </si>
  <si>
    <t>曼联，比较稳定</t>
  </si>
  <si>
    <t xml:space="preserve">清泉老师，明天600158可以做T+O吗？感谢您的指教 </t>
  </si>
  <si>
    <t xml:space="preserve">首先你要明确，‘做T+0那只都可以，但要看是否具备大起大落的条件和你自身把握的能力，不是简单的事’。现在趋势不明，大盘随时都会变脸，今天就给投资者颜色看了，所以操作上一定要谨慎，千万不要为了一点蝇头小利再冒风险。 </t>
  </si>
  <si>
    <t xml:space="preserve">单选题1.项目设备评估中，主要是对（）A.生产设备B.辅助设备C </t>
  </si>
  <si>
    <t xml:space="preserve">1. 项目设备评估中，主要是对（AB ） A. 生产设备 B. 辅助设备 2. 资源条件分析评估的原则（ AB） A. 环境保护 B. 综合利用 3. 哪些因素会导致固定资产的无形磨损（CD ） C. 同种设备的成本降低 D. 出现新技术 </t>
  </si>
  <si>
    <t xml:space="preserve">关于野怪的描述解说中常会出现什么3322啊，3344什么的，用来 </t>
  </si>
  <si>
    <t xml:space="preserve">这说明练级的地方的怪的强弱  一般说的时候级高的放在前面说  级低的放后面说  533就说明那地方有1个5级怪和2个3级怪 3322说明那地方有2个3级怪和2个2级怪   </t>
  </si>
  <si>
    <t xml:space="preserve">一道政治常识题＂央行上调金融机构存贷款基准利率并放宽人民币贷款利 </t>
  </si>
  <si>
    <t>这样作的目的是提高发放贷款的门槛，抑制现在过快的投资势头，最终目的是防止经济过热。</t>
  </si>
  <si>
    <t xml:space="preserve">现在网通1区狮子座一张纯白卡片能卖都少钱 </t>
  </si>
  <si>
    <t>90W最多这两天纯白卡数量见多~价格高不上去</t>
  </si>
  <si>
    <t xml:space="preserve">月经2006年8月27日排卵期在什么时候 </t>
  </si>
  <si>
    <t>9月13号</t>
  </si>
  <si>
    <t xml:space="preserve">怎么才能提高自己的应变能力?我感觉我算是那种反应比较慢的类型,遇? </t>
  </si>
  <si>
    <t>即然思维短路就短了吧．事实不在于狡辩．有修养老人们都这样说：话到嘴边留三分．你知为什么吗？留给自己子女的．也许你年轻，你没注意父母能善辩的，子女大多不多出色．就是这个道理．不要懊悔也不要郁闷了．人生总要有开心和不开心的事情．自己心理有数就行了．</t>
  </si>
  <si>
    <t xml:space="preserve">想生男孩，怀孕前多久吃碱性食物比较好？ </t>
  </si>
  <si>
    <t xml:space="preserve">   一般想生男孩，最好是在怀孕前2～3个月开始吃碱性食物，毕竟想把身体调节成碱性的，并不是一天两天就行的，不过食补生男孩的几率不是很大，建议楼主吃天然钙，林卡尔香港专卖店有售，怀孕前2个月吃天然钙，生男孩的几率能达90%，楼主可以先了解一下。</t>
  </si>
  <si>
    <t xml:space="preserve">电话用语中,你是谁用英语怎么说非WHOAREYOU </t>
  </si>
  <si>
    <t>在电话中，如果想问对方是谁，可以这样说： Who is speaking?. 如果想更客气一点的话，可以说： May I know who is speaking?</t>
  </si>
  <si>
    <t xml:space="preserve">求助：我的恋爱问题，请求建议大一时我喜欢上一个女生，已经留意了一 </t>
  </si>
  <si>
    <t>继续加油的，心诚则灵。我觉得你应该先和她交谈，多接触，日久生情，接触是看看她对你是否也有好感，如果不反感就OK了，你就有机会，在说她内向，你就该给她时间，不该那么突然，她接受不了的，还有万一她不喜欢你，你可以先从朋友做起，对她无微不至的关心，在意她的所在意的，万事都要有努力的，在说女孩在内向表面拒绝，心里是怎么想的谁都不知道，都说女孩子口是心非的，你觉得的呢？她平时对你的感觉有是如何呢？你自己知道把，真正做不了女朋友可以先从好朋友做起，总有一天你回成功的！我相信缘分，是你的就是你的！跑不掉！你好好加油吧！我祝你成功！</t>
  </si>
  <si>
    <t xml:space="preserve">MUSIC音乐呢?怎么没了啊??? </t>
  </si>
  <si>
    <t>呵呵 ，抱歉，不小心隐藏了。现在好了。</t>
  </si>
  <si>
    <t xml:space="preserve">看了《金陵十三钗》，你最大的感受是什么呢？ </t>
  </si>
  <si>
    <t>我最大的感受是女人要有气质，无论身陷何处，都能够淡然处之。还有一点就是，华丽的外表，聪颖过人的背后，隐藏着一个女人曾经伤痛。但这也是铸就了这个坚强，有气质的女人的性格。最爱的就是玉墨的皮肤，光洁有弹性。浓妆艳抹，却宜人。呵呵……听说188元就可以体验韩国十大热门皮肤美容项目，就在福州西湖公园正大门对面。</t>
  </si>
  <si>
    <t xml:space="preserve">经常梦遗我这个症状有几年了，经常被我一暖就会梦遗，有时还连续几天 </t>
  </si>
  <si>
    <t>梦遗的频率是怎么样的？平时有手淫吗，手淫频率是什么样的，多久一次？</t>
  </si>
  <si>
    <t xml:space="preserve">美睫线哪里做的好？什么是美睫线？ </t>
  </si>
  <si>
    <t>半永久美瞳线技巧：1.眼线的弧度：眼线的弧度与眼睫毛弧度平行。2.眼线的位置：眼线位于眼睫毛根部往上加宽。3.眼线的宽度：上眼线宽为0.8-1mm，下眼线宽为0.4-0.6mm。4.眼线的颜色：眼线应以帝黄黑为准。5.眼线的长度：眼线的长度视眼睛的大小而定。半永久美瞳线，让眼睛显得更加有神！美瞳线的主要功效是在于能够增强眼神，视觉上可以放大瞳孔，如同戴了美瞳一样。二、相比于普通纹眼线，除了审美感的提升，有了外敷稳定剂，美瞳线不会那么疼，可以将睫毛根部和靠近根部的褐线以上眼软骨填实，达到无痛的美瞳效果。三、美瞳线使用的是纯天然植物色料，是在表皮层和真皮层之间的操作，无痛不出血，随着时间的流逝会慢慢代谢干净。美瞳线一般能维持3-4年，但根据每个人的新陈代谢不同，有的可能会维持在2-5年之间。四、美瞳线的粗细比例适当，符合正常睫毛行走规律。美瞳线采用黑色染料，由于上睑睫毛浓长，因此纹上眼线时纹得较宽粗、色深一些;由于下睑睫毛短而稀疏，纹得细淡一些，这样美瞳线效果和谐、浓淡相宜。一般而言，上下眼线的宽窄，粗细掌握在7：3较为合适。五、美瞳线自然逼真，安全卫生。美瞳线是借助高科技的数字仪器将染液沿睫毛根刺入皮内，针头进针深度和速度都由数字控制，精确度高，皮肤损伤小，从而达到理想的眼部修饰效果的，十分自然、逼真。同时，所使用的器械均为无菌高温消毒，避免了中不良现象的产生。</t>
  </si>
  <si>
    <t xml:space="preserve">咒术技能问题?要学的太多,练过的帮忙回答下,都学什么技能好,实用 </t>
  </si>
  <si>
    <t>....我直接和你说我的咒...技能.`啊..功反 魔无 精神风暴 单石 强力石 超石 超强混乱 单睡 超混睡 洁净 调教 明镜  好了...自己琢磨这`来学....不过现在很多人都有抗和洁净..所以好不好用还是看运气...石头..是比较那啥的....PK的时候`把人单咒石头了...直接登掉的不少...</t>
  </si>
  <si>
    <t xml:space="preserve">酒后性生活?酒后经不住朋友劝说找了小姐,做的时间很长,把小姐都弄 </t>
  </si>
  <si>
    <t>也许你是太紧张了吧,在说酒精对你的身体有了一定的麻醉作用呀.另外一点:既然你把小姐都弄哭了,说明她经历不多,你光顾自己的感觉了,她有不会调整,当然让你得逞了.以后这事还是少干的好!</t>
  </si>
  <si>
    <t xml:space="preserve">为什么我的aftereffect软件上的素材拖不进时间轴里呢？之 </t>
  </si>
  <si>
    <t>应该是程序出现错误了，建议进行修复，或者重新安装，这个问题应该可以解决了。</t>
  </si>
  <si>
    <t xml:space="preserve">高手进!!用什么样的方式能最快冲到40级!! </t>
  </si>
  <si>
    <t>有钱的话卖1张点卡然后买青龙药  旗   找个开青龙的帮 刷他一晚上 就40了没钱  刷1天师们 也能到40   这2种办法是最快的</t>
  </si>
  <si>
    <t xml:space="preserve">宝石餐椅怎么样？是什么宝石餐椅？价格是不是很贵？怎么保养和维修呢 </t>
  </si>
  <si>
    <t xml:space="preserve">宝石餐椅是专供就餐用的椅子，是餐厅家具的一种，因椅子上像镶有一块宝石而得名。宝石餐椅是九江飞虎家具城的主营产品之一，九江飞虎家具城主营业务：九江上下床,九江火锅桌,九江宝石餐椅,九江办公家具,九江酒店家具,九江家具城,九江江边家具批发,九江家具批发，三开门书柜，九江爱心餐椅等。宝石餐椅的保养与维护　　实木椅其最大优点在于浑然天成的木纹，与多变化的自然色彩。由于实木宝石餐椅是不断呼吸的有机体，建议放置在温湿度合宜的环境里，同时须避免饮料、化学药剂或过热的物体放置在表面，以免损伤木质表面的天然色泽。宝石餐椅若是美耐板材质，当污垢较多时，和君信美建议利用稀释过的中性清洁剂佐以温水先擦拭一次，再以清水擦试，记得以柔软的干布擦去残离水渍，待完全擦净后，再使用保养蜡磨亮，就算大功告成了，唯有重视日常的清洁与保养，才能使木家具历久弥新。参考资料： idu//url= 参考资料： idu//url= </t>
  </si>
  <si>
    <t xml:space="preserve">农行金穗通宝卡可以买基金吗?怎么买?谢谢农行金穗通宝卡可以买基金 </t>
  </si>
  <si>
    <t>农行金穗通宝卡可以买基金目前农行代理的直销基金公司有：长盛、富国、大成、国泰、长信、中海（原国联）、鹏华、易方达、嘉实、交银、华夏、中信、景顺长城、秦达荷银等十四家基金公司的基金，网上认申购费率有优惠，4折-8折。0.6-1%农行卡如何上网买基金？程序是你登?犚虻幕鸸就荆搿巴辖灰住笨В雌涮崾静僮骷纯桑屑湟昵氲缱又Ц犊ǎ韪犊?分钱 (注意不要办证书支付)，电子支付卡一般限额为100，200元，但买基金不受此限。 在开通电子支付卡时，要设定使用次数和使用期限，且以后不可修改，所以次数和期限要设定多一点，假如设定次数太少了，也?]关系，到时再花一分钱重开一个就可以了，这些在网上就可办好。开通网上直销可以享受4折申购费优惠 ，且不收转帐费，此点优于用兴业卡网上直销。我想提醒一点就是申请成功后一定要点一下“通知商户付款”，不然开户不成功的。</t>
  </si>
  <si>
    <t xml:space="preserve">日语中"我"的区别就是　私、俺、?W这三个词是不是都表示"我"啊 </t>
  </si>
  <si>
    <t>“私”是指自己、我的意思。和“わたし”没有区?e、是一样的。一个是「我」汉字表现、一个是假名表现，多用在比较正式的交谈和文体、书信中。“わたし”是“わたくし”的通俗说法、“わたくし”是女性用语、有时女性也把“わたし”说成“あたし”、是女性说「我」时的口语表现。根据在不同的场合，不同的谈话对手，“我”还有以下表达方法。おれ、俺。男子用语，是对同辈或者比自己年幼的人说的第一人称，相当于“我”，多用于口语，比较粗俗。ぼく、?W。男子用自谦语，是对上辈或者同辈的人说的，比较亲切、随和的自称。わし、?z、私以前曾经是女性对比较亲近的人使用的词语。现在多为年纪比较大的男性对同辈以下人的自称。用法比较随便。</t>
  </si>
  <si>
    <t xml:space="preserve">水蛭会侵入人体吗?水蛭会在吸血时经由人的皮肤侵入人体吗?如果侵入 </t>
  </si>
  <si>
    <t xml:space="preserve">无论从哪方面来看，蚂蝗能不可能从中进入人体。 首先你得确认是不是蚂蝗咬的! 蚂蝗多生长在稻田、池塘、沟渠、河流等处。蚂蝗身上长有吸盆，常以吸盆叮咬在人的皮肤上吸血，同时分泌有阻止血液凝集作用的水蛭素和组织胺样的物质，使伤口麻醉、血管扩张、流血不止，并使皮肤出现水肿性的疹，稍有痛感。有 时，蚂蝗还会钻人休内的鼻腔、口腔、肛门、阴道、尿道等部位，引起相应部位的痛痒、（出血）。 一旦发现被蚂蝗叮咬住，可按如下方法处理： （1）千万不要硬性将蚂蝗拔掉，因为越拉蚂蝗的吸盆吸得越紧，这样，一旦蚂蝗被拉断，其吸盆就会留在伤口内，容易引起感染、溃烂。 （2）可以在蚂蝗叮咬部位的上方轻轻拍打，使蚂蝗松开吸盘而掉落。也可以用烟油、食盐、浓醋、酒精、辣椒粉、石灰等滴撒在虫体上，使其放松吸盘而自行脱落。 （3）蚂蝗掉落后，若伤口流血不止；可先用干净纱布区迫仍口1--2分钟，血止后再用5％碳酸氢纳溶液洗净伤口，涂上碘酊或龙胆紫液，用消毒纱布包扎。若再出血，可往伤口上撒一些云南白药或止血粉。 （4）蚂蝗掉落后，若伤口没出血，可用力将伤口内的污血挤出，用小苏打水或清水冲洗干净，再涂以碘酊或酒精、红汞迸行消毒。 （5）若蚂蝗钻入鼻腔，可用蜂蜜滴鼻使之脱落。若不脱落，可取一盆清水，伤员屏气，将鼻孔侵入水中，不断搅动盆中之水、蚂蝗可被诱出。 （6）若蚂蝗侵入肛门、阴道、尿道等处、要仔细检查蚂蝗附着的部位，然后向虫体上滴食醋、蜂蜜、麻醉剂（如1％的卡因、2％利多卡因）。待虫体回缩后，再用镊子取出。 症状:伤口麻醉、血管扩张、流血不止，并使皮肤出现水肿性的疹，稍有痛感。 baidu ： jxg661130 </t>
  </si>
  <si>
    <t xml:space="preserve">外围4场,欢迎娱乐杜伊斯堡半/一?W格斯堡看好杜伊斯堡?恩斯一球 </t>
  </si>
  <si>
    <t>史特拉斯堡 半/一 沙特?下盘：200分行吗？</t>
  </si>
  <si>
    <t xml:space="preserve">如何知道股权登记日是哪天?知道什么是股权登记了~但是在登记日之前 </t>
  </si>
  <si>
    <t>股权登记或申购可在当天大智慧信息地雷中有公布！</t>
  </si>
  <si>
    <t xml:space="preserve">为什么回游应用程序正常初始化(0xe06d7363)失败应用程序 </t>
  </si>
  <si>
    <t xml:space="preserve">0xE06D7363 : 有时 GetLastError() 还返回该值。 此异常代码将用于由通过调用 " throw " Microsoft Visual C++ 编译器引发任何错误。 </t>
  </si>
  <si>
    <t xml:space="preserve">在玩极品飞车9到与黑名单10公爵挑战时的第二关,一开车就烧坏了引? </t>
  </si>
  <si>
    <t>我晕！！你要换档啊！！！这种类型是要自己换档的啊！！你永远放在第一档开，就算不烧坏引擎  你也比不过别人啊一般  键盘 的    A 键 是加档，Z是减档/或者你自己再设置。你想哪个换档。就用哪个键！你肯定第一次开！我要晕了！！！！！！！！！！</t>
  </si>
  <si>
    <t xml:space="preserve">北京写字楼装修公司哪家好，我有个写字楼要装修，可是网上的装修公司? </t>
  </si>
  <si>
    <t>我们公司就在总部基地这边，我们公司就是找的一个叫北京佰嘉鸿装饰公司给做的，做出的和效果图上面的完全一样，而且活干的也不错，工人做的活也挺细的，北京写字楼装修公司哪家好。找北京佰嘉鸿装饰工程有限公司。010-57212068</t>
  </si>
  <si>
    <t xml:space="preserve">颈椎病能压迫心血管，引起心慌吗？ </t>
  </si>
  <si>
    <t>问题分析： 颈椎病会引起一定的心慌，胸闷，主要是退变的颈椎压迫了相应的神经所致。所以要使胸闷，心慌消失应该矫正颈椎的错位移位等，解除对神经的压迫。意见建议：最好的治疗方法是去医院推拿科找个有技术的医生用手法推拿矫正颈椎的移位错位等，如果运用得当，一般几次病情就会明显好转。有用的话，给个好评吧O(∩_∩)O~~</t>
  </si>
  <si>
    <t xml:space="preserve">网通最新区是哪个??网通新开的区是哪个??什么时间开的谢谢 </t>
  </si>
  <si>
    <t>网通二区“神罚”,5月16日中午12：00开区,是目前最新的</t>
  </si>
  <si>
    <t xml:space="preserve">营业执照的经营范围变了，税务登记证变需要带哪些资料我公司的营业执 </t>
  </si>
  <si>
    <t xml:space="preserve">工商变更后，还要进行税务和组织机构代码证变更。 税务变更需要提交的资料 （1） 企业法人营业执照副本原件和复印件 （2） 已变更的组织机构代码证书原件和复印件 （3）法人代表身份证原件和复印件 （4）《承若书》：说明现任法人代表承若承担前任法人代表所有的税务责任。（由现法人代表亲笔签名、盖单位公章，复印件无效） （5） 国税税务登记证正副本原件 （6） 如果同时发生股权变更则需提供变更后验资报告或变更后工商局出具的股东名录薄原件和复印件 组织机构代码证变更提交的资料 （1）营业执照副本原件及复印件； （2）法人（负责人）和经办人身份证复印件（印在二张A4纸上）。 （3）公章； （4）组织机构代码证书。 </t>
  </si>
  <si>
    <t xml:space="preserve">方脸适合剪bobo头吗?方脸适合剪哪些短发? </t>
  </si>
  <si>
    <t>及眉刘海加小卷发（淑女）斜长刘海加马尾辫（可爱）两边小碎刘海（通用）</t>
  </si>
  <si>
    <t xml:space="preserve">孕前一直有健身习惯，孕早期是否可以继续低强度健身？老师您好，目前 </t>
  </si>
  <si>
    <t>你好，不建议的，前三个月不建议运动，可以慢走，因为前三个月不稳定，容易流产。三个月后可以低强度瑜伽。</t>
  </si>
  <si>
    <t xml:space="preserve">徐州经贸高等职业技术学校(院)请问这个学校是公办还是民办呢?专业 </t>
  </si>
  <si>
    <t>是公办的，你可以打电话或者直接到学校咨询</t>
  </si>
  <si>
    <t xml:space="preserve">怎么现在狗书买不到呀,各位大哥大姐帮帮忙呀!怎么现在狗书买不到呀 </t>
  </si>
  <si>
    <t>那你应该不是老区,打白蛇,机关巨兽,出狗书,在有就是12点的时候去未知暗殿,那里刷真的白蛇,也爆35级的书,尸霸也出</t>
  </si>
  <si>
    <t xml:space="preserve">UIeadGIF汉化版在哪里有下载的呢？如题，多谢各位老师！谢谢 </t>
  </si>
  <si>
    <t>打开下面的网址看看能够用吗.      Ulead GIF Animator V5.05 汉化版  共享软件       Ulead GIF Animator v5.05  汉化软件/动画制作  免费版</t>
  </si>
  <si>
    <t xml:space="preserve">供大家参考阿森纳打联赛杯,都是二线队员出场,即便对手是利物浦、切 </t>
  </si>
  <si>
    <t>态度决定一切。</t>
  </si>
  <si>
    <t xml:space="preserve">请问一下懂B超的来解说一下是男还是女。双顶径5.8cm头围22. </t>
  </si>
  <si>
    <t>这很难说，我当时胎心监测一直在130-145之间，是男孩。我的胎动在5个月左右开始的，但不是很厉害。我感觉看一些经验之谈的资料并不是那么准确。</t>
  </si>
  <si>
    <t xml:space="preserve">C语言循环、条件与数组综合运用（n阶幻方）题目是这样的:输入任意 </t>
  </si>
  <si>
    <t>#include&lt;std.h&gt;void main(){  printf("输入:");  int n=0;  scanf("%d",&amp;n);  int **mat=new int*[n];  int i=0,j=n/2;//i,j做下标,第1个数放在第1行中间位置  for(;i&lt;n;i++)  {    mat[i]=new int[n];  }  i=0;  for(int k=1;k&lt;=n*n;k++)  {    mat[i][j]=k;//当前位置取值    if(k%n==0)//对角线已满    {      i=(i+1)%n;//下一位置向下一行    }    else    {      i=(i-1+n)%n;//下一位置向右上方      j=(j+1)%n;    }  }  printf("输出:\n");  for(i=0;i&lt;n;i++)//输出结果  {    for(j=0;j&lt;n;j++)    {      printf("%2d  ",mat[i][j]);    }    printf("\n");  }}</t>
  </si>
  <si>
    <t xml:space="preserve">电脑很卡？我家电脑很卡只是最近才这样以前不会的为什么啊 </t>
  </si>
  <si>
    <t>1、请选择合适的电脑管理软件，比如360安全卫士或QQ电脑关键，优化处理一下。2、使用杀毒软件全盘杀毒，查杀木马病毒。3、尽量避免使用大体积的安装软件，使用轻便的软件。</t>
  </si>
  <si>
    <t xml:space="preserve">谁能告诉我，如何才能摆脱失眠！ </t>
  </si>
  <si>
    <t>提高睡眠质量十法 1.坚持有规律的作息时间，在周末不要睡得太晚。如果你周六睡得晚周日起得晚，那么周日晚上你可能就会失眠。 2.睡前勿猛吃猛喝。在睡觉前大约两个小时吃少量的晚餐，不要喝太多的水，因为晚上不断上厕所会影响睡眠质量；晚上不要吃辛辣的富含油脂的食物，因为这些食物也会影响睡眠。 3.睡前远离咖啡和尼古丁。建议你睡觉前八小时不要喝咖啡。 4.选择锻炼时间。下午锻炼是帮助睡眠的最佳时间，而有规律的身体锻炼能提高夜间睡眠的质量。 5.保持室温稍凉。卧室温度稍低有助于睡眠。 6.大睡要放在晚间。白天打盹可能会导致夜晚睡眠时间被“剥夺”。白天的睡眠时间严格控制在1个小时以内，且不能在下午三点后还睡觉。 7.保持安静。关掉和收音机，因为安静对提高睡眠质量是非常有益的。 8.舒适的床。一张舒适的床给你提供一个良好的睡眠空间。另外，你要确定床是否够宽敞。 9.睡前洗澡。睡觉之前的一个热水澡有助于你放松肌肉，可令你睡得更好。 10.不要依赖安眠药。在服用安眠药之前一定要咨询医生，建议你服用安眠药不要超过4周。 最后专家提醒，失眠的时候不要给自己压力，因为压力会让你更睡不着。 如果满意请点击好评分享方法：调整睡眠习惯，改善失眠。　　不规律是造成失眠的重要原因。要形成正常而有规律的生活节奏，养成按时睡觉、按时起床的好习惯。每晚不管睡不睡得着。也要按时上床，即便是周末也不能试图补补觉。也不要由于昨夜睡得少，今晚则早早上床以弥补损失。由于这种做法对克服失眠症没有任何帮助。此时，当您实在难以入睡或半夜醒后再也睡不着时，你可以试着起床做些单调而轻松的事情。如上上网、看看电视或听听音乐等，等到确实感到有了困意时再上床就寝。但切记，不要做让自己激动的事情。　　营造良好的睡眠环境，阔别失眠。　　卧室环境的好坏对睡眠有重要影响。卧室内应该保持安静、温度适宜、光线柔和、暗淡并适当透风。床铺和被子褥清洁、舒适;枕头的高度适宜、软硬适度，*好使用带有颈垫的枕头。　　正确对待失眠　　失眠并不可怕，怕就怕有心理负担。失眠先要解除对失眠的顾虑，树立少睡一晚也无碍的观念。睡眠就和吃饭一样，不是每个人的饭量都一样的。每个人需要的睡眠时间也不同，有些人即使长时间睡眠偏少，也不会影响身体健康。所以，假如没有严重的睡眠不足感，哪怕一天只睡5个小时，者连续几个晚上睡眠都较差，也是正常的，无需为睡眠不足而烦躁担心、顾虑重重。很多时候，失眠者是自己吓自己，心里总是觉得自己睡眠不足，担心睡不着，于是就越来越睡不好，形成恶性循环。实在，只要心情放松，没有压力，自然轻易人眠。　　心理上放轻松些，阔别失眠。　　生活压力使人精神紧张，白天工作、学习、生活中的很多事情或许会强烈影响你的情绪以至于夜晚也无法入睡。所以，在睡觉之前要抛开种种杂念，放松心不能，同时，要消除对失眠的恐惧心理，充分做好身体和心理上的放松。有意识的使自己的活动遵循正常的自然节奏，保持平稳的心态，对睡眠大有帮助。（亲~~麻烦给个“好评”吧~~赠人玫瑰，手有余香~~谢谢了！）1、 在枕头旁边，放１０克左右切成丝的生姜，就能催人入眠。 2、猪心１个，三七、蜂蜜各３０克。将猪心洗净，与三七共煮，待猪心熟后加入蜂蜜。吃肉饮汤。 3、麦仁３０克，大枣１５枚，甘草１５克。小麦去皮，与后２味入锅，加水３碗，煎至１碗。每晚睡前顿服。 4、山楂核３０克。炒焦成炭，捣碎，水煎后加适量白糖，每晚睡前服１剂。主治心悸、失眠。（胃酸过多者忌用） 5、鸡蛋２个，枸杞１５克，红枣１０枚。先将枸杞、红枣用水煮３０分钟，再将鸡蛋打入共煮至熟，日服２次。主治失眠、健忘。 6、酸枣仁粉１０克，绿茶１５克。清晨８时前冲泡绿茶１５克饮服，８时后忌饮茶水。晚上睡前冲服酸枣仁粉１０克。凡高血压、心动过速、习惯性便秘及哺乳期妇女慎用。 7、龙眼肉１５克，枸杞１０克，红枣４枚，粳米１００克、洗净，加水煮成粥，日服２次（晨起空腹和晚睡前），常服效佳。 8、干龙眼肉、芡实各１５克，粳米１００克，去心莲子６克，白糖适量。将芡实煮熟去壳，捣碎成米粒状；粳米淘洗干净放入锅中，加莲子、龙眼肉、芡实及清水，煮成粥后调入白糖，每日１剂。 9、将花生叶（鲜叶最好）用白开水冲水入壶内或杯内，等花生叶的色泽泡下后饮下，约１０分钟左右，即能入睡，有效率达９５％以上。 10、茯神１５克，生鸡蛋黄１个。茯神加一杯半水，煎成一杯。稍凉加入鸡蛋，搅匀。睡前先以温水洗脚，然后乘热服下药液，时间不长即可安眠。 11、丹参、远志、石菖蒲、硫黄各２０克。共研细末，加白酒适量，调成膏状，贴于脐中，再以棉花垫于脐上，用胶布固定，每晚换药一次。 12、党参１５克，麦冬（去心）９克，五味子６克，夜交藤、龙齿各３０克。晚饭前水温服，留渣再煎，晚上睡前１小时再服，每日１剂。 13、党参６０克，玄参３０克，琥珀１８克，朱砂、麦冬各１２克。共研细末，过筛。每次服３－５克，睡前半小时白开水送服。 14、枸杞３０克，炒枣仁４０克，五味子１０克。和匀，分成５份。每日取１份，放入茶杯中开水冲泡，代茶频饮。或日饮３次，但每次不少于５００毫升。 15、五味子３０克。水煎，睡前服。主治失眠、周身乏力。 16、 鲜丹参１６克，鲜酸枣根３０克。水煎，日服２次。主治失眠、健忘、夜多怪梦。 17、胡桃仁适量，连皮捣碎，和红糖饭后冲服。请给好评谢谢您</t>
  </si>
  <si>
    <t xml:space="preserve">阿里旺旺的ID是什么呀!我想在前程无忧招聘网里面注册为会员；可是 </t>
  </si>
  <si>
    <t>阿里旺旺ID是要注册成为阿里巴巴网的会员后才能有的.你可以去注册一下，就可以填了。</t>
  </si>
  <si>
    <t xml:space="preserve">我的微博被盗了，那个人还绑定了他的号码，这种情况怎么解绑盗号者手? </t>
  </si>
  <si>
    <t>我跟你一样。上一个账号被封了,我还没察觉。后来这个账号才发现,原来存在异地登陆。我一查,自己不在时候,微博发出去好几条,都是什么送豪礼,发链接...</t>
  </si>
  <si>
    <t xml:space="preserve">点卷不能兑换积分吗？我买的点卷没用完剩几百点什么也买不了怎么办？ </t>
  </si>
  <si>
    <t>不能换  不过 你可以买 "纹身"  能加倍得到的积分或经验</t>
  </si>
  <si>
    <t xml:space="preserve">后腰部特别怕凉,肚子里也好像有凉气,怎么回事 </t>
  </si>
  <si>
    <t>用附子理中丸  试试。</t>
  </si>
  <si>
    <t xml:space="preserve">谁能传一些kimi的赛车和他本人的图片最好是新车的 </t>
  </si>
  <si>
    <t>看</t>
  </si>
  <si>
    <t xml:space="preserve">怎么区别坦克歼击车与坦克?请以2战时期著名的为列子来说明. </t>
  </si>
  <si>
    <t xml:space="preserve">世界上第一门具有装甲防护的炮塔式自行火炮是由德国人制造的。第一次世界大战中崛起的牵引式反坦克炮在机动性、防护性上都较差。德国认为 ，只有使这些火炮跑得和敌坦克一样快，才能有效地与坦克相对抗。另外，由于初期坦克的火炮口径较小，火力较弱，也需要有一种能够伴随坦克行进，为坦克提供火力支援，并有一定防护性能的火炮。1939年9月，纳粹德国占领了捷克斯洛伐克，获得了大量当时性能比较优越的捷克造47毫米反坦克炮。德国柏林的阿尔凯特公司把这种炮安装在T─1型坦克盘上，设计制造了一个背面敞开的箱形装甲炮塔，炮塔不能旋转，但火炮可左右侧转15度。阿尔凯特公司于1939年制造出世界上第一种自行反坦克炮，实战使用效果良好。后来，德国又发展了T─III、 “斐迪南”、 “黑猎豹”等火炮口径更大，火力更强的自行反坦克炮，在二次世界大战中广泛使用。由于自行反坦克炮多用于伴随坦克进攻和作战，所以又称 “强击炮”。继德国之后，苏、英、美等国也研制发展了与德国相似的强击粉。坦克是具有强大直射火力、高度越野机动性和坚强装甲防护能力的履带式装甲战斗车辆。坦克歼击车 坦克最早出现在战场上是一战，而坦克的大规模集团运用是二战给界开了这个先河。据现有资料来看，作为坦克集群出现的副产物，坦克歼击车早期雏形的出现是在二战中42年2月份的东线战场上，那个时候苏联德国各自苦恼对方的坦克突击而研制出了Su-76和黄鼠狼。尽管这两种武器在击毁坦克的纪录上毫不逊色，但是把它们称为坦克歼击车实在是有点抬举那全开放式的战斗室了。 所谓坦克歼击车的任务目的非常明了，那就是歼击坦克，换句话说，也就是坦克杀手。在最早的日子里，德国苏联都在苦恼一个问题。那就是战场上的反坦克炮的机动性。作为一种防御性武器，反坦克炮的不灵活性给处于防御势态的部队带来严重的不便，甚至是在很大程度上可以导致防御作战的失败的重要原因。作为一种应急方案，可移动的装载反坦克炮的自行火炮就开始出现在战场，它既可以随同部队进攻，也可以机动防御。这就是坦克歼击车的早期雏形。不过这种临时拼凑起来的武器纵然能解决一时的反坦克问题。但是终究会被优胜劣汰的军事界所改良，而这种改良以后的武器，就成为真正意义上的坦克歼击车。 作为东线战场上建立卓越武勋的Su-76，黄鼠狼，犀牛，由于它们的全开放式战斗室和重量，我只是把它们作为自行反坦克炮来看待，本文将不介绍这样的武器。 具有真正意义的坦克歼击车是有着以下的几个特点的。 1，全封闭式战斗室 2，与同等级或者改装级的坦克对比，拥有较强穿甲能力的火炮。 3，相对而言较轻的重量。 4，反装甲作战中依靠的主力 坦克歼击车在过去被称为驱逐坦克。虽然它与坦克的区别在外行人看来并不大。（比如我老婆这样子的）。驱逐坦克的名字有一定问题，但是意思非常明确，也就是主要被用作防御体系中反坦克任务的坦克。既然也被称之为坦克的话，全封闭式战斗室的设计自然不用多说了。 而相对的一些著名的武器，例如III号突击炮，Su-122等尽管在很多时候面对敌军的装甲车辆被当作反坦克炮来使用，但是纵观战争全局来说，它们更多的是被用作突击火炮或者直瞄火炮的场合当中。 但是像SU-152这样的被苏军明确成为突击炮的武器，由于它经常面对德军的坦克和装甲车辆，并且被编入反坦克团。本文将把类似这样的武器作为一种变相的坦克歼击车来考虑。 东线战场上的坦克歼击车 出现在战场上最早的具有真正意义的坦克歼击车是著名的动物杀手—苏联红军的Su-152。这种武器的出现要说到一种经典武器给苏联红军带来的影响。这就是在42年8月29日首次出现在东线战场上的德军第502重装甲营装备的虎式坦克。502重装甲营的1连装备的4辆虎式坦克出现在革命家大街上的时候，几乎所有的苏联坦克兵和反坦克炮兵都被这种武器所折服，对于当时的苏联反坦克炮来说，虎式坦克的前部最厚的100毫米装甲，实在是无法从正面击穿，而这种具有重装甲防护的武器所装备的88毫米/56倍口径KwK36炮具有在1000米的距离上击穿100毫米装甲的能力，这也就是希特勒要求的对等穿甲能力和对等防护能力的完美体现。因此，苏联红军在43年1月份缴获了虎式坦克以后，就开始发展一种能够在安全距离上击穿虎式坦克并且具有较强装甲防护的一种类似于Su-76的武器。这也就是Su-152的诞生。 Su-152在研究开发阶段被命名被KV-14。由于它采用KV-1坦克的底盘设计而得名。最早Su-152被作为能够完成苏军中的新型突击炮的任务目的而设计的突击炮。可是由于虎式坦克的出现。Su-152被红军高层要求同时具有较强的反坦克能力。在此种意义上，Su-152采用了新型的ML-20炮。ML-20型炮射击初速达到655 m/s，可以在2000米的距离上垂直击穿110mm的装甲。在装甲防护上超过了苏军的T-34，前部最厚装甲为75毫米。在这种意义上来讲，苏军终于拥有能够与虎式坦克一对一较量一番的装甲车辆了。KV-14的研究开发工作在43年2月份结束，随后试车的阶段，几乎所有的苏联坦克部队指挥官都对这种威力强大的新式武器赞不绝口。在它正式投产以后装备部队的时候被命名为Su-152。Su-152并没有采用坦克炮塔的结构，而是使用不可旋转的全封闭式战斗室结构。由于Ml-20火炮所要求的分装式装弹方式，Su-152的射速仅仅每分钟2-3发。由于采用了KV-1的底盘和引擎，Su-152的机动性并不是像T-34一样出色。但是这已经足够，因为苏军原本就是希望设计一种防御性武器来阻挡德军的重型坦克。 1943年5月，苏军成立了第一个具有真正意义的反坦克团。成功的KV-14被命名为Su-152，并且开始正式装备部队。经过库尔斯克装甲会战的洗礼之后，苏联坦克兵们对这种新式武器在战场上的表现还是非常满意的。由于它的优秀的穿甲能力，使得它得到“动物杀手”的称号，Su-152的综合评价在部队中还是处于很高地位的。但是这毕竟是第一个出现在战场上的坦克歼击车，从宏观角度来看，它仅仅是被用作一种能够对抗敌军新式武器的武器来研究开发的。Su-152的机动性很差，很难追随苏军的坦克装甲集群进攻，它优异的表现更多的被体现在如同库尔斯克这样的防御作战当中，作为一种防御性武器，它的射速太慢，无法有效的对付速度较快的德军IV号坦克和豹式坦克组成的装甲突击集群。而在苏军当中，Su-152的相对生产速度也不是很高，所以只有几十辆赶上了库尔斯克会战，而在战争中真正发挥作用的还是苏军的多重立体防御阵地和完美的T-34坦克。 与此同时德军的坦克歼击车发展几乎同步，而这第一种真正意义的坦克歼击车出现只比苏军晚了几个星期，但是却创造了一个坦克歼击车历史上的奇迹，同时也影响了德国后来的设计理念。这就是著名的象式坦克歼击车。 象式坦克歼击车最早要追说于纳粹德国的VI号坦克发展计划，有资料说德国甚至在39年开战前夕就准备发展一种具有重装甲防护同时拥有强大火炮的能够与法国的重型坦克相抗衡的武器，这就是VI号重型坦克发展计划。而执行这个计划的就是当时德国最好的两个研究队伍—波尔舍博士领导的保时捷公司和阿德斯博士主管开发计划的亨克尔公司。在经过长时间开发试验以后，两个公司都提供了自己的新方案和样车，其中亨克尔公司的VK4501H获得巨大成功，在激烈竞争中打败希特勒极为赏识的波尔舍博士的VK4501P，成为德国军方新型的坦克设计选择，也就是后来的虎式坦克。而为了给波尔舍博士一个荣誉，同时也给已经生产了90辆的VK4501P一个检验的机会，希特勒特别批准了波尔舍博士建立重型突击炮部队的请求。这也就是后来的象式坦克歼击车。 象式坦克歼击车在采用重装甲防护上远远超越同期的虎式坦克，前部最厚为200毫米，是当时的世界第一。在主要武器威力上也把虎式坦克甩在后面，主要兵装为88毫米/71倍口径PAK43炮，在2000米的距离上可以穿透150毫米的装甲，这是当时苏军坦克远不能达到的装甲厚度，换句话说，象式坦克歼击车拥有在远距离摧毁苏军坦克的能力，同时具有极为坚固的防护能力。在坦克歼击车的发展道路上，由于双方坦克遭遇战的频繁发生，和坦克装甲和火炮的极端发展，使得苏德双方在防御做战中都吃尽了对方的苦头，开始了重型坦克歼击车的发展计划。象式坦克歼击车可以说是一个德军重装甲强火炮的极端体现，与此同时，不可避免的牺牲了坦克歼击车另外一个重要的能力—机动性。象式坦克的装甲和火炮决定了它的车重远大于虎式坦克，为德国当时最重的装甲车辆，而相应的机动性能降至最低点，在道路测试中，最大速度的公路行进只有每小时32公里的距离，这还没有考虑苏联复杂的雪地和泥泞道路的困难系数。也正是如此，装甲兵总监古德里安对象式坦克歼击车能否适应德军的闪击战模式而感到困惑，把象式坦克歼击车编为两个新成立的部队，653和654重型突击炮营，随后给这种新式武器命名为菲迪南坦克歼击车，以此纪念波尔舍博士对第三帝国军事工业的贡献。鉴于古德里安的意见，重型突击炮营改名为重型坦克歼击营，以示一定的区别。无论是波尔舍博士还是希特勒都没有料到，这种新式武器以及后来的一系列表现决定了它在坦克历史上的地位和后世最有争议的二战武器之一的评价。让我们一起来看一看菲迪南坦克歼击车在库尔斯克会战中的表演。 两个重型坦克歼击营隶属于中央集团军群作战序列，同南方集团军群装备虎式坦克的重装甲部队遥相呼应，北方突击集群里面的这两个重坦克歼击营。他们同一个也是新式武器的灰熊突击炮营组成一个坦克歼击团，被布置在进攻作战的最前沿。 波尔舍博士在设计这种新式武器的时候曾经为那门当时世界上最优秀的反坦克炮而骄傲，并且认为在这种无论是穿甲能力还是精度都在世界第一位置上的火炮下，没有苏联坦克能够前进到菲迪南的近距离作战，也就乐观的产生了另一个重大的失败决定，菲迪南坦克歼击车没有安装自卫机枪。这样的失误在战场上导致的后果是不堪设想的。 而灾难还没有显示出完结的样子，菲迪南坦克歼击车可谓坦克设计历史上的一个叛逆儿，它没有采用传统的可信赖的燃油动力系统，而是赶时髦的采用了当时并不完善的电力动力系统。这在装甲车辆的设计中还是首例。 处于阵地前沿的坦克歼击团毫无疑问的担当了进攻作战的主力，德军认为没有任何苏联反坦克炮能够击毁菲迪南坦克歼击车，只要他们始终在进攻，也就是前部装甲对着敌人。在第一天的作战中，菲迪南的确给与苏联红军极大的震撼，甚至在至近距离上，红军的76.2毫米反坦克炮也不能伤及菲迪南的半点毫毛，同时在防御作战中的T-34坦克被极为轻易的在远距离大破。第一天里，波尔舍博士的设立理念就开始作怪，这里有一点点争议，电力动力系统在一些资料里被称为还算成功，机械故障并没有传闻的那么多，而在另外一些资料里则称为极为失败的动力系统，不耐久，且易出故障。不管怎么说，这种新型动力系统在第一次战场洗礼中，多少会有一点不乖的表现，我们可以相信，在第一天卫+1中，有几辆菲迪南的动力系统出不小的故障，并且送到后方大修。在某种意义上来说，本来数量就少的重型突击武器可发挥的威力大打折扣。 而苏军很快的就发现了这种新式武器的一个罩门—机动性。在卫+2作战中，苏军开始采用正面吸引侧面埋伏的战术，使用数量并不多的KV-1和Su-152来对抗菲迪南坦克歼击车，在这种斗智斗勇的战斗中，双方互有损伤。但是菲迪南的战绩依然骄人。在整个卫城作战中，653坦克歼击营取得了击毁200多辆敌军装甲车辆的战绩，而自己损伤仅仅10辆左右。而姐妹654营的命运就悲惨的多，可以说是菲迪南博士和德国军方的双重牺牲品。在后来的作战中，苏军再度发现了菲迪南的另外一个致命弱点—没有自卫机枪。在德军战线开始崩溃的同时，一个剿灭菲迪南的计划开始出台。对于当时由654营担任后卫的波涅里车站来说，步兵对坦克的屠杀开始，苏军的战争之神—火炮在这场屠杀中发挥了最重要的作用，几乎一半的菲迪南都毁于炮弹的直接命中，而剩下的则被苏联士兵包下，随后是飞机和坦克的威胁，整个654营除去以送回维修的10辆菲迪南左右，只有3辆回到了自己的阵地。 在整个库尔斯克作战结束以后，654营的菲迪南全部交给653营，同时这种毁誉参半的坦克歼击车被改名为象式。并且加装自卫机枪，正式进入德军反坦克作战的序列当中。 象式是德军第一个真正意义的坦克歼击车，它有着同时代装甲车辆不可比拟的强项，但是也有着自己独特的致命弱点。由于机动性太差，它无法在远距离击毁苏军坦克以后迅速推进，更无法跟上德军的IV号坦克突击集群的快速推进，坦克歼击车的固定炮塔加上差劲的机动性，也很容易被来自侧翼的打击所击溃。电力动力系统的不完善，在原本就差劲的机动性上更是雪上加霜。没有安置自卫机枪就根本不适合于进攻作战，无法在没有大量步兵支援的情况下独力支撑面对由步兵部队组成的突击集群。在卫城作战中，象式坦克歼击车的这些致命缺点都被体现出来，并且为敌人所完美的运用。 但是作为德军第一种出现在战场上的坦克歼击车，象式的重型道路决定了德国今后的坦克歼击车的发展方向，同时作为很多指标都在当时世界上处于领先地位的象式来说，在战场上的表现有不少还是可圈可点的，领先于时代的各种设计理念也深深的影响到了战后的很多坦克歼击车。但是，坦克歼击车不适合作为进攻武器来运用，它归根到底是一种防御性武器的概念被库尔斯克会战中的菲迪南坦克歼击车所证明了。 逐渐成熟的坦克歼击车 在苏德双方的第一代坦克歼击车的诞生以后，两国的坦克歼击车发展计划也并没有完结，而是借助成功经验吸取教训，把新一代的坦克歼击车发展完善。 曾经有人说过，二战德国最优秀的坦克是豹式坦克，也有不少人持反对观点，因为相对苏军的主力T-34坦克来说，豹式的造价和生产周期还是较高。但是这些反对者所欣赏的坦克在各种坦克争奇斗艳的德军当中唯独选中了IV号坦克。他们很多人认为IV号坦克才是第三帝国的装甲支柱，并且有一个非常重要的观点，那就是以IV号坦克为基础设计的各种装甲车辆都是非常成功的。那么下面，我就要为大家介绍一种以IV号坦克的生产技术为基础而设计的一种非常成功的坦克歼击车—IV号坦克歼击车。 IV号坦克歼击车的设计开发实际上很早，早在41年巴巴罗萨计划开始以后，德军在欧洲战无不胜的坦克遭遇了前所未有的打击，这就是T-34打击。作为轻型坦克的III号和IV号D型根本无法抗衡苏军的T-34坦克。而德军内部的新型坦克发展计划还在研发当中，无法及时有效的解决前线部队的这一困难，作为补充方案，一种可以快速生产以现有技术为基础的可以在火力上压制T-34坦克的新型自行反坦克炮的发展计划就诞生了。这就是当时的宽幅履带突击炮计划。 由于德军III号突击炮的巨大成功，希特勒的要求是希望以III号突击炮为基础而设计一种新式的坦克歼击车，而德国军方的要求是需要这种武器全重在25吨—30吨之间。在当时德军内部的坦克技术中，只有IV号坦克的技术是最完美符合要求的成功经验。 曾经成功设计III号坦克的阿尔凯特公司得到了这种新式武器的研究权，就以IV号坦克的底盘为基础研究一种全新的坦克歼击车。而就在样车出台并且受到好评的同时，德国科学家们遭遇了一个非常尴尬的问题，原本计划使用的75毫米/70倍口径KWK42炮由于要优先供应德国V号坦克发展计划，而这种新型坦克歼击车的主炮只好另找婆家，经过筛选和希特勒本人的热情干扰，最后主炮选定了III号突击炮的Stuk40型75毫米/48倍口径炮。经过一系列的测试，在43年1月份，德国军方终于决定把这种新式武器投入量产阶段并且装备部队。新生力量的出炉往往经历许多痛苦的阶段，在43年2月份刚刚就任装甲兵总监的古德里安将军对这种新式武器表示了极大的不满，他认为在作用上与III号突击炮区别不大，根本没有必要量产。也正因为如此，IV号坦克歼击车虽然没有夭折在襁褓里，但是生产权却被交给另外一家沃马格公司。所幸的是沃马格公司把德国人精益求精的精神发挥到了极限，又在原有的设计基础上不断完善，第一辆原型车造出以后人们惊奇的发现与原来的样车有着很大的不同。首先车身变矮，车高只有1.7米。车体底盘前部用钢板组成一个锐角形状，增加了自卫机枪，主炮却换装了IV号坦克的75毫米/48倍口径PAK39炮等等，使得原本就优秀的设计基础再次吸收一些失败经验而更加完美。 IV号坦克歼击车并没有赶上库尔斯克装甲会战，而是在德军不断溃败的防御作战中发挥了应有的价值，获得极大的好评，但是一些问题也相应的显露出来。正如古德里安将军最早指出的那样，IV号坦克歼击车在运用和效能上与III号突击炮区别并不是很大，一些人开始对这种武器有没有必要再继续大量生产产生了怀疑。因此，原本的设计方案再度被抬上议案，那就是给IV号坦克歼击车加装75毫米70倍口径KWK42炮。这种改良以后的长身管IV号坦克歼击车被称为A型，也是IV号坦克歼击车的最终型。 此时的德军早已四面楚歌，苦不堪言的防御作战中，IV号坦克歼击车被发送到许多装甲师的坦克歼击营中，在德军内部的坦克歼击车中，IV号坦克歼击车的产量是坦克歼击车中的第二位。也正是因此它也是坦克歼击部队所依赖的主力。 IV号坦克歼击车由于出现较晚，没有赶上德军主要的进攻作战，大部分时间都在战场上苦苦防御。这也正好印证了德军原本的坦克歼击车防御设计理念的原点。固定式炮塔由于其视野狭小，反映能力有限，德军的坦克歼击车成功战例更多的表现在防御作战中。 IV号坦克歼击车经过了很长时间的设计，在此之中又吸收了很多宝贵的经验，从被依赖程度和取得的战绩上来看，它是一种成功的武器。IV号坦克优秀的机动性过继给了这个后辈，其在东线战场和西部战线中来回奔波充当消防队的角色，不断填补德军日益空虚的防线，同时还拥有优于IV号坦克的装甲防护和火力，其75毫米/70倍口径的KWK42炮的穿甲能力被豹式坦克和IV号坦克歼击车所不断证明。相对较低的车体，使得其在防御作战中较难被发现和瞄准。大容量的燃油储存也表示其持续作战能力之强。虽然车身较矮带来战斗室狭小和主炮尘烟过大等等一些缺点同样是存在的，但是从整体上来说，德军的这种坦克歼击车还是一种成功设计的典范。 而与此同时，苏联科学家们也在显示着技术力量的奇迹。早在42年虎式坦克出现在东线的时候，苏联人就在寻求一种可以摧毁这种强大武器的武器。上述的Su-152坦克歼击车只是一个过渡阶段，虽然表现及其出色，但是还代替不了Su-76。那么，一种新型的坦克歼击车的研制就是不可避免的了。 苏联人经过多次试验，发现优秀的85毫米高射炮是现役中最优秀的选择。在这一点上，和德国人无敌88装载到坦克的经历是何其类似。而苏军现役的装甲车辆底盘中以Su-122的基础作为新型坦克歼击车最好。彼得罗夫研究局接受了这个任务，研制一种更加优秀的坦克歼击车。这种坦克歼击车就是后来在东线战场上有上佳表现的Su-85坦克歼击车。最早期的Su-85只是在Su-122的底盘上安装了85毫米高射炮，同时增加了新型火炮防盾，同时取消了作用不大的并列机枪，而后一种有着严重缺陷的样车出台，很快就被淘汰了。最终定型的Su-85实际上已经是改良过的第三代样车。特别值得指出的事，Su-85的很多部件与当时苏军装备最多的T-34坦克是通用的。苏军坦克兵很容易就可以掌握这种新型坦克歼击车的操作，在战场上也便于维修和补给。这是一个成功的经验。同德军的IV号坦克歼击车一样，苏联人也注重于寻求现有可靠武器的改装和升级。Su-85在战场上的优异表现决定了它作为一种可靠有效的武器得到更大的发展，苏联人曾经寻求给Su-85安装德军的88毫米PAK43型火炮，但是由于车身重量所至，这个计划被取消了。而由于新型坦克歼击车的穿甲弹技术问题迟迟不能得到解决，而德军坦克的装甲也越来越厚，那么最好的方法就是给Su-85换装威力更加强大的火炮，一种长身管D-5型85毫米高射炮被安装到了Su-85的身上，改装过的Su-85被称为M型。前部装甲也从65毫米增加到75毫米。通过一系列的改装和换代升级，Su-85在战场上的表现随着它的威力的增加也越来越大，在44年苏军夏季攻势中，装备Su-85的反坦克团在战场上摧毁了100多辆德军坦克。而在布达佩斯作战中，苏军的Su-85更是与虎王坦克展开了较量同时胜出。战后，Su-85由于其优异性能，也被装备到了许多前华约国家。 纵观Su-85的诞生，被誉为苏联坦克歼击车史上的杰作。机动性能良好，火力威猛，完全适应消防队的本来任务。加上使用通用部件很多，适合快速掌握和大量生产，在这种意义上来说，苏联人借鉴了T-34的完美经验，又在第一代坦克歼击车中总结出不足，在这种基础上生产出的Su-85坦克歼击车，无疑是一个里程碑式的作品。和苏军坦克歼击车防御理念相对应，Su-85也是以良好防御为目的设计的产品。 在IV号与Su-85坦克歼击车的诞生中看到，无论是苏联德国都在吸取战场上的经验，同时完善自己的现有装备。很多时候，把希望寄托在从来没有经过实战验证的新式武器上，不如改善现有的可靠的装备这种客观的理论被Su-85和IV号坦克歼击车不断的证明。 完美的坦克歼击车 经过了常年作战得来的宝贵经验，和失败中总结出来的教训。这个时候的德苏两方开始研制了第三代坦克歼击车。时至今日，双方的坦克歼击车防御作战理念已经得到根本的完善。而掌握的技术和如何运用的方法也更上一层楼。由于苏德两军的坦克装甲车辆的防护越来越好，使得坦克歼击车的发展路途也更加遥远。这个时候的第三代坦克歼击车已经可以说是二战中最完美的坦克歼击车了。 德国人的最好的坦克是哪一个，众说纷纭。而若问德国二战中最优秀的坦克歼击车是哪一个的时候，几乎所有人都会回答，那是猎豹坦克歼击车。甚至从盟军苏军的角度来出发，把猎豹说成是二战中最优秀的坦克歼击车的也是大有人在。 豹式坦克的不断成功给了德国人研制新型坦克歼击车以很大的启发，1942年10月，德国著名的克虏伯公司承担了新型坦克歼击车的研究工作。采用豹式坦克的原有底盘，改换新的结构，把豹式坦克的前部和侧面的倾斜装甲板一直延伸到顶部，换装威力更强的71倍口径88毫米PAK43炮，动力系统也原封不动的挪过来。而一直到1943年12月16日，猎豹的样车才接受了希特勒的检阅，大喜过望的希特勒决定在44年1月份，把猎豹正式投入量产阶段。 猎豹坦克歼击车的前部装甲厚度为80毫米，侧面为60毫米。加上倾斜效果，其正面装甲防护力同虎式坦克差不多。防盾采用具有经验的突击炮上的猪嘴型设计，炮架在初期型上是直接焊接到前部装甲，而后期型就是由于炮架加大，只好用螺丝直接固定在前部装甲上了。加上比虎式豹式都优秀许多的PAK43炮。豹式坦克火炮的穿甲能力无愧于坦克歼击车这一美誉。 猎豹坦克歼击车完美的过继了豹式坦克优秀的驱动系统和悬挂装置，宽履带设计使其比IV号坦克歼击车更加适应复杂的道路环境。其简洁明了而与主战坦克通用的设计，在生产和维修时期都是一个优势。恰到好处的装甲防护，让猎豹在拥有坦克歼击车最重要的速度以外还拥有了安全防护性，这是象式和IV号坦克歼击车所没有做到的。而强大穿甲能力火炮的搭载，与当时德国军队最惧怕的苏军JS-2坦克相抗衡，猎豹可以在安全距离上击毁这种威力无穷的斯大林坦克，可以说是步步后退前途渺茫的一个希望了。 与此相对，猎豹坦克歼击车还是一贯的不能旋转的固定式炮塔，这也是由于德军坦克歼击车防御作战理念的关系。 在二战中最早出现在战场上的猎豹有文字记载的就是德国国防军第654坦克歼击营一个营了，猎豹的产量并不高，在德军内部特别优先于装备坦克歼击部队，而654这个在库尔斯克会战时候几乎全军覆没的精锐部队又是首当其冲的装备了这种新式武器，并且出现在诺曼底的战场上，但是据《诺曼底装甲战：当时与现在》一书中的记录，654营也只是有一个连参加了诺曼底战斗，并且只有这其中的一部分装备了猎豹。德军对猎豹坦克歼击车非常重视，规定只能用于坦克歼击作战的任务。最近的热门军事影片《兄弟连》的第三集卡灵顿中，我们就可以看到猎豹坦克歼击车冲锋在前线的镜头，不过基于真实历史中的数量和规定的任务，恐怕只是老斯的一个噱头而已。 </t>
  </si>
  <si>
    <t xml:space="preserve">请懂中医方的帮我看看这个方子 </t>
  </si>
  <si>
    <t>都是虫药，治疗肿瘤的常用药，病止即停药。这样就不会有大的副作用</t>
  </si>
  <si>
    <t xml:space="preserve">请告诉我,你们现在可以上游戏了没有? </t>
  </si>
  <si>
    <t>不可以  急死人拉</t>
  </si>
  <si>
    <t xml:space="preserve">成人经常口腔溃疡怎么办? </t>
  </si>
  <si>
    <t>口腔溃疡是一种最常见的口腔粘膜疾病，在人群中患病率一般认为超过10％，可以发生于男女老幼，以中青年最多见。平常应注意保持口腔清洁，常用淡盐水漱口，戒除烟酒，生活起居有规律，保证充足的睡眠。坚持体育锻炼，饮食清淡，多吃蔬菜水果，少食辛辣、厚味的刺激性食品，保持大便通畅。妇女经期前后要注意休息，保持心情愉快，避免过度疲劳，饮食要清淡，多吃水果、新鲜蔬菜，多饮水等等，以减少口疮发生的机会。将维生素C药片1~2片压碎，澈于溃疡面上，闭口片刻，每日2次。这方法很有效果，我经常使用的。也可以多使用富含维生素的水果蔬菜，比吃药管用得多。</t>
  </si>
  <si>
    <t xml:space="preserve">踏雪出谜：鳏寡孤独．（打财会名词一） </t>
  </si>
  <si>
    <t>四联单</t>
  </si>
  <si>
    <t xml:space="preserve">经典悬疑推理电影?就像是&amp;lt;致命ID&amp;gt;,&amp;lt;八面埋 </t>
  </si>
  <si>
    <t>孤岛暴风雪模式的，呵呵，我也比较喜欢着类的推理，再加一点不可能犯罪，简直爽死了！关于这类的影片，真正以推理为主的大多是根据黄金时代大师们的作品改编的，电影都很老了，看着很不爽，而且最后的推理根本描述不清，还不如去看原著。那才真叫脑力的激荡呢。如果你只是想看个悬疑的，你干脆去找近代欧美出的悬疑大片。至少图像很清楚，推理剧盛行的时候是在道尔，AC的时代。黄金时代已经结束了，推理片也越来越衰落。</t>
  </si>
  <si>
    <t xml:space="preserve">小时侯有一位语文老师一直欺负我,打我,就是现在见到我也是那种态度 </t>
  </si>
  <si>
    <t>发奋图强，做一个对社会有价值受到尊敬的人，让他小视不得．</t>
  </si>
  <si>
    <t xml:space="preserve">600219如何操作它的买卖点是什么 </t>
  </si>
  <si>
    <t>该股单日换手率占流通股的70%,后市仍会振荡,建议后市逢高了解,虽有机构看好,但对价获利太大,谨防主力高位拉高出货.短线不宜太乐观.对该股的思考,如果不拉高向上,不会引来追买的跟风盘,一旦冲高,我想应该出货.</t>
  </si>
  <si>
    <t xml:space="preserve">你最羡慕什么样的赚钱方式? </t>
  </si>
  <si>
    <t>母务员也就是俗话说的小姐。</t>
  </si>
  <si>
    <t xml:space="preserve">小灵通,为什么不像手机一样换卡后异地用?如题 </t>
  </si>
  <si>
    <t xml:space="preserve">小灵通是机卡一体的，在今年应该推出机卡分离的纵观近年来通信行业的发展，可以说没有任何一种通信方式的发展速度和所引起的关注程度与小灵通无线市话相比。特别是在近一两个月，有关机卡分离技术在小灵通上的应用话题更是掀起了媒体和用户的广泛兴趣：机卡分离将为消费者带来什么？机卡分离还离我们有多远？机卡分离的实施是否还存在阻碍？　　自从在北京通信展上，小灵通领域最大的厂商UT斯达康发布了全球首款真正支持机卡分离的小灵通以来，对机卡分离技术在小灵通的应用好评如潮，甚至有些评论家把这一技术在小灵通领域的应用称为“小灵通技术的第二次革命”，将谱写小灵通无线市话的新篇章。随即其它的厂商如中兴通讯、中讯天创等也纷纷宣布了其研发和生产支持机卡分离小灵通终端的规划，使机卡分离的阵营日益扩大。　　顺应潮流水到渠成　　小灵通自诞生以来，尽管一波三折，但凭借其独特的先天优势获得了用户的广泛青睐。有关统计资料显示，今年以来国内小灵通平均每月的新增用户为250万，其中3月份达到最高峰，新增用户达320万，到目前为止，小灵通用户已经达到6000万之多。不难看出，要满足这么庞大的用户群的日益多元化需求所依托的就是小灵通本身技术的不断演进和发展，而机卡分离技术的出现正是基于迫切的市场需求，从而在更大程度上促进了小灵通“蜕变”，可谓是顺应潮流、水到渠成。 　　“机卡分离”技术的出现，对消费者而言是一个利好消息，它解决了消费者头疼的换号、换机麻烦的问题，对小灵通功能的全面发展和增值业务的日益丰富具有重要意义。 “机卡分离”对小灵通无线市话业务未来发展的作用更是不言而喻。而在网上调查中，这一点也体现得相当充分，93.63%的被调查者认为“机卡分离”会对小灵通的发展有促进作用，绝大多数的调查者对“机卡分离”小灵通市场前景非常看好。另外调查结果还显示：八成网民会考虑购买“机卡分离”的小灵通，这意味着“机卡分离”小灵通将带来换机热潮，换机热潮的出现为终端厂商带来了市场机会。机卡分离小灵通将会为小灵通的发展带来更强劲的动力。 　　机卡分离同样也得到了专家和运营商的认可。一位电信专家指出：“虽然现在机卡分离技术还未在小灵通领域得到广泛的应用，但它的出现是顺应市场规律的，必然有广阔的前景。它让我们看到了小灵通市场的另一片风景。”成都电信市场部有关负责人介绍，他们已经就机卡分离小灵通的上市与相关厂商进行了协商，他同时表示：“小灵通的机卡分离是大势所趋。”广州电信的人士认为，“机卡分离”对小灵通的长远发展是有好处的，这主要是它促进了终端的市场化，使用户选择更加多样，而且手机价格也由市场最终决定。　　“机卡分离”在一片赞扬声中降临，它将带给小灵通市场的利好也会在今后一一展现。　　统一标准年底出台　　近日来，媒体对于机卡分离统一标准的产生问题有不少的猜测，甚至认为这将会阻碍机卡分离的技术的全面应用。相关电信专家和业内人士对此却有不同看法。　　采访中记者了解到，目前北京、成都和广州等市已经进行了机卡分离小灵通的测试工作，而各地的运营商正会同多家小灵通厂商紧锣密鼓地制定统一的机卡分离标准，预计统一标准的出台有望在12月份完成。　　专家分析称，参与标准制定的厂商集中于屈指可数的几个有研发能力的厂商，而这些厂商的标准实际上是遵循同样的国际标准框架，不存在实质上的区别，从纯技术角度甚至是殊途同归，因此，在运营商的指导下确定统一标准并非是一件耗时很长的难事。当然，从另一个角度讲，标准的制定和统一并不是将几个厂商的标准简单地合并在一起，通常是以一种标准或方案为核心做兼容其他标准的调整或补充，而成为新的标准。在目前的情况下，由于UT斯达康提出的标准既符合国际标准的框架准则，又基于成型产品应用和众多国际国内智能卡商的支持，而其它厂家的标准目前还仅仅停留在纸面上，所以UT斯达康提出的机卡分离的标准和全面解决方案可能会在标准的统一上起到很大程度的主导作用。　　北京通信的相关人士指出，目前，机卡分离的标准正在制订中。机卡分离小灵通之所以没有上市销售，除了标准的问题，还涉及制定第一代小灵通用户的升级、更换用收费相关办法等方面的原因，而并非外界常猜测的是由于在许多小灵通经销商手中还存有很多未能售出的“机卡一体”小灵通，需要时间“清货”的原因。　　业内人士坦言，由于各地小灵通市场发展的不平衡性，即使标准统一后，机卡分离技术以及相关产品的普及在时间和程度上也会存在着差异，但这并不会影响机卡分离小灵通的推广和受欢迎程度。目前业界惟一可以支持机卡分离功能的UT228既支持“烧号”也支持“机卡分离”，正是考虑到了这种差异，从而很好地解决了消费者从机号一体到机卡分离的过渡问题。　　“分离”产品等待辉煌　　“试验效果不错，与普通小灵通一样好使”，参与产品测是的北京通信的内部人士对记者说，“只是相关产品太少了，目前只有UT斯达康可提供真正可以使用的机卡分离的小灵通手机，所以测试机都是UT斯达康的产品。”　　其实机卡分离小灵通手机的技术门槛并不高，但通过了解国内多家小灵通的厂商生产机卡分离小灵通的计划，可以看出，面对新的机卡分离型小灵通市场，厂商们似乎还没有作好准备。　　占有市场第二把交椅的中兴通讯曾在今年6月推出了一款预留了PIM卡槽的小灵通V81。但由于该机只是在手机硬件上做了改进，并没有在内部软件、协议栈、通讯模块上加载用以实现机卡分离的功能，所以还不能支持机卡分离通话，而且从中兴通讯也没有获得相关消息。而科健、普天凌云、夏新等小灵通厂商也都没有提出研发或生产机卡分离小灵通的计划。　　业内专家认为，新技术的被市场和消费者接受需要一个过程，所以需要更多的力量来合力推动。机卡分离技术对于小灵通无线市话的发展来说，作用无庸置疑。而某些厂商所谓明智的等待观望的态度会令他们丧失大好的市场机会，同时也会在一定程度上阻碍了机卡分离技术在小灵通领域的普及和推广。    </t>
  </si>
  <si>
    <t xml:space="preserve">我要买车？？？我想买一辆略微大点的，所有手续在5万之内，省油，性 </t>
  </si>
  <si>
    <t>QQ、SAPRK、路宝之类太小，面包车性能又差，所以可选择的车有：夏利A系列（3.38万-4.48万）和两厢的N3系列（4.08万-4.78万）、吉利豪情系列（3.8万-4.0万）南汽新雅途。夏利和吉利基本上是一样的，它们油耗较低，维修保养经济方便，但技术落后，行车稳定性不足；新雅途则是原来的英格尔改进过来，用天汽的8A发动机，优势在空间和安全性，弱点是悬挂、座椅硬，做工粗糙。</t>
  </si>
  <si>
    <t>讲话请勿罗嗦</t>
  </si>
  <si>
    <t>成语要言不烦</t>
  </si>
  <si>
    <t xml:space="preserve">今天真爽，我拿见习生匕首灭了个B顶剑斗！小弟的穿末日重装，专门拿 </t>
  </si>
  <si>
    <t>呵呵......CK技能和拿什么匕首没有太大的关系..你拿见习生匕首和拿恶魔短剑技能打出来不会差太多的,,,所以你就放技能至到放倒对方就可以了.....</t>
  </si>
  <si>
    <t xml:space="preserve">求卡卡西不带面罩的图图 </t>
  </si>
  <si>
    <t>不戴面罩就不是卡卡西??拉，所以你就勉为其难收下同人图片吧，别浪费了大家的一片好意哦~~</t>
  </si>
  <si>
    <t xml:space="preserve">哪位朋友给推荐一本好书看看呗，谢谢！ </t>
  </si>
  <si>
    <t>&lt;&lt;地狱变&gt;&gt;，悬疑刺激(苦才是人生，心就是世界)建议您看看</t>
  </si>
  <si>
    <t xml:space="preserve">关于戒烟老公有十年烟龄了,要戒烟,他也知道会很困难,我有什么可以 </t>
  </si>
  <si>
    <t>对于一个吸了这么久的人，一下子想戒了，看来他可是下了很大的决心啊。戒烟可以用以一物换一物的方法1.以假乱真的戒烟的茶：吞云叶雾的感觉真好，可是一量因烟引起病变后，其中的苦涩悔之晚矣。为了健康还是赶快戒烟吧，想抽上一口的时候，泡一壶芦荟茶，那与香烟相似的独特的苦味，是嘴馋时最好的替代品。不防试试2.经常吸烟的人,尼古丁中毒,在体内和蛋白质结合,形成一种物质,当你不吸烟时,这种物质就在体内提醒你需要补充,,而萝卜中就含有这种物质,每天切些生萝卜丝,加点糖试试. 3.戒烟从现在开始，完全戒烟或逐渐减少吸烟次数的方法，通常3～4个月就可以成功。4.丢掉所有的香烟、打火机、火柴和烟灰缸。5.避免参与往常习惯吸烟的场所或活动。6.餐后喝水、吃水果或散步，摆脱饭后一支烟的想法。7.烟瘾来时，要立即做深呼吸活动，或咀嚼无糖分的口香糖，避免用零食代替香烟，否则会引起血糖升高，身体过胖。7.坚决拒绝香烟的引诱，经常提醒自己，再吸一支烟足以令戒烟的计划前功尽弃。说在多的最后也还是得靠你的老公下决心的毅力。预祝你的老公戒烟成功。</t>
  </si>
  <si>
    <t xml:space="preserve">为什么男人喜欢女人穿高跟鞋?我男人总要我穿高跟鞋，特别走远路很累 </t>
  </si>
  <si>
    <t>女人穿高跟鞋是未了挺拔身体，你穿平底鞋可以很容易的弯腰，而穿高跟鞋为了行走的安全就必须要挺拔身体，而女人挺拔身体的结果，更凸显山峦起伏，而男人喜欢看的就是这样的女人。形容女人有气质也需要女人挺直身体。男人要女人穿高跟鞋还有一个原因，让女人看上去高一点。</t>
  </si>
  <si>
    <t xml:space="preserve">如何才能做好一个领导?是不是只有高学历的人有领导能力做的更出色 </t>
  </si>
  <si>
    <t>我认为：一位好领导，首先有要一定的专业知识和较强的业务能力，也就是说是一位内行，在此基础上要有一定的组织能力、协调能力和亲和力，和下属要保持一个恰当的关系。能听得进行意见，能做到换位思考，多关心下属，就是一位好领导。</t>
  </si>
  <si>
    <t xml:space="preserve">战士高手请进本人现在是46战士，但是用的竟然还是旋风之斧和咬骨之 </t>
  </si>
  <si>
    <t>在玛拉顿副本里有两把不错的武器.公主有把锤子.水里的哪个鳄鱼有把斧头鳄齿利斧双手斧117 - 176伤害速度 3.20（每秒伤害45.8）需要等级 48击中时可能： 使目标的伤口不断流血，在30秒内造成累计230点伤害。瑟莱德丝公主的节杖双手锤126 - 190伤害速度 3.40（每秒伤害46.5）需要等级 49击中时可能： 对目标造成160点伤害，并使它们的护甲值降低100点。</t>
  </si>
  <si>
    <t xml:space="preserve">梦到蜈蚣昨晚梦到好几只蜈蚣在书桌上，我就用书把它们赶跑，它们在跑 </t>
  </si>
  <si>
    <t>商人梦见蜈蚣，会生意兴旺发达，财源滚滚，成为叱咤风云的人物。 女人梦见蜈蚣，会夫妻感情和睦，家庭幸福，并且有旺夫命，帮助丈夫获得事业上的成功。 梦见捕捉蜈蚣，会树立很多的敌人，阻碍自己的事业发展。 梦见大蜈蚣或者被蜈蚣追赶是祥兆，梦者将遇事顺利。</t>
  </si>
  <si>
    <t xml:space="preserve">火的技能可不可以改点?火的昏谁技能一打就失效了,就不能改为有秒数 </t>
  </si>
  <si>
    <t xml:space="preserve">去找GY 在这里说 没用 </t>
  </si>
  <si>
    <t xml:space="preserve">昆明西北部汽车客运站到昆明长水国际机场怎么走阿。除了打的哦，太贵? </t>
  </si>
  <si>
    <t>西北部客运站向东步行到公汽修理厂,720米。 乘151路 (马街(益宁路)方向) 到黄土坡。 向东南步行170米到黄土坡。再乘919路(长水国际机场航站楼B1层方向)到长水国际机场航站楼B1层。</t>
  </si>
  <si>
    <t xml:space="preserve">三国时代曹操南下去干什么历史 </t>
  </si>
  <si>
    <t>曹操南下打荆州东吴，统一中国。</t>
  </si>
  <si>
    <t xml:space="preserve">纽扣为什么男左女右？ </t>
  </si>
  <si>
    <t>我国男女衣服的开襟也有“男左女右”之分。男衣纽扣一般在右，扣门在左，由左向右扣衣；而女性的衣服则相反。据说与古代也有密切关系。当时，男人狩猎或出征多用右手执戈挥矛，而女人抱婴喂乳则多用左手，右手便于料理家务。此外，男“左”女“右”的说法在我国相当普遍，就连如今男女结婚拍结婚照也是“男左女右”。 我考虑了一下，或许可以解释这种现象。 为何男士的纽扣在衣服右边？原因有三：其一，古时，男人在解衣时，还不忘随时可能的危险，为了拔别在右边腰际的剑，他们左手解扣子，右手拔剑，因此，衣服的纽扣被缝制在右边；其二，而在一般时候，男人要从事许多劳动，普遍右手比较灵活，这样，用右手解扣在衣服左边的扣子显然容易得多；其三，男人大都比较性急，做什么事情都图快，自然纽扣在衣服右边，能够省下不少宽衣解带的时间。 那为何女士的纽扣在衣服左边？原因有二：其一，古时，女士解衣，一般都是侍者或男人的事情，那么对侍者或男人来说，当然是用右手解别在衣服左边的扣子比较方便了，而对女士本人来说，则就把扣子缝制在衣服的左边了；其二，即便是女士本人解衣，用左手解，肯定没右手方便，没右手快，但正因为这种慢，才能凸显女人的韵味，犹抱琵琶半遮面那才叫魅力。</t>
  </si>
  <si>
    <t xml:space="preserve">关于多开的问题选择位与后排的窗口自动减少砧数，有什么好处吗？ </t>
  </si>
  <si>
    <t>你好,我来回答你的问题:1.其实,上面几个说的基本上正确.自动减少的作用就是为了防止机器的系统资源占有率过高而导致死机.2.我来说些比较具体形象的,一般人认为最后一个选项和双开有关,其实是错的,即使不双开,这个选项仍有它的意义.就比如说以前你双开的话,两个窗口是同时进行显示的(比如你双开组队走路的话,会看见两个屏幕虽然有先后,但是都在走),而现在如果减少砧数双开的话,就会只显示你正在进行的屏幕,而后面那个没有被选的屏幕会减少砧数,就会显示的很少甚至不显示(比如你带队的人已经去了另一个区域,而没有被选的那个窗口却显示原来的区域,实际上已经到了另个区域,只是没有显示出来)同理,如果你没双开,只是单开,但如果你进行其他游戏或网页浏览的时候,魔力窗口占用的资源也比没有选择减少砧数时占用的少的多)回答完毕</t>
  </si>
  <si>
    <t xml:space="preserve">惠普笔记本的触屏版怎么恢复功能打字时不知碰了什么键，电脑的触屏鼠 </t>
  </si>
  <si>
    <t>在 控制面板-硬件和声音  那里可以恢复原来的设置</t>
  </si>
  <si>
    <t xml:space="preserve">一道题影响植物的运输水分速率在一天24小时内增高或降低的原因是什 </t>
  </si>
  <si>
    <t>一般有温度 阳光 植物的生长状况 等几个因素从早上开始,随阳光的不断增强,植物需要大量的水份从根部运输到叶片,在叶片处蒸发,产生向上的拉力,以将矿质元素运输到叶片处,合成一些有机物进行光合作用;正午时,由于光照过于强烈,为防止水份蒸发过快,叶会出现午休现象,暂时关闭气孔,水份吸收随之减小;之后,随光照减弱,水份吸收会再次减小;夜间达到最低.</t>
  </si>
  <si>
    <t xml:space="preserve">请问你们有谁给宝宝吃过伊利配方奶粉的？感觉怎样？我给宝宝买了金装 </t>
  </si>
  <si>
    <t xml:space="preserve">   我宝宝现在11个月了，出生后一直喝多美滋的，感觉很不错，前段时间想这换个奶粉看看，就买了包伊利的试试看，宝宝喝还是喝，按比例是6勺兑210毫升水，可我和多美滋的比较了一下，发现奶粉兑水后明显的比多美滋的显得稀，象清汤寡水似的。最后我决定还是继续给宝宝喝多美滋的。   其实不管是国产还是那里的，只要是大品牌的，应该质量和信誉都有保障的。不同品牌的奶粉的味道是不相同的，关键是要奶粉味道宝宝喜欢，才是适合宝宝的。</t>
  </si>
  <si>
    <t xml:space="preserve">这样的爱情我该怎么坚持下去？我跟我男朋友很相爱，他对我也很好，处 </t>
  </si>
  <si>
    <t>如果真的爱你的话不管什么困难都会一起面对的，他要承担这些我觉得跟你和他在一起不会有什么联系啊，真心的爱是经得起考验的，你们可以一起努力啊，除非他别有他意．我曾经遇到过类似的问题，关键在于他是否爱你，真的，希望你幸福！</t>
  </si>
  <si>
    <t xml:space="preserve">怎么发表截屏怎么能把网页上的东西截屏然后发表 </t>
  </si>
  <si>
    <t>一般来说,在网页中的图片上右键,图片另存为就OK了.但是某些网站对右键进行了屏蔽,这样我们就只能利用键盘上的抓屏键或第三方工具来进行截图.抓屏键:在键盘的编辑键区,Print Screen.按一下就可以了,然后打开画图工具,Ctrl+V,再编辑一下就可以保存了.第三方工具:其实最方便最好用的第三方抓图工具就是QQ.在运行QQ情况下打开网页, 按Ctrl+Alt+A 鼠标指针变为一个彩色的箭头,然后对着你想要抓取的图片框一下,之后再在框内双击,这样图片就算拷贝上了,接下来还是要打开画图工具,Ctrl+V.......................</t>
  </si>
  <si>
    <t xml:space="preserve">怎么按照关键字筛选关注人的微博呢？ </t>
  </si>
  <si>
    <t>点击到关注列表中，在右上角有一个搜索的，可以输入之后进行搜索，应该是需要你输入昵称的</t>
  </si>
  <si>
    <t xml:space="preserve">帮忙把中文名字翻译成英文麻烦帮我把我的名字翻译成英文谢谢列荣津 </t>
  </si>
  <si>
    <t>Rongkin Lie</t>
  </si>
  <si>
    <t xml:space="preserve">初中历史山西简称“晋”,与“晋”的来历有关的是A.大禹治水B.西 </t>
  </si>
  <si>
    <t>B山西省的由来　　山西以在太行山之西而行名。唐大部分属河东道；宋设河东路；金分河东北、南路；元设山西河东道，为山西得名的开始；明置山西省，后改山西布政使司；清改山西省，省名至今未变。　　山西省简称“晋”的由来　　　　春秋战国时期，周天子封爵分为公、侯、伯、子、男五等。从晋国世系计算，晋作为侯国经历了17世，作为公国经历了20世，公侯合计共37世 634年，加上自赵魏韩三家分晋成为三个侯国，至秦灭赵统一中国的 154年，合计为 788年。由此可见，晋国作为先秦时期有悠久历史的文明古国，在中国历史上具有重要的地位。晋国时代及赵魏韩分晋以后，其领域包括代表中华民族发展程度最古老、最文明的主要区域。从已发现的古文化遗址看，山西芮城西王村文化、夏县东下冯文化、襄汾陶寺文化、河南的郑州裴里岗文化、安阳后岗、大司空文化、渑池仰韶文化、三门峡市庙底沟文化、河北武县磁山文化，这些夏、商、周文化代表区，都在当时的晋国范围之内，也就是说当时晋国，包括了现在山西的大部分和河北、河南的一部分。晋国的主要领地在山西，所以山西简称为晋，也就是顺理成章的事了。至于当初燮父为何改唐为晋，有两种说法，一是因境内有晋水，故称晋；一说是取晋本义与进同是前进的意思，究竟取自何义，也已无可考，但山西称晋是公认无疑的。</t>
  </si>
  <si>
    <t xml:space="preserve">缝纫机“吃料”是什么原因？缝制薄料，纯棉纱布8层，外层是纯棉薄布 </t>
  </si>
  <si>
    <t>缝纫机底牙或松或紧就会出现这样，缝纫时用手拉着底面点，稍微用力就好。祝你做好</t>
  </si>
  <si>
    <t xml:space="preserve">我想配电脑,是年前配好还是年后?现在配置电脑好还是元旦呢,都说元 </t>
  </si>
  <si>
    <t>不要在元旦期间买，等到元月10号左右再考虑，但这时又面临春节，有好处也有坏处，好处是商家往往在春节前尽可能抛售现有产品，过个好年嘛，而且便于在春节后进入新产品的销售，降低价格的情况多；坏处是有的商家会乘机抛出过时的产品，或出现表现降价实际涨价的情况，容易上当，需要注意一些。其它方面，没有什么特别可担心的，</t>
  </si>
  <si>
    <t xml:space="preserve">我想用笔记本玩，不知我的配置够不够。pm1.5g，1g内存，集成? </t>
  </si>
  <si>
    <t>应该可以玩的配置已经达到要求了（如果不能玩应该是其他方面的问题）能跑到何种程度不好说只能自己去看了至少比其他机子用的爽吧</t>
  </si>
  <si>
    <t xml:space="preserve">浙江省宁波市鄞州区集士港镇什么快递可以到 </t>
  </si>
  <si>
    <t>申通，顺丰都可以【赠人玫瑰，手留余香，很高兴为您解答，如果我的回答对你有用，请加入对我有用，祝你越来越爱国，谢谢】</t>
  </si>
  <si>
    <t xml:space="preserve">关于宠物强化！懂的来呀！！！新捉到的3TJ云用超归和普通的归原洗 </t>
  </si>
  <si>
    <t xml:space="preserve">现在云只有96的成长，我想强化到100甚至比100高可以连续强化吗？在线等啊！！！答：物攻成长可以进行连续强化    首先你现在的是96的成长 用两个同样物攻    成长为96的云BB 就可以去强化了    强化后的物攻成长是多少 就得在用两个物攻成长    一样的云BB去强化  比如你第一次强化出来是101的物攻    那么就得在找两个物攻成长为101的云 才可以去强化       </t>
  </si>
  <si>
    <t xml:space="preserve">今天刚到桂林，这有哪些好玩的景色？桂林人的特色菜都有哪些啊？ </t>
  </si>
  <si>
    <t>还有经典的桂林三山两洞都是不错的景点。吃的话，桂林米粉是不能少的，推荐三里店有家桂湖米粉（温馨提示：早上人会很多，耐心等待，环境不是很好，不过味道很正。）还有金陵小吃店的卤味火锅。还有狗肉火锅，马肉，这些在王城那的小店的味道较好。</t>
  </si>
  <si>
    <t xml:space="preserve">目前我国有多少个县级城市啊? </t>
  </si>
  <si>
    <t>大概三百七十个左右参见中国城市在线（ ）</t>
  </si>
  <si>
    <t xml:space="preserve">老婆不听劝，又固执，怎么办？我对某些事有经验，我不想老婆重蹈覆辙 </t>
  </si>
  <si>
    <t>不撞南墙不回头，不到黄河不死心。你让她吃几次亏，买点教训，她就知道你的好意了。对于固执的人，不能强来，否则更逆反。</t>
  </si>
  <si>
    <t xml:space="preserve">请问大家在炒股，有谁用过金信通的《大操作》软件呢？觉得怎么样？最? </t>
  </si>
  <si>
    <t xml:space="preserve">你有什么问题可以罗出来讨论一下~~个人感觉整个光名字就很山寨~~! 全国所有证券公司客户都可以免费使用金太阳手机炒股浏览行情和财经资讯！！！金太阳是目前国内最好的手机炒股软件之一，速度快、操作方便而且是免费使用，除了在线行情、在线交易和银证转帐等基本功能外，还有以下特色功能：1、丰富的个股F10资讯及时的个股信息地雷 -- 帮助您了解个股最新资讯；2、免费港股行情 -- 关注外围市场变化；3、闪电下单委托 -- 灵活、快速的委托下单，保证您的交易；4、专业的财经、投资相关资讯 -- 您的专业理财帮手；5、申购宝 -- 灵活活方便的新股申购策略  金太阳免费手机炒股软件下载三步曲：一、发送邀请短信 DB A13632251152到95536免费注册(DB与A之间须有空格)(注：本条邀请短信除普通短信费0.10元外，不会再产生其他任何费用)二、收到短信后，点击 登陆并按相应品牌型号下载金太阳软件（如果无法点击，请直接在手机的浏览器输入该网址登陆，如果没有你的手机型号，可直接选择“通用下载”，尝试下载KJAVA键盘触摸屏版）三、启动金太阳输入您的手机号码登陆进入金太阳手机炒股世界（下载完成后一般在手机的娱乐、JAVA、百宝箱、程序、应用程序中可找到金太阳的图标）国信手机炒股是国信证券集资金、技术优势倾心打造的又一电子交易方式，能为证券投资客户提供全方位的证券行情、证券买卖、帐户查询、证券资讯等服务，真正做到让您随时随地完成投资心愿。若安装过程中遇到任何问题请咨询 </t>
  </si>
  <si>
    <t xml:space="preserve">妇科病一般是什么人群才会得？一个女同事，二十二岁，那天去检查，阴 </t>
  </si>
  <si>
    <t>75%女性一生中至少会有一次霉菌感染。初次感染的话应该治疗很简单的。不用太担心。绝大多数都是性生活引起的。</t>
  </si>
  <si>
    <t xml:space="preserve">地球历史上最大的哺乳动物是什么？ </t>
  </si>
  <si>
    <t xml:space="preserve">地球史上最大的陆地哺乳动物天山副巨犀.天山副巨犀，高5米，身长9米，体重近30吨。躯体抵得上一架飞机那么大。它生长于距今约3000万年的吐鲁番地区，它是陆地上曾经生活过的最大的哺乳动物。1993年元月，它的化石骨架于兰新铁路复线工程的吐鲁番段飞跃火车站出土。当时人们还不知道，这是目前世界上最完整的一具巨犀骨架。如今，它从渐新世的棕红色泥沙岩中站起来，走进高大、敞亮、具有现代化装置的博物馆的专设展馆中，向人们诉说着洪荒时代的故事。 天山副巨犀是草食性动物，一天至少要吃500公斤食物。古生物学家通过分析副巨犀化石旁边的岩样，发现了该时代的植物花粉。这些植物花粉有胡桃树、木属科和豆科的植物，以及蒿属和藜科植物。  关于副巨犀的灭亡，有关人士认为系青藏高原隆起而产生的地壳运动引起的。  </t>
  </si>
  <si>
    <t xml:space="preserve">宝宝19天！脖子那鼓起硬硬的是什么…急急急谢谢！！！ </t>
  </si>
  <si>
    <t>像淋巴结肿大，最近有没有感冒？</t>
  </si>
  <si>
    <t xml:space="preserve">现在中日关系怎样了? </t>
  </si>
  <si>
    <t xml:space="preserve">中国日报网站消息：2005年8月23-24日，中国日报网站、北京大学国际关系学院与日本的“言论NPO” 组织于北京共同举办中日关系论坛。作为该论坛核心内容的一部分，自2005年5月至8月，中国日报网站、北京大学国际关系学院与日本的“言论NPO” 组织分别在中国和日本大中城市组织了数千份针对普通民众和专业人士的问卷调查,这是首次中日两国同步举办《中日关系舆论调查》。 　　以下为双方民意调查所反映的基本情况： 　　1、 对于中日关系对本国的重要性，双方被调查者均表示认同 　　近八成的日本被调查者认为中日关系对现在和将来的日本都很重要。这个数据给中日关系在将来逐步得以改善带来某种期望。然而，6成日本被调查者认为美日关系是日本外交的准绳，中日关系发展要服从于美日关系的需要。 　　2、 中日各阶层对于两国关系的现状有一致的认识 　　约55％的中国城市居民和78％的大学生意识到目前的中日关系相当困难。有近八成的日本人觉得中日关系“不好”。 　　3、 对于中日关系的低靡，两国民众均不认为本国应承担主要责任 　　中国90％的民众和学生表示责任在日方。日方民众感到责任在日本方面的仅为14.4％。精英阶层认为中日双方应各负一半责任，比普通日本人的观点相对中立。 　　4、相互认识的不足和差距是中日关系改善和发展的瓶颈。 　　“大革命”成为日本人对中国20世纪重大历史的主要记忆。而中方问卷的数据亦显示，中国民众对于日本的了解也比较有限、间接和初步的。同时双方调查均显示，中日双方民众缺乏相互间感性的认识。 　　5、 日本媒体对于中日关系的影响力不可忽视 　　问卷调查显示，日方80％以上的民众和精英阶层是依靠本国的电视、报纸和网络媒体了解中国的消息。媒体的报道内容和评价的倾向性在很大程度上左右了日本人对中国的认识。 　　6、 在日本被调查者看来，历史认识问题也是阻碍中日关系发展的主要原因。 　　近八成的日本被调查者有这样的认识。而分别有约半数的人认为是中国政府对待反日情绪、反日运动的态度以及领土问题。精英人士的回答亦持此倾向。 　　7、日本民众认为解决历史认识问题非常棘手，精英阶层对此相对乐观。 　　此外，对于历史认识问题的内容，中日被调查者的认识存在差异。除了对历史的认识和反省、参拜靖国神社和教科书问题外，日本方面认为，历史认识问题还包括 “中国的反日教育，中国的教科书内容和中国媒体所做的日本方面报道”等。多数日本人在历史认识问题上有着中日双方都存在问题的这一强烈意识。 　　8、对于首相参拜靖国神社，日本各阶层反应较为理性。 　　日本精英阶层认为“应该建立新的国立追悼设施”和“任何情况下都不应参拜”的反对参拜论超过了半数；而日本大众虽多数对参拜持肯定态度，但是持“参拜是日本内政，只要首相有这个愿望就应继续”强硬观点的民众只有三成。 　　9、对于中国对日本入常的态度，日本被调查者普遍表示理解。 　　此外，日方多数认为对于要想成为联合国安理会常任理事国，日本应努力取得中国的支持。 　　10、对日本对中国的经济援助，中日双方民众均存在认识上的模糊 　　对于日本为什么在向中国提供经济援助(ODA)，一般日本人在判断上显现出了犹豫不决和意见分散。这表明日本国内就日本政府为什么对中国进行经济援助的概念认识和定位不明确，尤其是年轻一代。在这种背景下，有将近三成的被调查者认为“可减少援助额度”，其次是“也可停止”，二者加起来将近60%，这60%的被调查者就今后对中国实行经济援助的必要性持怀疑态度。 　　而中国77.8%的市民不知道日本对华经济援助。尽管76%的中国大学生表示知道，但对ODA的目的和是否继续的问题上, 存在多种认识。 　　11、中日关系的未来，迷茫和悲观是日方的普遍心态 　　近六成被调查者认为“不知道会向好的方向还是向坏的方向发展”；近六成的日本精英阶层认为中日间的具体交流虽然将得以切实促进，但横亘于两国间的课题却难以解决。 （信莲） 责编：武林 　来源：中国日报网          </t>
  </si>
  <si>
    <t xml:space="preserve">一个简单链表的改错 </t>
  </si>
  <si>
    <t>你把代码贴出来啊.或者发到我的邮箱 codefloyd@ 我帮你改改试试.</t>
  </si>
  <si>
    <t xml:space="preserve">哪种液晶电视动态清晰度高啊？据说液晶电视的运动画面效果不好，眼睛 </t>
  </si>
  <si>
    <t>在电视上看奔跑画面，就要注意垂直方向上运动的画面，如果清晰流畅，没有出现短暂的模糊现象，那观看时就不会晃眼，还会降低眼疲劳。Ips硬屏面板在这些方面表现的就很好，所以它的护眼功效才会得到北京市眼科研究所,北京同仁医院认证。</t>
  </si>
  <si>
    <t xml:space="preserve">自动削笔刀为什么用一段时间,削出来的笔都不尖,怎么办?有没有办法? </t>
  </si>
  <si>
    <t>　　与任何刀具一样，用的次数多子，卷笔刀就不快了，刀口也会有一定的磨损。可以将刀片的刀口在油石上磨快，并将刀片的固定孔用细什锦锉稍加工一下，以将刀片的位置稍作外移，就可继续使用。</t>
  </si>
  <si>
    <t xml:space="preserve">上海田子坊里。这些东西是做什么的？？有上海的大神解释一下吗？ </t>
  </si>
  <si>
    <t>这个是水井呀。以前上海弄堂里都有井，里面的水冬暖夏凉，夏天人们都是打井水来冰西瓜，冲里弄地面（为了晚上乘凉）。现在基本都填了。这个水井已加盖锁住了，也不知还有没有井水。</t>
  </si>
  <si>
    <t xml:space="preserve">逊尼派和什叶派到底怎么回事?逊尼派和什叶派到底怎么回事？ </t>
  </si>
  <si>
    <t xml:space="preserve">你好！    逊尼派和什叶派是世界主要之一的伊斯兰教的两大派别。    公元６１０年由阿拉伯人穆罕默德创建了伊斯兰教。公元６３２年，穆罕默德去世后，他的信徒们在继承权问题上发生了激烈的争执。一派主张继承人应由穆斯林公社根据资历、威望选举产生。因而认为穆罕默德的门徒、由穆斯林公社推选的哈里法（政教合一的领袖，共四人）是合法继承人。拥护这个主张的穆斯林即后来的“逊尼派”。该派把穆罕默德早期追随者的言论和事迹编成一本书——《圣训经》，称为《逊奈》。“逊尼派”的名称即由此而来。目前，全世界伊斯兰教穆斯林９０％属于这一派。他们广泛分布在西亚、北非的大多数阿拉伯国家。并自称“正统派”。    另一部分人，主张世袭原则，认为穆罕默德的堂弟、女婿阿里做为合法继承人符合世袭原则。支持这一主张的穆斯林后来被称为什叶派。全世界１０％的穆斯林属这一派。其中近一半在伊朗。什叶派否认逊尼派所拥戴的哈里法作为宗教领袖的合法性，称宗教领袖的最高领袖为伊玛姆，阿里为第一任伊玛姆。此后，直到第１２代伊玛姆，均是阿里的嫡传子孙。 </t>
  </si>
  <si>
    <t xml:space="preserve">怎样可以导出自己的微博存档呢？谢谢！ </t>
  </si>
  <si>
    <t>新浪微博备份导出工具 - 可下载保存微博全部消息到TXT或其他格式            你下个看看 还可以用</t>
  </si>
  <si>
    <t xml:space="preserve">匀速圆周运动中小球的动量问题小球在水平面上做匀速圆周运动，转过一 </t>
  </si>
  <si>
    <t>动量的变化量是mv2sin（ω/2）向心力的冲量等于动量的变化量，符合动量定理。</t>
  </si>
  <si>
    <t xml:space="preserve">求全部BOOS坐标有谁知道的不要吝惜啊拿出来给大家看看有谁知道哪 </t>
  </si>
  <si>
    <t xml:space="preserve"> 这里有全部的坐标</t>
  </si>
  <si>
    <t xml:space="preserve">天堂1怎么样踢苹果的,有人知道吗?? </t>
  </si>
  <si>
    <t>创建一个精灵小号 然后在精灵森林范围内寻找安特找到安特后与其对话他就会站住，然后按住ctrl键攻击安特注意，攻击安特的时候不要拿精灵系武器，不要拿完好的武器最好的办法是空手打，或者弄一把破匕首也可以。如果你用完好的武器或者精灵长剑一类的武器打安特，安特会还击如果一个安特没被打过，则先会给你很多树枝，基本上要踢20秒左右才会掉下果子。掉下果子以后安特会说，没有树枝树皮果实，请过一会儿再来。如果你一踢安特就说这句话，说明刚才已经被人蹂躏过了。可以直接寻找下一个了现在很多人用外挂踢水果。。。很难抢到了。。。比较郁闷</t>
  </si>
  <si>
    <t xml:space="preserve">宝宝被诊断疑似手足口，儿童医院医生开了3种药，能吃么？1，小儿化 </t>
  </si>
  <si>
    <t>每种药都有副作用的，只要按正常剂量服用就没事的。</t>
  </si>
  <si>
    <t xml:space="preserve">请教，600141后面如何操作？请教老师，后面如何操作呢？谢谢老 </t>
  </si>
  <si>
    <t>600141  兴发集团  仍会震荡上攻的，可在5日线上持有。这个是慢牛股。</t>
  </si>
  <si>
    <t xml:space="preserve">时常自己做星际地图的高手来一下你们谁知道星际的地图编辑器在哪下? </t>
  </si>
  <si>
    <t>，我经常做地图，但是很少上HF玩。星际的地图编辑器有很多的  自带的不能满足RPG中的重叠等等 我介绍几个星际的地图编辑器 强力编辑器  是在自带编辑器上的加强版  可以重叠等 至于汉化  一楼的同志说了 翡翠编辑器  比自带的更稳定 SF编辑器    这是个变态的编辑器 2.2的还可以  不推荐新手使用 SCMD2编辑器 和SCMD2 0.4.5 beta编辑器都一样 只是有一个带声音还有：地图编辑：Emerald StarEditStar X-traStarForgeStarFireStarEdit (古老)编辑辅助：Proedit 1.4.2TileEditSC Picture MapperSCMIESE汉化器MOD编辑器：没解释的因为我还没研究 ArrEditArsenal III   兵工厂3  改单位、建筑等BinEditGotEdICE     这个东西可以做一起特别的东西MemGraftMPQDraft   这是制作MOD  的东西Retro GRP   这是改单位和建筑的样子的SC HackScriptEditStarGraft    这东西比如水晶造单位  增加新的单位和建筑等TblPadWinMPQ   这个推荐用MPQWorkshop 用他来导入Arsenal III修改并         保存的数据units.dat单位  、upgrades.dat研究、         weapons.dat武器，再用MPQDraft制作成成品的MOD本人的语文平平，没看懂的 236577265 注明iask</t>
  </si>
  <si>
    <t xml:space="preserve">高中时代的你们都是如何过来的啊，？我想听听，，因为我总觉得，高中? </t>
  </si>
  <si>
    <t>高中是一个人求学时期肉体最受苦的阶段（精神受苦是大学），但是谁都要过来，所以也没什么需要特别注意的，就当自己是个只能接受指令的机器人就行了。关键是要苦中作乐，多交些朋友，有空的话多出去玩，学习还是第一位地~恋爱可有可无，但注意别太投入。至于我自己，我当时除了学习就是和弟兄们出去疯，除了犯罪什么都干，过得算是不太枯燥。恋爱有过几回，不多，但从没有什么深入发展，大家一般都把学习看那么重，谁会有时间去长相厮守啊。培养培养对某些学科的兴趣，以后利于选专业。</t>
  </si>
  <si>
    <t xml:space="preserve">为什么我这几天老是肚子痛，恶心，难受的要死 </t>
  </si>
  <si>
    <t>病情分析：可能是肠痉挛的，腹痛的症状可连续几天，或一天之内要痛几次，甚至因腹痛影响孩子的学习和生活，这时就需要给孩子服用解痉药及抗过敏的药物，如颠茄及非那更等。指导意见：同时还可采取一些临时止痛措施，包括腹部的局部保暖，应用暖水袋，按摩或针灸等方法。经过以上的处理，肠痉挛一般可在3天左右逐渐缓解。</t>
  </si>
  <si>
    <t xml:space="preserve">陈冠希是谁？ </t>
  </si>
  <si>
    <t>姓名：陈冠希 生日：1980年10月7日  简介：陈冠希，中国香港著名艺人。1999年因拍摄黎明执导的信用卡广告而进入观众的视野，他因帅气阳光的形象被推荐进入演艺圈。</t>
  </si>
  <si>
    <t xml:space="preserve">QQ可以上网,浏览器上不了网,重装浏览器后也不行?QQ可以上网, </t>
  </si>
  <si>
    <t xml:space="preserve">IE无法打开网页的常见原因及解决　　解决方法：一、设置的问题 　　这种原因比较多出现于需要手动指定IP、网关、DNS服务器联网方式下，及使用代理服务器上网的。仔细检查计算机的网络设置。 二、DNS服务器的问题 　　当IE无法浏览网页时，可先尝试用IP地址来访问，如果可以访问，那么应该是DNS的问题，造成DNS的问题可能是连网时获取DNS出错或DNS服务器本身问题，这时你可以手动指定DNS服务（地址可以是你当地ISP提供的DNS服务器地址，也可以用其它地方可正常使用DNS服务器地址。在网络的属性里进行（控制面板—网络和拔号连接—本地连接—右键属性—TCP/IP协议—属性—使用下面的DNS服务器地址）。不同的ISP有不同的DNS地址。有时候则是路由器或网卡的问题，无法与ISP的DNS服务连接，这种情况的话，可把路由器关一会再开，或者重新设置路由器。 　　还有一种可能，是本地DNS缓存出现了问题。为了提高网站访问速度，系统会自动将已经访问过并获取IP地址的网站存入本地的DNS缓存里，一旦再对这个网站进行访问，则不再通过DNS服务器而直接从本地DNS缓存取出该网站的IP地址进行访问。所以，如果本地DNS缓存出现了问题，会导致网站无法访问。可以在“运行”中执行ipconfig /flushdns来重建本地DNS缓存。 三、IE浏览器本身的问题 　　当IE浏览器本身出现故障时，自然会影响到浏览了；或者IE被恶意修改破坏也会导致无法浏览网页。这时可以尝试用“上网助手IE修复专家”来修复，或者重新IE（查看本站IE重装技巧） 四、网络防火墙的问题 　　如果网络防火墙设置不当，如安全等级过高、不小心把IE放进了阻止访问列表、错误的防火墙策略等，可尝试检查策略、降低防火墙安全等级或直接关掉试试是否恢复正常。 五、网络协议和网卡驱动的问题 　　IE无法浏览，有可能是网络协议（特别是TCP/IP协议）或网卡驱动损坏导致，可尝试重新网卡驱动和网络协议。 六、HOSTS文件的问题 　　HOSTS文件被修改，也会导致浏览的不正常，解决方法当然是清空HOSTS文件里的内容。 七、系统文件的问题 　　当与IE有关的系统文件被更换或损坏时，会影响到IE正常的使用，这时可使用SFC命令修复一下，WIN98系统可在“运行”中执行SFC，然后执行扫描；WIN2000/XP/2003则在“运行”中执行sfc /scannow尝试修复（可查询本站WINXP修复技巧）。 　　其中当只有IE无法浏览网页，而QQ可以上时，则往往由于winsock.dll、wsock32.dll或wsock.vxd（VXD只在WIN9X系统下存在）等文件损坏或丢失造成，Winsock是构成TCP/IP协议的重要组成部分，一般要重装TCP/IP协议。但xp开始集成TCP/IP协议，所以不能像98那样简单卸载后重装，可以使用 netsh 命令重置 TCP/IP协议，使其恢复到初次安装操作系统时的状态。具体操作如下： 　　点击“开始 运行”，在运行对话框中输入“CMD”命令，弹出命令提示符窗口，接着输入“netsh int ip reset c:\resetlog.txt”命令后会回车即可，其中“resetlog.txt”文件是用来记录命令执行结果的日志文件，该参数选项必须指定，这里指定的日志文件的完整路径是“c:\resetlog.txt”。执行此命令后的结果与删除并重新安装 TCP/IP 协议的效果相同。 　　小提示：netsh命令是一个基于命令行的脚本编写工具，你可以使用此命令配置和监视Windows 系统，此外它还提供了交互式网络外壳程序接口，netsh命令的使用格式请参看帮助文件（在令提示符窗口中输入“netsh/?”即可）。 　　第二个解决方法是修复以上文件，WIN9X使用SFC重新提取以上文件，WIN2000/XP/2003使用cmd /c sfc /scannow命令修复文件,当用cmd /c sfc /scannow无法修复时，可试试网上发布的专门针对这个问题的修复工具WinSockFix，可以在网上搜索下载。 八、杀毒软件的实时监控问题 　　这不是常见，但有时的确跟实时监控有关，因为现在杀毒软件的实时监控都添加了对网页内容的监控。但如果出现IE无法浏览网页时，也要注意检查一下杀毒软件。 九、Application Management服务的问题 　　出现只能上QQ不能开网页的情况，重新启动后就好了。不过就算重新启动，开7到8个网页后又不能开网页了，只能上QQ。有时电信往往会让你禁用Application Management服务，就能解决了。十、感染了病毒所致 　　这种情况往往表现在打开IE时，在IE界面的左下框里提示：正在打开网页，但老半天没响应。在任务管理器里查看进程，（进入方法，把鼠标放在任务栏上，按右键—任务管理器—进程）看看CPU的占用率如何，如果是100%，可以肯定，是感染了病毒，这时你想运行其他程序简直就是受罪。这就要查查是哪个进程贪婪地占用了CPU资源．找到后，最好把名称记录下来，然后点击结束，如果不能结束，则要启动到安全模式下把该东东删除，还要进入注册表里，（方法：开始—运行，输入regedit）在注册表对话框里，点编辑—查找，输入那个程序名，找到后，点鼠标右键删除，然后再进行几次的搜索，往往能彻底删除干净。 　　很多的病毒，杀毒软件无能为力时，唯一的方法就是手动删除。 十一、无法打开二级链接（或新窗口） 　　还有一种现象也需特别留意：就是能打开网站的首页，但不能打开二级链接，如果是这样，处理的方法:　　方法一、重新注册如下的DLL文件： 　　在开始—运行里输入： 　　regsvr32 Shdocvw.dll 　　regsvr32 Shell32.dll　（注意这个命令，先不用输） 　　regsvr32 Oleaut32.dll 　　regsvr32 Actxprxy.dll 　　regsvr32 Mshtml.dll 　　regsvr32 Urlmon.dll 　　regsvr32 Msjava.dll 　　regsvr32 Browseui.dll 　　注意：每输入一条，按回车。第二个命令可以先不用输，输完这些命令后重新启动windows，如果发现无效，再重新输入一遍，这次输入第二个命令。 　　方法二：COMCTL32.DLL文件产生的问题。 　　在升级IE或windows时这个文件可能被替换了，也许新版本的COMCTL32.DLL文件有BUG。找一张windows安装光盘，搜索它，找到一个名为COMCTL32.DL_的文件，把它拷贝出来，用winrar提取　这个文件为COMCTL32.DLL文件，并覆盖现有文件。（我不知道98光盘里有没有这个文件，我用的是2000光盘） 　　方法三：用方法一重新注册regsvr32 Oleaut32.dll时出错或重新注册后也无效。 　　在windows光盘里提取Oleaut32.dll文件，在MDAC_IE5.CAB文件包里，也是用winrar提取并覆盖现有。 　　方法四：DCOM属性设置错误。 　　详细参见：  　　1、点击“开始”。 　　2、输入“Dcomcnfg”。 　　3、弹出的提示框选“是”。 　　4、点“默认安全机制”标签。 　　5、在“默认访问权限”栏点“编辑默认值”。 　　6、看看“名称”下面的栏里有没有“SYSTEM”和“Interactive”项，如果没有，则添加。 　　7、点击OK，点击OK。   方法五：下载下面工具也许有助于解决问题.　　 　　或推荐使用瑞星卡卡上网安全助手清理流氓文件    下载地址 </t>
  </si>
  <si>
    <t xml:space="preserve">求教数量关系2，3，6，36，（）a,48;b,54;c,72; </t>
  </si>
  <si>
    <t>是不是选D啊最后一项是前面几项的乘机</t>
  </si>
  <si>
    <t xml:space="preserve">win2000开机自动重启,在用瑞星杀毒软件杀杀毒中,杀着杀着电? </t>
  </si>
  <si>
    <t>应该还是有病毒,如果没什么重要文件的话,建议重新把电脑格式化一遍,重装系统,这样才能从根本解决病毒问题.有些病毒是杀毒软件也无法解决的.另外看你是不是误删了系统上的文件,看像是软件问题.</t>
  </si>
  <si>
    <t xml:space="preserve">1.转生产成本J：制造费用D：生产成本可是你昨天说的如果不这样结? </t>
  </si>
  <si>
    <t>那是因为你计提的少，转的多，你昨天的凭证是那样的</t>
  </si>
  <si>
    <t xml:space="preserve">我是个MM，想玩天堂，想问一些在职业选项上的困惑怎么说呢，我只想 </t>
  </si>
  <si>
    <t>这位MM我想和你说，要是有这种职业，大家都去玩了。以前银月是可以单独生存的，但是现在却在不断的削弱~我怎么也不明白，一个好游戏到了大陆，就非要改呢，看看今天的A3，以血腥18岁禁玩为最大卖点，可是到了中国成了青少年版，职业的严重不平衡，这也是它失败的原因吧；网络游戏是大家在一起玩不错，但是还有一些人他们不喜欢组队或者没有太多的时间组队，难道就不能给这一小部分人一个适合自己的空间？~真的希望网络游戏早日走出必须硬生生组队在一起的怪圈。</t>
  </si>
  <si>
    <t xml:space="preserve">000553该如何操作 </t>
  </si>
  <si>
    <t>走势较弱，近期会出现调整，建议逢高减仓。</t>
  </si>
  <si>
    <t xml:space="preserve">静脉炎的治疗我于两个月前做手术的时候在脚上有留置针,之后有留置针 </t>
  </si>
  <si>
    <t>静脉输入各种抗生素或高渗葡萄糖溶液或因机械直接损伤静脉壁，还有长期静脉曲张引起的血淤滞等，而导致静脉血管内膜损害，形成血栓，迅速导致整条浅静脉壁的炎症反应，甚至累及静脉周围组织，并有渗出液，局部表现有疼痛，肿胀和压痛的索条柱，往往伴有全身反应，但多不严重。造成静脉炎的危险因子包括：　　1、导管针的材质、长度与管径大小　　2 、操作技术不良　　3 、不适当的穿刺部位　　4、导管针留置的时间太长　　5、固定方法不当　　6、输液的浓度的酸、硷性太强，或不兼容造成沉淀。　　7、病患本身的病理生理状况，如年龄或疾病造成血管壁脆弱，发炎。　　8 ,渗透压　　9，输液快慢护理措施　　血管疾病共有的护理问题及解决措施　　针对血管疾病因循环受损所导致的组织缺血这一共同特点，护理的首要目的是促进循环，减少组织缺血或阻止其进一步的发展。其次是解除因缺血造成的疼痛及预防组织营养不良可能导致的溃疡和坏疽等组织完整性受损的问题，以及对病人进行有关疾病知识和护理技术的和指导，可以保证所有护理措施能顺利而正确的实施和坚持，更好地达到控制病情和预防并发症的目的。　　(一)组织灌注不足　　护理目标：增加组织灌注量，减轻临床症状。 为了达到增加组织灌注量，以提供足够的组织代谢需氧和营养物质的目的，护理措施主要从促进侧支循环的建立，避免血管痉挛和保护患肢等方面着手。　　1．促进侧支循环的建立：慢性动脉功能不全者，侧支循环不足直接影响组织的灌注，患肢缺血性疼痛会限制病人的活动，不利于侧支循环的建立，患肢肌肉将因供血不足和废用而萎缩。有计划、循序渐进地进行锻炼，增加活动能促进侧支循环的建立和增加末梢组织的灌注。常采用行走和Buerger锻炼。　　2．戒烟酒与调整好的心态：尼古丁、酒精及情绪波动等均可使交感神经兴奋，引起血管痉挛，应帮助病人戒烟酒，同时饮食上少饮或不饮含咖啡因类的饮料，有外伤的患者因少食用或不食用刺激性的食物。动脉硬化性疾病或糖尿病病人应坚持低脂和低糖饮食。　　3．避免患肢受压：紧身的衣物，盘腿或双腿在膝部交叉坐位，胭窝下垫东西以等，都能压迫血管，影响动脉供血，应尽量避免。　　4．注意保暖：暴露在寒冷的空气中和直接接触冷物品等均可引起动脉收缩或痉挛。应保持居室温湿度适宜，避免直接接触冷水。寒冷季节外出应注意保暖，保暖时间应提前正常人半个月或一个月。避免肢体露在外面，衣裤及鞋袜要宽松、柔软，　　5．保护患肢免受损伤：动脉供血不足的患肢，可能受轻微刺激即能发生经久不愈的溃疡，因此，应避免搔抓和用力擦洗患肢。已出现水泡、溃疡或坏疽者，应保持局部清洁，采用正确治疗方法积极治疗。严重供血不足的患肢避免用热水洗浴，以免增加组织代谢，加重组织缺氧，使病情更快发展，症状加重。　　(二)静脉回流障碍　　护理目标：减轻患肢水肿。 为达到减少静脉淤滞，促进静脉回流及减少患肢水肿的目的，护理措施主要从以下方面着手。　　1．体位：利用重力作用安排体位，患肢应高于心脏水平，病人避免同一姿势站立过久，必须站立时，应不断屈伸患肢，以借助肌肉泵的作用促进静脉回流。　　2．锻炼：下肢静脉疾病可适当进行平地行走锻炼，以促进侧支循环的建立，改善静脉回流。　　3．其他：经常站立或坐位工作的病人，应裹弹力绷带或穿弹力袜。　　(三)改善疼痛症状　　护理目标：疼痛减轻或缓解。 主要护理措施：促进周围循环，增加组织灌注量和促进静脉回流是解决疼痛的根本措施，护理措施得当，将会有效地减轻或缓解疼痛。此外，疼痛常在活动后发生或加重，故多表现为少动，还会出现睡眠不佳，使病人变得烦躁，易怒或抑郁，不能积极参与和配合护理人员执行锻炼计划。因此，适当适时地给予止痛药物，会促进活动增加，到病人的合作，从而使护理措施更容易实施。止痛药的使用应合理，以防成瘾。　　(四)潜在组织完整性受损的护理　　护理目标：不因护理不当而发生或加重皮肤或组织的受损。 血管疾病，由于组织灌注减少，组织营养不良等，均潜在地存在着完整性受损的问题，肢端最外层的皮肤组织是最易受损的部位，极易因轻微损伤而发生组织的完整性受损，而且一旦损伤就易演化为长期不愈的溃疡。所以，在组织灌注减少的最初阶段，就应开始积极、细致和预防性的皮肤护理，尤其是下肢和足部的护理，同时给予维生素 B1、C和高蛋白质的饮食，以加强营养，有利于伤口愈合。若病情发展迅速，组织发生溃疡或坏疽时，则应及时发现，采取相应的护理措施。　　(五)自理缺陷的护理　　四肢血管疾病患者因剧烈疼痛、患肢溃疡、坏疽或患肢肿胀等原因，完全或部分地影响生活自理。或因治疗需要，限制病人的活动。在卧床初期，护士应主动实施床旁护理，包括协助进食、饮水、排便、清洁及娱乐等，以满足病人的基本需要，消除其无助感。应对病人的自理意识、自理潜能、学习愿望及应激能力等进行全面评估，与病人及其家属共同制定出一套训练计划，并建议家属为病人提供必要的物质条件和环境，鼓励病人自觉学习，充分调动病人的自理潜能，减少对他人的依赖，逐步克服自理缺陷的心理障碍。在实施训练计划的过程中，应主动协助病人完成治疗性自理需求，补偿病人自理能力的不足，为病人建立新的自理模式提供帮助和指导。 　　预防和控制感染 　　任何溃疡和坏疽都有潜在的感染问题，感染创面不易愈合，故首先要预防和控制感染。 局部创面处理：主要是保证溃疡创面充分引流和创面清洁.　　1、用0.9%盐水或0.4%新洁尔灭溶液冲洗伤口，并用棉球轻擦数次使脏物脱下;　　2、用3%双氧水棉球轻擦或用注射器抽双氧水冲洗伤口数次，脏物多则冲时泡沫多;　　3、反复重复一、二步，未能脱掉的骨头或腐肉，不必采用其他方法处理，让其自行脱掉;　　4、用干棉球擦干伤口，伤口周边用75%酒精棉球消毒1-遍;　　5、处置伤口间隔时间，以病情发展的阶段及伤口的变化有的不同，一般间隔两天。以防继续感染。各种处理都应严格无菌操作。对全身抵抗力差者，可遵医嘱给予广谱抗生素，以防继发感染或控制感染。在创口形成的药痂一定要清除，肉芽组织生长过快或肉芽水肿，会影响上皮再生，使创口难于愈合，包扎不宜过紧，以免影响血液循环，延缓创口愈合。溃疡创面周围的皮肤可用温水、中性肥皂轻柔地清洗，而后用棉球擦干。　促进肉芽生长，加速创口愈合 　　溃疡创面只要有足够的血液供应，无感染和坏死，敷料湿润，透气性好，肉芽组织就会迅速生长，创口很快会愈合。　　1．局部创面处理：坏死组织不利于创口愈合，且易继发感染，故应及时清除溃疡面的坏死组织,促进坏死组织分解。创面彻底清除后,可根据创面的性质，选用“蛋黄油药剂”和“祛腐生肌散”。创面较深者，宜选用药物浸湿的纱布松软填塞，充分引流，使肉芽组织逐渐从创口底部生长，填充。创面渗出物过多者，可选用各种具有吸水性的敷料，如水解胶体、藻酸钙等。此外，在出现不明的发热、疼痛、出血、有厌氧菌感染可疑，或敷料脱出、敷料脏了，以及脓液增多、有异味等，应及时更换。但无论新鲜伤口还是感染伤口，换药时都不要在伤口内涂撒消炎粉以及带有颜色的药物(如甲紫)，以免影响对伤口的观察。 敷料更换不宜过勤，揭除敷料时，勿损伤新生的肉芽组织。同时要注意局部药物是否有过敏反应。 　　2．改善局部循环：防止局部受压，卧床病人注意勤翻身，以减少局部受压时间，必要者可使用支被架。因动脉供血不足引起的溃疡，可作Buerger运动，有利于改善局部循环，增加侧支循环。因静脉回流障碍而引起的溃疡，卧床及抬高患肢及用弹力绷带包扎或穿特制的弹力袜，可促进静脉回流。但最根本的是治疗原发病，使局部循环彻底地恢复。　　3．改善全身营养状况：可根据病人的生活习惯调整饮食，所进食物应含高蛋白，高维生素。贫血者，轻者可进食含铁量高的食品，重者应间断输血。若口服硫酸锌，可为伤口提供所需的微量锌，促进伤口愈合。给予钙剂也可以起到止痛的作用。　　1、发生静脉炎，如属一般留置针应拔除，更换穿刺部位，发炎部位可给予热敷，症状应在3天内改善，若无改善迹象应通知医师评估是否细菌感染。　　2、若PICC（外周静脉穿刺导入中央导管）发生静脉炎，可先热敷，若属于机械或化学性静脉炎，症状应可缓解，若症状持续，并无改善迹象，才需拔除。　　3、若进行湿热敷、可利用湿热毛巾进行热敷，每次20分钟，一天4次。　　4、若疑是细菌性静脉炎，需通知医生进行导管针与血液培养，抽血培养需从其它静脉及导管内各抽取一支进行血液培养，以作为诊断的依据。　　5、若有脓液，应培养脓性液体，需利用无菌棉棒进行；取样前，避免消毒皮肤以免影响细菌的培养。　　6、抬高患肢，促进血液循环，进行修复。　　7、若疑似化学反应，需记录。应依据静脉输液协会制订的记录方式进行记录，以达到护理人员判断标准的一致性。　　8、避免再度穿刺已发炎的血管，发炎血管须等到症状完全复原，恢复弹性方可使用。 药液外漏及静脉炎的处理： 　　(1) 如果注射部位刺痛、烧灼或水肿， 则提示药液外漏，需立即停止用药并更换注射部位。 　　(2) 漏药部位根据不同的化疗药物采用 不同的解毒剂做皮下封闭，如氮芥、丝裂霉素、更生霉素溢出可采用等渗硫酸钠，如长春新 碱，外漏时可采用透明质酸酶。其他药物均可采用等渗盐水封闭方法：可用 20 ml 注射器抽 取解毒剂在漏液部位周围采取菱形注射，为防止疼痛还需局部注射普鲁卡因 2 ml, 必要时 4 h 后可重复注射。 　　(3) 漏液部位冷敷，也可配合硫酸镁湿敷直到症状消失。　　(4) 静脉炎发生后可 行局部热敷，按血管走行的松软膏外涂或理疗。</t>
  </si>
  <si>
    <t xml:space="preserve">好听的音乐类似天空之城的音乐英文歌曲推荐一点吧 </t>
  </si>
  <si>
    <t>我心永恒（泰坦尼克号主题曲）超好听，超感动听听看吧！</t>
  </si>
  <si>
    <t xml:space="preserve">想买台电脑，不知道是台式的好还是一体机好？买联想的电脑一体机好吗? </t>
  </si>
  <si>
    <t>个人建议组装机比较好。。机箱   配置你都可以自己选。。兼容就行。</t>
  </si>
  <si>
    <t xml:space="preserve">谁能帮我解决这个难题啊？小弟谢啦！比如我要在百度上搜索，我双击搜 </t>
  </si>
  <si>
    <t xml:space="preserve">不要用3721雅虎助手 它本身就是个删不掉而且占内存的垃圾软件不要用超级兔子 它有可能删掉其他有用的文件 打开IE浏览器中的“选项” 里面的IN选项 第一页里你就能看到了如果不想用这个 可以用瑞星的“卡卡助手” 很好用 是免费的 到瑞星官网下载就好 </t>
  </si>
  <si>
    <t xml:space="preserve">清泉老师，000099今天可以进吗？急！！！000099今天可以 </t>
  </si>
  <si>
    <t>暂不介入.观望.</t>
  </si>
  <si>
    <t xml:space="preserve">怀孕二十天能做人流吗 </t>
  </si>
  <si>
    <t>怀孕49天之内可以选择药物。药物流产又称药流，是指用米非司酮片加米索前列醇药物口服终止早期妊娠。.药物流产应用方便，服药简便，不需要进行手术，简单经济，是很多女性选择的原因。但缺点是服药后出血时间比较长，还有可能会出现流产不全的情况，那么就需要二次进行清宫。人流是手术进行终止妊娠，现在有可视无痛人流，这种手术痛苦小，但相对安全，一般不会出现流产不全的情况，相对安全。不管选择哪种流产方式，都需要在医生的指导下进行，并注意流产的时间。药流是必须在怀孕49天之内，人流的最佳时间是35-70天，最迟不超过90天。建议还是选择正规医院，正规医院的医生也都是专业的医师，正规医院收费透明、价格都是根据物价局的标准来定，医院也有药品的价格公示，不会出现乱收费现象。</t>
  </si>
  <si>
    <t xml:space="preserve">我的机子没有办法看电影，该怎么办？ </t>
  </si>
  <si>
    <t>1.先检查是否已经安装该视频文件的相应的播放器，并检查播放器的版本是否合乎文件播放最低要求。2.安装解码器。</t>
  </si>
  <si>
    <t xml:space="preserve">怎么开国籍证明，去哪里？谢谢是去本市公安局么？ </t>
  </si>
  <si>
    <t>你是什么国家的人就只能得到那个国家的护照，全世界任何海关一看都知道的，所以没有必要单独开国籍证明的。</t>
  </si>
  <si>
    <t xml:space="preserve">新股询价价格是什么？ </t>
  </si>
  <si>
    <t>如果是“三金”为：19.8</t>
  </si>
  <si>
    <t xml:space="preserve">1级天崩和10级差不了多少，有必要把它加满级么？？大家都知道自然 </t>
  </si>
  <si>
    <t>一级天山崩打和伤害可以从技能看明显的看到提升并不多，多一级只加6点，但十级的和一级的差别有几下几点：根据官网的资料，一级的天崩你只多只能打5个怪，十级可上限可以打10个，还就是击倒和减移动速度和攻击速度的变化，十级减速15%速度70秒！减速攻击速度的时候好象要短一点，我现在还没加满只有6级，到了十级再仔细看看加1级还是十级是刚玩法师的一个难以选择的，建议新人只加一级就行了，不然后面要到了51才能学满10级，51你也只穿穿1J的精灵装。。再想加属性穿装备升级太困难。后面那真叫难混了T_T。后期有一定的装备的时候可以时候再加满。现在已经开70级了，先从41加到60级的100属性点装备全穿装备。防够了再把天崩学上去。</t>
  </si>
  <si>
    <t xml:space="preserve">求找摄像头驱动程序下载，设备情况如下：设备驱动版本详细信息Mic? </t>
  </si>
  <si>
    <t xml:space="preserve">1、万能摄像头驱动 中关村下载： 2、USB万能摄像头驱动下载网址：  3、如果需要安装驱动，建议安装驱动精灵2008 ，安装之后，使用其自动更新驱动功能，它会自动下载并安装最新版本驱动，包括，声卡、、网卡、USB等，这是驱动的总汇（包括某些品牌的摄像头驱动）。 下载安装后，打开驱动精灵，会自动检测你电脑的硬件信息，检测完毕后，点击“驱动更新”按钮，切换界面，然后点击“自动安装”，再点击右下角的“开始更新”按钮。驱动精灵2008 Beta4   4、超级兔子也有更新驱动的功能。下载地址： 5、驱动人生 2008正式版软件详细信息。   驱动人生是芯片级驱动管理程序,全智能扫描识别所有硬件的万能驱动维护专家（识别硬件，智能匹配驱动、自动下载、安装、更新、备份、卸载等），支持所有品牌(如Intel、nVidia/3DFX、AMD/ATI、VIA/S3、Realtek、C-Media、Marvell、ADI、IBM、Creative、Broadcom、Conexant、 SigmaTel、Matrox等）的主板、显卡、声卡、网卡、调制解调器、摄像头、无线、打印机、扫描仪、读卡器、阵列卡、蓝牙、手写板、读写器、USB、1394、Bluetooth、Display、Image、MEDIA、Modem、Net、PCMCIA、SCSIAdapter、 SmartCardReader、System、MODEM、串口、并口等设备的识别与驱动,全面兼容Win9x/Win2000/WinXP/Win2003/Vista/Win2008等主流操作系统，已与国内著名显卡品牌七彩虹达成长期战略合作协议，全面为七彩虹提供硬件检测、驱动研 发、驱动升级等服务。 下载网址： </t>
  </si>
  <si>
    <t xml:space="preserve">宝宝能吃姜吗？宝宝9个月了，现在煮面给他吃都会放姜。能吃姜吗？ </t>
  </si>
  <si>
    <t>姜，葱性热，一周岁之内的宝宝尽量不要吃，宝宝吃了容易上火。孩子的脾胃不行，应该吃半流体食物，易消化。</t>
  </si>
  <si>
    <t xml:space="preserve">如何教育孩子？怎么和孩子更好的沟通呢？ </t>
  </si>
  <si>
    <t>父母是孩子的第一任老师，对孩子一生的发展十分重要。因此家长与孩子的沟通至关重要。我就如何与孩子沟通说以下几点： 一、身教重于言教 家长首先要注重自身的修养，树立自己的威信。一个不爱学习只顾自己吃喝玩乐的家长，一问三不知的家长，品行恶劣、行为庸俗、自私自利、不孝敬老人的家长是不会培养出好孩子的。 二、要注意亲子 孩子非常在乎父母是否全身心投入关注他们成长，有的父母虽然与孩子常年在一起，但不一定经常沟通。大多数父母都是以忙为理由，忽视亲子教育。父母的亲子教育应走在孩子的生理心理发展的前面，所以父母应全身心地投入孩子的教育，不断学习，提升教子能力，方可赢得孩子的尊重和爱戴。 三、营造一种良好的知识环境 孩子学习要有一个好的小环境，不求高档，但求氛围，学生学习的时候要避免不必要的家庭闲谈，朋友聚会等等尽量少在家中接待。还有，就是要创造和睦、祥和、稳定的家庭气氛，父母不要经常打架、吵闹，影响了孩子的心理发展。 四、无条件信任孩子 父母是孩子的第一任老师，更是孩子的终身榜样。孩子身上的优点、缺点、好习惯、坏习惯基本上来自父母和周围环境的熏陶。所以要求孩子做到的，父母首先要做到。对孩子做到最多地欣赏优点，尽量地包容缺点，用放大镜看孩子，要知道世界上没有完美的孩子，再完美的孩子都有自己的缺点的。父母无条件信任自己的孩子是与孩子沟通交流的重要基础。 五、多赞美、少批评 恰到好处的赞美是父母与孩子沟通的兴奋剂、润滑剂。家长对孩子每时每刻的了解、欣赏、赞美、鼓励会增强孩子的自尊、自信。切记：赞美鼓励使孩子进步，批评抱怨使孩子落后。 六、纠正孩子的关键性缺点时一定要注意考虑成熟，选择最佳地点和时机 最后请家长们记住以下几句话：教育孩子的前提是了解孩子。赏识才能成功，抱怨导致失败。</t>
  </si>
  <si>
    <t xml:space="preserve">请问左冲右突的砖石大骚动中的“库鲁普鲁”在什么地方？ </t>
  </si>
  <si>
    <t>你说的什么乱七八糟的阿，不懂。。。。</t>
  </si>
  <si>
    <t xml:space="preserve">这样的是妊辰纹吗我现在怀孕32周,肚子上出现了一些红色的条纹,但 </t>
  </si>
  <si>
    <t>你的应该就是妊娠纹了，不过一般人都会多多少少有一点的，有的也很严重，你可以通过控制一下体重得到缓解，但是之前出现的一般情况下是不会消失的，但它会慢慢变淡。如果你的家庭经济允许，可以去买克兰诗(Clarins)的身体调和油擦擦试，我也有一点，现在已经8个月了，正在用它，感觉效果还不错，挺温和的，主要是使用方法要正确，建议你去柜台咨询。祝我们好孕^_^</t>
  </si>
  <si>
    <t xml:space="preserve">关键词:南昌理发店男生的发型我想知道在南昌那些店理男生的头发会理 </t>
  </si>
  <si>
    <t>八一公园那家金蝶还不错。  王朝就是贵了一些。设计师哪里都有好的和一般的。关键是要会选和经常去才能识别。   系马装的沙宣有几个年轻的设计师不错我记得王朝以前有个编号007的姓名闽的手艺很好</t>
  </si>
  <si>
    <t xml:space="preserve">谁能帮我注册一个ARP防火墙的注册码....我的硬件序列号是：I </t>
  </si>
  <si>
    <t xml:space="preserve">ARP防火墙的是用钱买的，应该没有人会给你！给你的应该也不能用的。你试试破解版的。ARP防火墙 V4.2 破解版下载突破各种ARP欺骗工具的限制，防止ARP病毒的传播 软件介绍: 您想在办公室里无忧无虑的自由上网吗？ 您想突破网管软件限制(如聚生网管、P2P终结者、网络执法官),而随心所欲的玩各种游戏吗？ 您想你在QQ/MSN不被人监控吗？ 您想在校园和单位加速您的BT吗？ 您想在局域网看网络直播更流畅吗？ 您想不被ARP病毒攻击吗？ 现在好了，自由上网4.2将给您带来全新的上网体验。 本软件是突破局域网各种ARP欺骗的工具.通过对各种ARP欺骗工具(聚生网管,P2P终结者,网络执法官)原理的深入分析,研究出一种有效的突破方 法. 这种方法对网络的影响很小,不会对别的主机造成影响,只保护本主机可以无阻碍的防问外网,而不受各种ARP欺骗工具和ARP病毒的限制。 同时,通过对ARP欺骗数据包特征的分析,可以找到ARP欺骗者的IP地址及MAC地址 再次强调安装方法：直接安装，然后再用破解图标打开 ARP防火墙单机版 v4.3.1 破解版 </t>
  </si>
  <si>
    <t xml:space="preserve">我昨晚梦见爷爷去世了，我哭得喘不过气来，不知是咋回事啊其实爷爷在 </t>
  </si>
  <si>
    <t>恭喜你...梦见老人过世，表示你将重生，表示你想在新环境中展开新。梦见死人表示你打算忘记一些不快的往事，并准备从失意中再站起来。不用害怕。如果梦境是快乐的，这是吉祥之梦，如果是悲伤、严肃的则是骨肉将有意外。· 梦见死人复活 若梦见死去的父亲活过来，表示家庭成员中会有争论。 若是梦见亡友，则表示物质上将会发生困难。· 梦见死人从棺木中走出表示很久没有联络的朋友会突然来访的预兆。 · 梦见与死人说话表示一些小愿望能够达成，正在进行中的事情会成功，或正在讨论的事情会有好消息。 · 但若梦中死人哭泣的话，则表一切不顺利．愿望也无法达成。 · 梦见死人进入家中幸运将至的预兆。 · 梦见自己抱着尸体，是大吉大利，有很好的财运：若尸体有臭味则事业更繁荣，若为死尸生蛆则得大利，可能能发大财。 · 梦见自己抱着骷髅表示将受人毁谤或被人诈欺。 · 梦见自己死亡表示财产将会愈来愈多，一切顺利的吉兆。 · 梦见某人死亡若是梦见还活着的朋友死亡，则你将会有好财运。 · 梦见葬礼表示将会散尽钱财或破大财。(但若梦见自己死亡的葬礼，则大吉大利。) · 梦且火葬表示可期待的好事会到来。 · 梦见自己参加葬礼去凭吊或追思死者，表示自己将怀孕或近亲中有人将生小孩。</t>
  </si>
  <si>
    <t xml:space="preserve">长沙牛耳教育怎么样？我想问下谁知道长沙的牛耳培训的教学质量怎么样 </t>
  </si>
  <si>
    <t xml:space="preserve">    牛耳成立于2001年，八年来一直致力于为中国IT企业培养高端软件人才。目前拥有三大校区四大实训基地近30000平米大型软件教学场地，在校学生4000人，毕业学员7000余人，高薪就业于联想、华为、中软、google、NEC等国内外知名IT企业。    八年多的运营，牛耳软件教育凭借雄厚的教育实力、强大的师资力量、与国际接轨的课程设置、优秀的就业推荐团队，获得社会高度赞誉和企业的广泛认可，被省政府指定为“服务外包人才培训基地”，被教育部评为“中国十大品牌IT教育机构”，并多次获得“湖南最佳IT职业教育机构”荣誉称号。    牛耳软件教育建立了完善的就业保障体系，在北京、上海、深圳等全国十大中心市设有多个就业基地，办学8年累计向企业输送7000余名软件工程师，平均年薪6-15万元，被《电脑报》授予“最佳就业奖”，被新浪网等权威媒体评为“中国十大品牌IT教育机构”。 </t>
  </si>
  <si>
    <t xml:space="preserve">一个显示器,两台电脑,如何方便切换不想爬到后面插来插去 </t>
  </si>
  <si>
    <t>有一种硬件叫VGA切换器。小字典大小，30-50元一个，按钮切换，工程控制台上常用，电脑城有售。</t>
  </si>
  <si>
    <t xml:space="preserve">至少写出三个实验现有一把学生用的直尺,一支笔,一根较长的细线,一 </t>
  </si>
  <si>
    <t>(1笔，直尺，细线，测笔的直径或周长（2）直尺，厚棋子惯性实验（3）细线，秒表，螺丝演示单摆实验的周期的影响因素（4)细线，棋子，螺丝势能与动能的转化实验（5）细线，螺丝重力的方向竖直向下（6)直尺拨动直尺，振动发声，及其它声学实验</t>
  </si>
  <si>
    <t xml:space="preserve">华夏大盘净值华夏大盘精选1.85002.03001.85002. </t>
  </si>
  <si>
    <t>华夏大盘被评为“五星级”决不是偶然的，不是靠它一两个月的表现赢来的。华夏大盘的持仓风格也挺有特点，这与它的发布书上说明的可不同，这使得它成为一只风格较激进的基金，同时也常出现与好多基金背着走的情况。</t>
  </si>
  <si>
    <t xml:space="preserve">反恐24小时求此电影所有部分目录或介绍及下载目录 </t>
  </si>
  <si>
    <t xml:space="preserve">第1集  　　中情局干员杰克在家中发现女儿金偷偷溜出门，正心慌意乱时又突接局里来电，紧急集合。侦查小组负责人沃而西透露，有人打算在当天暗杀总统候选人帕尔玛，并告知杰克中情局内有人涉入。摄影帅马丁在飞往洛杉矶的飞机上，致电帕尔玛的助理帕蒂，约好和帕尔玛见面。马西邻座的女乘客曼迪偷走马西的证件，启动定时炸弹，飞机就要爆炸  第2集  　　曼迪从机上跳伞安全落地后，把证件埋在地下，曼迪的同伙把证件取走。沃而西和一名干员贝勒秘密会面，贝勒交给沃而西一张通行证，可查出中情局内阴谋暗杀帕尔玛议员的人，然而却传出枪响，贝勒当场丧命，沃而西手臂中弹。杰克和沃而西跑出大楼时，沃而西中弹，把通行证交给杰克，要他追查来源，结果发现居然是妮娜的电脑。第3集  　　中情局监视中心致电杰克，并没有枪手的指纹资料，这即意味枪手并不存在，或资料遭到高层删除。杰克确认通行证密码档案的确出自妮娜的电脑后，杰克当面指控妮娜，然而妮娜却再三否认。盖恩斯终于把钱付给曼迪和布莉姬，三人一起去取证件，盖恩斯一拿到证件，突然一声枪响，布莉姬当场中弹身亡。第4集  　　杰克从磁卡上的密码档案中，发现可疑地址，他正要亲自去查时，突然反恐小组办公室内所有电脑和电话全部失灵。杰克和一个女警一起追捕男子潘提可夫，混乱中女警中枪，杰克捉住潘提可夫，杰克要潘提可夫说出内情，潘提可夫却告诉杰克，如果他想再见女儿的话，就要想办法把他从牢里弄出来。  第5集  　　杰克进入讯问室审问潘提可夫，却借故和潘提可夫打成一团，趁乱把抄有电话号码的纸条塞入他口中，潘提可夫透露二十分钟后他必须到杰克发现他的仓库接电话，否则金的性命难保。两人来到仓库附近发现一具藏在车厢内的尸体，确认不是金，杰克把无名尸带回反恐小组，希望查出死者身份。第6集  　　简妮经过急救后，被送入病房。杰克要求和简妮谈一谈，不过阿兰约克表示他要先去确定简妮的状况，阿兰约克压住氧气罩，令简妮窒息身亡。阿兰约克离开病房后，向泰莉谎称他从简妮口中得知一地址，金可能在那儿，泰莉一时找不到杰克，便坐上阿兰约克的车，前往该地址找人。第7集  　　破解磁卡的工作已有进展，显示杀手经过改头换面，取代了他人的身份以接近帕尔玛行凶。杰克一进办公室，妮娜就告诉他，无名尸的身份是阿兰约克，杰克大吃一惊，盖恩斯威胁杰克尽快把磁卡调包，否则妻女两人都活不成。盖恩斯立刻告诉阿兰约克，泰莉已知他并非真正的阿兰约克。 第8集  　　帕尔玛搭车前往早餐会，准备在会上发表演说，对外公布基斯的事。假扮摄影师的杀手也拿着证件，进入了早餐会。杰克照盖恩斯的指示，停在一车站前，一名男子把一只手提箱放到车内，杰克持证件带着手提箱顺利进入早餐会，巧遇帕尔玛的助理洁西卡，杰克趁机传纸条给她，却被盖恩斯的手下破坏。第9集  　　杰美表示，盖恩斯付她三十万美元，要她在反恐小组当内应，托尼和妮娜要她再多透露一些内情。杰克打电话回反恐小组，妮娜告诉他内贼是杰美，杰克难以置信。妮娜告诉杰美，他们要带凯尔到反恐小组，杰美不信，没想到妮娜和托尼再回到房间时，却发现杰美自杀……第10集  　　救护人员把杰美送到医院，此时磁卡解密又有突破，发现盖恩斯曾与一名叫柯菲尔的商人有联系。一位名叫德雷山的男子打电话给盖恩斯，说他们兄弟对盖恩斯非常失望，盖恩斯立刻保证会尽快找到杰克，并在今天内杀死帕尔玛。分区决定派遣妮娜以前的手下爱贝塔暂代杰克的职务。第11集  　　柯菲尔接一电话，对方要求柯菲尔到一处停车场见面。杰克决定带柯菲尔前往停车场和凯文卡洛见面，途中柯菲尔偷偷拿出一把小刀攻击杰克，两人一番扭打，柯菲尔却突然心脏病发，当场毙命。在停车场，杰克赫然发现他就是之前假冒简妮父亲阿兰约克的男子。第12集  　　凯文带杰克混进园区，指出他妻女被关之处，杰克打昏凯文，开始找人。杰克在一间屋里找到了泰莉和金，一家人终于团聚。盖恩斯便派瑞克前去查看，瑞克刚进门，就被杰克制服。瑞克提议也去开车，搭载杰克一家人逃走。第13集  　　泰莉和金躲在一废弃小屋，杰克适时出现枪杀一名盖恩斯的手下，传出的枪声被盖恩斯听见，遂立刻联络手下，杰克取得遇害者的无线电掌握盖恩斯动向。正当杰克带着泰莉和金回到会合点之际，却遭到盖恩斯的狙击。第14集  　　杰克一家人回到反恐小组，泰莉和金被送往医院检查，杰克被带到侦讯室审讯，杰克要妮娜去医院保护泰莉和金。卡尔威胁帕尔玛，帕尔玛不得不打消公之于众的念头。由于暗杀威胁紧迫，帕尔玛一家人将被送往内华达州一军事基地接受保护 第15集  　　帕尔玛质问杰克为何要暗杀他，杰克大吃一惊，帕尔玛于是表明他是否为了夜色行动找他报仇，杰克立刻细说来龙去脉。妮娜在庇护所先后对泰莉和金进行问话，泰莉得知妮娜曾和杰克有染情绪大受影响。帕尔玛要求夏沛尔让杰克复职，继续调查此案。 第16集  　　伊莉莎白对杰克表示，她是一星期前在华府结识亚历斯，而她也愿意助一臂之力，保护帕尔玛参议员。正当帕森拿出盖恩斯同伙的照片供泰莉和金指认时，杀手乔凡已潜入屋内，帕森遭到攻击，金和泰莉趁乱驾车逃逸。 第17集  　　金和泰莉驾车翻落山谷，两人失散，泰莉因刺激太大，暂时失忆。伊莉莎白和亚历斯见面，亚历斯向伊莉莎白询问帕尔玛接下来的行程，伊莉莎白再三敷衍，终于找机会把追踪器放进亚历斯的皮夹。杰克依计划致电伊莉莎白，不想她却拿了把拆信刀，向亚历斯刺去。第18集  　　安德烈打电话给杀手乔凡，乔凡找不到泰莉母女的下落，于是打算到杰克家走一趟。杰克和妮娜来到见面地点，摩根出现，杰克要他把任务重复一遍，摩根发现杰克说话毫无口音，便拔腿就跑，杰克下令所有干员不得开枪，泰迪不顾命令让摩根落桥身亡。第19集  　　妮娜得知庇护所遭到攻击，泰莉和金失踪，立刻怪罪托尼为何没通知她和杰克。杰克和梅森来到索加市的地址，杀手乔凡趁机进屋，将克里斯一枪毙命，乔凡正要向泰莉逼问金的下落，托尼正好赶到，泰莉因再次受到惊吓恢复记忆。第20集  　　雪莉指责帕尔玛多年来辛苦建立的事业毁于一旦，帕尔玛则表示他到现在才看清雪莉的野心，两人的感情已无法挽回。杰克终于发现一地下入口，这里是国防部的秘密监狱。杰克偷偷溜进监控室，发现秘密犯人居然是他两年前赴波士尼亚执行任务时所杀死的维多德雷琛。第21集  　　杰克正准备移送维多德雷琛，突然灯火全灭，显然安德列德雷琛已来劫狱，只有等待救援。妮娜告诉泰莉，杰克遭人挟持，泰莉恳求妮娜尽力救出杰克。安德列德雷琛带着手下正要杀掉杰 第22集  　　维多德雷琛要杰克证明，亚历斯仍活着。维多愿意以杰克换回亚历斯，但梅森表明他无权决定。妮娜只好打电话给帕尔玛，希望他能插手救杰克一命。帕尔玛亲自打电话给梅森，要他擅用职权批准以亚历斯换回杰克之事，来日帕尔玛当上总统会对他有所回报。 第23集  　　杰克来到饭店找帕尔玛，电话响起，杰克要求帕尔玛接听，维多德雷琛和帕尔玛短暂交谈后，便立刻按下引爆按钮，所幸杰克及时扔出电话，又救了帕尔玛一命。杰克说服帕尔玛暂时装死，让维多德雷琛误以为计谋得逞。不久安德列截获一名女子来电，告诉他们帕尔玛并未身亡，而此通风报信的女子竟然是妮娜。第24集  　　维多于是要求妮娜告知杰克金已死亡，诱使杰克自动上门报仇。杰克误信女儿真的已死，悲痛之下冲进维多德雷琛的巢穴，一阵激烈枪战，维多和安德列全都命丧杰克枪下。    </t>
  </si>
  <si>
    <t xml:space="preserve">加仓的问题手上基金30%,股票20%,天天在想,大盘要是调整了, </t>
  </si>
  <si>
    <t>大盘每天都在调整，没必要非得等大盘跌后才买。只要你认为明天是上涨的，就算今天大涨，也应该加。（我就是这样做的）既然你打算做长线了，现在就放心的买吧。目前不会出现大的波动。上投优势表现很好，可以加仓。另外：在牛市中，有一支指数基金是非常必要的。建议在你的配置里加一支指数型基金。一是可以从上升趋势中获得更大收益；二是可以避免出现赚指数不赚钱的情况。</t>
  </si>
  <si>
    <t xml:space="preserve">腰疼房事后严重平时小腹下坠，腰部疼痛，同房后更严重，是什么原因？ </t>
  </si>
  <si>
    <t>盆腔炎、附件炎、阴道炎都有可能，妇科的症状很多都相似，我建议你赶紧去医院做个妇科检查，很简单，妇科病要及时治疗，不然易引起宫外孕或者不孕。</t>
  </si>
  <si>
    <t xml:space="preserve">如何学好政史地生各位大哥大姐,教教我吧~ </t>
  </si>
  <si>
    <t>我觉得关键是你的学习兴趣,其次才是你的学习方法.有一句话叫做笨鸟先飞,意思是你要走在别人的前面才能掌握主动,况且我相信你一定不笨.所以课前的预习很重要.我建议:   你在每年开学前利用空余时间先打下学期要学习的东西大体过一次,知道要学些什么东西,明确学习的目标,对学习的内容有一个大概的轮廓.    学习过程中要多看.不用刻意地去死背,想多看,多想,多问,真理理解书中的所讲,把书本知识变成自己的东西.    可以找一个你比较要好的同学一起学习,互相提问,这样进步会很快的.    相信你一定能学好政史地生的.</t>
  </si>
  <si>
    <t xml:space="preserve">四川长虹是兰凑股吗？？？四川长虹是好的股票吗？ </t>
  </si>
  <si>
    <t>很好．曾经５０＼６０还有人推荐．</t>
  </si>
  <si>
    <t>预计3</t>
  </si>
  <si>
    <t>建议每年提前还一部分，缩短年限，从而使月还款额不变。这种方法是最省利息的。另外，根据我多年的工作经验，在此提醒楼主两点：一是：如果想享受5年内的低利率，一定要把总期限缩短到5年内。也就是说，假设您2005年3月10日贷的款，2007年1月16日还款，贷款到期日变为2010年3月9日，才可以享受5年的利率，而并非是2012年1月15日。二是：一般有的银行有收入与还款额占比的限制，比如说，还款额不能超过收入证明上金额的50%，您一定要先问清您的贷款银行，如果有此规定，就带好收入证明去。</t>
  </si>
  <si>
    <t xml:space="preserve">我是豪杰商店技能已练到10级为什么摆摊只能摆9样？别人摆摊能摆1 </t>
  </si>
  <si>
    <t>只要继续把东西拖到卖东西的物品栏就可以了</t>
  </si>
  <si>
    <t xml:space="preserve">现在满族人大部分住在哪里？ </t>
  </si>
  <si>
    <t>全国满族人口最多的是辽宁省,约500多万; 辽宁抚顺是清代开国立基和满族崛起的地方,有满族人口约30多万;所辖新宾,清原两县都是满族自治县.</t>
  </si>
  <si>
    <t xml:space="preserve">为什么早上醒来发现屁股沟里面全是汗水?性别：男年龄：24病史：以 </t>
  </si>
  <si>
    <t>△为什么早上醒来发现屁股沟里面全是汗水?▲正常生理现象，并非病态，放心便了。</t>
  </si>
  <si>
    <t xml:space="preserve">大家看看我这担心是不是正常的?姐妹们.我怀孕15周了,一直还没去 </t>
  </si>
  <si>
    <t>天啊，净在这里自己吓唬自己。我现在都怀孕4个半月了，肚子才刚能看出来，体重才增加了0.5公斤。你急什么啊。现在你没有反应，你就应该感谢老天爷，赐予你一个这么乖巧的孩子，和一副健康的身体，正因为你的体制好，宝宝不矫情，所以你才会现在没有那些让人难熬的反应。我当初是到3个半月才逐渐开始能吃东西，不呕吐，不难受的。你应该偷着乐了～～放松心情，别老自己吓自己，这样也会吓到宝宝的。趁现在身体还不难受，就尽量能吃就吃，能动就动，充分享受和宝宝一起呼吸的感觉吧～祝你好孕！</t>
  </si>
  <si>
    <t xml:space="preserve">组建无线网络。买什么品牌的路由器和网卡 </t>
  </si>
  <si>
    <t>TP-LINK的不错，价格也好，我们寝室就用这个</t>
  </si>
  <si>
    <t xml:space="preserve">请问改一只狗需要什么材料，一区收这些材料各样大概要多少钱？听说这 </t>
  </si>
  <si>
    <t>改造一只白狗 需要毫克爱犬的眼睛 毫克爱犬的爪 毫克爱犬的牙 毫克爱犬的毛这四种材料现在只可以去偷了 不过几率实在太小 一个月能偷齐就是你运气好了！建议买玩家手里的材料！希望你能搞齐了 我这里只有牙和毛 别的还都没有！</t>
  </si>
  <si>
    <t>NewcastleU.1</t>
  </si>
  <si>
    <t xml:space="preserve">红军利物浦想夺冠，就应该拿出夺冠的气势！ 利物浦一个字：猛！两个字：太猛！！！ </t>
  </si>
  <si>
    <t xml:space="preserve">我在网上看到新闻说，众品肉制品可以出口新加坡了，有吃过的人，过来? </t>
  </si>
  <si>
    <t>我们家一直吃的都是众品的冷鲜肉，味道是很不错，能吃到那种小时候吃肉的味道。而且他们家的肉不光是味道好，安全卫生指标也相当靠谱，必胜客的肉都是众品给提供的呢，你去试试，就知道了。</t>
  </si>
  <si>
    <t xml:space="preserve">军校中招招生今年我即将初中毕业，我一直热爱军事，热爱部队，不知道 </t>
  </si>
  <si>
    <t>现在好像都要高考的！没有直接招收初中毕业的了！</t>
  </si>
  <si>
    <t xml:space="preserve">用亡灵巫师召唤的法师冰冻的怪的尸体是不是拿不到装备啊亡灵法师召唤 </t>
  </si>
  <si>
    <t>除了BOSS和金怪,小头目其余的怪物会出现这种情况(花了我半个小时........)但不是不会出现装备而是几率变低......~~~~</t>
  </si>
  <si>
    <t xml:space="preserve">请问只是在清华参观吗？ </t>
  </si>
  <si>
    <t>为了让学生近距离感受清华，我们的主要活动在清华大学校内进行。住宿在清华大学学生公寓，三人间公共卫浴，生活老师均有丰富的营地组织经验，监控设备齐全，安全可靠。</t>
  </si>
  <si>
    <t xml:space="preserve">军威如何别克军威2。0MT2006舒适版请问各位它的优缺点谢谢！ </t>
  </si>
  <si>
    <t>君威着车，从车型上说是商务用车，绝对大气，不失体面，价格又不贵，乘座感舒适，空间大，噪音小。（优点）但是由于他的自重大，加速性能不好，是比较肉的，如果你不太追求速度，君威是商务加私人的首选。</t>
  </si>
  <si>
    <t xml:space="preserve">若（X+2）平方+Y+1/2的绝对值=0，则X的2004方乘以Y? </t>
  </si>
  <si>
    <t>（X+2）^2+|Y+1/2|=0x=-2且y=-1/2X的2004方乘以Y的2005次方=(-2)^2004*(-1/2)^2005=(-2)^2004*(-1/2)^2004*(-1/2)=-1/2</t>
  </si>
  <si>
    <t xml:space="preserve">市场是木门有很多种,档次也参差不齐,便宜的还有几十块的,鱼龙混杂? </t>
  </si>
  <si>
    <t>幽模压门100多、免漆门500多、实木复合门1000-2000、实木门2000-4000 居家过日子，免漆门500夺的，挺好，样子不错，结实耐用，</t>
  </si>
  <si>
    <t xml:space="preserve">花样年华彩妆好不好？ </t>
  </si>
  <si>
    <t>妆要画出自己的气质，自然美最漂亮。</t>
  </si>
  <si>
    <t xml:space="preserve">肉毒素可以美容护肤，据徐州美莱专家讲也可以用来除皱，那肉毒素注射? </t>
  </si>
  <si>
    <t>　　肉毒素注射除皱方法去皱效果确切，见效快，立竿见影。无痛苦，无肿胀，不影响工作和学习，即做即走。可快速祛除额纹、鱼尾纹、眉间纹、鼻背纹。</t>
  </si>
  <si>
    <t xml:space="preserve">想问下初夜之后要隔多久才能进行第二次 </t>
  </si>
  <si>
    <t>只要注意卫生,没有时限.自己忍受得住就行了.</t>
  </si>
  <si>
    <t xml:space="preserve">兴业卡与团购的区别？我是新手，问一个问题：兴业卡与团购在网上购买 </t>
  </si>
  <si>
    <t>1.团购这个组织不是很好,没有保障.建议不要参加.团购手续费比兴业卡直销申购手续费还低.....好像是0.3%还是0.2%2.兴业卡支持大约30个基金公司的直销基金.是最强的直销用银行卡.因为银联通基金这个系统就是兴业和银联一起搞的,兴业理应在里面充当主角.3.你想买的广发,易方达,上投,嘉实,富国,银华,中银......汇添富都可以在兴业卡买,而且有4折优惠.4.当然兴业卡不是支持所有的基金购买,但是这些优秀的基金足够让你申购了.因为大家精力和财力有限,不用投资关注那么多基金,不是么?</t>
  </si>
  <si>
    <t xml:space="preserve">J10和F16那个跟先进 </t>
  </si>
  <si>
    <t xml:space="preserve"> 歼-10和F-16E/F block 60的比较   作者:akaaaa 发表时间: 2006/12/30 09:43       　　歼-10的研制过程历时18年，虽然名义上是成都飞机制造公司负责它的研制，但由于中国特色的军工体制，在领导的重视下，歼-10的成功事实上是整个中国牟足了劲，共同参与的结果。据信歼-10最初的原型机，或者说第一架原型机一定是有以色列人参与了制造，因为一些1993年以前出现的歼-10图片显示，这些原始的歼-10很像以色列的狮式战斗机，不仅仅是后缘后掠三角翼和后掠鸭翼在主翼上方，这些外部形状相似，更重要的是两者的质感如出一则。如果不是以色列人在帮助，当时的中国人绝对不会制造出这种很像复合材料机身的原型机，狮式战斗机的质感看上去更像是高级商务飞机，可能是因为没有防护装甲，或是复合加工不易，价格太高，甚至可能是中国当时根本制造不出像样的复合材料。总之不知什么原因，1996的歼-10原型机大量使用了苏-27的制造工艺，这些图片中的歼-10带着苏-27战机明显的特有质感，很粗糙，笨重，让人一看就怀疑是不是能够飞起来。从时间上看，这张图片出现在1996-1998年，中俄签署协议，沈阳飞机工业公司开始组装Su-27 SK的几年后，这可能说明成飞和沈飞合作生产歼-10（仅个人猜测），但这张图片仅仅是个开始，很快几年后歼-10的制造工艺就发生了很大变化，显得更加精制，轻巧，质感上更接近欧洲的战斗机，也就是我们现在看见的生产型的歼-10，有防护装甲，且使用的是铝锂合金，在盒形的中段有几个钛合金承力框（比F-22细小很多），歼-10的许多天线（航灯，VHF/UHF天线，一些奇怪的凸起物）和F-16某些天线的外形位置完全一致，所以我们可以认为中国可能从巴基斯坦人那里获得了一架F-16C/D，作为借鉴的样本，甚至某些新技术，新制造工艺都可能源自F-16。不过不能以此认为歼-10和F-16的性能相近，因为毕竟歼-10是鸭式布局，绝大多数方面跟传统布局的F-16会有很大不同。歼-10的红外告警接受机位置不详，有个俄罗斯人认为座舱下的白色椭圆形物体是红外告警接收机，很可能说法是正确的。雷达告警接收机的位置也不太清楚，主翼外段前缘的两个天线可能是雷达告警接收机天线（RWR），也可能只是防振颤配重。在没有经过喷漆的歼-10图片中，主翼翼根位置的机身蒙皮跟其他位置的蒙皮不太相同，可能是用复合材料制成的，里面是燃料油箱。油箱前面就是电子设备舱，里面有歼-10的各种电子仪器，数据链天线就在航空电子设备舱的上面。歼-10垂尾顶端有静电放电器，静电放电器上面是着陆系统 ILS天线。战斗机最重要的主动雷达干扰机的位置不详，天线最可能放在垂尾顶端。在机身后段左右各有一个圆孔，可能只是某种维护接头，连接着总线。F-16E/F block 60的电子系统是其强项，比歼-10先进很多。采用“综合核心处理机”（ICP）的F-16E/F block 60，其光纤传输网络的带宽是1553B数据总线的1000倍，也就是说F-16E/F block 60更能够掌握空中的实时信息，有更到位的同种机体或各种机体的数据链传输，配合先进的主动干扰系统，F-16E/F block 60的实力不容低估。歼-10的雷达和F-16E/F block 60的AN/APG-80先进捷变波束有源相控阵雷达的作用距离可能相当，并不是我们的雷达技术赶上美国人，而是歼-10的机头更大，装的雷达更大，天线更粗，在我们雷达技术相对不足的情况下，这种解决办法还是非常合理的。歼-10采用下单翼，而F-16E/F block 60采用中单翼。下单翼的好处是在翼下挂载很多武器的时候，飞机仍然有很好的横侧向机敏度，而且下单翼的布置可以使机腹成为升力体。但是，下单翼的横侧向稳定性不太好，在飞机侧飞时，容易横滚。歼-10的情况更加严重，因为歼-10的主翼翼根有复杂的扭转，从翼根到1/4翼展有少许下反，1/4翼展以外开始与飞机横轴平行，这样的主翼的横侧向稳定性一定非常不好，而歼-10即没有边条翼，也没有上反的主翼翼面，唯一可以提供横侧向稳定的只有巨大的垂尾。歼-10的设计堪称经典，它使下单翼原本是缺点的横侧向不稳定性成为一种可控制的横侧向机敏性，原本的缺点成为了优点，并且没有付出代价，这种可控制的横侧向不稳定是所有战斗机都梦寐以求的，它在近距格斗中的作用像上帝一样让人着迷，对敌人来说又像魔鬼一样可怕。歼-10复杂的扭转主翼还能产生两个机腹下的升力体，极大的提升了歼-10的小速度机动能力，主翼外段的前缘襟翼下放，把多数空气分离到主翼上翼面，而主翼里段的下反的固定前缘把多数空气分离到主翼下翼面，这样的气动设计，两片主翼就像是两个剪断空气的剪刀，可以使歼-10在侧飞时，即使速度比较低，也不容易突然因为升力减少而失去高度。如果不比较电子设备，这个世界上最强大的空中武器平台就是歼-10，无论F-22，F-35，阵风，台风都不在话下。F-16E/F block 60是传统的静安定布局，由于加装了保形油箱，F-16E/F block 60在跨音速段的飞行阻力较大，歼-10有明显的蜂腰修形，应该是专门为跨音速而设计的，空战中，飞机频繁从亚音速加力到超音速是很常见的。因此，虽然F-16E/F block 60是世界公认的先进飞机，它的气动设计远远落后于歼-10。　　遗憾的是，现代空战，机动性已经不是制胜法宝，反而是电子设备决定着胜负。F-16E/F block 60使用的AIM-120C是一种有很强抗电子干扰能力的先进中距主动雷达制导空空导弹，我国的PL-12总体上稍逊一筹，而且F-16E/F block 60的雷达功能更强，如果AIM-120C在F-16E/F block 60机载雷达的指引下，即使歼-10装有很强的主动雷达干扰机，也很难躲避袭击。AIM-9X红外制导空空导弹采用128×128元的凝视焦平面红外成像导引头（自称第5代导引头）和推力矢量控制技术（TVC），具有多目标和全向攻击能力，可使用先进的头盔瞄准具，其发射离轴角超过±90度。具有更好的目标截获能力、更大的机动能力和优良的抗红外干扰能力。中国的凝视焦平面红外成像刚刚取得突破，PL-8系列的红外制导近距空空导弹也是非常先进的武器，配合中国研制的头盔瞄准具，最大发射离轴角度达到了+-120度，也是具有多目标和全向攻击能力，不过可能没有推力矢量控制，机动能力可能稍差，总体上还是稍逊一筹。　　歼-10和F-16E/F block 60在航程上其本相同，不过歼-10的俄制AL-31FN发动机比F-16E/F block 60的F110-GE-132发动机长了将近两米，最大加力推力却少了将近2201牛（14456.7-12255N）。不仅占据了宝贵的燃油空间，还推力更小，重量更重，这就是技术上的差距。　　话说回来，这也说明歼-10的改进潜力非常大，试想如果歼-10的发动机是F110-GE-132，那么歼-10不用挂载副油箱，也能够达到1000千米以上的作战半径。F-16E/F block 60是F-16系列的最先进改型，歼-10A只是第一种型号，将来的改进型可能会有新的突破。 　　未来的歼-10可能会作哪些改进呢？歼-10的机头可以采用带楞边的菱形机头，可以减少雷达反射截面，不过这种修形在歼-10仰角飞行时，会有抬头力矩，解决办法是增大歼-10机身后段的腹鳍，歼-10的两个腹鳍如果太大，会不利于起飞和降落，容易擦到地面， 所以性状的设计要费些功夫。歼-10的进气口也是改进的热点，很多人都呼吁使用DSI，鼓包式进气口在所有速度的飞行中，进气效果都非常好。但是DSI都有一个外压面，很不适合腹部进气的进气口使用，在大仰角飞行时这个外压面会阻挡住一部分正面高压干净气流，甚至引起发动机喘振。更重要的是DSI在大于2马赫的速度下，会失效。而未了对付F-22，歼-10必须要有2.2马赫以上的最高速度，因为F-22的最高速度是2马赫。结论很不幸，我们很难看见歼-10用DSI了。有人也建议歼-10用双垂尾，这简直是个馊主意，鸭翼在大仰角飞行时，会形成大的脱体涡流，再加上歼-10大后掠主翼在大仰角时也会产生许多细小的涡流，歼-10的双垂尾很难找到合适的安放位置，如果像144验证机那样采用翼上双垂尾，避开这些涡流，它的制动效果是非常低的，，如果把双垂尾仍然安放的背脊上面，下单翼特有的干扰阻力紊乱流会影响到双垂尾的制动，前面说过，歼-10的主翼横侧向稳定性非常不好，承横轴不安定性，没有强大的稳定力矩，根本不能飞行，双垂尾不能使歼-10取得某种飞跃，所谓画虎不成反类犬，巨大的垂尾实是歼-10的标志，大概是改不成了。　　为了取得更好的隐身效果，歼-10突起的背脊也要有隐身的外形设计，应该像F-22那样的柔和过渡的线条修形。歼-10可能也要有内置的弹舱，所以机腹加宽，两个翼身融合的升力体外移，相应的机身也要加宽，这种设计虽然难度很大，几乎是重新设计，不过并非不可能，全新的歼-10将是中国未来空中主力，可惜我画不出立体图，遗憾！</t>
  </si>
  <si>
    <t xml:space="preserve">仪表不显示涨工您好！我的花冠车在行驶一段时间后，仪表突然不显示了? </t>
  </si>
  <si>
    <t>尊敬的用户：你好      问题1，您说的这种情况应先检查：蓄电池与车身负极搭铁情况，其次检查仪表后部线束是否接触不良.      问题2,您说的这种情况有可能是某一车门未关严进行车辆上锁,当再次开启车门进行着车时会出现不着车,发动机故障灯相继点亮,这是因为防盗系统起作用,限制发动机电脑正常工作,将防盗系统解除后,车辆应该能够正常启动,建议您到4S店清除发动机电脑记忆故障码                            北京方庄丰田汽车销售服务中心                                技术总监  张金龙</t>
  </si>
  <si>
    <t xml:space="preserve">紧急问题工学硕士是用：engineeringmaster还是te </t>
  </si>
  <si>
    <t>工学硕士：master of engineering 董事长兼总经理：board chairman &amp; ganeral manager</t>
  </si>
  <si>
    <t xml:space="preserve">公侯伯子男的英语爵士的分类“公侯伯子男”在英语里分别对应哪些单词 </t>
  </si>
  <si>
    <t>公爵---Duke侯爵----Marquess，也做Marquis伯爵----Earl子爵----Viscount男爵----Baron</t>
  </si>
  <si>
    <t xml:space="preserve">祖玛武器的属性差在哪里?祖玛武器到底哪里不好?哪里好? </t>
  </si>
  <si>
    <t>名称等级重量耐久破坏自然灵魂备注祖玛无极棍 -18-3-6准确+2神圣+2无极棍38高级物品33246-20-4-8准确+2神圣+4祖玛骨玉权杖 -152-9骨玉权杖38高级物品15176-174-9祖玛裁决之杖 -35--速度-1裁决之杖38高级物品90340-38属性一对比,我们可以看出,带祖玛牌的属性差好多。最最重要的一点,祖玛牌的不是高级物品,掉出率是1/2,原来的38级武器是高级物品,掉出率是1/20。所有祖玛牌的武器对比起来都爱掉,所有价钱高不了。</t>
  </si>
  <si>
    <t xml:space="preserve">如果......如果......中途岛海战是整个2战的转折点。如 </t>
  </si>
  <si>
    <t>　　１、日本工业基础不及美国　　即使中途岛日本胜了，并未伤及美国本土，美国强大的工业基础是日本没办法比的，仗打得越久，日本工业基础的劣势就越明显；后期美国的“埃塞克斯”级航母一造就是２４艘，最能体现美国工业的强大，日本的军舰飞机越打越少；　　２、能源不足　　日本自己没有能源，当时的能源都靠东南亚，运输线太长，如果中途岛日本胜了，美国损失了那三条航母，那时美国必然会“被迫”重视潜艇的使用，以当时日本的反潜技术很难保障自己的运输线，事实上，洛克伍德指挥下的美国潜艇部队在太平洋上已经让日本吃了不少苦头；　　３、人不够打　　日本人口太少了，这是相对于这样一场战争的规模，单是中国战场就消耗了太多的日本人，他们还要顾及东南亚，因为那里是他们能源唯一的保障。战争打到后期，日本１５岁的小孩都已经开着战斗机上天了，工厂里做工的都是妇女和伤残军人……人才是关键的关键，即使日本有再先进的技术、再多的装备，没有足够的人特别是经过系统训练的人员，日本想打赢是根本不可能的。</t>
  </si>
  <si>
    <t xml:space="preserve">毛笔字为什么要写在宣纸上 </t>
  </si>
  <si>
    <t>毛笔字写在宣纸上，易于受墨，而有助于书画笔墨的变化和意境的发挥。并且可以久藏不变。</t>
  </si>
  <si>
    <t xml:space="preserve">土老冒和土包子！！！！！！！什么含义？ </t>
  </si>
  <si>
    <t>你无须懂得含义,你只要记住说出这种话的人是个以貌取人的小人就行了.</t>
  </si>
  <si>
    <t xml:space="preserve">急寻求一篇题目为"网络营销的产品策略"的论文论文为5000字,中 </t>
  </si>
  <si>
    <t>其实我觉得题目大了。。。最好是某产品的策略，如：1  杂志网络营销的产品策略研究   樊志伟  西南大学  2007-05-01  硕士  0   329 2  服装网络营销的产品策略   陈桂玲  商场现代化  2006-02-20  期刊  4   444 另外下边文字选自这里： （一）网络营销产品概述1、网络营销产品概念在网络营销中，产品的整体概念可分为5个层次：（1）核心利益层次。是指产品能够提供给消费者的基本效用或益处，是消费者真正想要购买的基本效用或益处。如消费者购买电脑是为了学习电脑、利用电脑作为上网工具；购买软件是为了压缩磁盘空间、播放mp3格式的音乐或上网冲浪等。由于网络营销是一种以顾客为中心的营销策略，企业在设计和开发产品核心利益时要从顾客的角度出发，要根据上次营销效果来制定本次产品设计开发。要注意的是网络营销的全球性，企业在提供核心利益和服务时要针对全球性市场提供，如医疗服务可以借助网络实现远程医疗。（2）有形产品层次。是产品在市场上出现时的具体物质形态。对于物质产品来说，首先产品的品质必须保障；其次，必须注重产品的品牌；第三，注意产品的包装；第四，在式样和特征方面要根据不同地区的亚文化来进行针对性加工。（3）期望产品层次。在网络营销中，顾客处为主导地位，消费呈现出个性化的特征，不同的消费者可能对产品的要求不一样，因此产品的设计和开发必须满足顾客这种个性化的消费需求。这种顾客在购买产品前对所购产品的质量、使用方便程度、特点等方面的期望值，就是期望产品。为满足这种需求，对于物质类产品，要求企业的设计、生产和供应等环节必须实行柔性化的生产和管理。对于无形产品如服务、软件等，要求企业能根据顾客的需要来提供服务。（4）延伸产品层次。是指由产品的生产者或经营者提供的购买者有需求，主要是帮助用户更好地使用核心利益的服务。在网络营销中，对于物质产品来说，延伸产品层次要注意提供满意的售后服务、送货、质量保证等。（5）潜在产品层次。是在延伸产品层次之外，由企业提供能满足顾客潜在需求的产品层次，它主要是产品的一种增值服务，它与延伸产品的主要区别是顾客没有潜在产品层次仍然可以很好地使用顾客需要的产品的核心利益和服务。在高新技术发展日益迅猛时代，有许多潜在需求和利益还没有被顾客认识到，这需要企业通过引导和支持更好满足顾客的潜在需求。2、网络营销产品特点一般而言，目前适合在互联网上销售的产品通常具有以下特性：（1）产品性质。由于网上用户在初期对技术有一定要求，因此用户上网大多与网络等技术相关，因此网上销售的产品最好是与高技术或与电脑、网络有关。一些信息类产品如图书、音乐等也比较适合网上销售。还有一些无形产品如服务也可以借助网络的作用实现远程销售，如远程医疗。（2）产品质量。网络的虚拟性使得顾客可以突破时间和空间的限制，实现远程购物和在网上直接订购，这使得网络购买者在购买前无法尝试或只能通过网络来尝试产品。（3）产品式样。通过互联网对全世界国家和地区进行营销的产品要符合该国家或地区的风俗习惯、宗教信仰和教育水平。同时，由于网上消费者的个性化需求，网络营销产品的式样还必须满足购买者的个性化需求。（4）产品品牌。在网络营销中，生产商与经营商的品牌同样重要，一方面要在网络中浩如烟海的信息中获得浏览者的注意，必须拥有明确、醒目的品牌；另一方面，由于网上购买者可以面对很多选择，同时网上的销售无法进行购物体验，因此，购买者对品牌比较关注。（5）产品包装。作为通过互联网经营的针对全球市场的产品，其包装必须适合网络营销的要求。（6）目标市场。网上市场是以网络用户为主要目标的市场，在网上销售的产品要适合覆盖广大的地理范围。如果产品的目标市场比较狭窄，可以采用传统营销策略。（7）产品价格。互联网作为信息传递工具，在发展初期是采用共享和免费策略发展而来的，网上用户比较认同网上产品低廉特性；另一方面，由于通过互联网络进行销售的成本低于其他渠道的产品，在网上销售产品一般采用低价位定价。3、网络营销产品分类上述网络营销产品的特点其实是由于网络的限制，使得只有部分产品适合在网上销售，随着网络技术发展和其他科学技术的进步，将有越来越多的产品在网上销售。在网络上销售的产品，按照产品性质的不同，可以分为两大类：即实体产品和虚体产品。（1）实体产品将网上销售的产品分为实体和虚体两大类，主要是根据产品的形态来区分。实体产品是指具体物理形状的物质产品。在网络上销售实体产品的过程与传统的购物方式有所不同。在这里已没有传统的面对面的买卖方式，网络上的交互式交流成为买卖双方交流的主要形式。消费者或客户通过卖方的主页考察其产品，通过填写表格表达自己对品种、质量、价格、数量的选择；而卖方则将面对面的交货改为邮寄产品或送货上门，这一点与邮购产品颇为相似。因此，网络销售也是直销方式的一种。（2）虚体产品虚体产品与实体产品的本质区别是虚体产品一般是无形的，即使表现出一定形态也是通过其载体体现出来，但产品本身的性质和性能必须通过其他方式才能表现出来。在网络上销售的虚体产品可以分为两大类：软件和服务。软件包括计算机系统软件和应用软件。网上软件销售商常常可以提供一段时间的试用期，允许用户尝试使用并提出意见。好的软件很快能够吸引顾客，使他们爱不释手并为此慷慨解囊。服务强以分为普通服务和信息咨询服务两大类，普通服务包括远程医疗、法律救助、航空火车定票、入场券预定、饭店旅游服务预约、医院预约挂号、网络交友、电脑游戏等，而信息咨询服务包括法律咨询、医药咨询、股市行情分析、金融咨询、资料库检索、电子新闻、电子报刊等。对于普通服务来说，顾客不仅注重所能够得到的收益，还关心自身付出的成本。通过网络这种媒体，顾客能够尽快地得到所需要的服务，免除恼人的排队等候的时间成本。同时，消费者利用浏览软件，能够得到更多更快的信息，提高信息传递过程中的效率，增强促销的效果。对于信息咨询服务来说，网络是一种最好的媒体选择。用户上网的最大诉求就是寻求对自己有用的信息，信息服务正好提供了满足这种需求的机会。通过计算机互联网络，消费者可以得到包括法律咨询、医药咨询、金融咨询、股市行情分析在内的咨询服务和包括资料库检索、电子新闻、电子报刊在内的信息服务。（二）网络营销新产品开发1、网络营销新产品开发概述（1）．网络时代新产品开发面临挑战新产品开发是许多企业市场取胜的法宝。但互联网的发展，使得在今后获得新产品开发成功的难度增大，其原因如下：①在某些领域内缺乏重要的新产品构思。②不断分裂的市场。激烈的竞争正在导致市场不断分裂。互联网的发展加剧了这种趋势，市场主导地位正从企业主导转为消费者主导，个性化消费成为主流，未来的细分市场必将是以个体为基准的。③社会和政府的限制。网络时代强调的是绿色发展，新产品必须以满足公众利益为准则，诸如消费者安全和生态平衡。④新产品开发过程中的昂贵代价。⑤新产品开发完成的时限缩短。　⑥成功产品的生命周期缩短。当一种新产品成功后，竞争对手立即就会对之进行模仿，从而使新产品的生命周期大为缩短。网络时代，特别是互联网的发展带来的新产品开发的困难，对企业来说既是机遇也是挑战。企业开发的新产品如果能适应市场需要，可以在很短时间内占领市场，打败其他竞争对手。（2）．网络时代新产品开发策略与传统新产品开发一样，网络营销新产品开发策略也有下面几种类型，但策略制定的环境和操作方法不一样。下面分别予以介绍：①新问世的产品。即开创了一个全新市场的产品。②新产品线。即使得公司首次进入一现有市场的新产品。③现有产品线外新增加的产品。即补充公司现有产品线的新产品。④现有产品的改良品或更新。即提供改善了的功能或较大感知价值并且替换现有产品的新产品。⑤降低成本的产品。即提供同样功能但成本较低的新产品。⑥重定位产品。即以新的市场或细分市场为目标市场的现有产品。企业网络营销产品策略中采取那一种具体的新产品开发方式，可以根据企业的实际情况决定。但结合网络营销市场特点和互联网特点，开发新市场的新产品是企业竞争的核心。对于相对成熟的企业采用后面几种新产品策略也是一种短期较稳妥策略，但不能作为企业长期的新产品开发策略。2、网络营销新产品构思与概念形成网络营销新产品开发的首要前提是新产品构思和概念形成。在每一个阶段，都有一些伟大发明推动技术革命和产业革命，这个时期的新产品构思和概念形成主要是依靠科研人员的创造性推动的。新产品的构思可以有多种来源，可以是顾客、科学家、竞争者、公司销售人员、中间商和高层管理者，但最主要来源还是依靠顾客来引导产品的构思。网络营销的一个最重要特性是与顾客的交互性，它通过信息技术和网络技术来记录、评价和控制营销活动，来掌握市场需求情况。网络营销通过其网络数据库系统处理营销活动中的数据，并用来指导企业营销策略的制定和营销活动的开展。网络营销数据库系统一般具有下面特点：（1）在营销数据库中每个现在或潜在顾客都要作为一个单独记录存储起来，只有了解每个个体的信息才能细分市场，并可通过汇总数据发现市场总体特征。（2）每个顾客记录不但要包含顾客一般的信息如姓名、地址、电话等，还要包含一定范围的市场营销信息，即顾客需求和需求特点，以及有关的人口统计和心理测试统计信息。（3）每个顾客记录还要包含有顾客是否能接触到针对特定市场开展的营销活动信息，以及顾客与公司或竞争对手的交易信息。（4）数据库中应包含顾客对公司采取的营销沟通或销售活动所作反应的信息。（5）存储的信息有助于营销策略制定者制定营销政策，如针对目标市场或细分市场提供何种合适的产品或服务，以及每个产品在目标市场中采用何种营销策略组合。（6）在对顾客推销产品时，数据库可以用来保证与顾客进行协调一致的业务关系发展。（7）数据库建设好后可以代替市场研究，无须通过专门的市场调研来测试顾客对所进行的营销活动的响应程度。（8）随着大型数据库可以自动记录顾客信息和自动控制与顾客的交易，自动营销管理已成为可能，但这要求有处理大批量数据的能力，在发现市场机会的同时对市场威胁提出分析和警告。大型数据库提供的高质量的信息使得高级经理能有效进行市场决策和合理分配有限的资源。（三）网络营销品牌策略1、网上市场品牌内涵（1）．网上市场品牌在传统中国的商业世界，品牌的概念就类似于“金字招牌”；但在现代西方的营销领域，品牌是一种企业资产，涵盖的意念比表象的正字标记或是注册商标更胜一筹。品牌是一种信誉，由产品品质、商标、企业标志、广告口号、公共关系等混合交织形成。根据市场研究公司opinion research international 在1998年针对五千万名美国民众所作的调查，aol, yahoo, netscape,  ， ，infoseek，excite 称得上是网上七大超级品牌。而另外一家市场研究公司intelliquest则以随机抽样的方式，请一万名美国网友就下列几项产品进行品牌的自由联想，结果有一半的受访人士一看到书籍，脑中就首先浮现出 的品牌，三分之一的人看到电脑软件，立刻想到微软，五分之一的网友看到电脑硬件就想到戴尔电脑。（2）．网上品牌的特征网上品牌与传统品牌有着很大不同，传统优势品牌不一定是网上优势品牌，网上优势品牌的创立需要重新进行规划和投资。美国著名咨询公司forrester research公司在1999年11月份发表了题为《branding for a net generation》的调查报告，该报告指出：“知名品牌与网站访问量之间没有必然的联系。”在调查报告中指出“通过对年龄16至22岁的青年人的品牌选择倾向和他们的上网行为进行比较，研究人员发现了一个似是而非的现象。尽管可口可乐、耐克等品牌仍然受到广大青少年的青睐，但是这些公司网站的访问量却并不高。既然知名品牌与网站访问量之间没有必然的联系，那么公司到底要不要建设网站就是一个值得考虑的问题。从另一角度看，这个结果也意味着公司要在网上取得成功，绝不能指望依赖传统的品牌优势。”　2、企业域名品牌内涵（1）.互联网域名的商业作用互联网上的商业应用将传统的以物质交换为基础的交易带入以信息交换替代物质交换的虚拟交易世界，实施媒体由原来的具体物理层次上的物质交换上升为基于数据通信的逻辑层次上信息交换。这种基于信息交换的网上虚拟市场同样需要交易双方进行协商和参与，同样需要双方选择交易对方，因此网上市场虚拟交易交易主体双方选择和协商等行为依然存在，只是实施的媒体发生变化，减少双方选择和协商的交易成本而已。随着互联网上的商业增长，交易双方识别和选择范围增大，交易概率随之减少，因此互联网上同样存在一个如何提高被识别和选择概率的问题，及如何提高选择者忠诚度的问题。传统的解决问题的办法是借助各种媒体树立企业形象，提高品牌知名度，通过在消费者中树立企业形象来促使消费者购买企业产品，企业的品牌就是顾客识别和选择的对象。企业上互联网后进行商业活动，同样存在被识别和选择的问题，由于域名是企业站点联系地址，是企业被识别和选择的对象，因此提高域名的知名度，也就是提高企业站点知名度，也就是提高企业被识别和选择的概率，域名在互联网上可以说是企业形象化身，是在虚拟网上市场环境中商业活动的标识。所以，必须将域名作为一种商业资源来管理和使用。也正因为域名具有商标特性，与商标一样具有“域名效应”，使得某些域名已具有潜在价值。如以ibm作为域名，使用者很自然联想到ibm公司，联想到该站点提供的服务或产品同样具有ibm公司一贯承诺的品质和价值，如果被人抢先注册，注册者可以很自然利用该域名所附带的一些属性和价值，对于被伤害企业不但丧失商业利润还冒着品牌形象受到无形损害的风险。（2）．商标的界定与域名商标根据美国市场营销协会(ama)定义，商标是一名字、术语、标志、符号、设计或者它们的组合体，用来识别某一销售者或组织所营销的产品或服务，以区别于其它竞争者。商标从本质上说是用来识别销售者或生产者的一个标识，依据商标法，商标拥有者享有独占权，单独承担使用商标的权利和义务。另一方面商标还携带一些附加属性，它可以给消费者传递使用该商标的产品所具有的品质，是企业形象在消费者心理定位的具体依据，可以说商标是企业形象的化身，是企业品质的保证和承诺。</t>
  </si>
  <si>
    <t xml:space="preserve">关于母亲浸润性导管癌2级的问题，希望能够得到您的帮助母亲辛辛苦苦 </t>
  </si>
  <si>
    <t>您好,您母亲的病因为已经"淋巴管内癌浸润"(转移)了,所以治疗不太容易,但如果她本人身体状况良好,能够继续耐受化疗的话,还是硬继续应用的.至于是否同时要进行放疗需要专科医生的经验判断决定.中医治疗是个好主意,很多晚期癌症用中药后的生存时间被大大延长的病例也不少.以上仅供参考!</t>
  </si>
  <si>
    <t xml:space="preserve">请股海鱼苗、博青等看看600395,600690,600598,? </t>
  </si>
  <si>
    <t xml:space="preserve"> 600395,今天该股向上突破半年线,但量能不够大,后市仍将以横盘震荡为主.建议暂持股,等待放量拉长阳向上突破.600690,近期底部放量,在颈线处震荡蓄势,预计后市仍将横盘震荡一些时日.随后向上突破,建议持股等待.600598,今日该股放量突破年线,预计后市在年线附近横盘震荡一些时日.震荡后仍有上行空间,建议暂持股,等待向上突破.600062,该股在高位横盘震荡的日子较长,有震荡走弱的可能,目前股价在成交密集区进退两难.建议逢高出局观望. </t>
  </si>
  <si>
    <t xml:space="preserve">魔兽新手问题我是个新手!开了个LR号,现在15级了,抓了只7级雪 </t>
  </si>
  <si>
    <t xml:space="preserve">宠物要20级开始才有天赋点数，现在已经没有训练点数了这里是WLK的宠物系统 </t>
  </si>
  <si>
    <t xml:space="preserve">什么时候可以去听胎心我现在怀孕快三个月了，请问什么时候去听胎心？ </t>
  </si>
  <si>
    <t>20周时产前检查时，听胎心音，做B超检查检测胎儿的情况。孕4个月自觉有胎动，孕7周开始自己数胎动。多吃含叶酸食物可以治疗和预防妊娠期巨幼细胞性贫血、婴儿营养性大细胞性贫血，对提高胎儿的智力有益处，目前可以补充含叶酸的食物。所以你的担心是没必要的。但一定要按时去医院进行产前检查，时刻监护胎儿的发育情况。</t>
  </si>
  <si>
    <t xml:space="preserve">建筑工程中隐蔽工程包括哪些?桩基轴线及样桩放线定位及复核记录,是 </t>
  </si>
  <si>
    <t>桩基 1.桩基轴线及样桩放线定位及复核记录； 2.打（压）桩施工记录、灌注桩成桩施工记录； 3.预制桩接桩，灌注桩钻孔、清孔，钢筋笼制作、吊放，混凝土灌注； 4.桩位轴线偏差和标高验收记录(若桩顶标高与施工现场场地标高相同时，应在桩基工程施工结束后进行)。 基础工程 1.轴线：施工单位填报施工测量报验单（报验申请单），附施工测量放线复核单。 2.挖土（包括设计标高、暗浜、地质、基槽宽度、长度、放坡、坡度）：施工单位填报地基验槽记录。 3.垫层（包括标高、长度、厚度、宽度、混凝土强度等级）。 4.底板钢筋（包括品种、规格、数量、搭接长度、箍筋间距、保护层厚度、预埋件数量位置）。 5.混凝土（包括断面尺寸，标高，是否有蜂窝、麻面、露筋，混凝土强度等级）：混凝土浇灌令、混凝土级配单。 6.基础墙（包括标高、大放脚尺寸、砌筑砂浆强度）：砂浆级配单。 7.防潮层钢筋（包括数量、规格、品种、搭接长度）。  8.架空板安装（包括楼板型号、下底板的离缝、搁置长度、硬找平、软坐灰；架空板锚固筋数量、规格、长度）。 主体工程 1.轴线及放样（每一层）。 2.柱、梁、楼梯、板钢筋（包括数量、规格、品种、搭接长度、焊接情况、保护层厚度、箍筋间距、预埋件等，每层一次），巡视旁站记录。 3.雨篷、阳台、空调板等悬臂部位钢筋（每层一次），巡视旁站记录。 4.混凝土（包括表面质量、强度等级、每层一次），巡视旁站记录。 5.墙体砌筑（包括柱与墙拉结筋数量、规格及设置情况），砂浆级配单。 6.屋顶水箱钢筋（包括数量、规格、品种、搭接长度），巡视旁站记录。 7.女儿墙压顶钢筋（包括数量、规格）。 建筑装饰装修工程 1.抹灰工程：抹灰厚度大于或等于35mm时的加强措施；不同材料基体交接处的加强措施。 2.门窗工程：预埋件和锚固件；隐蔽部位的防腐、填嵌处理。 3.吊顶工程：木龙骨防火、防腐处理；预埋件或拉结筋；吊杆安装；龙骨安装；填充材料设置。 4.轻质隔墙工程：木龙骨防火、防腐处理；预埋件或拉结筋；龙骨安装；填充材料的设置。 5.饰面板（砖）工程：预埋件（后置埋件）；连接节点；防水层。 6.幕墙工程：预埋件（或后置埋件）；构件的连接节点；变形缝及墙面转角处的构造节点；幕墙防雷装置；幕墙防火构造。 7.细部工程：预埋件（或后置埋件）；护栏与预埋件的连接节点。 8.楼地面工程：各构造层均须作隐蔽工程验收；变形缝的处理。 屋面工程 1.卷材、涂膜防水层的基层 2.密封防水处理部位 3.天沟、檐沟、泛水和变形缝等细部作法 4.卷材、涂膜防水层的搭接宽度和附加层 5.刚性保护层与卷材、涂膜防水层之间的隔离层   每一分项工程除应包含表中已作说明的内容外，还都必须包括以下内容：施工单位填报工程报验单，附隐蔽工程验收单、施工单位自检评定表；监理实测实量记录。  更多相关知识，您可以上爱居者网站去和大家一起学习，讨论。哪里有专业人员会为大家解决遇到的各种疑问。</t>
  </si>
  <si>
    <t xml:space="preserve">数学问答二第19次1问题g </t>
  </si>
  <si>
    <t>定义域为R，即log&lt;2&gt; (x^2+2ax-a) +3 ≥0 且 x^2+2ax-a&gt;0，即x^2+2ax-a≥1/8 对任意的x恒成立。因为x^2+2ax-a-1/8的开口向上，只要保证其最小值大于等于0就可以了。即在x=-a处的值-a^2-a-1/8≥0解得   -1/2 -1/(2√2)≤a≤-1/2 +1/(2√2)</t>
  </si>
  <si>
    <t xml:space="preserve">幽默出句：燕子楼中小美人 </t>
  </si>
  <si>
    <t xml:space="preserve"> 幽默出句：燕子楼中小美人幽默对句：鸳鸯帐里双娇客 </t>
  </si>
  <si>
    <t xml:space="preserve">一区狮子独角兽估价22级5档掉4攻1敏+魔独角兽值多少钱？ </t>
  </si>
  <si>
    <t>差不多了就这个价钱200W~300W啦</t>
  </si>
  <si>
    <t xml:space="preserve">会计建账公司已经经营了几年，但一直没有建账，票据也没有了。现在需 </t>
  </si>
  <si>
    <t>对现有的存货、资产、资金（银行、现金）进行盘点，根据盘点表建账。</t>
  </si>
  <si>
    <t xml:space="preserve">锋范冷车启动1200转正常吗？我的车以前冷车启动的时候一般都是先 </t>
  </si>
  <si>
    <t>正常，隔夜车打火后都是这样的，怠速一会就会降到600-700转。</t>
  </si>
  <si>
    <t xml:space="preserve">各种抗性到底有什么用我去灼热峡谷打火元素,把抗火弄到50多,可怎 </t>
  </si>
  <si>
    <t>你见没见过有时候怪物用法术打你~或者你用法术打他们时候出现"抵抗!"字样?这说明怪物抵抗了你该系的法术~同理怪物对该系法术有抵抗值~就是你所说的+50那个这样在pk或者打火系法术释放者的时候有更多的机会抵抗他们的技能~有点象ro里面的luckily不知道楼主懂了没?^^</t>
  </si>
  <si>
    <t xml:space="preserve">装修对胎儿的影响　　我可能刚刚怀孕，我现在住的房子刚装修好我就住 </t>
  </si>
  <si>
    <t>　　影响大小与装修使用材料有关，最好找环保部门检测一下，以免影响胎儿。</t>
  </si>
  <si>
    <t xml:space="preserve">在竞技场怎么查看敌人家族名字请问在那里面怎么查看名字我要举报那些 </t>
  </si>
  <si>
    <t>看不到的，你可以记住时间、地点、家族人物，然后在官方论坛上进行举报，我见过很多举报的，可还是没什么效果，也不封号，只是说登记上了，以后处理，继续鄙视恶意降级的</t>
  </si>
  <si>
    <t xml:space="preserve">求定积分解下面这个定积分有什么规律没有啊？谢谢 </t>
  </si>
  <si>
    <t>解：∫&lt;0,π/2&gt;dx/(1+sin²x)=∫&lt;0,π/2&gt;csc²xdx/(1+csc²x)=-∫&lt;0,π/2&gt;dcotx/(2+cot²x)=-(1/√2)arctan(cotx/√2)|&lt;0,π/2&gt;=-(1/√2)[arctan(cot(π/2)/√2)-lim&lt;x→0&gt;arctan(cotx/√2)]=-(1/√2)[0-(π/2)]=π/(2√2)</t>
  </si>
  <si>
    <t xml:space="preserve">为什么限得了牛肉面价，却限不了房价？兰州市西固区市民首先发现，他 </t>
  </si>
  <si>
    <t>你有听说政府领导参股牛肉面馆的吗？而房地产就不一样了，领导就算不参股，也会收到房地产商的红包，拿人的手短，吃人的嘴软，而且限了房价就等于限了自己的红包，这种傻事谁干？</t>
  </si>
  <si>
    <t xml:space="preserve">英语请教1）ThemaleIDhasalwaysindulgeg </t>
  </si>
  <si>
    <t>男ID总是太喜耽溺于驯伏女ID。id: 身份，遗传基因（视上下文而定） indulge:上瘾，耽溺gleefully:兴高采烈地subdue:征服</t>
  </si>
  <si>
    <t xml:space="preserve">阿里斯顿、史密斯电热水器哪个质量更好?我最近打算购买电热水器,在 </t>
  </si>
  <si>
    <t>质量都不过关.要买就买恒热.电热水器安全耐用最要紧,一分钱一分货,贪便宜要吃大亏.我也准备买,原来就AO 阿里2选1,潜水后买恒热,但销售渠道比较狭窄.你可以去恒热官方网站,还有:家电论坛&gt;白色家电&gt;热水器看看,会有收获的. 买立式的,机械版的就够了,容量稍微买大一点的好,我买的是恒热CSFL090.AO的立式是可以买的,其中还受好评的是ELJF-15,但据说已经不生产了,估计是买不到了.</t>
  </si>
  <si>
    <t xml:space="preserve">他说两三年后想和我结婚生个小孩?男人在说这句话的时候是真心的吗? </t>
  </si>
  <si>
    <t>你爱他吗?如果爱就相信他.想爱就不要怕,要怕就别相信爱!!!!!</t>
  </si>
  <si>
    <t xml:space="preserve">因为有些视频播放页面里没有“收藏”按钮，而且也不能把别人的专辑添? </t>
  </si>
  <si>
    <t xml:space="preserve">1、什么是专辑？专辑有什么用处？ 专辑是相关主题的多个视频集合。你可以把它理解成一个文件夹，也可以理解成一张自己的CD：把多个视频放在一起，并且按你指定的顺序连续播放 你可以建立很多专辑，用来收集不同内容的视频。 无论视频是否是你上传的，只要你愿意就可以把它们放在同一个专辑中。 当你把他人上传的视频添加到专辑的时候，都会自动被加入。 2、如何建立自己的专辑？ 在“我的优盘”－“专辑”、“视频”、“收藏”页面上，都可以看到一个“新建专辑”的按钮，点击后出现新建专辑的界面。 先为专辑取个标题，填写标签并选择分类，最好为专辑写上几句说明，点击“确认”创建一个新专辑。 3、为什么要为专辑填写分类、标签？如何填写？ 分类和标签，是网友们找到你专辑的主要依据，因此需要认真填写。 每个专辑只能选择一个所属分类，你可以由专辑里的视频来决定它。 标签是对分类的补充说明，也是吸引浏览者的主要工具，这个广告一定要做好。 4、为什么要为专辑填写内容简介？如何填写？ 专辑简介是浏览者对这个专辑的重要印象。填写简介会让你的专辑更受欢迎。 你可以介绍创建专辑的原因，也可以大致介绍下专辑里视频的情况，好好包装自己的专辑吧。 5、为什么要为专辑设置封面？如何设置？ 专辑的封面是指代表整个专辑的图片。 你加入专辑的第一个视频截图，会被默认为专辑的封面。 我们正在开发新的功能，以便你可以自己指定专辑的封面。 6、如何为专辑里的视频排序？ 进入“我的优盘”－“专辑”，选中想要排序的专辑，在右侧会出现该专辑的视频列表。 点击“调整顺序”按钮激活排序界面，你可以灵活地自定义视频顺序。如下图： 7、如何管理（修改、删除）我的专辑信息？ 进入“我的优盘”－“专辑”，页面左侧的专辑列表里，每个专辑名称后都可以看到一个“修改”的链接，点击它打开修改信息界面。 当专辑里有视频时，专辑是不能被删除的。只有把专辑里视频都移除后，才可以看到“删除”的链接。这个链接位于“修改”链接的旁边。点击后删除专辑。 8、如何向专辑里添加视频？ 第一种方法：上传视频时，指定一个专辑，上传完成后视频会自动添加到专辑里。 第二种方法：进入“我的优盘”，在“视频”、“收藏”或者“专辑”的任意一个页面，勾选中意的视频，点击“添加到”按钮，把视频放到指定的专辑。 第三种广漠：全站的何意位置，把中意的视频添加到点播单，然后把点播单保存为专辑。查看点播单使用全指南。 9、如何向我的朋友介绍专辑？ 进入“我的优盘”－“专辑”－选中一个专辑，页面右上方为你提供了这个专辑的地址代码，直接点击“复制”，然后在QQ或者MSN里把地址粘贴给好友，邀请他们一同观看。 你还可以进入任何一个专辑，把浏览器地址栏里的地址发送给好友。 </t>
  </si>
  <si>
    <t xml:space="preserve">张智霖是谁？ </t>
  </si>
  <si>
    <t xml:space="preserve">本　名：张智霖　　英文名：Cheung, ChiLam　　生　日：1971年8月27日　　身　高：180cm　　血　型：A型　　体　重：63kg　　星　座: 处女座　　国 籍：澳洲　　出生地：香港　　嗜 好：玩计算机、打、作曲、看小说 　　语 言：粤语、英语、国语 　　运 动：网球 　　国家/地区：中国香港、中国 　　歌 曲：自己的歌曲 　　电 影：太多，不能尽录 　　食 物：广东菜 　　水 果：士多啤梨 　　动 物：狗 　　乐 器：钢琴 　　服 装：跟随潮流脉膊　　最喜欢颜色：黑色 　　电影演出：　　1992年：《边城浪子》　　1993年：《笑侠楚留香》　　1994年：《等爱的女人》　　1995年：《没有老公的日子》、《欢乐时光》、《非法赛车》、《横纹刀劈扭纹柴》　　1996年：《傲气比天高》、《金榜题名》、《四个32A和一个香蕉少年》、《正牌香蕉俱乐部》　　1997年：《G4特工》、《豪情盖天》、《爱情amoeba》　　1998年：《B计划》、《极度重犯》、《生死恋》　　2000年：《跑马地的月光》、《小亲亲》、《有时跳舞》、《幽菊约会》　　2001年：《困兽》、《惊天大逃亡》、《龙火》、《月满抱西环》、《阴阳爱》、《绝色神》、《漫画风云》　　2002年：《夺魄勾魂》、《手足情》　　电视演出：　　1992年：《冲天小子》　　1993年：《九阴真经》、《黄浦倾情》　　1994年：《射雕英雄传》　　1995年：《天子屠龙》　　1996年：《天地男儿》　　1999年：《白发魔女》　　2000年：《十月初五的月光》、《扫冰者》　　2001年：《谈判专家》、《官场插班生》　　2002年：《如来神掌》、《飞刀又见飞刀》　　2003年：《西关大少》　　2003年：《草民县令》　　2003年：《逆水寒》　　《飞刀又见飞刀》　　奖项：　　1991年:1991年度十大劲歌金曲(现代爱情故事)　　1992年:商业电台叱吒乐坛流行榜组合生力军金奖新城电台劲爆合唱歌曲大奖商业二台的《新一代乐坛大检阅九二》中由现场观众投票获得当晚《最优秀表现奖》新城电台主办《劲爆靓人大赏》之“劲爆靓人青春大赏”　　1993年:《十大劲歌金曲92-93年度总季选》之“最受欢迎新人奖”铜奖、商业电台叱吒乐坛流行榜生力军男歌手银奖、劲爆家族大跃进男歌手奖、日本杂志“香港仔”最有希望新人奖劲爆靓人奖　　1997年:《第一届香港电影主题曲大赏》,电影《金榜题名》主题曲《一生豪情一次》成为十大最佳电影歌曲之一。 </t>
  </si>
  <si>
    <t xml:space="preserve">我的男朋友非常爱我,可是我不爱他~~~~~~~我不愿伤他的心.怎 </t>
  </si>
  <si>
    <t>其实你这样是一种变相的欺骗不爱他就告诉他用最直接的方式告诉他别去考虑他会不会脆弱男人的自尊远比伤痛重要你的那种承诺是没有用的更何况你跟不爱的人生活在一起也是一种折磨</t>
  </si>
  <si>
    <t xml:space="preserve">跪求大家急急急急急急游戏中自己能制造虎头提炉枪吗？怎么制造？我的 </t>
  </si>
  <si>
    <t>过度装备砸那么高没用</t>
  </si>
  <si>
    <t xml:space="preserve">电脑进不去win了急死提示TheDigitalHomeEnter </t>
  </si>
  <si>
    <t>建议你修复一下系统试试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如果正常模式恢复失败，请开机按F8进入到安全模式中使用系统还原）。 4、如果故障依旧，使用系统盘修复，打开命令提示符输入SFC /SCANNOW 回车（SFC和/之间有一个空格），插入原装系统盘修复系统，系统会自动对比修复的。 5、如果故障依旧，在BIOS中设置光驱为第一启动设备插入系统安装盘按R键选择“修复安装”即可。6、如果故障依旧，建议重装操作系统。</t>
  </si>
  <si>
    <t xml:space="preserve">宝宝两个月了,黄疸还没退,急死我了.我家宝宝两个月了,脸有些黄, </t>
  </si>
  <si>
    <t xml:space="preserve">  在这儿,倒不如自己在网上搜搜看!以下是我在网上搜到的,你看一看吧! 母乳性黄疸，顾名思义，是因为婴儿喂养母乳而出现的黄疸。过去认为母乳喂养的婴儿大约只有1%～2%可出现母乳性黄疸，但近年来由于此病逐渐被重视，其实际发病率可能远高于此值。文献报道母乳性黄疸在病因学上可占新生儿黄疸的82.7%。    母乳性黄疸可分为早发型和迟发型，发病原因是由于此种母乳中β-葡萄糖醛酸苷酶含量多、活性高，使婴儿胆红素在肠道中重吸收增加而引起黄疸。当新生儿开奶迟，摄入量不足，肠蠕动减少时，β-葡萄糖醛酸苷酶在肠道中分解结合胆红素，还原为未结合胆红素，后者易被小肠重吸收进入血循环，加重黄疸。    早发型黄疸的特点：早发型母乳性黄疸易被忽视，因黄疸出现时间及高峰时间与生理性黄疸相似，即在出生后2～3天出现，并于第4～6天最明显，然后在两周内消退，但胆红素的最高值超过生理性黄疸。    晚发型黄疸的特点：通常所称母乳性黄疸一般均指此型。出现时间较晚，常紧接生理性黄疸之后发生，与生理性黄疸重叠且持续不退；亦可在生理性黄疸减轻后加重，即常在出生后7～14天出现，2～3周达到高峰，胆红素可达342μmol/L（20mg/dl），4～12周后下降。早发型黄疸与迟发型黄疸的比较　              早发型     迟发型 黄疸出现时间 生后2～3天 生后7～14天 黄疸高峰时间 生后4～6天 生后2～3周 黄疸消退时间 两周 生后4～12周后     母乳性黄疸婴儿停止母乳喂养2～3天后，黄疸即明显下降，借此可确定诊断，3天无明显降低者可排除母乳性黄疸。再恢复母乳喂养，胆红素可轻度上升，但不会比以前高。婴儿除黄疸外，一般状态良好，生长发育正常。诊断母乳性黄疸要排除溶血、感染、肝炎综合征及胆道闭锁等其它原因引起的黄疸。    母乳性黄疸轻者无需特殊处理，黄疸明显，当胆红素高达256.5μmol/L（15mg/dl）以上时，可暂停母乳喂养2～3天，改用其他乳制品，必要时可以与光疗配合。暂停期间，宜用吸奶器将母乳吸出，以保持乳汁分泌，待黄疸减轻或消退后，再继续母乳喂养，此后，即使有轻度黄疸，也不必再停母乳。    母乳性黄疸预后良好，对婴儿的生长发育并无多大影响，患儿胃纳良好，体重增加正常，不需要特殊的药物治疗，因此一旦确诊为母乳性黄疸，家长可尽管放心，没有必要带着孩子反复去求治。  祝宝宝早日摆脱黄疸,健康快乐地成长!</t>
  </si>
  <si>
    <t xml:space="preserve">现在沪深股市交易的费用怎样计算的？沪市每一次交易需要缴纳多少交易 </t>
  </si>
  <si>
    <t xml:space="preserve">你好：现在股票买卖的费用有：１过户费：上海交易所股票买卖均收取过户费,每1000股收取1元（最低收取1元）,深证交易所不收取过户费.２交易印花税（买卖均收取）: 成交金额的千分之三３交易佣金（买卖均收取）: 根据交易形式不同收取成交金额的千分之1.5至千分之三，最低收取5元 （场外户网上交易佣金会低些,一般在千分之1.5，是在开户时就定好了的，也是最低收取5元）.4 交易委托费：有的券商收取交易委托费，甚至每刷一次交易卡都回收取，1-5元不等，开户时应问好了。沪深两市的交易费用之差一个过户费，其他的在交易中是一样的。祝投资顺利！ </t>
  </si>
  <si>
    <t xml:space="preserve">静电对身体有害吗？有什么害处呢?请回答! </t>
  </si>
  <si>
    <t>一般来说，由于摩擦所引起的静电对人体不会产生危害。从触电的角度来说，人触电是个时间积累过程，只有当电流足够大，时间足够长时才会触电。当通过人体的电流达到30mA时，人就较难自己摆脱电 线，就会引起危险了。静电放电时，电压虽高，但放电流很小（为微安级），放电时间极短（为毫秒级）这样的电流对人体不会产生任何影响，顶多是在放电的在方有针刺一样的感觉。从脉冲对人的影响来说，摩擦引起的静电也不足以危及人类，因静电脉冲时间短，强度低，远低于手机信号对人的影响，所以对于摩擦引起的静电，尽可放心。值得注意的是，我这里说的是生活中摩擦引起的静电，若是通过物理方法得到的静电，往往会因电压过高，电流过大，放电时间过长而危及生命，对这种静电，小心为妙，当然，在有易爆物体如汽油的地方，任何细小的静电火花放电都可能引起惊天事帮，这就另当别论了。</t>
  </si>
  <si>
    <t xml:space="preserve">补骨脂和甘草的问题？书上说补骨脂畏甘草，为什么卢铸之却二种同用呢 </t>
  </si>
  <si>
    <t>18反19畏就可以用为什么不能？</t>
  </si>
  <si>
    <t xml:space="preserve">IT公司PM是什么意思&amp;nbsp;&amp;nbsp; </t>
  </si>
  <si>
    <t xml:space="preserve">加强与促进IT人士之间的信息交流和共享，实现IT价值。“希赛，影响IT”是全体希赛人不懈努力和追求的目标... 项目管理：  风险管理：  质量管理： </t>
  </si>
  <si>
    <t xml:space="preserve">怎样洗点，洗点有限制吗？？ </t>
  </si>
  <si>
    <t>　有两种，一种是在真宝蜍精买到洗点卷（有限等级，看着来买）．第二中是在元始天尊洗点（每１０级一次，有限的哦）．</t>
  </si>
  <si>
    <t xml:space="preserve">如何进入别人论坛的管理后台，以及如果留下操作记录如何删除？ </t>
  </si>
  <si>
    <t>要进入别人论坛的管理后台当然要知道管理员的账号和密码。</t>
  </si>
  <si>
    <t xml:space="preserve">济南那几家白癜风医院好阿？怎么样啊 </t>
  </si>
  <si>
    <t>您好。很多的患者，在患病后，都期望寻求一个好医院，好医生，帮助自己治好自己的病情。但是相较而言，患者更加青睐的是哪种方法可以有效的治疗白癜风，帮助自己走出病痛的无尽折磨。白癜风病的致病因素有很多，根据不同的发病原因实行的治疗方法不同，白癜风病的类型也很多，不同的类型、不同的致病因素、不同的性质使用不同的治疗方法。你好，白癜风病的致病因素有很多，根据不同的发病原因实行的治疗方法不同，白癜风病的类型也很多，不同的类型，不同的致病因素，不同的性质使用不同的治疗方法。治疗白癜风首先要先确诊，再制定治疗方案，然后再进行治疗。不同的病情，治疗方式也是不一样的。您好，建议及时到正规的白癜风专门治疗白癜风的医院进行科学全面的治疗，查出发病诱因，对因对症治疗，才是治疗白癜风的最佳途径。在平时保持良好的精神状态，心平气和，减小忧思，注意劳逸结合，养成良好的生活习惯，避免恣情縱欲，加强体质锻炼，预防感冒、发烧、少食激发食物，少用维生素C，激素类药物治疗，以健康的心态配合疾病的治疗。治疗白癜风的关键是，激活黑素母细胞，让它释放黑色素。治疗白癜风要去正规的白癜风医院选择适合自己的治疗方案，“吴氏黑色素细胞激活术”，从白癜风治疗的关键激活黑素母细胞入手，通过内外综合治疗，激活异常的黑素母细胞，让其释放黑色素，从根源治好白癜风。</t>
  </si>
  <si>
    <t xml:space="preserve">今、明两日,热门球队串烧复式投注:英超，意甲，西甲，法甲，德甲，? </t>
  </si>
  <si>
    <t>多谢兄弟提供的资料！兄弟很专业啊！这么好的资料我严重参考了啊！祝兄弟本周两期足彩全中大奖！兄弟好运！</t>
  </si>
  <si>
    <t xml:space="preserve">关于飞行摇杆的问题请问在250元左右或以下有哪些性能较好的摇杆， </t>
  </si>
  <si>
    <t>你说的这个价位可能只有清华代理的Satiek遥杆了，另外就是一些微软的低端产品。不过我不太喜欢。按键太少，玩起飞行类游戏一点也不爽。但是微软就一点好，定位精准，要多准有多准。罗技的遥感也非常不错，不过250元恐怕没有。Satiek遥感非常好了，价格低廉不说而且还非常专业。按键多，操作起来比较方便。但是设计和做工我实在是不敢恭维。做工一般，只能算是中规中矩，比起微软和罗技的产品来说就差多了。特别是3D Gold这款，定位不错，新手老鸟都适合，但是这款遥感设计实在是太。。。。我都怀疑是否用上了人体工学设计。完全对称的设计对于长时间使用来说是最大的弊病，还有按键设计距离不够合理。而且最大的毛病就是每次拔插USB接口后都要校对，而且过程比较繁琐，基本上很少有一次到位的时候，都要多次校对。但是就其价格来说，我们还有什么说的呢？一般来说你只有两个选择，一时选择微软的旧产品，一个是新的Satiek摇杆了。对我来说，精准度和功能永远是第一位，所以我建议选择Satiek。</t>
  </si>
  <si>
    <t xml:space="preserve">被卷入三人感情游戏当中真的好烦恼不知道应该怎么办??我和他是在一 </t>
  </si>
  <si>
    <t>如果他是合法离婚的，那你们的交往不会受任何人的约束！能够约束和阻碍你们的只有你们的心！如果两个人的心是真心在一起的，他前妻没办法也更没有权力来干涉你们！你老说害怕他前妻，为什么要害怕？她无权干涉你们的交往！如果，他前妻作出什么伤害你的事情她会受到法律的制裁！爱是无罪的，何况你又不是第三者！要担心什么？你应该理直气壮才对！现在就看他的心意是不是够坚定，只要他的心不动摇，你就要坚强面对了！加油啊！</t>
  </si>
  <si>
    <t xml:space="preserve">谁有“八十快环游世界的歌词 </t>
  </si>
  <si>
    <t>歌曲：八十块环游世界歌手：twins 专辑：八十块环游世界 打印预览 摊开手掌八十个铜板头像忽然射出强光商场切换恒河岸我是无壳的蛋黄自由的流荡米兰花瓣泰姬陵飘香伦敦急降溅起红海浪靠在你肩膀更紧张爱在飞翔没有围墙像电影一样场景随意换宝莱坞现场豪华又浪漫快给我波斯飞毯不著地的幸福感弄蛇人笛子在响地球骨头都变软爱不是天方夜谭神灯般越擦越亮我想好有成就感什黱都得到后冠不管不管想怎样就怎样想玩就玩功课都不用赶不管不管想怎样就怎样杀价最在行八十块买到水钻长城拉长阿姆斯特丹首尔下站塞维尔广场在你臂弯更紧张想逛哪里就去逛没有围墙hey yeah我抓不牢 oh hey yeah我往下掉hey yeah怎样才好 oh hey yeah梦醒得早快给我波斯飞毯不著地的幸福感我困在三年二班课文只认得一半爱是否天方夜谭你永远高不可攀还是得回家吃饭我要存钱买耳环</t>
  </si>
  <si>
    <t xml:space="preserve">偶是44级暗骑应该在哪里练级呢？同上 </t>
  </si>
  <si>
    <t>猎人村杀卡鲁食人妖(装备C2一套,2刀一蛋)一直杀到44,然后去杀象牙下面点杀提克玛兽人(2刀一蛋)一直到46,现在换上C顶的瑟长去亚丁场周围杀羊羊战士和巡守(刀刀蛋)一直到52,基本都比克快50%,而且来钱快.不要说你没在装备哈,前期就要打钱,40换了C2吃蛋杀就是赚钱高峰期,不要怕蛋钱花得多,卡鲁食人妖,提克玛兽人战士,羊羊战士和巡守都爆好东西和好材料,赚的钱绝对让你笑翻天.以上是单练的方法。</t>
  </si>
  <si>
    <t xml:space="preserve">真空包装的北京烤鸭请问真空包装的北京考研如何食用方便快捷，而且能 </t>
  </si>
  <si>
    <t>反正真空烤鸭已不是真烤鸭的味儿了。不如自己加工一下，按照自己的口味。可以先把烤鸭片成片再加热，可以放到平底锅里小火煎，不用放油，烤鸭自己会出油，这样加热口感会脆一点。也可以把片成片的烤鸭在蒸锅里蒸，这样的烤鸭水汽大，不象烤的。还可以酱炒鸭片，配上青椒，卷饼吃也不错。</t>
  </si>
  <si>
    <t xml:space="preserve">仙剑1到4中你最喜欢的仙术是什么啊?仙剑系列的仙术太丰富了,如果 </t>
  </si>
  <si>
    <t>根据实用性划分——一代：天罡战气+醉仙望月步。点评，虽然只是前中期便可掌握的辅助仙术，但在后期的实力绝对不可低估……若最后一战加上梦，武术高到破表的灵儿完全可以一尾巴秒杀拜月大叔啊，咔咔……二代：五蛟灭世。点评：仙二没玩过，不过觉得“五蛟灭世”这个名字相当强势……很喜欢。三代：星沉地动。点评：五灵仙术中，这个应该是最强大的了……尤其是碰到水/雷属性的敌人……三外：缠。点评：从屠肆到燎日的无数次战斗验证了这项特技的完美……而况，它是我家璇璇自学成才得到的啊啊……（花痴泛滥~）四：凌空摘星。点评：又能偷窃又能打人，算是飞龙探云手的加强版吧……XD这一招自打学会后我就从头用到尾……顺便欣赏可爱的小纱纱……根据华丽度划分——一代：万里狂沙。点评：咱就是喜欢看月如JJ挥鞭，咻咻~~~二代：五蛟灭世。点评：还是直觉……欢迎忽略。三代：天灵千裂破。点评：小花楹和雪见的无敌华丽组合……不用多描述吧……三外：凤舞。点评：效果蛮震撼的，而且符合温慧性格。（其实应该是“虎袭”最相称？……笑~~）四：五灵归宗or四方肃敛。点评：很大程度是出于对小紫英的私爱啊啊……出完招式后若干大剑华丽环绕的景况……扑~~~~PS：合击招势和灵珠召唤就不算了……否则太难取舍了啊啊……（虽然私爱一代青龙碧血玉和神灵的召唤，恩恩）还有南瓜和絮儿那近乎BT的变身……近乎无敌的力量……诶~~三外没有认真玩，打最终boss时花杀阵什么的都没有出来，雷大叔的好几个招势也没来得及用过……结论可以作废。其实仙四的特技和仙术都相当爱，难以取舍，纠结~~~</t>
  </si>
  <si>
    <t xml:space="preserve">每到天冷时，我女儿老是胃痛怎么治？我女儿（16岁）每到秋冬之交， </t>
  </si>
  <si>
    <t>你好!胃寒是的病症名。指脾阳虚衰，过食生冷，或寒邪直中胃脘所致阴寒凝滞胃腑的病症。症见胃脘疼痛，得温痛减，呕吐清涎，口淡喜热饮，食不化，舌淡苔白滑，脉沉迟。治宜暖胃散寒。胃寒的症状表现为：常因天气变冷、感寒食冷品而引发疼痛，疼痛时伴有胃部寒凉感，得温症状减轻。 胃寒的主要病因是饮食习惯不良如饮食不节制、经常吃冷饮或冰凉的食物引起。再加上生活节奏快，精神压力大，更易导致胃病。所以需养成良好的饮食习惯，还有胃寒病人可多吃胡椒猪肚汤，生姜水。胡椒和生姜是健胃、暖胃的调味品，可以调理好胃寒的病症，恢复健康脾胃。当然，出现胃痛需警惕胃的器质性病变，最好去医院做胃镜检查。治胃寒验方:(一)  猪肚200克，生姜50克，肉桂5克。把猪肚洗净切丝、与生姜、肉桂同置碗内，加水炖熟，分2次吃。本法有健脾益胃、温中助阳、散寒止痛之效。适用于脾胃阳虚，或胃寒所致胃脘隐痛、喜热畏寒、吐清水、口淡不渴等症。 (二)　取生姜15克，胡椒1克，花椒15粒。共放入锅中，煮沸15分钟左右，取药汤少许，频频服用。每日1剂，病轻者服用1剂即可止痛，病重者连续服用2～4天，常可收到良好的止痛效果。祝你女儿药到病除,早日康复!补充回答：我刚看到你的问题补充,孩子胃疼还是没有查出真正的病因,我也很为你着急,你孩子是上初中还是高中?我看她的胃疼是不是和学习急张压力过大有关?为此我给你找了一份小资料（原文粘贴）供你参考，共同探讨你女儿胃疼的真正原因。初中生学习压力太大致胃痉挛 经常胃疼  　2006-01-12 09:01:55　来源: 半岛晨报(大连)　 胃因压力大“罢课”去年12月16日早晨刚收拾好书包，鞠蓉突然胃疼，之后呕吐，一个月来，13岁的鞠蓉没有像样地吃过一顿饭，辗转到大连市第四人民医院、大连儿童医院、大连市中医院等4家医院求医，先后做了两次胃镜，鞠蓉每次都疼得大哭，但是结果显示，她虽然有轻度的急性胃炎，大夫不认为应该有这么重的反应。治疗期间，包括葡萄糖、消炎药在内，鞠蓉一天打6个小时的吊瓶。无论是食物、水还是各种形状的中药、西药，只要吃下去，10秒钟之内立刻呕吐出来。市儿童医院的大夫认为，鞠蓉病情属于神经性胃痛，“孩子必须先放松神经，减轻学习压力，最好与心理医生沟通，或许有助于缓解病情。”市中医院的大夫把脉后立刻确定，鞠蓉有神经性胃痉挛的症状，可能与精神压力过大有关。几份诊断书上都显示，鞠蓉的胃肠没有严重病症。鞠蓉本人并不认为她的胃是因为学习压力太大而“罢课”，她甚至以为神经性胃病与精神不正常有关系，“我性格挺开朗的，每天的目标就是少犯错误，尽量找点快乐。”然而与她交谈后，记者才知道，一个初一的孩子需要面对成年人都很少能承受得了的快节奏生活。由此分析，你女儿会不会也是神经性胃痉挛引起的胃痛呢？应该请中医诊治效果会好些。</t>
  </si>
  <si>
    <t xml:space="preserve">都是过来人的请帮帮我高手也来啊我很喜欢一个女孩子但是被她拒绝后那 </t>
  </si>
  <si>
    <t>你的确是太心急了~！即使是她也真喜欢你！见了5次面就坦白，会让她怎么想？你玩她？既然认为你是个好人自然对你有好感~！但或许是因为她还没有希望这么早谈恋爱，或许是其他原因！做好朋友开始做起啊~！让她去发现你的好~！如果她也真喜欢你~！真的会被你感动呢？爱情本来就是双方面，强求不得~！</t>
  </si>
  <si>
    <t xml:space="preserve">上海小女人的无奈在上海国际大都市里激烈的竞争每天都在上演,一个上 </t>
  </si>
  <si>
    <t>你表达的是一种心情，一种大凡爱过的小女人都能明了和理解的心情。你并没有什么困惑，只是在追忆和怀念那段已经逝去的情感，不是吗？你说得比较含蓄，似乎在为他维护着什么，你为爱作出了牺牲，你是一个懂得爱的女孩。值得庆幸的是，你最后理智地选择了离开他，给了自己一个开始新生活的机会。有些事情既然已经过去，就放下吧，那只是你漫长人生旅途中的一段插曲，曲终人散时，你应带着有幸爱过的幸福，微笑着转身，更加成熟理性地继续你的旅程。美好的感觉总是让人留恋，曾经享受过，就该知足，只要你积极乐观地面对生活，你会找到真正属于自己的爱情归宿！告别那段过往，你会活得更加轻松快乐！祝你幸福！</t>
  </si>
  <si>
    <t xml:space="preserve">脸越来越大，而且也越来越胖怎么办？关键是我身材很好，就脸胖。。一? </t>
  </si>
  <si>
    <t>瘦脸的方法：脸部按摩：在施行瘦脸的这段时刻里，最棒就能够坚持在闲暇的时刻里也能做是恰当的脸部按摩。由于恰当的脸部按摩能够加速脸部脂肪的耗费，让脸部的肌肉变得更赶紧实，然后到达杰出的瘦脸作用。而在开端脸部按摩的时分，注重要运用规范的按摩举措来进行瘦脸，这样关于瘦脸的作用就会事半功倍来。按摩脸部的时分首先要坚持腰身的笔挺，然后让双手的手掌轻轻地托住下巴，让手指充沛地抓住脸颊。之后用指腹的力气轻轻地按压脸部，之后慢慢地绕着逆时针的方向转变，直到整个脸部轻轻发热。这个举措最棒能够重复做5~10次，这样就能够充沛包管脸部的脂肪能够得到疾速的分化。这个脸部按摩办法能够让脸部的脂肪加速焚烧，然后疾速地打造诱人的瓜子脸。瘦脸食物：除了按摩之外，饮食办法也是在平常生计中应该注重的一个细节。咱们每天都要饮食，若是食用的食物对瘦脸有协助的话，就能够加速瘦脸的成功。因而，在平常吃东西的食物，要想到达瘦脸的意图，最棒就是尽量多地食用钾物质高的食物，例如紫菜、菠菜等。瘦脸的最佳食物就是紫菜和菠菜。这是由于紫菜不光具有丰厚的营养价值，而且富含钾物质，这种钾物质能够有效地去掉水肿，去掉脸部剩余的水分。而菠菜自身就是钾丰厚的一种绿色蔬菜，关于有杰出的成效。除此之外，在平常生计中，最棒就是能够挑选高钾含量的食物来吃，这样就能够协助加速体内剩余水分的扫除，尤其是关于脸部来说，去掉水肿之后就能够轻松地雕塑一张诱人的小脸来。减肥方法：1.每天烫脚，促进血液循环。与此同时按摩一下腿部，给肌肉放松。2.每天跳10--15分钟的健美操。3.把你的零食全部换成水果，每天最少8杯水。4.合理 饮食很重要，不要盲目的节食，容易起反效果。控制饮食，减少热量的摄入。但减少并不是不吃。而是要均衡膳食合理搭配,最好制定个减肥食谱.减肥食品有:黄瓜,冬瓜,红薯,芋头,韭菜,辣椒,魔芋,冻豆腐,白萝卜,绿豆芽,姜,紫菜,南瓜,西红柿,胡萝卜,白合,海带,豆制品,芦笋,竹笋,山楂,苹果,柠檬,柚子,橙子,还有许多茶。像绿茶，菩洱茶！多吃粗粮,少吃油类的食品,意见建议：每天坚持有氧运动，如跑步、跳舞、慢跑、上楼梯等都是很好的有氧运动！健康减肥不是短期性的，而是要靠自己的毅力不断的努力下去，好的生活规律是第一步。只要坚持，相信你一定能减出好身材的！（诚心为您回答，希望可以帮助到您，如果您对答案满意，请点击“好评”，嘿嘿，有问题还可以追问我噢！赠人玫瑰，手有余香。好人一生平安）</t>
  </si>
  <si>
    <t xml:space="preserve">邮政储蓄定期存款如果有存款密码别人没有我的本人身份证可以取款吗？ </t>
  </si>
  <si>
    <t>1、如果存款未到期，需提前支取则除存单（存折、银行卡）和密码外，还要凭存款人的身份证。2、如果存款已到期，支取则只需凭存单（存折、银行卡）和密码，不要存款人的身份证。</t>
  </si>
  <si>
    <t>写出句中破折号的作用4.一天晚上,我又听到酒瓶滚动的声音</t>
  </si>
  <si>
    <t>1.解释说明2.语意的跃进3.话题的转换4.声音的延续</t>
  </si>
  <si>
    <t xml:space="preserve">什么才是非法传销?跟直销如何区分? </t>
  </si>
  <si>
    <t xml:space="preserve">“非法传销”有三大显著特征： 　　第一个特征：囤货诈钱 　　非法传销人员为了迅速致富！往往强迫，诱导被推荐（介绍）者买一大批“货”（可以是实物，也可以是货币，或某某&lt;现金&gt;卡，或变相称资料费），其目的是为了从非法传销公司获取尽量多的收入（如奖金等）。 　　第二个特征：挂羊头卖狗肉 　　非法传销公司或者非法传销人员，往往打着合法培训会议的旗号，用“挂羊头”的方式来卖“狗肉”。它们利用人性的弱点，利用人们想暴富的心理，极力宣扬“迅速致富”的人生道理，为了达到让新人尽快加入的目的，非法传销公司或者非法传销人员往往会自己或者用被推荐（介绍）者“成功”（赚到很多钱）以后，其赚钱中或后过分或炮制的亲身感受、利用长时间有节奏的掌声和口号，甚至用现代声光电多媒体等技术手段来“故意”营造一种超出“常识”范围的，让人激动的等等场情或场面，其最终目的还是想让人们敢快加入而从非法传销公司获取尽量多的收入（如奖金）。 　　第三个特征：交纳高额入门费 　　非法传销公司和非法传销人员的“收入”不是来源于把产品/商品销售给最终消费者后而计提的合法收入，而是来源于加入者缴纳的各种“高额费用”，所以，为了诈取高额利润，它们就必须要收取加入者的高额费用或强迫其认购上千元甚至上万元的货物。这是它的“核心”！为了这个“核心”所做的一切包装都是一个“幌子”。因而，你会发现，有的或者非法传销人员传销公司会讲，为了你和家人的健康，公司产品又世界第一，5000块钱不贵，不仅吃了身体好，还能赚钱，多好的事情，买吧！还有的非法传销人员和非法传销公司打着连锁经营等名目繁多的时髦旗号，巧妙应用《孙子兵法》中所讲的兵不厌诈的战略战术，告诉你：要是办一个连锁经营等等的公司至少也得3~5万吧，而这家公司才3000多块，多便宜而且风险又小，又包你赚等等让人心动的计划让你眼花缭乱，其最终目的还是想让人们敢快加入交钱或，从非法传销公司获取尽量多的收入。 　　非法传销要么是具备以上其中的一个特征或者二个特征，要么是三个特征同时具备。也就是讲，你只要认准这3点并把它卡死，非法传销就失去了它生存的土壤和空间，不攻自破！ 关于非法传销与正当多层次直销在本质区别，如果读者感兴趣，可在《中国营销传播网》上观阅“直销内幕大揭迷”金为忠良系列文章，这里由于不是本文探讨的主题，因而不再赘述。 　　综合上述：我们对直复营销、正当多层次直销、非法传销之间的本质区别作一个总结： 　　它们都属于“无店铺销售”（至于正当多层次直销在中国已经表现出了有店铺销售的特征而与“世界直销联盟”对多层次直销的定义相违背，这里不属于本文讨论的范畴。同样如果读者感兴趣，可在《中国营销传播网》上观阅“直销内幕大揭迷”金为忠良系列文章，因而也不再赘述），但是，直复营销与正当多层次直销的本质区别在于：“在完成商品销售或者服务时，是否是销售人员与消费者进行‘面对面’或者‘一对一’的促销说明”；与非法传销的本质区别在于：“在完成商品销售时，是否是通过人推荐人的方式并且是向被推荐者收取高额入门费或购买及变相购买其相当货物”。 　　用以上这个本质特征去判定一种经营模式是不是直复营销是很简单的事情，第一，你要看消费者与公司商品接触的“桥梁”是“销售人员”还是“媒体”？如果是“媒体”那么就不会存在销售人员在进行商品销售时要与消费者进行“面对面”或者“一对一”的促销说明；第二，如果这种经营模式属于“无店铺销售”范畴，那么它就是直复营销。 　　如果是消费者与公司商品接触的“桥梁”是“销售人员”，那么就存在二种可能性：要么是正当多层次直销；要么是非法传销（即“金字塔式或类似的销售法”或“老鼠会”）。如何去区分呢？这里我们可以肯定地说：不是“是否存在推荐和被推荐而行成的上和下的关系”，不是“是否存在开会和不开会”，甚至都不是“奖金分配制度”。国家工商管理局对如何判别非法传销讲述了9条标准，不用讲凡是符合这9条标准的就是非法传销，这一点无可置疑。其实“这9条标准”它的核心特征就是“3点”，就是我们上述讲到的：1）、囤货诈钱；2）、挂羊头卖狗肉；3）、交纳高额入门费。就是说，它只要存在“这3点”，300%就是非法传销！但是，提请读者注意：（1）、非法传销不是非要“这3点”同时具备才叫非法传销，它只要具备“这3点”中的任何一点就当属非法传销无疑；（2）、正当多层次直销中也可能存在“非法传销“！关于这一点由于论述的篇幅大，且不是本文讨论的范畴。同样如果读者感兴趣，可在《中国营销传播网》上观阅“直销内幕大揭迷”金为忠良系列文章，这里也不再赘述）。 </t>
  </si>
  <si>
    <t xml:space="preserve">为什么不能5笔 </t>
  </si>
  <si>
    <t>首先你了5笔吗？如果装了还不能用，可能没有装好。</t>
  </si>
  <si>
    <t xml:space="preserve">驭胜七座版后两排座椅放倒后是什么样子的？是平的嘛？有车或者知道的 </t>
  </si>
  <si>
    <t>第三排座椅放平之后是跟后备箱平齐的，这是必须得嘛，2、3排放到后没有高度差，只是会有点角度，但是也不是很大，基本上算是一马平川。</t>
  </si>
  <si>
    <t xml:space="preserve">怎样利用ACDSee切割图片 </t>
  </si>
  <si>
    <t>先选择“编辑图片”，进入图片编辑页面后选择“裁剪”你就可以任意切割图片了。在切割前要注意保存原图！</t>
  </si>
  <si>
    <t xml:space="preserve">谜语嘴严（打成语一）谢谢 </t>
  </si>
  <si>
    <t>守口如瓶</t>
  </si>
  <si>
    <t xml:space="preserve">罗马新宠物！！！１我看到好多人可以变成各种各样的怪，很是好看，谁 </t>
  </si>
  <si>
    <t xml:space="preserve">这个是罗马浪人的一个特有的技能做的。 具体叫“怪物面具” 方法是：你先把要做面具的怪物打死后 ，马上用这个技能，这是会在地上出现一个东西，叫“死亡精髓”捡起来 ，用右键单击便可以使用了   </t>
  </si>
  <si>
    <t xml:space="preserve">西关问题广州的西关包括哪些地方,是不是广州很有名的历史重地,西关 </t>
  </si>
  <si>
    <t xml:space="preserve">西关指广州西门外的地区，西关分为上西关和下西关，上西关指今天的中山七路、中山八路等，为一般老百姓和手工业者居住的地方；下西关指今天多宝、逢源、宝源、长寿、上九路、下九路一带，所住居民非富则贵，都是一些名门显宦、豪商巨贾、买办阶级等，是广州最繁华富裕的地方。西关名人很多，其中比较出名的有：屈大均  大汕和尚  詹天佑   富马利  陈少白 邓家仁 邓家让   梁培基   何竹林  千里驹 梁毅文  李曲斋   向秀丽 黄 河 ……    在荔湾区编志办网页可以了解 </t>
  </si>
  <si>
    <t xml:space="preserve">关于一些东西的价钱现在区里的东西价钱太杂，想问下天堂之泪，7种龙 </t>
  </si>
  <si>
    <t>天堂之泪大约100---3000,1---3星30到50W不等,4,5星10000,6,7星3000</t>
  </si>
  <si>
    <t xml:space="preserve">能卖几个钱花好的Ｓ乖乖?z?K?? </t>
  </si>
  <si>
    <t>3TJ的，71级，强化得不错，这样的云一般在6K左右楼主.初级云的一般价就在7000W左右.....我说的一般啊啊啊啊</t>
  </si>
  <si>
    <t xml:space="preserve">龋齿是怎么回事？ </t>
  </si>
  <si>
    <t xml:space="preserve">龋齿（俗称蛀牙）是牙体组织被龋蚀，逐渐毁坏崩解，形成龋洞的一种疾病，是口腔的常见病和多发病。龋齿是继感冒后最常见的疾病，它经常发出在小孩和年轻成年人身上，但亦会影响所有人，是导致脱牙的主要原因之一。防止蛀牙的基本原则尽量减少摄取过多糖份，多吃含维他命和矿物质的食物 餐后刷牙以清除牙菌膜 使用品质良好的牙刷和含有氟的牙膏，每三个月转换新的牙刷 定期使用牙线，最好是每天 每六个月到牙医处检查 </t>
  </si>
  <si>
    <t xml:space="preserve">车子噪音大是哪里的问题？现在跑80时速就跟之前跑120噪音一样大 </t>
  </si>
  <si>
    <t>zzz233你好：这是共振引起的。谢谢</t>
  </si>
  <si>
    <t xml:space="preserve">锦鲤鱼的饲养？请问大家谁知道在家里用缸怎么饲养锦鲤鱼好啊？ </t>
  </si>
  <si>
    <t>锦鲤作为一种大型观赏鱼，不仅可以用来布置庭院在水池中饲养，而且也可以在室内水族箱内饲养。家庭饲养要掌握以下几点：1、 水族缸的选择与配置　　要根据家庭条件选择不同规格的水族缸，但由于锦鲤和金鱼的习性不同，这体型大活动量亦较强，所以选择的水族缸不应太小，一般容水量最好不小于60千克。饲养较大体型的锦鲤，缸还要适当加大，容水量应不小于200千克。由于锦鲤的活动量大，耗氧量强，所以水族缸要配置滤水器和增氧泵，以保证水中有充分的氧气和水质的清洁。2、 饵料和投喂方法　　锦鲤是一种杂食性鱼类，无论动物性饵料或植物性饵料都可以选做锦鲤饵料，如水蚤、水蚯蚓、米饭面食等。但以选择观赏鱼专用的合成饵料为好。用缸饲养投饵时应特别注意投喂量不宜过大，根据平日观赏情况只喂七八成饱即可，否则会造成不良后果，轻则造成鱼的消化不良，重则剩食破坏水质，阴雨天、晚上不要喂食。3、 水质和温度　　锦鲤的饲养条件与金鱼不同，它需要较高的水质条件，酸碱度以中性（PH7-7.4）为宜。水族缸内污浊发白的水最容易发生死鱼，出现此情况，应及时采取措施或把水全部换掉。水温一般保持在15-25℃之间最适宜。 4、 不宜混养　　锦鲤是一种杂食性大型观赏鱼，各种观赏鱼的生活习性又都各有差异，所以最好不要同其他观赏鱼类混养。　　在饲养锦鲤时，由于每个人的爱好不同，饲养条件亦有差异，因此在锦鲤选择上要根据个人的爱好、饲养的水平和家庭条件。在选择时应注意以下几点：　　一是选体型端正的锦鲤。因为锦鲤和其他鱼类一样，在遗传中会发生一些异常现象，有些幼鱼有先天性畸形，如头部歪斜、身体弯曲等，这种鱼没有任何观赏价值，应首先淘汰。　　二是注意鱼体有无明显外伤、出血等其他病状。有些鱼虽无明显外伤疾病，但游动迟缓呆滞，食欲不振，经常浮于水面或扎在水族箱角落不动，这说明鱼体内部器官患有其他病状，也不应作为选择的对象。　　三是选择品种特征明显的鱼，即选择色泽纯正，鱼体花斑能形成一定艺术性图案的个体为对象。　　四是注意在颜色、品种上的点缀。</t>
  </si>
  <si>
    <t xml:space="preserve">转职保证书的问题，谢谢1一个人能同时身上有两张转职保证书吗？2如 </t>
  </si>
  <si>
    <t>回答：1、不可以，一个人物身上在同一时刻只能有一个保证书。2、不用回答了呵。</t>
  </si>
  <si>
    <t xml:space="preserve">霉菌性阴道炎老是复发，这次看了大家推荐的药制霉菌素片比较好，但我? </t>
  </si>
  <si>
    <t>是同一种药物，除了用药外，还是应注意以下事项，避免复发，首先，发生霉菌性阴道炎后用药不认真，不能彻底治疗，是导致疾病反复发作的重要原因。霉菌性阴道炎患者经过治疗，仍需要在每次月经干净后去医院复查妇科检查及阴道分泌物化验，连续3次。如果此期间有1次又发现念珠菌感染迹象就不能定为痊愈，而属于复发或再感染，需要继续治疗。第二，夫妻双方未同时接受治疗；第三，治疗期间未按规定换洗消毒内裤、毛巾，也可以成为念珠菌再感染的原因。第四，人体自身就可以是念珠菌的携带者，存在于肠道中的念珠菌感染阴道时即能引起霉菌性阴道炎，例如平时卫生习惯不良，大便后擦拭外阴时总是由肛门向尿道方向擦，就可能将肠道中的念珠菌带入阴道，反复引发霉菌性阴道炎。第五，经常或长期使用抗生素，第六，不讲究卫生，内裤与袜子同洗。另外，经常使用卫生标准不合格的卫生巾、卫生纸，或有洗盆塘的习惯，也有可能导致反复发生霉菌性阴道炎。</t>
  </si>
  <si>
    <t xml:space="preserve">太阳中发生的是可控核聚变吗太阳中的核反应不会马上完成，为什么，是 </t>
  </si>
  <si>
    <t>太阳中的核聚变之所以不会像氢弹爆炸那样一瞬间完成，主要有以下几个原因：1、氢弹的聚变是氘（氢的同位素）聚变为氦，而太阳上的聚变是氢聚变为氦，所以反应条件和过程是不一样的。氢弹之所以不用氢而用稀少得多的氘，是因为氢的聚变要难得多。2、太阳内部的聚变过程相当复杂，主要有氢－氢聚变和碳氮氧循环两种类型，（1）在氢－氢聚变过程中，两个氢先聚变为氘，然后一个氢加一个氘聚变为氦3，最后两个氦3聚变为一个氦4同时放出两个氢核；（2）在碳氮氧循环中，氢与碳12聚变为氮13，氮13衰变为碳13，碳13与氢聚变为氮14，氮14与氢聚变为氧15，氧15衰变为氮15，氮15与氢聚变为氦4和碳12，此过程中碳12数量不变，最终形成氦4。以上聚变过程的每一步反应速度都取决于温度和参加反应的各种元素的浓度，太阳内部的氢含量仅占总质量的12％左右，聚变反应的速度自然就不一样了，需要耗费很长时间。</t>
  </si>
  <si>
    <t xml:space="preserve">椿－－－－影目一（脱帽格） </t>
  </si>
  <si>
    <t>枯木逢春</t>
  </si>
  <si>
    <t xml:space="preserve">请问免费下载电影最好的网站是什么？下载电影电视剧最好用什么？下载 </t>
  </si>
  <si>
    <t>wujiaqi.2000y.net</t>
  </si>
  <si>
    <t xml:space="preserve">请问每5秒回蓝数与精神之间怎么换算?就象20敏约=1闪+1暴 </t>
  </si>
  <si>
    <t>这个没办法准确的计算，因为需要考虑的情况太多了，比如是不是在5s规则内，是不是+了回蓝天赋，牧师是不是穿了3件卓越等等。不过nga上曾经有过一个计算报告好像是说考虑各种情况之后每5s回1mp大概等于2.3-2.7的精神</t>
  </si>
  <si>
    <t xml:space="preserve">大QQ1手机是不是双卡 </t>
  </si>
  <si>
    <t>诺基亚C2系列不错 有一款C2-几的的忘了,汗。 屏幕有2。8英寸 是诺基亚首个双卡双待的系列手机… 你可以在网上查查资料 也不是智能机如果觉得对你有帮助请给个好评谢谢</t>
  </si>
  <si>
    <t xml:space="preserve">智尚S35在行驶过程中有时会发出滴滴滴的警报声，是怎么回事？是不? </t>
  </si>
  <si>
    <t>这应该是智尚S35搭载的6项报警系统在发出提示，以后有这样的情况建议你检查一下这几点：未系安全带、手刹是不是没放、有没有超速、车门有没有关严实。另外，如果是停车之后出现这样的情况，应该检查下是不是没拔钥匙、大灯是不是没关、是不是有人想要盗车。</t>
  </si>
  <si>
    <t xml:space="preserve">物理题目,望尽快帮忙,谢谢!●今有两个相同材料制成的物体Ａ和Ｂ， </t>
  </si>
  <si>
    <t xml:space="preserve"> ①分别用天平称出A与B的质量mA和mB.②截取适当长的细绳,把A,B系在绳两端,③把A放在桌上,使B离地面适当高度h,如图所示,用直尺测出h,并将细绳拉紧,记下A在桌面上的位置.④放开B使之下落,量出A在桌面上滑动的距离x.由动能定理得mBgh -μmAgh=(mA+mB ) v2 / 2 ①μmAg (x –h)= mA v2/2 ②由 ①②解得 μ= mBh/[(mA+mB )x – mBh]</t>
  </si>
  <si>
    <t xml:space="preserve">请教：2转后的法师用哪种单手武器好看点啊。我朋友是44级人类女术 </t>
  </si>
  <si>
    <t>死息是101魔攻的，吃弹要吃3个，个人感觉不如C2的魔炎。魔炎匕首在我们30服最早500W可以买到，后来涨到了540W。2章后，要600W以上了，加3的有人卖900W。还是自己收东西做吧。</t>
  </si>
  <si>
    <t xml:space="preserve">请问600760东安黑豹后市该如何操作？ </t>
  </si>
  <si>
    <t>先卖出60%左右，等走稳后再买回来。</t>
  </si>
  <si>
    <t xml:space="preserve">关于退休实际年龄以到，但档案与实际年龄不符，怎么办 </t>
  </si>
  <si>
    <t xml:space="preserve">按劳社发(99)8号和省黑劳社发[2002]34号文件规定：职工退休年龄的认定以档案中最早开始计算工龄的登记表为准，如招工表、上山下乡登记表、入伍通知书等。参考资料： 根据省劳动厅（99）100号文件规定：对职工出生时间的认定，实行居民身份证与职工档案相结合的办法。当本人身份证与档案记载的出生时间不一致时，以本人档案最先记载的出生时间为准。参考资料： 一般按档案年龄,中国的国情你应该知道,找找人嘛,什么事情都好解决 参考资料： </t>
  </si>
  <si>
    <t xml:space="preserve">关节髌上囊内少量积液怎么办各位热心网友请帮忙解答，以下是磁共振（ </t>
  </si>
  <si>
    <t>不知道楼上的几位 有没有遇到过这类病例，没有的话最好不要误导别人这类疾病大家都知道是滑膜炎可是导致滑膜炎的原因你们清楚吗？积液究竟是什么性质，检查了吗？如果是局部组织外伤性卡压所致，小针刀治疗效果很好如果是其他疾病，诸如：结核性、类风湿等，就要用相关的药物我最近遇到一个病例，17岁的一个小年轻人。体育特招生，髌上囊积液，在一家医院局部打封闭，可怜的娃子，那以后一下子导致膝关节无法伸直，做了很多检查，都看不出来是什么原因。这个病例后来我给他治好了，今天才出院，请各位大侠分析分析，为什么他膝关节无法伸直呢？</t>
  </si>
  <si>
    <t xml:space="preserve">翡翠跟玉有什么不同？翡翠也是越戴越亮吗？ </t>
  </si>
  <si>
    <t>其实翡翠也是玉的一种，玉分为软玉和硬玉，翡翠属于软玉，像和田玉就属于硬玉，所以翡翠确实是佩戴的时间越久就越美丽，就像我买的这款卓尔珠宝翡翠吊坠，贴身戴了几年了，现在光泽变得很莹润。</t>
  </si>
  <si>
    <t xml:space="preserve">没有光驱如何装系统？我的电脑没有光驱，需要重装系统，如何装系统，? </t>
  </si>
  <si>
    <t xml:space="preserve">这里有一个视频教程。请您参考一下 </t>
  </si>
  <si>
    <t xml:space="preserve">（急）男友第一次正式见我父母我和我现在的男朋友交往有4个多月了, </t>
  </si>
  <si>
    <t>这个问题很难回答。你想让你男朋友来见你的父母，我的看法是不见面更好。理由有三：第一、你们才交往4个月，还在相互了解阶段，离谈婚论嫁还早，为什么要急于从你父母口中得到什么承诺？有时候，“趁热打铁”不一定有好结果。第二、你父母曾经对你们的事表示反对，现在之所以不再干涉，不一定就象你说的那边样是因为你的“坚持”，更大的可能性是“反正八字还没有一撇”，你们在静观其变，用不着急于反对，或是还没有找到拆散你们的有力借口才容忍了你们的继续交往。第三、你父母可能也在“盼”着他来，但是那种心情可能很复杂，见面的气氛可能让大家都不轻松，你男朋友也可能“言多必失”。你们都还需要“时间老人”的关照：一是让你充分地了解和认识他，二是让你父母给他一个客观公正的评价，因为他们正在站在局外人的位置上在冷静地观察和分析你的男朋友。我的意见可能无法让你满意，但我的心是好的。祝中秋快乐！</t>
  </si>
  <si>
    <t xml:space="preserve">凤羽生咒凤羽，生咒，如果是首饰的话，那么它们的功能是什么呢？ </t>
  </si>
  <si>
    <t>啊~不好意思我回答错了凤羽，生咒血炼出来的首饰是血炼产物之极品（冰咒指环）血炼产物之极品（侠循）血炼产物之极品（霸戌）血炼产物之极品（霸戮）</t>
  </si>
  <si>
    <t xml:space="preserve">哪个大虾能进来解释一下，汉王ORC软件和以及汉王文本仪？ </t>
  </si>
  <si>
    <t>应该是OCR（"光学字符识别"的英文编写）吧，汉王OCR软件是一款识别软件，可以从扫描的图片中识别出多种文字，当然用数码相机拍的图片也行。汉王文本仪则是一种可对纸质资料和可视电子文件中的图文元素进行准确提取、智能识别,并可实时文本转化的一种硬件设备。说白了就是扫描仪+OCR识别软件。</t>
  </si>
  <si>
    <t xml:space="preserve">人体中过量重金属如何去除？ </t>
  </si>
  <si>
    <t>重金属指比重大于4或5的金属，约有45种，如铜、铅、锌、铁、钴、镍、锰、镉、汞、钨、钼、金、银等。尽管锰、铜、锌等重金属是生命活动所需要的微量元素，但是大部分重金属如汞、铅、镉等并非生命活动所必须，而且所有重金属超过一定浓度都对人体有毒。如汞中毒的临床表现有，全身症状为头痛、头昏、乏力、发热。口腔及消化道症状表现为齿龈红肿酸痛、糜烂出血、牙齿松动、龈槽溢脓，口腔有臭味，并有恶心、呕吐、食欲不振、腹痛、腹泻。皮肤接触可出现红色斑丘疹，以四肢及头面部分布较多。少数患者可有肾损害，个别严重者可有咳嗽、胸痛、呼吸困难、绀紫等急性间质性肺炎的表现。重金属中毒会使体内的蛋白质凝固,这个你可以从高三的书看到,如果轻微中毒,就大量喝牛奶,牛奶中的蛋白质会和重金属反应,这样不会损伤到你自身的身体机能,喝了以后马上就医2对什么是重金属，目前尚没有严格的统一定义，在环境污染方面所说的重金属主要是指汞（水银）、镉、铅、铬以及类金属砷等生物毒性显著的重元素。重金属不能被生物降解，相反却能在食物链的生物放大作用下，成千百倍地富集，最后进入人体。重金属在人体内能和蛋白质及酶等发生强烈的相互作用，使它们失去活性，也可能在人体的某些器官中累积，造成慢性中毒。重金属元素由于某些原因未经处理就被排入河流、湖泊或海洋，或者进入了土壤中，使得这些河流、湖泊、海洋和土壤受到污染，它们不能被生物降解。鱼类或贝类如果积累重金属而为人类所食，或者重金属被稻谷、小麦等农作物所吸收被人类食用，重金属就会进入人体使人产生重金属中毒，轻则发生怪病（水俣病、骨痛病等），重者就会死亡。所以我们不要过量地进食海产，每次进食前一定要把海产彻底煮熟，以免吃入细菌。</t>
  </si>
  <si>
    <t xml:space="preserve">为什么早孕反应晚上要比白天严重？我怀宝宝八周开始孕吐，但是白天从 </t>
  </si>
  <si>
    <t>我和你有同样的经历.因为白天不在家,有事情做,可以分散注意力,所以反应相对要轻.下班回家之后精神放松之后注意力都集中到怀孕上.所以反应就明显了.建议你下班后找点喜欢的事情做,分散注意力就可以减轻症状的.坚持到3个月基本妊娠反应就消失了.</t>
  </si>
  <si>
    <t xml:space="preserve">混乱对你来说意味着什么？ </t>
  </si>
  <si>
    <t>生活乱套</t>
  </si>
  <si>
    <t xml:space="preserve">好的期货公司，在天津的 </t>
  </si>
  <si>
    <t>好的期货公司，一般是大公司，但他们的佣金吓人。做中长线还可以，做短线最好还是找小公司，佣金小的公司。</t>
  </si>
  <si>
    <t xml:space="preserve">请问能搜索电影、视频又能快速下载的软件有吗？在整个网络中搜寻，如 </t>
  </si>
  <si>
    <t>迅雷。免费软件，在各大软件站都可以下载。</t>
  </si>
  <si>
    <t xml:space="preserve">我有一张人民币不知道是不是真的?我有一张人民币我发现就是比别的人 </t>
  </si>
  <si>
    <t>个人是用手感的，手感差的就要怀疑了，见议你找机器验一下．</t>
  </si>
  <si>
    <t xml:space="preserve">我是多情还是滥情？我与老婆结婚6年多了，我们以前是大学同学。老婆 </t>
  </si>
  <si>
    <t>爱情对你而言估计屁都不是。当年追老婆肯定比现在的二奶要艰难很多吧？为什么要结婚，不就是想和她一生一世？男人怎么能因为一个轻浮女人的诱惑就失去方向，放纵自己，这样的虚荣？忘却了自己的妻子和家庭，忘却了当初想给最爱的人最大的幸福？一时的迷恋，什么都是建立在肉体上的，当肉体的迷恋消退了，你们还剩下些什么？没有家庭的责任和负担，什么都是轻松的，如果你老婆让出这个位置，情人对你而言，只是让你生命变得残缺的凶手。如果你不能真正体会到给妻子带来的是怎样的伤害，不能真正意义上的改正自己的错误，你还是离婚吧～不要毒害你的妻子，她太年轻，人生还有很长的路要走，怎么能和一个没有大脑，只有下体的动物共渡余生？她不是饲养员……以下仅供参考：根据我国：你给情人每月2万元钱，如果是从公司支出的，属于不合法的，公司财产属于法人财产，属于全公司股东的；如果是从自己腰包掏出来的，也不合法，属于夫妻双发共有财产，你无权给属于法律抵触的不合法第三者（情人）。如果那些现金和贵重物品的购买你有银行凭据和购买发票，出于对你妻子的尊重，你应该通过法律途径，向法院起诉，要求情人如数归还。以上是知名律师解读过的案例她提供的法律依据，且很多糊涂男人已经胜诉，从情人那里拿回了自己和妻子的共有财产。请你不要因为颜面而让那个轻浮、放纵的女人在伤害了你的妻子和家庭后还能满载而归，那些钱和物将成为她嘲笑你妻子一辈子的凭据。</t>
  </si>
  <si>
    <t xml:space="preserve">我的想法正常麽？誰能帮帮我？我同她是同?W，曾?暗?偎??I </t>
  </si>
  <si>
    <t>你是那种得不到就毁掉他的人，你要注意克制你的心理冲动。当有这样的想法的时候要反复在心理想想你的想法是否正确，还有要多跟朋友沟通。但是记住，要选择好的朋友。不要性格、想法跟你一样的，或者跟年长的人聊聊</t>
  </si>
  <si>
    <t xml:space="preserve">是没有安装声卡的原因吗？我新买的一台DELL的电脑结果装上音箱没 </t>
  </si>
  <si>
    <t>是否将音量设置成了静音?点击右下角小喇叭看看,如是静音,去掉静音的对勾即可。也可能音量太小，打开音量控制，将波形音调高，再适当调整其他音频设置。实在不行，你应该找经销商处理，千万自己不要乱捣鼓。如果声卡未安装，也应该由他们给你安装。</t>
  </si>
  <si>
    <t xml:space="preserve">热车起动必须加油门是什么原因,如何解决 </t>
  </si>
  <si>
    <t>是你的习惯还是？？？正常车辆不需要加油门冷启动靠的是水温传感器信号</t>
  </si>
  <si>
    <t xml:space="preserve">一道英语题，急需！！！！！ </t>
  </si>
  <si>
    <t>what can your mother do?take part inthanks</t>
  </si>
  <si>
    <t xml:space="preserve">会计证年检都需要哪些资料？是不是还要考试，如果考试要考哪些内容？ </t>
  </si>
  <si>
    <t xml:space="preserve">会计证年检                                                    办理程序：受理—审核—办理 需提交的材料： 1、会计从业资格证书（原件）。 2、本人身份证（原件）。 </t>
  </si>
  <si>
    <t xml:space="preserve">电脑精英们，快来帮帮忙呀！我出20分相送！软件“微软Direct </t>
  </si>
  <si>
    <t xml:space="preserve">DirectX是一种图形应用程序接口(API),简单的说它是一个辅助软件,一个提高系统性能的加速软件。在windows的多媒体世界，不管是游戏，不管是有些播放程序，缺了它可是不行的，这次新版的 Directx 的驱动程序里包含了这种新的软硬件的支持，并且修正了之前版本的一些 BUG。而在DirectX 的控制介面里面还包函了许多您电脑内的硬件资讯，也能测试显示卡在软件或硬件模式下的 D3D 差别测试，在音效方面也能测试音效卡的多种音质测试。如果您还在使用 Directx 之前的版本，赶快下载回去试试看，一定能让您的游戏跑得更顺，画质更棒DirectX 9.0完全正式安装版 </t>
  </si>
  <si>
    <t xml:space="preserve">艾滋病患者献血如果有艾滋病的人义务献血后,被检测出来会怎么样?是 </t>
  </si>
  <si>
    <t>检测站会通知病人,为了避免扩散,检测站可能还会知会防疫部门,并控制爱滋病病毒携带者,矛以强制隔离治疗.这样做是对病素携带者家人及社会公众负责,以免造成更大范围内的传播.</t>
  </si>
  <si>
    <t xml:space="preserve">蓝景丽家丽泽建材城的建材好不好？是不是既好又便宜？和百安居的建材? </t>
  </si>
  <si>
    <t>如果是同一品牌，价钱在哪个建材城都不会有太大的差别，否则的话，其中可能有假。只要找离自己住处近的就可以，这样可以省掉运费，如果离家远，其运费要高，费用也会增加。</t>
  </si>
  <si>
    <t xml:space="preserve">如果有人追你应该怎样拒绝 </t>
  </si>
  <si>
    <t>我的话，一般是委婉的拒绝，首先我不了解他这个人，不知道他会不会做出什么泼硫酸之内的事，其实，我认为要珍惜喜欢自己的人，所以我要是真不爱他，会婉转的告诉他，并希望能和它成为好朋友，相信通过这样以后我有什么困难，他都能帮助我，多一个朋友有什么不好呢？所以拒绝是一门艺术，最好根据你的情况，找一个不会伤害到他的理由，比如，现在还不想这些，希望大家能先做朋友开始或者，说最近心比较烦，不想这些的．．总之要珍惜喜欢自己的人，才能够永远幸福</t>
  </si>
  <si>
    <t xml:space="preserve">妈妈不理解我怎么办 </t>
  </si>
  <si>
    <t>要和她沟通的.两代人之间肯定是有代沟的，如果你面对面不好谈，可以给她写信，韩剧《人鱼小姐》中的孙媳妇就是写信与她的奶奶沟通的，效果很，但首先要摆对自己的位置。祝你和你的妈妈快乐。</t>
  </si>
  <si>
    <t xml:space="preserve">雄霸江南。。。我的号上不了啊。叫矮东瓜。。谢谢一上去就已断开服务 </t>
  </si>
  <si>
    <t>同样的问题 现在已经是好级个号了      同命啊～！～！</t>
  </si>
  <si>
    <t xml:space="preserve">又是笑话又是猜谜有一位神经病院的医生问患者:如果我把你的一只耳朵 </t>
  </si>
  <si>
    <t xml:space="preserve">患者回答:因为眼镜会掉下来. </t>
  </si>
  <si>
    <t xml:space="preserve">有没有把好几张图片组合成一张的软件？ </t>
  </si>
  <si>
    <t>photoshop就可以啊</t>
  </si>
  <si>
    <t xml:space="preserve">100分求QQ手机解绑的方法请给出手机解绑的具体方法 </t>
  </si>
  <si>
    <t>打开无线乐园,就是QQ面板左侧上的那个手机标志，点下显示最上侧右边有的“展开”记下看到手机号码（移动和联通的手机都是直接显示的,如果是小灵通会显示86******,把86换成0,其他不变）现在是开始解除了,先QQ面板左下角的“菜单”，选无线QQ---&gt;无线QQ向导，选QQ免费绑定/解绑--手机/小灵通，填人刚才的手机号码和QQ密码，点解除绑定</t>
  </si>
  <si>
    <t xml:space="preserve">关于魔兽精灵插件的问题我怎么能在队伍旁的绿条调出怪的血（百分比显 </t>
  </si>
  <si>
    <t>有设置的  魔兽精灵调了那有点小问题 字重在一起！点ESC你就明白选那个设置了～！！</t>
  </si>
  <si>
    <t xml:space="preserve">不好意思，来问一个白痴问题：古筝和古琴有什么区别啊 </t>
  </si>
  <si>
    <t xml:space="preserve">古琴和古筝的区别，首先在外形上，很简单就是古琴它是7根弦，古筝的通用筝是21根弦，但也可以22根弦，23根弦，那随意，但是一般情况下各个院校主要运用的古筝和演出团体用的都是21根弦。筝13弦也有过，钢丝质。但是一般没有少于这个数的，在近代。进现代的古筝都是13弦以上，而古琴一直保留了7弦琴的这种特点，古琴因此也叫7弦琴，这是它的特点。 还有一个古筝有雁柱，像大雁长的形状，而古琴没有。古筝演奏过程中，由于有雁柱，所以它的各种辅调和支撑演奏成为可能，而且发音相对来说比较洪亮，而且它琴体比较宽大，表现力更丰富一些。但是并不是因此说古琴表现力不丰富，古琴也非常优秀，我们在学习中国过程中，任何人必须了解一点古琴文化，作为保留最完整一种传统音乐文化，古琴是最具代表性的。 古筝是一种具有优美音色和丰富表现力的繁弦弹拨乐器,外观呈扁长形，由框板、面板和底板构成。筝身为中空共鸣体，里面胶有音梁，表面呈拱形，底部开有两三个出音孔。琴的首尾都嵌有岳山，俗称前梁和后梁，前梁至弦柱间为有效弦长。使用由入字形的弦柱支起，柱在面板上可以活动，位置错落如雁行，以取得不同的音高。制作筝时，框板使用红木等质地坚实、木纹顺直的木材，面板和底板采用质地较松软、易于振动的梧桐木。除了木材外，弦也是筝的重要组成部分，与发音有密切关系。筝使用的琴弦有丝弦、钢丝弦和尼龙弦三种，它们的音色各不相同。 古琴是中国古代最古老的乐器之一，是中国最早的弹弦乐器，称为“国乐之父”。在古时文人心中视为高雅的代表，琴音悠远，高山流水知音流传至今。 古琴别称雅号：“琴”、“七弦琴”。 结构组成：型制多样，现今以“仲尼式”最为多见。一般分为琴体（即共鸣箱，由琴面、琴底和琴轸、雁足等部分组成）和琴弦系统（包括琴弦七根和岳山、龙龈、琴徽等部分）。 使用材质：琴身的琴面面板一般为桐木制，琴底板为梓木制。琴弦的质地以前多为丝制，现在多为金属制；琴徽多为贝壳或玉石制成。 乐器特色：是乐器家族中最古老的乐器之一，历史悠久，为中国最重要的传统民族乐器之一。属于弦乐器族内的弹拨弦鸣乐器，发音浑厚深沉，余音悠远，具有浓厚的中国民族特色。演奏技巧复杂，有滑奏、揉弦和泛音奏法等特殊技巧，表现力丰富。 古琴的音量较小，音区低沉，音色明净浑厚，风格古朴。在古代，我国文人雅士几乎家家都有古琴。孔子也是古琴的推崇者，他所教授的六艺“礼、乐、射、御、书、数”中，古琴是必修乐器，孔子是想通过古琴来陶冶人的情性。约公元前481年，孔子作琴曲《陬操》，以伤悼被赵简子杀害的两位贤大夫。现存琴曲《龟山操》、《获麟操》、《猗兰操》相传都是孔子的作品。 古琴整体是一扁长形音箱，长约130厘米，宽约20厘米，厚约5厘米。面板又称琴面，是一块长形木板，表面呈拱形，琴首一端开有穿弦孔，琴尾为椭圆形。底板又称琴底，形状与面板相同但不作拱形，是在整块木料下半部挖出琴的腹腔。底板开两个出音孔，称龙池、凤沼，腰中近边处设两个足孔，上安两足，称颂足。面、底板胶合成琴身，在琴首里面粘有舌形木板，构成与琴腹相隔的空间，叫作舌穴。面板背部设音梁，又称项实。琴腹中有两个音柱，称天柱和地柱。弦轴又称琴珍，多为圆形或瓜棱形，中空（穿弦用），琴弦由丝绒绳系住拴绕于琴轸上。琴弦用丝制缠弦。岳山镶嵌于面板首部，也开有穿弦孔。底板上有四个琴脚，琴首部两个叫凫掌，琴尾部两个叫焦尾下贴，起垫平琴身的作用。面板上嵌有十三个螺钿或玉石制作的徽，标记音位。古琴造型优美，常见的为伏羲式、仲尼式、连珠式、落霞式、月型式等。主要是依琴体的项、腰形制的不同而有所区分。琴漆有断纹，它是古琴年代久远的标志。由于长期演奏的振动和木质、漆底的不同，可形成多种断纹，如梅花断、牛毛断、蛇腹断、冰裂断、龟纹等。有断纹的琴，琴音透澈、外表美观，所以更为名贵。 </t>
  </si>
  <si>
    <t xml:space="preserve">请问福建临时身份证号与新身份证号是一样的吗？ </t>
  </si>
  <si>
    <t>身份证号码应该都是一样的，除非是新身份证开始办理清查时发现跟别人的重号或者是错号，就会和旧的身份证号码有区别，一般情况临时的号和本人的正式身份证都是一个号码。</t>
  </si>
  <si>
    <t xml:space="preserve">[新手必看]免费领取0级30级60级套装的方法 </t>
  </si>
  <si>
    <t xml:space="preserve">其实你应该知道的 因为新手都知道了 如果你还不知道 那么你仔细看下下面的吧 千万要看看注册时填写推广员号：SS101894可以领取到以下的蜀山奖励“奖励内容：0级可穿戴的金仙级装备一套 30级可穿戴的金仙级装备一套 60级可穿戴的装备一套 新手一定记得哦 下面内容可以不看 ： 新手都会选择剑仙或日神！ 剑仙练级挺痛苦的，低防御高攻击，技能有被打断放不出的，但剑仙往往是杀人最好。 日神练级最轻松，高防御，攻击一般，技能没有被打断。打BOSS抗着一流，任务里往往只有日神才能抗，其他职业也是靠组着日神来打。 加点的话，剑仙练级就加第一系，先加加致命或致残的天赋。PK的话，剑仙就加第三系，主加指法，再加致命或致残的天赋。 </t>
  </si>
  <si>
    <t xml:space="preserve">请问调节内分泌失调便秘长痘痘需要看哪一科？ </t>
  </si>
  <si>
    <t>内分泌失调会使人的机体出现各种不适变化，也会引发不少疾病。如何防止内分泌失调，中医针对内分泌治疗主要以中药调理为主，根据每个人的身体情况进行辩证施治，看其属于寒、风、暑、湿等外邪中的一般通过调理气血、化瘀散结进行中药调理。同时要养成良好的饮食习惯，多吃新鲜果蔬、高蛋白类的食物，多喝水，补充身体所需的水分，多参加各种运动锻炼，加强体质，还要有科学的生活规律，不要经常熬夜，以免破坏正常的生理规律，造成荷尔蒙的分泌失衡甚至不足，进而引发其他疾病，还要保证注意休息、充足睡眠。</t>
  </si>
  <si>
    <t xml:space="preserve">请问数学问题？甲追乙，开始追时甲与乙相距20米，甲跑了45米后， </t>
  </si>
  <si>
    <t>甲跑45米追近12米，因此还要跑30米才能再追近8米!因此答案是30米45/12*8=30</t>
  </si>
  <si>
    <t xml:space="preserve">出售帐号的问题你好！我出售诛仙帐号时，总是在审批后出现售]★此帐 </t>
  </si>
  <si>
    <t xml:space="preserve">尊敬的客户：    您好！5173回复客服02很高兴为您服务！    123的邮箱需要提供生日、邮箱密码提示问题答案才算资料正确，请您检查您是否提供了完成的资料。                                              </t>
  </si>
  <si>
    <t xml:space="preserve">38、39新手F是免费的吗？是不是到20及后能转到绿F？怎么转？? </t>
  </si>
  <si>
    <t xml:space="preserve">1. 在38、39新手服务器当玩家等级到达25级，可以至官网申请转换至44,45,46服中的一组服务器。玩家申请转服成功之后，系统将在最近的一次周四上午例行维护时，转移该玩家的申请角色至目标服务器。每个账号内最多只能转移一个角色。如果一个账号已在前面某一期新手学院转过角色，则此账号中角色亦不能再转服。  2. 玩家在官网申请转服时，如果目标服务器已经有同名玩家存在，系统将会提示输入新的角色名，角色名称必须符合天堂II的角色命名规范。申请转服之后请务必再次登陆转服页面确认是否转服申请成功。  3. 由于服务器免费，考虑到游戏平衡，25级以上(包括25级)30级以下(包括30级),转服后等级不变, 30级以上转服玩家转服后等级调整为30级。  4. 出于游戏平衡性的考虑，所有玩家转移到目标服务器后，玩家身上、个人仓库、血盟仓库、包裹系统的所有道具都将被删除。   5. 凡成功申请转绿色服务器的帐号（8月1日之后建立），只要该玩家在每周四转服维护之前冲值满500点，就可以得到相应的奖励：转44,45,46服可获增88万金币　另外，目前《天堂II》共有4种消费方式：500点转100小时、1000点转30天包月、800点转绿色服务器包月、点数消费。您只有选择了800点转绿色服务器包月和点数消费模式才能够在绿色服务器进行游戏，其他的消费方式无法进入绿色服务器，我们是无法为您修改消费方式的，请玩家在选择时慎重。  6. 转移至其他服务器后，角色将在目标服务器的村庄中开始游戏。该账号在新手服务器的原角色将被自动删除，其他角色保留。 </t>
  </si>
  <si>
    <t xml:space="preserve">小规模增值税问题想请叫大家,小规模企业开增值税普通发票,税金怎么 </t>
  </si>
  <si>
    <t xml:space="preserve">是借:现金50000 贷:主营业收入48543.68 应交税金-应交增值税1456.32 </t>
  </si>
  <si>
    <t xml:space="preserve">排列组合把5信封投入3个信箱，每个信箱至少有一信，共有几种分法？ </t>
  </si>
  <si>
    <t>【只是评论】当用“组合方法”解答“平均分组”问题时，诸如C&lt;6,2&gt;*C&lt;4,2&gt;*C&lt;2,2&gt;中已经包含各种排序，不必再乘“全排列3!”；换个角度，“平均分堆”得除以“全排列3!”。【zoe8731[学妹]解法】其第二部分已经考虑到了，但第一部分因少乘C&lt;2,1&gt;，所以不用再除以“ 2！”。正确结果是：C&lt;5,3&gt;*C&lt;3,1&gt;*C&lt;2,1&gt; + C&lt;5,1&gt;*C&lt;3,1&gt;*C&lt;4,2&gt;= 60 + 90 = 150 (种)【3119638yzl[学长]解法】他的解法二甚好！还应减去(0,2,3)的60种。这样，正确答案是243 -33 -60 = 150 (种)排列组合问题，因为不易验证，所以，尽可能多角度分析计算，相互印证。</t>
  </si>
  <si>
    <t xml:space="preserve">捷达经典的原因是什么？看着满大街的捷达，纳闷为什么捷达这么多年一 </t>
  </si>
  <si>
    <t>省油，维修方便，保养便宜！即便是1.6和1.6的发动机区别也是很大的有的百公里要10个油但是捷达一般冬天开着暖风7个以内！随便找个修车的地方就能给捷达维修，零件便宜而且基本上中小城市就可以足不出户维修！保养价格低，润滑油品味较低换三滤也便宜，从每个环节省下来的钱至少要比同级别其它车型一年省2000块钱！如果仅仅是作为家庭车捷达完全满足我们的需要！最后就是速度快啊，捷达轻松踩到160！</t>
  </si>
  <si>
    <t xml:space="preserve">达人积分怎么算 </t>
  </si>
  <si>
    <t>积分统计规则： 1、达人积分，除登录积分需与第二天统计外，其余积分实时获得/扣除。 2、达人扣分规则：加分与减分均单独统计。如8月15日，用户有以下行为：</t>
  </si>
  <si>
    <t xml:space="preserve">所有疾病的产生都是因为我们自身的体质不足免疫力下降所致?所有疾病 </t>
  </si>
  <si>
    <t>对，完全符合中国传统医学观点！</t>
  </si>
  <si>
    <t xml:space="preserve">贞观长歌何时继续播出? </t>
  </si>
  <si>
    <t>3月底左右吧</t>
  </si>
  <si>
    <t xml:space="preserve">如何赚钱我用了一个月时间从打火鸡肉赚钱起家到现在赚了将近4000 </t>
  </si>
  <si>
    <t>已经很不错了啊~</t>
  </si>
  <si>
    <t xml:space="preserve">我女儿33个月了，今天4月份去的，去了3天就感冒，后在家休息，现? </t>
  </si>
  <si>
    <t>哇  性格和我一样  小孩子会怕生很正常的，没办法的，要锻炼她的社交能力，小时候就要培养的，时间长了就会适应的，要哄他，交朋友</t>
  </si>
  <si>
    <t xml:space="preserve">树为什么会有树胶?为什么树胶有黏性？ </t>
  </si>
  <si>
    <t>树胶是植物体的裂口或破伤处所分泌出的一种保护性的稠厚液体，在空气中逐渐干燥，形成无定形、质脆、透明或半透明的固体，遇水能膨胀或胶溶成粘稠状的胶体溶液，在乙醇或大多数有机溶剂中均不溶解，如在其水溶液中加入乙醇即可产生白色无定形沉淀。树胶的分子中均含有D一半乳糖酸酸或D—葡萄糖酸酸，其驻基多与钠、钾、镁结合成盐。此外还至少有以下五种糖中的任何两种：D—半乳糖、L—阿拉伯糖、L—鼠李糖、D—甘露糖和D—木质糖。树胶在医药工业中常用作乳化剂、混是剂，常用的有阿拉伯胶、西黄茂胶等。</t>
  </si>
  <si>
    <t xml:space="preserve">电脑风扇问题戴尔笔记本风扇声音好大。。。正常吗？？？但是散热非常 </t>
  </si>
  <si>
    <t xml:space="preserve">风扇缺油了，关闭电源后，将风扇卸下来（注意不要卸散热片，如果卸下，再上时要涂上硅脂胶），除尘，揭开塑料油封，在辊轴上，上少许防冻润滑油或缝纫机油，封好，再按原样上好；风扇磨损严重，换新风扇。 </t>
  </si>
  <si>
    <t xml:space="preserve">介绍一下JuanMata皇马的。在YouTube看了他的视频，似 </t>
  </si>
  <si>
    <t>皇马希望之星介绍:Juan Manuel Mata Garcia(马塔)   姓名:Juan Manuel Mata Garcia(马塔) 出生地:Burgos 生日:1988.4.28 身高:170cm 体重:61kg 位置:二前锋/左边前卫 -------------------- 典型的非常有灵气的前锋,,配合意识,做球能力极强,传出令人叫绝的身后球是家常便饭,, ,跑位,护球,射门样样都不弱,,动作灵活,,又兼是左脚,因此在马德里被人称做"新Raul",, 今年随西班牙U-19获得欧青赛冠军,自己打进4球助攻6球,毫无疑问是全队最亮眼的人物.目 前已经从RM四队(青年一队)直接上调RM二队,并在此前的比赛中都担当主力,如果新赛季在 西乙和U-20世青赛能有更出色表现的话,进入一队是迟早的事. 官网Mata专访(2006.8.28.打进西乙第一球后): 最喜欢的俱乐部: 皇马 进过的最漂亮一球: 代表RM C队对阵马赛青年队时所进的球 爱好:多项运动(黑线...),看电影,听音乐 梦想:代表皇马一线队在伯纳乌登场 偶像:在一线队踢球的队员,比如Raul,Guti,但总的来说没有什么特别的偶像.. 生活目标: 永远不会做出伤害别人的事情(果然好孩子啊...) 最怀念的城市:Oviedo(奥维多) 最喜欢的电影:“El último Samurai” 和 “Atrápame si puedes”. 最喜欢的室友:上赛季和Bueno(果然有JQ..)以及更早和Mosquera都挺不错的. 最大愿望:成为杰出的足球运动员. 原文:  ~和Javi Garcia一起被UEFA官网评为06年U-19十大新星     Juan Mata (Spain)The Madrid forward began the tournament in perfect fashion with a scintillating hat-trick in Spain's 5-3 win against Turkey on the opening day, and continued in the same vein by setting up further goals against Scotland in the group stage and Austria in the semi-finals, also finding the net in the latter encounter. A lively and creative striker.</t>
  </si>
  <si>
    <t xml:space="preserve">如何在博客设置在"免费在线订单系统"?[急]1.请问各位高手，如 </t>
  </si>
  <si>
    <t>有一个变通的办法，在其它地方做好“免费在线订单系统”，到新浪首页做一个链接，也能使更多人用上这个系统。</t>
  </si>
  <si>
    <t xml:space="preserve">转帐我想从股票帐上转钱转到农行```不知道是要下什么软件还是要到 </t>
  </si>
  <si>
    <t>你要是采用证券公司柜台交易就是到证券公司去转；你如采用电话委托交易就用电话可以转的；你要是采用网上交易的，就在你网上交易系统可以转的，交易软件就可以转。</t>
  </si>
  <si>
    <t xml:space="preserve">是否可以向银行贷款购买家人的房子家里有一套房子想挂牌卖掉，可是我 </t>
  </si>
  <si>
    <t>这要看您和房主是什么关系了，如果户口在同一个户口本上肯定不行，而且现住址也不可以和所出售房是同一所房子，如果这两条您涉及不到就可以购买了。而且只要这套房是合法可上市交易的房屋，用公积金当然也可以购买喽。</t>
  </si>
  <si>
    <t xml:space="preserve">我最近想好好学电脑的网络应用，应该怎么做？我有比较基础的电脑知识 </t>
  </si>
  <si>
    <t>学习如何组网,IP网段的设置和基础知识..........有空可以讨论一下,请看我的个人信息</t>
  </si>
  <si>
    <t xml:space="preserve">55副本怎么穿墙啊？谁能告诉我55副本怎么穿墙吗？谢谢啊！ </t>
  </si>
  <si>
    <t>以前的游戏BUG，现在已经修复了不能穿墙了。</t>
  </si>
  <si>
    <t xml:space="preserve">20?的武士怎么?N?快啊我是??20?的小武士，我想?N倒很高 </t>
  </si>
  <si>
    <t>你可以去就公主，就一次315元宝，你可以马上到40级。要不就去炼狱。不想花钱，不用外挂那就只能长时间的打怪声级了，战士省级本来就慢一点，所以要有耐心。你现在最适合到假将军坟去打。其他的地方暂时不适合你去</t>
  </si>
  <si>
    <t>高手帮忙</t>
  </si>
  <si>
    <t>　未来のロボットは、どんなようになるだろう。以前、ほとんどの人が二足?i行ロボットを作成したとは思わなかったが、現在、ロボットたちは普通に?iけるではなく、階段に上ったり、下がったり、ダンスをしたりすることもできるようになった。さらに、人間と同??な皮膚を持ち、人間と??gなコミュニケーションもできているというのだ。科学技術の発展に伴って、ロボットはどんなようになっていくだろう。　たぶん、将来にあるロボットたちは私たちと同じように、考えたり、笑ったり、泣いたり、などをするし。さまざまな領域において、人間の?浃铯辘宋ｊ?作?Iをやってくれるのだろう。人間より、??れたプロ知識をつかって、任部をもっとうまく完成させるだろう。。。自己觉得翻译的不太好，但是因该没有错。两条腿走路的机器人  二足?i行ロボット。。。希望能帮上您。。</t>
  </si>
  <si>
    <t xml:space="preserve">宝宝天天洗澡好吗? </t>
  </si>
  <si>
    <t>有条件的最好一天洗一次，因为宝宝的内分泌较快。炎热的夏天可两次，冬天如天气太冷或宝宝皮肤容易干燥可两三天洗一次，注意水温不能太高，和适当控制时间。</t>
  </si>
  <si>
    <t xml:space="preserve">温州大学学前教育难不难考，给点简介 </t>
  </si>
  <si>
    <t>学前教育学院成立于2001年1月，其前身是成立于1984年的温州幼儿师范学校，是浙南唯一一所以培养学前教师的学院。学院现有全日制班级21个，其中3+2五年制12个班，三、二分段两年制7个班，大专高职2个班，全日制在校生913名；韩国留学生2人，日本留学生1人。十几年来，学院为全省培养了2000余名合格的学前教师，在职教师的学历函授教育学员1000余名，是浙江省教育厅授予的幼儿园园长培训基地，从1998年开始，共举办七期园长岗位培训，受训学员700多人次。并设有省级示范性附属幼儿园一所</t>
  </si>
  <si>
    <t xml:space="preserve">体育的目的是增进人的健康对吗 </t>
  </si>
  <si>
    <t>文明其精神，野蛮其体魄。</t>
  </si>
  <si>
    <t xml:space="preserve">地板好脏用什么方法可以保持地板干净呢？ </t>
  </si>
  <si>
    <t>保养 1.防污垢 每隔两三个月，可以在地板上打一次地板蜡。打蜡之前，应先除尘支垢，然后再用一块干净的不掉毛的细软抹布蘸上蜡，从木地板的一边边缘开始，依次在板面上做环状擦抹。待均匀擦抹一遍后，再用原抹布（不再蘸蜡）从原擦抹的边缘部起，按前述方案依次擦抹一遍。打过蜡的地板面，不但洁净这泽、焕然一新，而且还可以起到保护漆膜、延缓老化的作用。 2.上漆 使用三、五年后，可用原油漆地板的同种油漆，将地板重新油漆一遍。油漆前除了除尘去垢外，还应用细一点的水磨砂纸，蘸点温水，将板面轻轻打磨一遍，磨去其上残留的油污，并磨去上一次油漆时留有的小漆粒。打磨后用干净的抹布揩擦干净，便可涂刷油漆了。这样油漆后的地板，会更加平滑、更加洁净、更加亮泽。 复合木地板的日常清理十分简单,只需用吸尘器吸尘,用半湿布、拖把擦抹即可,注意拖把不能太湿,应拧干后使用。复合木地板的表面有一层非常薄的结晶三氧化二铝耐磨层,耐磨层破坏就会造成地板的损坏, 因此,如复合木地板不小心被指甲油、墨水、酒等污染,应立即用指甲油清除剂等清洗剂擦洗干净,使用中切勿用砂纸打磨,慎用清洗剂等物质,不要打蜡、刷漆,以防止破坏表面耐磨层。 如果部分复合木地板破损,需要更新时,将破损部分拆除,按照安装程序重新安装,应注意新老板子交接部分的处理,旧板子棒部的胶粘剂应清除干净。 软木地板的维护保养 1、软木地板的保养比其他木地板更简便，在使用过程中，最好避免将砂粒带入室内，有个别砂粒带入，也不会磨损地板。因为砂粒被带入后即被压入脚下弹性层中，当脚步离开时，又会被弹出。当然这里要提醒，不宜带入太脏太多的砂粒，这样仍会产生流动磨损，因此，带入室内的砂粒应及时清除，一般不需要配备吸尘器，也不用担心受潮会翘曲、霉变等现象。 2、使用三、五年后若个别处有磨损，可以局部采用弥补，即在局部处重新添上涂层，其方法很简单，在磨损处轻轻用砂纸打磨，清除其面上的垢物，然后再用干软布轻轻擦拭干净，重新涂制涂层，或在局部处覆贴聚酯薄膜。 3、对于表面刷漆的软木地板其保养同实木地板一样，一般半年打一次地板蜡就可以了。表面有树脂耐磨层的软木地板同复合地板的护理一样简单。</t>
  </si>
  <si>
    <t xml:space="preserve">怎么才可以知道我的电脑主板型号?我电脑的主板是微星的,但是什么型 </t>
  </si>
  <si>
    <t>点击我的名字进入我的个人中心，在共享资料第三页中找到everest，这是一个硬件检测软件，可以检测你的主板是什么型号的</t>
  </si>
  <si>
    <t xml:space="preserve">各位帮帮忙哈最近我上WC``大的``擦的时候发现有血丝````请 </t>
  </si>
  <si>
    <t>可能是上火了 呵呵买点金银花泡水喝吧祝你早日康复。。。。</t>
  </si>
  <si>
    <t xml:space="preserve">我和老公相差6岁，他总是把我当成一个小孩看，结婚快半年了，但我们? </t>
  </si>
  <si>
    <t>试着去试应吧,离开他你会后悔的.</t>
  </si>
  <si>
    <t xml:space="preserve">如果我爱上你了，你还会跟我做朋友吗？这话什么意思 </t>
  </si>
  <si>
    <t>如果有人对你说这句话，那么，congratulations！这是ta在向你表白。向对方明确表示求爱。</t>
  </si>
  <si>
    <t xml:space="preserve">网页方面当另存一html文件是，会跟随一个文件夹。而当再移动ht </t>
  </si>
  <si>
    <t>保存html时，会同时保存一个和html页同名的文件夹，该文件夹保存网页上的图片、JS文件、CSS文件等。你可以把html和同名的文件夹堪称是一体的，因为无论复制、粘贴、删除时他们都是一起被操作的。</t>
  </si>
  <si>
    <t xml:space="preserve">天人合一,高手回答下天人合一时装可以吗,骑宠可以吗?都什么可以, </t>
  </si>
  <si>
    <t>时装可以  但是骑宠不能天人   只要帐户里面有 金  可以从乾坤袋里面买2金一个天人合一伏</t>
  </si>
  <si>
    <t xml:space="preserve">我家宝宝五个月，宝宝由于咳嗽得了喘息性支气管炎，先做了三天雾化，? </t>
  </si>
  <si>
    <t>药物确实有点多，可以继续雾化，消炎药，小儿定喘口服液。</t>
  </si>
  <si>
    <t xml:space="preserve">魔龙教主多少时间刷一次昨天在魔龙血域转了3个小时，就是没找到魔龙 </t>
  </si>
  <si>
    <t>晕6个小时啊。6小时刷1次，知道了不兄弟</t>
  </si>
  <si>
    <t xml:space="preserve">美术培训画室哪个好想考国美，价钱不要太高，保证过关的画室有哪个 </t>
  </si>
  <si>
    <t xml:space="preserve">中国美术学院旁，杭州零度画室收费相对比较低，每年的通过率都在%95以上，可以签过关合同，老师有国美老师，还有国美毕业生组成，具体的可以看看他们的网站， </t>
  </si>
  <si>
    <t xml:space="preserve">请问魔兽争霸的电影文件"xxx.mpq"用什么软件播放啊?谢谢各? </t>
  </si>
  <si>
    <t xml:space="preserve">刚刚没有试试，只是记得以前就是那么放的~~刚刚测试了一下当你用Windows Media Player9.0（最好是新装的）打开的时候，有提示说不能识别点上不再提示该扩展名，选是。。OK我楼下的楼下的楼下，他说“MPQ是资料信息文件。”说的也没有什么不对的~~其实MPQ是暴雪在魔兽争霸跟魔兽世界中采取的一种压缩格式或存储格式，楼主大人说的是在Movies文件夹中的那些MPQ文件，在魔兽之中MPQ文件随处可见。。。“此MPQ非彼MPQ”PS：Windows Media Player9.0: </t>
  </si>
  <si>
    <t xml:space="preserve">福州女性人流术后要注意哪些？ </t>
  </si>
  <si>
    <t>女性人流术后卵巢和子宫功能逐渐恢复，卵巢按期排卵，要注意避孕，如果不坚持做到避孕，很快又会怀孕，短时间内多次人流对女性的身体伤害很大。术后若过早同房，还易造成急性子宫内膜炎、盆腔炎，还可继发不孕。应卧床休息2—3天，以后可下床活动，逐渐增加活动时间补充蛋白质、维生素等一些营养，避免食用寒性食物</t>
  </si>
  <si>
    <t xml:space="preserve">初恋时不懂爱情，伤害了他，想对他说抱歉。 </t>
  </si>
  <si>
    <t>错了就错了.以前的事现在还说什么</t>
  </si>
  <si>
    <t xml:space="preserve">杨丽萍的“早鸟票”值得购买吗？ </t>
  </si>
  <si>
    <t>当然值啦！这个看国际演出单场演出低至 48元，四场来自不同国家的国际演出套票低至 560元，最高可省下1000元。</t>
  </si>
  <si>
    <t xml:space="preserve">有的青年人特别怕冷是什么原因。 </t>
  </si>
  <si>
    <t>心理问题，人的潜能是巨大的，不是身体冷，是心里冷。</t>
  </si>
  <si>
    <t xml:space="preserve">开了防火墙就不能登陆？是forti是ＦＯＲＴＩ　ＣＬＩＥＮＴ怎么 </t>
  </si>
  <si>
    <t xml:space="preserve">Fortinet FortiClient 3.0.395 本身含防火墙你是另外安装了防火墙所以 Fortinet FortiClient 不能登陆？还是安装了Fortinet FortiClient 的防火墙不能登陆WINDOWS ？还是……看不明白你的问题？Fortinet FortiClient 使用方法这里有： </t>
  </si>
  <si>
    <t xml:space="preserve">拜仁怎么昨天没有比赛? </t>
  </si>
  <si>
    <t>拜仁的比赛是昨天凌晨比的,3:1胜了门兴格拉德巴赫</t>
  </si>
  <si>
    <t xml:space="preserve">幽友,搞笑吗 </t>
  </si>
  <si>
    <t>嘿.很搞笑啊.........</t>
  </si>
  <si>
    <t xml:space="preserve">腋下淋巴结肿大，疼痛，低热，咳嗽右腋下多个大小不等淋巴结肿大，疼 </t>
  </si>
  <si>
    <t>我考虑是否患有“血行播散性肺结核”，又称“粟粒性肺结核”。建议去三级医院呼吸内科就诊，查血象，作胸部X线片检查，明确诊断，必要时住院治疗。你已经做了胸部X线检查，排除了肺部疾患，血化验是病毒感染，但如此多的淋巴结，用湿疹伴感染难以解释，还是等待活检吧！</t>
  </si>
  <si>
    <t xml:space="preserve">请介绍一下湘江战役 </t>
  </si>
  <si>
    <t xml:space="preserve">湘江战役        ――长征中最惨烈的一仗   　　1934年11月中旬，突围的中央红军跨越敌军的三道封锁线，进入湘南的嘉禾、兰山、临武地区。这时，蒋介石真正搞清了红军战略转移的目的地。他任命湘军头目何健为“追剿军”总司令，调动湘军和桂军，在零陵至兴安之间近300里的湘江两岸配置重兵，构筑碉堡，设置了第四道封锁线。蒋介石则亲率国民党中央军周浑元部及部分湘军在后面追击。此时的蒋介石踌躇满志，得意洋洋，以为定能将红军全歼于湘江、潇水之间了。　　11月20日，白崇禧见红军的一支部队占领了湘南的江华，又向广西恭城奔来，白崇禧同粤军和湘军一样，不愿同红军硬打而消耗实力，以防红军进入本省或被蒋介石吞掉，就借口兵力不够及防止红军南进广西，在11月21日忽然从兴安、全州、灌阳撤兵，使湘桂军阀联合防守的湘江防线出现了一个缺口。何键为求自保，也不尽快派兵南移接防，致使这130里防线无兵防守达7天之久。　　顺利通过第四道封锁线的机会到来了。可惜，红军未能抓住这一良机。　　11月25日，中革军委才下达抢渡湘江的命令。红1军团先头部队于11月27日赶到界首，未经战斗就占领了这一渡口，很快控制了界首以北60华里的湘江两岸。这时军委纵队也到达了离渡口不到80公里的灌阳以北的桂岩地区。　　剩下的问题就是争取时间。十万火急的命令一道接一道。遗感的是，中央军委纵队就是加快不了行军的速度。11月26日，走了8公里；27日，只走了6公里；28日，走了28公里；29日，走了32公里。足足4天，才走到湘江岸边。最高三人团是想将中央苏区整个地搬到湘西去。临突围前，雇了几千名挑夫，绑了三千多副挑子，兵工厂拆迁一空，工厂都卸走机器，凡是能够搬走的值钱的东西都装在骡子和驴子的背上带走，组成了庞大的启方运输队。需要七、八个人抬的石印机，需要十几个人抬的大炮底盘，也舍不得丢下。在山间羊肠小道上行走，这样的队伍怎么能加快行军速度呢？　　11月29日，湘军和桂军蜂拥而来，敌人向正在渡江的红军发起了进攻。两岸的红军战士，为掩护党中央安全过江，与优势的敌军展开了殊死决战。红军的阻击阵地上，炮弹和重磅炸弹的爆炸声不绝于耳，许多来不及构筑工事的战士们被震昏了，耳鼻出血。装备单一的红军要用血肉之躯抵挡敌人飞机和重炮的狂轰滥炸，战斗的残酷可想而知。但“保卫中央纵队安全渡江”的口号仍响彻在阵地上空。　　12月1日，战斗达到了白热化程度，敌人对我发动了全线进攻，企图夺回渡口，歼我于半渡中。这是生死存亡的一战，是意志的较量。狭路相逢勇者胜。红军将士硬是用刺刀、手榴弹打垮了敌军整连、整营的一次次进攻，湘江两岸洒下了无数红军将士的鲜血，渡口始终牢牢地掌握在红军手中。至当日17时，中央机关和红军大部队终于拼死渡过了湘江。　　湘江战役是中央红军突围以来最壮烈、最关键的一仗，我军与优势之敌苦战，终于撕开了敌重兵设防的封锁线，粉碎了蒋介石围歼红军于湘江以东的企图。　　红军虽然突破了第四道封锁线，但付出了巨大的代价。5军团和在长征前夕成立的少共国际师损失过半，8军团损失更为惨重，34师被敌人重重包围，全体指战员浴血奋战，直到弹尽粮绝，绝大部分同志壮烈牺牲。渡过湘江后，中央红军和军委两纵队，已由出发时的8.6万人锐减到3万人。　　湘江一战，是红军有史以来最大的一次惨败。血的事实，宣告了“左”倾教条主义路线的彻底破产，使广大红军指战员对王明路线的怀疑、不满以及积极要求改变领导的情绪，达到了顶点。　　 </t>
  </si>
  <si>
    <t xml:space="preserve">谁来买单？？单独和男生吃饭时　　　女生用抢着付钱吗还是．．． </t>
  </si>
  <si>
    <t>既然你们单独吃饭，你们至少该有一定的了解，吃饭是怎么约定的，没有一个说法吗？如果是普通朋友，一次两次一般有男人买单就可以，如果次数多了，就应该是AA制。如果是男女朋友，应该有男人买单。</t>
  </si>
  <si>
    <t xml:space="preserve">期货盘面中指向右侧的白色箭头是什么？ </t>
  </si>
  <si>
    <t xml:space="preserve">成交手数后的箭头有三类：向上（红色）：以挂出的卖单价格成交；向下（绿色）：以挂出的买单价格成交；向右（白色）：以尚未挂出的买单或卖单成交，成交价等于上一成交价，这在某一价位的买单（卖单）成交完后，该价位同时有买单和卖单要挂出，于是在空中即成交了。 </t>
  </si>
  <si>
    <t xml:space="preserve">国殇什么意思地震新闻里面看到国殇这个名词,它是什么意思? </t>
  </si>
  <si>
    <t>殇(1)殇shāng(2)(形声。从?x(è),伤省声。“?x”是剔肉剩下的,与“死”有关。本义:未成年而死)(3)同本义。亦称“殇折”、“殇夭” [die young]殇,不成人也。――《说文》年十九至十六为长殇,十五至十二为中殇,十一至八岁为下殇,不满八岁以下为无服之殇。――《仪礼·丧服传》未家短折曰殇。――《周礼·谥法》固知一死生为虚诞,齐彭殇为亡作。――晋·王羲之《兰亭集序》(4)又如:殇折,殇夭(夭折)(5)横死,非正常死亡 [die a violent death]。如:殇亡(横死)殇(1)殇shāng(2)未成年而死的人。亦称“殇子” [die-young person]病变而药不变,向之寿民,今为殇子矣。――《吕氏春秋·察今》(3)又如:殇服(古代为殇亡者居丧的服制);殇宫(殇者的灵魂)(4)死在外面的人;战死者 [the dead in a battle]无主之鬼谓之殇。――《小尔雅》禁迁葬者与嫁殇者。――《周礼·媒氏》。注:“谓嫁死人也。今时娶会是也。”投躯报明主,身死为国殇。――鲍照《代出自蓟北门行》(5)又如:国殇(为国牺牲死于战场的人)殇（殇）shāng　ㄕㄤˉ(1)未成年而死：幼子早～。(2)为国战死者：国～。～魂。郑码：ARYO，U：6B87，GBK：E9E4笔画数：9，部首：歹，笔顺编号：135431533die young；殇：现意为悲伤，因人死或者大灾难而感到的悲伤国殇：现意为国家的悲伤，为2008年5.12的汶川大地震</t>
  </si>
  <si>
    <t xml:space="preserve">本期三大冷门斯托克城3特内里费3巴萨1 </t>
  </si>
  <si>
    <t>一楼的给我报吗?我这样买的</t>
  </si>
  <si>
    <t>0.8ATSPRK市区使用油耗过高（6.5</t>
  </si>
  <si>
    <t>那车本来就费油当时他们是骗你的让他们赔偿</t>
  </si>
  <si>
    <t xml:space="preserve">摘抄&lt;&lt;威尼斯商人&gt;&gt;摘抄5句&amp;lt;&amp;lt;威尼斯商人&amp;gt; </t>
  </si>
  <si>
    <t>上网找就有了</t>
  </si>
  <si>
    <t xml:space="preserve">瘦脸针打完之后效果真的好吗？ </t>
  </si>
  <si>
    <t>瘦脸针效果很好的，瘦脸针使用的肉毒素是一种纯化的蛋白质，注射后会影响神经与肌肉间的传导，让神经无法对肌肉传达收缩指令，使得肌肉放松后达到皮肤紧实的效果。瘦脸针使用剂量仅仅是较大安全剂量的百分之一，确保安全。瘦脸针时间短、见效快速，每次注射仅需10分钟，一周后即可明显见效，个别人群更是3天就能瘦下来。瘦脸针不开刀、不手术、随做随走，无须恢复期，瘦脸后效果自然，美观。瘦脸针注射过程简单，操作方便，只有细微蚊叮感，无需麻醉。瘦脸针注射后不用做按摩或其他特殊护理，不影响正常生活、工作。注射瘦脸针无创伤、无痕迹、瓜子脸悄然形成。注射瘦脸针在十天左右的时间就可以瘦脸，而且手术不需要动刀，很安心，瘦脸针可以进行多次注射，而且不会反弹，是理想的瘦脸方法。效果很好，注射瘦脸针不开刀、不手术，瘦脸后曲线柔和、效果自然。手术微创、无痕迹。效果可以快速显现，注射瘦脸针是一种非手术的瘦脸方法，是能较快达到的瘦脸的方法，很快就可以完成。注射瘦脸针的过程是进行手术的医师在脸部肥胖的咬肌的部位，选择注射的点，然后定好注射的量，最后进行注射就可以了。注射瘦脸针在十天左右的时间就可以瘦脸，而且手术不需要动刀，很安心，瘦脸针可以进行多次注射，而且不会反弹，是理想的瘦脸方法。效果很好，身边还是有很多人打的。</t>
  </si>
  <si>
    <t xml:space="preserve">晒小单! </t>
  </si>
  <si>
    <t>01 亚特兰(10)--恩波利(18---------31 02 卡利亚(20)--都　灵(13)--------03 佛罗伦(04)--热那亚(09)-------- 04 国　米(01)--巴勒莫(08)-------- 05 尤　文(03)--那不勒(12)--------06 利沃诺(16)--帕尔马(17)--------07 雷吉纳(19)--锡耶纳(14)--------31 08 桑普多(07)--卡塔尼(15)--------31 09 阿尔梅(08)--巴　萨(02)--------0 10 马竞技(05)--莱万特(20)--------3 11 瓦拉多(18)--奥萨苏(14)--------3 12 赫塔菲(09)--桑坦德(06)--------3013 西班牙(07)--马洛卡(11)--------31 14 维拉利(03)--萨拉戈(15)--------31</t>
  </si>
  <si>
    <t xml:space="preserve">拆除非承重墙会不会影响到楼下住户刚入手的房子。想在装修时拆除一面 </t>
  </si>
  <si>
    <t>朋友你好：装修房屋是个学问你是个比较仔细的人啊能考虑到邻居的感受预祝你装修愉快作为建筑行业高级工程师给你以下的建议希望对你有所帮助1.隔墙分承重墙和非承重墙非承重墙可以考虑拆除承重墙坚决不可以动即使是非承重墙也分几种形式凡是未加钢筋加固的理论上都可以直接拆除2.楼上及楼下的邻居是否已经装修完毕？如果没有那你的拆除行为可以正常进行除了震动因素影响耳朵可以排除影响建筑结构的因素因为所谓轻质隔墙就是填充墙只是分割使用区域的不起承重作用3.你所描述的比较厚的隔墙应该是轻质砖墙大多以陶粒砖砌成拆除初时最好使用专用小型切割机这样对楼下和楼上的邻居影响可以降到最低4.轻质隔墙的拆除在管理角度是需要报给物业管理部门的但并不代表他有权力阻止你拆除但前提一定是可以拆除的轻质隔墙祝你乔迁快乐！</t>
  </si>
  <si>
    <t xml:space="preserve">求好看的动漫，有哪些？ </t>
  </si>
  <si>
    <t>意为“契约”、“王之力”。其拥有者可以使用作用于精神层面的超能力。进击的巨人 妖精的尾巴 疯狂原始人</t>
  </si>
  <si>
    <t xml:space="preserve">火车票上说的两日内有效是什么意思？我可以推迟一天乘坐么？ </t>
  </si>
  <si>
    <t>上说的两日内有效是指你按票面指定的日期、车次乘车两日内（包括乘车的当日）到达目的站有效（有效终了日的24时前），你可以推迟一天乘坐，但必须在票面上指定乘车日的列车开车前办理车票改签手续，才能推迟一天乘坐。铁路旅客运输规程第二十五条 车票的有效期间按下列规定计算：1.客票的有效期按乘车里程计算：500千米以内为两日，超过50千米时，每增加1000千米增加一日，不足1000千米的尾数也按一日计算。2.卧铺票按指定的乘车日期和车次使用有效，其它附加票随同客票使用有效。3.动车组列车车票当日当次车有效，在铁路运输企业管内运行距离不超过200公里的动车组列车车票有效期由企业自定。4.各种车票的有效期从指定乘车日起至有效期最后一日的２４时止计算。5.车票改签后，有效期自改签后实际乘车日起计算。6．其他票种按票面规定的时间或要求使用有效。第三十四条  旅客不能按票面指定的日期车次乘车时，在列车有能力的前提下可以办理一次提前或改晚乘车签证手续。办理改晚乘车签证手续最晚不超过开车后2小时，团体旅客必须在开车48小时以前办理。愿票已托运行李的，在改签后的新票背面注明“原票已托运行李”字样并加盖站名戳记。    动车组列车车票办理改晚乘车手续时，推迟乘车的时间应当在车站售票的预售期内。</t>
  </si>
  <si>
    <t xml:space="preserve">宝宝奶藓宝宝有奶藓这个能痊愈吗？ </t>
  </si>
  <si>
    <t>1、用药　　(1)0．2%苯海拉明糖浆1-2毫克/公斤体重/日分3-4次口服。或用扑尔敏0.35毫克/公斤体重/日,分3-4次口服。 　　(2)糜烂渗出者可外用3%硼酸溶液湿敷再外搽氧化锌油，渗液减少时外涂硼锌糊，每天2-3次 　　(3)干燥型者可外搽2-5%黑豆馏油或煤焦油软膏或涂可的，每日2-3次。2、中药及偏方　　(1)黄柏面30克寒水石面15克，青黛面3克，以香油调涂患处渗液多的调稠些，渗液少的调稀些，每日搽2次 　　(2)黄连30克枯矾15克，共研细末加凡士林适量，配成软膏外涂患处3、营养和饮食　　饮食要定时定量最好吃母乳，如吃牛奶要多喝水，少加糖煮沸时间可稍长些。随着年龄的增长可给予多种维生素食物，不可吃的过饱如有便秘可给服蜂蜜或调换饮食。如有消化不良，应及时治疗4、日常护理　　婴儿湿疹皮损勿用水洗，严禁用肥皂水或热水烫洗，可用植物油擦干净且勿用刺激性强的药物。 　　婴儿睡前应将其两手加以适当约束，以防抓伤，引起皮损泛发 　　衣着应宽大，清洁，以棉织品为好婴儿尿布应勤换洗。 　　特别需要注意的是，激素类软膏若用于面部或大面积长期应用可产生副作用。婴儿皮肤比较嫩，用药不当往往加重病情因此，应在医师指导下用药。编辑本段护理与预防　　1、 乳母及患儿忌食鱼腥、海味、辛辣、鸡、鹅、牛、羊等发物。 　　2、 忌用热水或肥皂洗涤，如结痂较厚，先用植物油湿润，然后轻轻擦去。 　　3、 患儿不易穿化纤或毛织衣，且不宜过厚。 　　4、 忌用刺激性过强的外用药物。 　　5、 不宜接种牛痘。 　　消化不良会加重奶癣 　　一岁以内吃奶的婴儿常常患有“奶癣”，医学上称为婴儿湿疹。有些父母认为既然奶癣与吃奶有关，就采取提前断奶的办法。结果，不仅湿疹照样发，而且婴儿因为得不到母奶或牛奶喂养，极易发生营养不良，抵抗力下降，经常得病的现象。那么，怎样喂养有奶癣的婴儿呢? 　　引起奶癣的原因很多，主要是婴儿的过敏性体质所致，也有认为与母亲在怀孕期间饮食单调有关。一般说，奶癣是在婴儿出生2～3个月时开始发病，有的在面颊、前额、头颈，严重的可蔓延到躯干、四肢和臀部，有时还可继发细菌感染。痒是婴儿患奶癣时的主要症状。婴儿患奶癣，年轻的父母不要过于着急。如果婴儿是用母乳喂养的，母亲应多吃些蔬菜、水果、豆制品和肉类的食物，少吃鱼、虾、蟹等水产品。如果婴儿是用牛奶喂哺的，可适当延长牛奶的烧煮时间，以利蛋白质变性，减轻致敏作用，也可改用羊奶或市售的多维乳儿粉喂哺婴儿。不论是采用哪种喂养法，都应注意不要给婴儿喂得过饱，因为消化不良会使奶癣加重。 　　患湿疹的孩子在护理上更应重视一些。洗脸洗身都应用温开水清洗，少接触肥皂，以免婴儿皮肤受到肥皂的碱性刺激，必要时可用淡盐水浸泡纱布敷在湿疹处止痒。婴儿的衣服要宽大，经常更换，保持清洁，避免细菌感染。衣服和被褥均应选用全棉布制作，忌用化纤或毛织品，避免接触鸭绒等容易引起过敏的物品。患奶癣较严重的婴儿，应禁止接种多种疫苗，不能注射预防针。一般在l～2岁以后，奶癣会自然减轻消退。编辑本段食疗方案　　清规1　避免让宝宝过量进食　 　　以保持正常的消化和吸收能力，食物应以清淡为主，少加盐和糖，以免造成体内水和钠过多的积存，加重皮疹的渗出及痛和痒感，导致皮肤发生糜烂。 　　清规2　寻找可疑的食物过敏原　 　　如果发现明显地诱发宝宝长奶癣的食物，立即停用，即使是妈咪也应避免吃可能引起宝宝过敏的食物。怀疑是某种食物引起宝宝过敏时，应该高潮避免再给宝宝吃，如对蛋清过敏可以暂且只给吃蛋黄，停掉喂蛋清，也可从少量蛋清开始喂，然后根据宝宝的反应一点一点地增加。煮熟的蛋清和蛋黄之间的薄膜是卵类粘蛋白，极易引起过敏，不要给宝宝吃。　 　　清规3　给宝宝添加新食物要从少量开始　 　　从很少的量开始，一点一点逐渐地增加，如果10天左右宝宝没有出现过敏反应，才可能再增加摄入量，或增加另一品种的新食物。　 　　清规4　适当多摄入植物油　 　　长奶癣的宝宝身体内的必需的脂肪酸含量通常较低，因此妈咪可在喂养中适当多用植物油，同时应少吃动物油，以免使湿热加重，不利于奶癣的治疗。　 　　清规5　牛奶煮沸次数要多一些　 　　如果宝宝的奶癣是由于牛奶过敏引起，在煮牛奶时，应该加长煮沸时间和次数，使其中引起过敏的乳白蛋白变性，从而减轻过敏，或用其他代乳品替代，如可以改吃豆奶或宝宝乐等。 　　清规6　饮食多选用清热利湿的食物　 　　如绿豆、赤小豆、苋菜、荠菜、马齿苋、冬瓜、黄瓜、莴笋等，少食鱼、虾、牛羊肉和刺激性食物。 　　清规7　多吃富含维生素和矿物质的食物　 　　如绍叶菜汁、胡萝卜水、鲜果汁、西红柿汁、菜泥、果泥等，以调节宝宝的生理功能，减轻皮肤过敏反应。　 　　菜泥汤　 　　分别取适量新鲜的白菜、胡萝卜、卷心菜，洗净后切成小碎块儿，放进锅里加水煮一刻钟左右，然后取出捣成泥状后加盐服用；菜汤可调些儿童蜂蜜，随时喝。此小妙方有祛湿止痒功效。　 　　丝瓜汤　 　　取新鲜丝瓜30克左右，切成小块儿放在装有水的锅里熬汤，待熟后加盐调味，让宝宝喝汤，并将丝瓜也吃下去，对于奶癣有渗出的宝宝较为适用。　 　　绿豆百合汤　 　　取绿豆、百合各30克左右，按照平时常用的方法煮汤，待豆子熟后，连渣带汤一同饮用，可以减轻奶癣宝宝痛痒感。　 　　泥鳅汤　 　　取新鲜泥鳅30克，洗净后放入水中煎煮，然后把汤汁取出，加盐调服，适应于奶癣症状较为严重的宝宝。</t>
  </si>
  <si>
    <t xml:space="preserve">魔兽世界中声望有什么作用污染者什么的声望我还知道用来做什么，那幽 </t>
  </si>
  <si>
    <t>买东西打折,买坐骑打折,在某个主城声望到宗拜了还可以跨种族买坐骑,比如人类可以骑豹子.</t>
  </si>
  <si>
    <t xml:space="preserve">大家在人才中心存档后都有存档合同吗？我是2003年大学毕业的，毕 </t>
  </si>
  <si>
    <t>那张卡和交费的收据，就等同于存档合同的 你拿着卡和交费的收据，和他们交涉，实在不行，就到劳动保障部门投诉，要求他们找回你的档案 不过，你不用太着急，每个人的档案在当地的档案馆都有记载的，人才就算真的丢了，也可以再补办的，就是手续麻烦一些 你首先要使人才承认你的档案存放在那里，这个是关键，如果补办，人才比个人要容易一些的</t>
  </si>
  <si>
    <t xml:space="preserve">对于作者而言，最痛苦的事莫过于此：辛辛苦苦写的东西没人看。不是质? </t>
  </si>
  <si>
    <t>朋友：不要灰心冷意，万事开头难，只要有自信加恒心，你就能跨过被人冷漠的门坎。我是过来人，当初不知写了多少的小说稿，寄出去的稿件有的像泥牛入海无消息，有的退稿只夹一张千篇一律的退稿言。但是我坚信自已一定能有作品问世，于是我整整用了三年时间来练笔。后来苍天有眼，让我陆续在省级刊物发表小说。因此，我忠劝你坚持下去！现在我也在新浪小说网发表小说，由于题材不够新颖，不够刺激，于是不太合适当今的网友阅读口味，所以日点击数总是在1千数左右。但是，我仍是我行我素天天上传更新内容。我坚信我的比较纯的小说终有一天被大众所认可所喜爱的。朋友，请你不要怨天尤人，要鼓起志气来，丢掉自卑感，树立雄心，总结经验，吸取教训，取人之长补已之短。那么你就会迎来阳光灿烂的春天！最后再奉劝你记住：自信加恒心是等于成功！我已拜读你青春言情类的校园生活题材的作品。那类作品更需要有刺激的东西才能吸引人。努力加油！</t>
  </si>
  <si>
    <t xml:space="preserve">从小到大同一个梦！你好，贾老师，我记得我很小的时候，可能只有五六 </t>
  </si>
  <si>
    <t>没什么，梦只是心里做用…别想多了！</t>
  </si>
  <si>
    <t xml:space="preserve">为什么啊？为什么青铜头盔会比斗笠便宜，真想不通？我们这儿斗笠很便 </t>
  </si>
  <si>
    <t>哈哈，这个太简单了……从普遍上讲（不是单指你们分区），青铜头跟斗笠一样常见，一样普通（商店里就可以买到）！！从实用上讲，斗笠的防跟魔防都要比青铜头高出许多！！以上两点说明，斗笠比青铜头实用，而且又不存在“稀不稀世”的问题！所以斗笠铁定比青铜头贵！！！</t>
  </si>
  <si>
    <t xml:space="preserve">关于恶意绑定请问恶意绑定后客服发的确认信,就是发一个把哪个帐号绑 </t>
  </si>
  <si>
    <t>以前9C的也会发一封！现在战网绑定的邮箱也会发一封！</t>
  </si>
  <si>
    <t xml:space="preserve">请帮忙，分手后的痛半年时间了，时间并没有治疗好我的伤痛，而是，每 </t>
  </si>
  <si>
    <t>如果不想和他再在一起,就什么也不要和他谈,没意思的。如果下定决心和他在一起,就去找他,和他当面说,你还是很爱他.我是选择后者的，我不想被命运左右我的爱情.自己的事情要由自己来做主.</t>
  </si>
  <si>
    <t xml:space="preserve">那些“除了门将外什么位置都能打”的球员一般主打什么位置？ </t>
  </si>
  <si>
    <t>有一个范围。我拿拜仁举例。比如边前卫可以打边后卫，普拉尼奇。边后卫打中卫，巴德斯图贝尔。后腰有时也可以客串中后卫，季莫什丘克。边前卫踢后腰，施魏因施泰格。通常影子前锋可以胜任多个位置，左右边锋，前腰，中锋。比如托马斯－穆勒。他主打右边前卫或中锋。这要看阵形需要，如果打4231，他就是右边前卫，打442就是中锋。打4411，他就是影子前锋。在拜仁还有用门将客串左后卫的事发生，克拉夫特就客串过左后卫。</t>
  </si>
  <si>
    <t xml:space="preserve">如何制作可添加数据文件的DVD视频光盘？着急，请告知制作方法，谢? </t>
  </si>
  <si>
    <t>你在刻视频ＤＶＤ盘时把＜不封闭光盘或是别的因为刻录软件不一样提示就不一样＞打上勾，我想你明白就不多说了，刻完后在从新选择刻数据添加你要的数据文件，这时显示刻录轨道都是白的，不管它你正常刻成数据文件光盘，这样一来光盘可在碟机里放，又能保存数据．</t>
  </si>
  <si>
    <t xml:space="preserve">请问在吃心脑血管药物时,正餐吃绿豆药性会被破坏吗?听说绿豆是会破 </t>
  </si>
  <si>
    <t>没有听说绿豆会破坏药性的任何报道。不过，你不放心，可以在两餐之间服药的。</t>
  </si>
  <si>
    <t xml:space="preserve">友情链接！可以拉近我们之间的距离！ </t>
  </si>
  <si>
    <t xml:space="preserve">博客升级后，如何友情链接    设置： 版式| “模块”| 风格| 其他 一、登陆您的博客，立即登陆，二、然后点击“模块”进入模块设置，    自定义内容模块:   [创建文本模块] [创建列表模块] [管理]三、点击[创建列表模块]进入列表模块，创建友情链接后，点击“保存”四、回到模块设置，点击“管理”，进入[管理自定义内容]五、点击刚才创建的友情链接右边的“编辑”后，进入[列表模块]六、点击[添加]：输入名称、网址，描述可以不写，点击[确定]依次输入链接七、输入链接完毕后，点击最下方的[保存]，就OK了。 </t>
  </si>
  <si>
    <t xml:space="preserve">闻到抽烟烟雾咽喉难受，就咳嗽，是否咽喉炎？ </t>
  </si>
  <si>
    <t>可能是咽炎或胃不好！！！！</t>
  </si>
  <si>
    <t xml:space="preserve">C盘空间为什么会越变越小？主要是说可用空间，在没有另外再多装其它 </t>
  </si>
  <si>
    <t>这是给XP系统+优化的步骤，根据情况处理： 1.打开“我的电脑”－“工具”－“文件夹选项”－“查看”－在“显示所有文件和文件夹”选项前打勾－“确定”2.删除以下文件夹中的内容： x:\Documents and Settings\用户名\Cookies\下的所有文件（保留index文件） x:\Documents and Settings\用户名\Local Settings\Temp\下的所有文件（用户临时文件） x:\Documents and Settings\用户名\LocalSettings\TemporaryInternet Files\下的所有文件（页面文件） x:\Documents and Settings\用户名\Local Settings\History\下的所有文件（历史纪录） x:\Documents and Settings\用户名\Recent\下的所有文件（最近浏览文件的快捷方式） x:\WINDOWS\Temp\下的所有文件（临时文件） x:\WINDOWS\ServicePackFiles（升级sp1或sp2后的备份文件）x:\WINDOWS\Driver Cache\i386下的压缩文件(驱动程序的备份文件) x:\WINDOWS\SoftwareDistribution\download下的所有文件 3.如果对系统进行过windoes updade升级，则删除以下文件： x:\windows\下以 $u... 开头的隐藏文件 4.然后对磁盘进行碎片整理，整理过程中请退出一切正在运行的程序 5.碎片整理后打开“开始”－“程序”－“附件”－“系统工具”－“系统还原”－“创建一个还原点”（最好以当时的日期作为还原点的名字） 6.打开“我的电脑”－右键点系统盘－“属性”－“磁盘清理”－“其他选项”－单击系统还原一栏里的“清理”－选择“是”－ok了     7、在各种软硬件安装妥当之后，其实XP需要更新文件的时候就很少了。删除系统备份文件吧：开始→运行→sfc.exe /purgecache近3xxM。（该命令的作用是立即清除"Windows 文件保护"文件高速缓存，释放出其所占据的空间）    8、删掉\windows\system32\dllcache下dll档(减去200——300mb),这是备用的dll档， 只要你已拷贝了安装文件，完全可以这样做。    9、XP会自动备份硬件的驱动程序，但在硬件的驱动安装正确后，一般变动硬件的可能性不大，所以也可以考虑将这个备份删除，文件位于\windows\driver cache\i386目录下，名称为 b，你直接将它删除就可以了，通常这个文件是74M。    10、删除不用的输入法：对很多网友来说，Windows XPt系统自带的输入法并不全部都合适自己的使用，比如IMJP8_1 日文输入法、IMKR6_1 韩文输入法这些输入法，如果用不着，我们可以将其删除。输入法位于\windows\ime\文件夹中，全部占用了88M的空间。    11、升级完成发现windows\多了许多类似$NtUninstallQ311889$这些目录，都干掉吧，1x-3xM    12、卸载不常用组件：XP默认给操作系统安装了一些系统组件，而这些组件有很大一部分是你根本不可能用到的，可以在"添加/删除Windows组件"中将它们卸载。但其中有一些组件XP默认是隐藏的，在"添加/删除Windows 组件"中找不到它们，这时可以这样操作：用记事本打开\windows\inf\ f这个文件，用查找/替换功能把文件中的"hide"字符全部替换为空。这样，就把所有组件的隐藏属性都去掉了，存盘退出后再运行"添加-删除程序"，就会看见多出不少你原来看不见的选项，把其中那些你用不到的组件删掉（记住存盘的时候要保存为 f，而不是默认的sysoc.txt），如Internat信使服务、传真服务、Windows messenger，码表等，大约可腾出近50MB的空间。    13、清除系统临时文件：系统的临时文件一般存放在两个位置中：一个Windows安装目录下的Temp文件夹；另一个是x:\Documents and Settings\"用户名"\Local Settings\Temp文件夹(Y:是系统所在的分区)。这两个位置的文件均可以直接删除。    14、清除Internet临时文件：定期删除上网时产生的大量Internet临时文件，将节省大量的硬盘空间。打开IE浏览器，从"工具"菜单中选择"Internet选项"，在弹出的对话框中选择"常规"选项卡，在"Internet临时文件"栏中单击"删除文件"按钮，并在弹出"删除文件"对话框，选中"删除所有脱机内容"复选框，单击"确定"按钮。    15、清除预读文件：Windows XP的预读设置虽然可以提高系统速度，但是使用一段时间后，预读文件夹里的文件数量会变得相当庞大，导致系统搜索花费的时间变长。而且有些应用程序会产生死链接文件，更加重了系统搜索的负担。所以，应该定期删除这些预读文件。预计文件存放在Windows XP系统文件夹的Prefetch文件夹中，该文件夹下的所有文件均可删除。     16、压缩NTFS驱动器、文件或文件夹：如果你的硬盘采用的是NTFS文件系统，空间实在紧张，还可以考虑启用NTFS的压缩功能。右击要压缩的驱动器－"属性"－"常规"－"压缩磁盘以节省磁盘空间"，然后单击"确定"， 在"确认属性更改"中选择需要的选项。这样可以节省约20% 的硬盘空间。在压缩C盘的时候，最好在安全模式下压缩，这样效果要好一些。    17、关闭华医生Dr.Watson：要关闭Dr.Watson可打开注册表编辑器，找到"HKEY_LOCAL_MACHINE\SOFTWARE\Microsoft\WindowsNT\CurrentVersion\AeDebug"分支，双击其下的Auto键值名称，将其"数值数据"改为0，最后按F5刷新使设置生效，这样就取消它的运行了。也在"开始"-&gt;"运行"中输入"drwtsn32"命令，或者"开始"-&gt;"程序"-&gt;"附件"-&gt;"系统工具"-&gt;"系统信息"-&gt;"工具"-&gt;"Dr Watson"，调出系统里的华医生Dr.Watson ，只保留"转储全部线程上下文"选项，否则一旦程序出错，硬盘会读很久，并占用大量空间。如以前有此情况，请查找 p文件，删除后可节省几十MB空间。    18、关闭远程桌面："我的电脑"-&gt;"属性"-&gt;"远程"，"远程桌面"里的"允许用户远程连接到这台计算机"勾去掉。    19、关闭错误报告：当应用程序出错时，会弹出发送错误报告的窗口，其实这样的错误报告对普通用户而言几乎没有任何意义，关闭它是明智的选择。在"系统属性"对话框中选择"高级"选项卡，单击"错误报告"按钮，在弹出的"错误汇报"对话框中，选择"禁用错误汇报"单选项，最后单击"确定"即可。另外我们也可以从组策略中关闭错误报告：从"运行"中键入" c"，运行"组策略编辑器"，展开"计算机配置→管理模板→系统→错误报告功能"，双击右边设置栏中的"报告错误"，在弹出的"属性"对话框中选择"已禁用"单选框即可将"报告错误"禁用。     20、定期清理系统还原点：打开磁盘清理，选择其他选项－&gt;清理系统还原点，点击清理。    21、卸载不需要的程序，这个就不用我多说了    22、其它优化：a 将应用软件装在其它硬盘（不要安装在系统盘下，这对重装系统也有好处）;b  将"我的文档"文件夹都转到其他分区：在桌面的"我的文档"图标上是右击鼠标，选择"属性"-&gt;"移动" ；c 将IE临时文件夹都转到其他分区：打开IE浏览器，选择"工具"-&gt;"internet选项"-&gt;"常规"-&gt;"设置"-&gt;"移动文件夹"；d 把虚拟内存也转到其它硬盘；e 把 s文件都指向一个地方：控制面板→系统→性能—高级→虚拟内存→更改，注意要点"设置"才会生效；f 在桌面的"我的电脑"图标上是右击鼠标，选择"属性"-&gt;"高级－性能设置"－&gt;"高级－虚拟内存"，调至330－720。而且定时清理。注：1.以上内容均经过本人严格测试，删除后不会对系统造成任何不良影响； 2.x代表winxp系统盘符（以上内容是我综合多篇网文经删改后确定的,前面叙述主要是减肥方法，后面的主要是加速的方法。）</t>
  </si>
  <si>
    <t xml:space="preserve">肾病综合症是什么?肾病综合症的表现有哪些? </t>
  </si>
  <si>
    <t>”(nephrotic syndrome，NS)简称肾综，是指由多种病因引起的，以肾小球基膜通透性增加伴肾小球滤过率降低等肾小球病变为主的一组综合征。肾病综合征不是一独立性疾病，而是肾小球疾病中的一组症候群。肾病综合征典型表现为大量蛋白尿、低白蛋白血症、高度水肿、高脂血症。特征表现　　引起这种疾病的原因很多,感冒时人体内的免疫细胞会吞掉入侵的细菌及病毒，并生成一种抗体而后死亡，达到消灭病菌的功能以确保人体不受影响。儿童因为体质弱体内免疫细胞比正常的人少，所以儿童的免疫功能还不够强，因此免疫细胞有时不但没有吞掉儿童体内的病菌，反而是暂时把病菌包容起来。这就使得儿童体内的病菌抗体与病菌本身结合，形成一种免疫复合物随着血液循环。这种免疫复合物到了儿童的肾脏时，会沉积到肾小球的基底膜，从而对儿童的肾脏产生损害，使大量蛋白随着儿童的尿液流失。最终导致疾病的发生。 　　其实任何年龄段的人均可发病，但青年和儿童多发。微小病变患者的发病年龄多见于2—6岁的儿童，且男童多于女童。这种疾病极易复发和迁延，病程长，通常在感染病菌后1—4周产生。一般来说这种疾病有前期的感染症状，这种疾病的突出特点是“三高一低”即高度浮肿、高度蛋白尿、高胆固醇血症和低蛋白血症。 　　在感冒后1至4周内，儿童下肢、头面、躯干都可有浮肿，特别是在儿童组织疏松的部位更明显。最明显也是最早出现的就是眼睑浮肿，严重的这种疾病患者皮肤薄而透亮，有胸水、腹水，皮肤稍有损伤便会渗水。</t>
  </si>
  <si>
    <t xml:space="preserve">有什么养花的好方法？ </t>
  </si>
  <si>
    <t xml:space="preserve">养花知识1．养花有什么好处？花卉以它绚丽的风采，把大自然装饰得分外美丽，给人以美的享受。养花，可以丰富和调剂人们的生活，增添乐趣，陶冶性情，增进健康；还能增加科学知识，提高文化艺术素养。养花，可以绿化美化祖国大地，保护和改善，净化空气，使人们能在优美的环境中工作和学习，生活更加美好。养花，不仅可供观赏，而且还有许多重要的经济价值。花卉是我国中草药的重要组成部分，金银花、菊花、腊梅、芙蓉、杜鹃、月季、荷花等均为常用的中药材。香花在食品、轻工业等方面用途很广，如桂花可作食品香料和酿酒，茉莉、白兰、代代、珠兰等可行熏制茶叶，菊花可制高级食品和菜肴。白兰花、茉莉花、玫瑰花、蜡梅花、水仙花等可提取香精。养花，还可以换取外汇，积累资金。例如，从玫瑰花中提炼的高级香精——玫瑰油，在国际市场上被淮为“液体黄金”，其价值比黄金还贵。2．花卉分为哪几类？我国素有“世界园林之母”的美称，花卉资源丰富，种类繁多，为便于栽培、管理和利用，需要了解花卉的分类知识。由于分类的依据不同。因而分类的方法变亦各不相同。根据花卉的形态特征，通常将花卉分为草本花卉和木本花卉两大类，茎干质地柔软的为之草本花卉，茎干木质坚硬的谓之木本花卉。根据花卉生长习性及形态特征分类，一般可分为草本花卉、木本花卉、多肉花卉和水生花卉。草本花卉按其生长发育周期等的不同，又可分为一年生、二年生草花、宿根花卉、球根花卉以及草坪植物等。木本花卉按其树干高低和树冠大小等的不同，又可分为乔木、灌木及藤本花卉。多肉花卉，具有肉质肥厚的茎叶，体内贮存丰富的水分，有的叶片退化成针刺或羽毛状，形态奇特，因此在园艺栽培中自成一类。水生花卉，终年生长在水中、沼泽地带，大多数属于多年生植物，根据观赏部分分类，可将花卉分为，观花类(以观赏花色、花形为主，如菊花、月季等)、观叶类(以观赏叶色、叶形为主，如变叶木、花叶芋等)、观果类(以观赏果实为主，如金桔等)、观茎类(以观赏枝茎为主，如光棍树、山影拳等)和观芽类(以观赏芽为主，如银柳)。根据用途分，可将花卉分为切花卉（如香石竹、马蹄莲等）、室内花卉(如君子兰、龟背竹等)、庭院花卉(如月季、菊花等)、药用花卉(如牡丹、金银花等)、香料花卉(如白兰、茉莉、玫瑰等)以及食用花卉(百合、金针菜、石榴)。此外还有以花卉原产地的气候条件为依据，按照自然分布，将花卉分为热带花卉、亚热带花卉、暖温带花卉、温带花卉、亚寒带花卉、高山花卉等。这种分类法能反映出各种花卉的习性和在栽培时需要满足其生长发育的条件。3．什么是球根花卉？球根花卉是指地下茎或根发生变态，呈球形或状的多年生草本花卉。按其地下茎或根部的形态结构，大体上可分为5大类：(1)鳞茎类。地下茎呈鳞片状。外被纸质外皮的叫做有皮鳞如郁金香、水仙、朱顶红等；在鳞片的外面没有外皮包被的叫做无皮鳞茎，如百合等。(2)球茎类。地下茎呈球形或扁球形，外被革制外皮，如唐菖蒲、香雪兰等。(3)根茎类。地下茎肥大呈根状，上面有明显的节，新芽着生在分枝的顶端，如美人蕉、姜花、荷花、睡莲、玉簪等。(4)块茎类。地下茎呈不规则的块状或条状，如马蹄莲，仙客来、大岩桐、晚香玉等。（5）块根类。地下主根肥大呈块状，根系从块根的末端生出，如大丽花等。4．温度和养花有什么关系？温度是各类花卉生存的重要条件。不论其他环境条件如何适宜，如果没有适合的温度条件，花卉就难以生存。每种花卉的生长发育都有其最适温度、最高温度和最底温度。根据花卉原产地温度情况，大体上可将花卉分为高温类、中温类、低温类。(1)高温类。如米兰、一品红、瓜叶菊、大岩桐、倒挂金钟等。在华北地区养殖，冬季室温最低要保持在12℃以上。(2)中温类。如白兰、茉莉、扶桑、天竺葵等，冬季室温不得低于5℃(3)低温类。如夹竹桃、桂花、金桔、代代、苏铁等，冬季室温不低于0度即可。温度过高或过低，花卉的正常生理活动都会遭到破坏，生长就会停止，严重时整株死亡。5．光照对花卉生长发育有什么影响？光照是花卉植物制造营养物质的能源，没有光的存在，光合作用就不能进行，花卉的生长发育就会受到严重影响。大多数植物只有在充足的光照条件下才能花繁叶茂。不同种类的花卉对光照的要求是不同的。花谚云：“阴茶花、阳牡丹、半阴半阳四季兰”。按照花卉对光照强度不同的要求，大体上可将花卉分为阳性花卉、中性花卉和阴性花卉。(1)阳性花卉。大部分观花、观果花卉都属于阳性花卉，如玉兰、月季、石榴、梅花、紫薇、柑桔等。在观叶类的花卉中也有少数阳性花卉，如苏铁、棕榈、变叶木等。多数水生花卉、仙人掌与多肉植物也属阳性花卉。凡阳性花卉都喜强光，而不耐蔽荫。如阳光不足，则易造成枝叶徒长，组织柔软细弱，叶色变淡发黄，不易开花或开花不好，易遭病虫害，(2)阴性花卉。在蔽荫的环境条件下生长康好，如文竹、茶花、杜鹃、玉簪、绿萝、万年青、常春藤、大岩桐、龟背竹、秋海棠等，如长期外于强光照射下则枝叶枯黄，生长停滞，严重的甚至死亡。(3)中性花卉。在阳光充足的条件下生长育好，但夏季光照强度大时无原则稍加蔽荫，如桂花、茉莉、白兰、八仙花等。综上所述，各种花卉对光照和要求不尽相同，而且即使是同一种花卉，在生长发育的不同阶段对光照的要求也不一样，幼苗需光量时可逐渐增加，阳性的菊花却要求在短日照的条件下形成花蕾。6．光照对花芽分化有什么影响？人们栽培花卉的目的就是让它开出更多的花朵,而光照是促进花芽形成最有效的外因.在同一株花上,充分接受光照的枝条,花芽就多；受光不足的枝条，花芽就少。夏季晴天多时，花卉接受光照充足，来年花呀就多。一般来讲，花卉植物可以在10-35℃的温度条件下进行光合作用，其中最适宜温度为20-28℃。按照花对光照时间长短的要求，可将花分为3大类：(1)长日照花卉。一般每天的日照时间需要在12小时以上才能形成花芽，叫做长日照花卉。很多在春夏季开花的花卉，多属于长日照花卉，如鸢尾、翠菊、凤仙花等。(2)短日照花卉。每天日照花卉时间必须在少于12小时的条件下下才能形成花芽的花卉，叫做短日照花卉。一品红和菊花是典型的短日照花卉，它们在夏季长日照的下只能生长，不能进行花芽分化，入秋之后，当光照减少到10-11小时以后才开始进行花芽分化。(3)中日照花卉。其花芽形成对白天日照长短要求不严格的花卉，叫做中日照花卉。如马蹄莲、香石竹、百日草、月季，扶桑等，它们对光照时间的长短没有明显的反应，只要温度合适，一年四季均可开花。7．水分对花卉生长发育有什么影响？水是花卉生长繁衍的必需条件。它对花卉的生长发育影响极大。因为水分吸收超过消耗，花卉体内水分过多，则植株特长细弱，抗寒力下降，抗逆性减弱。如果长期水分过多，就会造成烂根、落叶，甚至死亡。水分吸收少于消耗，由于缺水，花卉呈蔫现象，严重缺水就会使花卉枯死。花卉品种繁多，需水量也各有差异，就是同一种花卉，在其生长的不同时期，需水量也不尽相同。按照花卉对水分需求的不同，大体可将花卉分为旱生、水生和中生3类：(1)旱生花卉。如梅花、紫薇、西府海棠、蜀葵、南天竹等和多肉花卉均较耐旱。(2)水生花卉。如荷花、睡莲、菖蒲、水竹等。(3)中生花卉。在湿润的土壤中能良好生长的花卉。绝大多数花卉都属于这一类型，如玉兰、白兰、腊梅、桃花、山茶、紫荆等。8．空气湿度对花卉有什么影响？ 花卉所需要的水分，大部分来源于土壤，但是空气湿度对花卉的生长发育也有很大影响。如空气温度过大，易使枝叶徒长，花瓣霉烂、落花，并易引起病虫蔓延。开花期湿度过大，有碍开花，影响结实等。空气湿度过小，会使花期缩短，花色变淡。南花北养，如空气长期干燥，就会生长不良，影响开花和结果。北方冬季气候干燥，室内养花如不经常保持一定的湿度，一些喜湿润花卉，往往会出现叶色淡黄，叶子边缘干枯等现象。根据不同花卉对空气温度的不同要求，可采取喷洗枝叶或罩上塑料薄膜等方法增加空气湿度，创造适合它们生长的湿度条件。兰花、秋海棠类、龟背竹等喜湿花卉，要求空气相对湿度不低于80%；茉莉、白兰花、扶桑等中湿花卉，要求空气湿度不低于60%。9．为什么浇水过多花卉会死亡？盆花浇水过多，水分填满了土壤间隙，土中空气被水代替，这时外部空气也不能进入，因而造成土壤缺氧，根的呼吸作用受到阻碍，生理功能降低，根系吸水、吸肥能力受阻。同时由于土壤缺乏氧气，土中具有分解有机物功能的好气性细菌大量繁殖和活动，增加了土壤酸度。由于丁酸菌等大肆活动，产生了硫化氢、氨等一系列有毒物质，直接毒害根系。与此同时，由于缺氧植株大量地消耗了体内可溶性糖而过多地积累了酒精等物，导光合作用大大降低，最后使花卉因饥饿而死亡。在养花实践中，经常可以看到由于浇水过多，造成花卉根部变黑腐烂把花“淹死”的事例。因此，培育花卉时浇水要注意适量。10．盆花浇水不足有什么害处?盆花由于土壤少，蓄水不多，在花卉生长季节需要注意经常补充水分，才能保证花卉正常生长。若水分供应不足，叶片及叶柄会皱缩下垂，花卉出现萎蔫现象。如果对花卉长期供水不足，则较老的和植株下部的叶片就会逐渐黄化而干枯。多数草花若长期处于干旱状态下，植株矮小，叶片失去鲜绿光泽，甚至整株枯死。一些养花者唯恐浇水过量，浇水时每次都浇“半腰水”，即所浇的水量只能湿润表土，而下部土壤是干的，这种浇水法，也同样会影响花卉根系发育，也会出现上述不良现象。因此，浇水应见干见湿，浇就浇透。11．怎样判断盆花是否缺水？浇水是养花的一项经常性管理工作，盆土是否缺水是件较难掌握的事，因此不少花友常为此感到苦恼。现将养花行家判断是否缺水的经验简介如下。(1)敲击法。用手指关节部位轻轻轻敲击花盆上中部盆壁，如发出比较清脆的声音，表示盆土已干，需要立即浇水；若发出沉闷的浊音，表示盆土潮湿，可暂不浇水。(2)目测法。用眼睛观察一下盆土表面颜色有无变化，如颜色变浅或呈灰白色时，表示盆土已干，需要浇水；若颜色变深或呈褐色时，表示盆土是湿润的可暂不浇水。(3)指测法。手指轻轻插入盆土约2厘米深处摸一下土壤，感觉干燥或粗糙而坚硬时，表示盆土已干，需立即浇水；若略感潮湿、细腻松软的，表示盆土湿润，可暂不浇水。(4)捏捻法。用手指捻一下盆土，如土壤粉末状，表示盆土已干，应立即浇水；若封成片状或团粒状，表示盆土潮湿，可暂不浇水。以上测试方法均为经验之谈，它只能告诉人们盆土干湿的大概情况、如需要准确知道盆土干湿程度，可购一支土壤温度计，将温度计插入封里，即可看到刻度上出现”干燥或湿润等字样，便可确切知道何时该浇水。12．盛夏中午为何不宜用冷水浇花？盛夏中午，气温很高，花卉叶面的温度常可高达40℃左右，蒸腾作用强，同时水分蒸发也快，根系需要不断吸收水分，补充叶面蒸腾的损失。如果此时浇冷水，虽然盆土中加了水分，但由于土壤温度突然降低，根毛受到低温的刺激，就会立即阻碍水分的正常吸收。这时由于花卉体内没有任何准备，叶面气孔没有关闭，水分失去了供求的平衡，导致叶面细由紧张状态变成蔫，使植株产生“生理干旱”，叶片焦枯，严重时会引起全株死亡。这种现象在草本花卉中尤为明显，如天竺葵、茑萝、翠菊等最忌炎热天气中午浇冷水。为此夏季浇花以早晨和傍晚为宜。13．浇花用什么样的水好？水可按照含盐类的状况分为硬水和软水。硬水含盐类较多，用它来浇花，常使花卉叶面产生褐斑，影响观赏效果，所以浇花用水以软水为宜。在软水中又以雨水(或雪水）最为理想，因为雨水是一种接近中性的水，不含矿物质，又有较多的空气，用来浇花十分适宜。如能在雨天接贮雨水用于浇花，有利促进花卉同化作用，延长栽培年限，提高观赏价值，特别是性喜酸性土壤的花卉，更喜欢雨水。因此雨季应高潮多贮存些雨水留用。在我国东北各地，可用雪水浇花，效果也很好，但要注意需将冰雪融化后搁置到水温接近室温时方可使用。若没有雨水或雪水，可用河水或池塘水。如用自来水，须先将其放在桶（缸）内贮存1-2天，使水中氯气挥发掉再用，较为稳妥。浇花不能使用含有肥皂或洗衣粉的洗衣水，也不能用含有油污的洗碗水。对于喜微碱性的仙人掌类花卉等，不宜使用微酸性的剩茶水等。此外，浇花时还应注意水的温度。不论是夏季还是冬季浇花，水温与气温相差太大（超过5度）易伤害花卉根系。因而浇花用水，最好能先放在桶内（缸）晾晒一天后，待水温接近气温时再用。14．盆花浇水量应怎样掌握 盆花浇水量是否能做到适时适量，是养花成败的关键。综合各地经验，盆花浇水量就根据花卉品种，植株大小，生长发育时期，气候，土壤条件，花盆大小，放置地点等各个方面综合判断，确定浇水的时间，次数及浇水量。在通常情况下，喜湿花卉应多浇水，喜干旱花卉宜少浇水；球根类花卉浇水不能过多；草本花卉含水量大，蒸腾度也大，浇水量比木本花卉要多；叶大而软，光滑无毛的花卉多浇，叶小而有蜡质层、茸毛、革质的花卉少浇；生长旺盛期多浇，休眠期少浇；苗大盆小的多浇，苗小盆大的少浇；天热多浇，天冷少浇；旱天多浇，阴天少浇等。对于一般花卉来讲，四季的供水量是：每年开春后气温逐渐升高，花卉进入生长旺期，浇水量是逐渐加多。早春浇水宜在午前进行。夏季气温高，花卉生长旺盛，蒸腾作用强，浇水量应充足。夏季浇水宜在晨、夕进行。立秋后气温渐低，花卉生长缓慢，适当少浇水。冬季气温低，许多花卉进入休眠或半休眠期，要控制浇水，盆土不太干就不要浇水，以免因浇水过多而烂根、落叶。冬季浇水宜在午后1－2时进行。15．喷水有什么作用？喷水可以增加空气湿度，降低气温，洗去植株上面的灰尘及冲掉害虫等，避免嫩叶焦枯和花朵早凋，保持植物清新；特别是一些喜阴湿的花卉，如山茶、杜鹃、兰花、龟背竹等，经常向叶面上喷水，对其生长发育十分有利。夏季雨后骤晴或晚间闷热，应注意喷水降温防病。喷水量多少应根据花卉的需要而定。一般喷水后不久水分便可蒸发掉，这样的喷水量最适宜。幼苗和娇嫩的花卉需要多喷水，新上盆和尚未生根的插条也需多喷水，热带兰类花卉，天南星科及凤梨科花卉更需经常喷水。但有些花卉对水湿很敏感，例如大岩桐、蒲包花、秋海棠等，其叶面有较厚的绒毛，水落上后不易蒸发而使叶片腐烂，故不宜将水喷到叶片上。对于盛开的花朵，也不宜多喷水，否则容易造成花瓣霉烂或影响受精，降低结实、结果率。此外，仙客来块茎顶端的叶芽、非洲菊叶丛中的花芽、君子兰叶丛中央的假鳞茎都怕水湿。这些部位喷水后均易受害。16．花卉萎蔫后如何挽救？盆栽花卉，由于盆内蓄水较少，忘记浇水，特别是炎夏漏浇水，常易引起叶片萎蔫，如不及时挽救，时间外了往往会导致植株枯萎。若挽救不得法,有时也会造成植株死亡。正确的做法是：发现叶片萎蔫时应立即将花盆移至荫凉处，向叶面喷些水,并浇少量水。以后随着茎叶逐渐恢复挺拔，再逐渐增加浇水量。此时若一下子浇过多的水，就有可能导致植株死亡。这是因为花卉萎蔫后大批根毛遭到了损伤，因而吸水能力大大降低,只有生出新的根毛之后，才能恢复原来的吸水能力。与此同时，萎蔫使细胞失水，遇水后细胞壁先吸水并迅速膨胀，原生质后吸水，膨胀速度缓慢，如果这时猛然浇大量的水，就会造成质壁分离，使原生质受到损伤，因而引起花卉死亡。17．土壤在花卉生长发育中起什么作用？土壤是培育花卉的重要基质，是花卉赖以生存的物质基础，是供给花卉生长发育所需要的水、肥、气、热的主要源泉。这是因为土壤是由矿物质、有机质、土壤水分和土壤空气组成的。矿物质是组成土壤的最基本物质，它能提供花卉所需的多种营养元素。有机质，不仅能供应花卉生育的养分，而且对改善土壤的理化性质和土壤团粒结构以及保水、供水、通风、稳温等都有重要作用。土壤水分是花卉生育必不可少的物质条件。土壤空气是花卉根系吸收作用和微生物生命活动所需要的氧气的来源，也是土壤矿物质进一步风化及有机物转化释放出养分的重要条件。科学实验证明，适合植物生长的土壤按容积计，矿物质约占38％，有机质约占12％，土壤空气和土壤水分各约占15％－35％。有资料介绍，一般花卉植物生长的最适合含水量是土壤容积的25％，空气亦占25％。有些人由于不了解上述道理，培育盆花时，长期不换盆换土，致使土壤理化性状恶化，通气透水性差，营养元素缺乏，因而导致花卉生长不良，叶片发黄，开花少，甚至不开花，因此要养好盆花，须注意适时换盆换土。盆花选用什么样土壤好？盆栽花卉，由于它的根系只能在一个很小的土壤范围内活动，因此对土壤的要求比露地花卉更为严格。一方面要求养分尽量全面，在有限的盆土里含有花卉生育所需要的营养物质；另一方面要求有良好的理化性状，即结构要疏松，持水能力要强，酸碱度要合适，保肥性要好。正是因为如此，养花时应尽量选择有良好的团粒结构，疏松而又肥沃，保水排水性能良好，同时含有丰富腐殖质的中性或微酸性土壤。这种土壤重量轻、孔隙大、空气流通、营养丰富，有利于花卉根系发育和植株健壮生长。如果把花卉栽种在通气透水性差的粘重土里，或栽在缺少营养，保水保肥性又差的纯沙土里，或栽在碱性土壤里，对于绝大多数花卉来说，都易引起生长衰弱，甚至死亡。但是上面谈到的土壤条件，是任何一种天然土壤所不具备的。因此盆花用土，需要选用人工配制的培养土。这种培养土是根据花卉植物不同的生长习性，将两种以上的土壤或其他基质材料，按一比例混合而成，以满足不同花卉生育的需要。怎样配制培养土？适合配制培养土的材料较多，目前常用的有以下几种。（1）素面沙土。多取自河滩。排水性能好，但无肥力，多用于掺入其他培养材料中以利排水。（2）园土。取自菜园、果园等地表层的土壤。含有一定腐殖质，并有较好的物理性状，常作为多数培养土的基本材料。（3）腐叶土。由落叶、枯草等堆制而成。腐殖质含量高，保水性强，通透性好，是配制培养土的主要材料之一。（4）山泥。分黑山泥和黄山泥两种。是由山间树木落叶长期堆积而成。黑山泥酸性，含腐殖质较多；黄山泥亦为酸性，含腐殖质较少。（5）泥炭土。是由泥炭藓炭化而成。由于形成的阶段不同，分为褐泥炭和黑泥炭两种。褐泥炭含有丰富的有机质，呈酸性反应；黑泥炭含有较多的矿物质，有机质较少，呈微酸性或中性反应。（6）砻糠灰。是由稻谷壳燃烧后而成的灰，略偏碱性，含钾元素，排水透气性好。（7）厩肥土。由动物粪便、落叶等物掺入园土、污水等堆积沤制而成，具有较丰富的肥力。此外，还有塘泥、河泥、针叶土、草皮土、腐木屑、蛭石、珍珠岩等，均是配制培养土的好材料。配制培养土，应根据花卉生长习性和培养土材料的性质以及当地的条件灵活掌握。一般的盆花，常用的培养土配置比例为腐叶土（或泥炭土）：园土：河沙：骨粉＝35：30：30：5，或腐叶土（或泥炭土）、素面沙土、腐熟有机肥料、过磷酸钙等按5：3．5：1：0．5混合过筛后使用。上述培养土多为中性或偏酸性，适合大多数花卉使用。用于培养山茶、杜鹃等喜酸性花木，可掺入约0．2％硫磺粉；培养仙人球等花卉，可加入约10％左右石灰墙剥落下来的墙皮土等。20．如何自制腐叶土？腐叶土是培养盆花常用的材料。有条件的地方。可到山间林下直接挖取经多年风化而成的腐叶土。也可自制腐叶土，其方法是：秋天收集阔叶或针叶树的落叶、杂草等物，堆入长方形坑内。堆制时先放一层树叶，再放一层园土，如此反复堆放数层后，再浇灌少量污水，最后在顶部盖上一层约10厘米厚的园土等物。来年暮春和盛夏各打开一次，翻动并捣碎堆积物，再按原样堆好。气候温暖地区，到了深秋季节这些堆积物大都能腐熟。此时即可挖出，进一步捣碎过筛后使用。堆制时应注意两点：一是不要压得太紧，以利空气透入,为好气性细菌活动创造条件，从而加速堆积物分解。二是不要使堆积物过湿。若过湿，则通气不好，在缺氧条件下，嫌气性细菌大量繁殖和活动，造成养分严重散失，影响腐叶土质量。 </t>
  </si>
  <si>
    <t xml:space="preserve">我腰部.手上.脚上的白癜风面积很大能治好吗？ </t>
  </si>
  <si>
    <t>你好，这是能治好的。白癜风的病因病机十分复杂，有遗传、免疫功能、内分泌代谢、黑素细胞、精神紧张、神经调节功能、外伤、接触某些化学物质、紫外线日光强烈照射等因素有关。采用多源祛白康复体系中的黄金检验科进行检查，早发现，有针对性治疗，才是治疗白癜风的好方法。祝您早日康复，远离白斑。白癜风虽是顽固性疾病，很多患者都是没有对症治疗，所以才很难从病根消除此顽疾。因此，导致了有些患者下此结论说是白癜风治不好，在治疗白癜风前，一定要检查出其发病诱因，从而对症治疗，才能达到治疗的效果。白癜风是个比较顽固的慢性疾病，但还不是不治之症，通过正规的检查治疗是可以康复。白癜风虽然是顽固性疾病，但是只要找到白癜风的诱发因素，大部分患者是可以康复的。如果盲目治疗的话，可能产生过敏等现象，严重的还会扩大病情。建议及时在正规医院检查，愿早日康复。</t>
  </si>
  <si>
    <t xml:space="preserve">什么是仿真的黄金首饰 </t>
  </si>
  <si>
    <t>有些人一不小心就买到了仿真的黄金首饰，花了一样的价钱，买到却是假货，在此Doido钻石网告诉大家一般买到的仿真黄金首饰是用什么东西做的。1．镀金首饰　　镀金首饰多以银或铜制成，表面镀层为黄金，以黄金的光泽取代原来材料的原有色泽，从而提高首饰的观赏价值。镀金的含金量不得低于14K，其厚度不小于0．5微米。镀金首饰一般体质较轻，弯折时较硬，另外镀薄层的首饰在砂纸上用力一擦，即可露出基底颜色，经过火烧，颜色变白的是银，变黑的是铜。2．鎏金首饰鎏金是古代就出现的一种首饰制作方法，它是将金溶解于水银中，然后均匀涂抹在饰品表面，晾干后用炭火烘烤，使水银挥发掉，再用玛瑙轧光表面，即成为鎏金制品。3．包金首饰　　包金首饰以银、铜、铅、锌及其他合金制成坯胎，然后用机械或其他方法将金箔牢固地包裹在金属制品基体的表面上得到金覆盖层，叫包金。包金的含金量不得低于14K，其厚度不小于0．5微米。</t>
  </si>
  <si>
    <t xml:space="preserve">拳皇2002的模拟器在哪啊本人急需 </t>
  </si>
  <si>
    <t>你看一看我上传的文件！！！！！！！！！！！！！</t>
  </si>
  <si>
    <t xml:space="preserve">牛奶股佛照怎么不动了? </t>
  </si>
  <si>
    <t>都知道是牛奶股了,就应该做好长线的准备</t>
  </si>
  <si>
    <t xml:space="preserve">拿奖学金需要什么条件我想拿奖学金，我知道只搞学习是不行的，我还要 </t>
  </si>
  <si>
    <t>奖学金有多种，分国家的、捐赠的、综合的。你要根据学校提供的种类来争取。下面的资料仅供参考：浙江树人大学冯茹尔奖学金条例评奖条件一、基本条件    1、学生综合评价成绩优异； 2、热爱祖国、热爱学校，在日常学习、和工作中起好模范带头作用。3、二年级以上本、专科生必须通过学校要求的英语、计算机等级级别；一年级学生如能够通过学校要求的英语、计算机等级级别则优先考虑；   4、尊敬师长，团结同学，关心集体，热爱劳动，勤俭节约；   5、积极参加体育锻炼，身体健康，达到《国家学生体质健康标准》成绩良好及以上；   6、遵纪守法，在当学年内未受到过行政警告（含）以上处分；   7、遵守考勤纪律，当学年内未发生旷课行为；   8、同等条件下，优先考虑家庭经济困难的学生。二、具体条件    1、特等奖学金条件  （1）学生综合评价成绩在全年级前3名；  （2）每学年各门必修课程考试平均成绩在80分（含）以上，单科成绩不低于75分（含）。    2、一等奖学金条件  （1）学生综合评价成绩在全年级前6名；（2）每学年各门必修课程考试平均成绩在75分（含）以上，单科成绩不低于70分（含）。    3、二等奖学金条件  （1）学生综合评价成绩在全年级前10名；（2）每学年各门必修课程考试平均成绩在70分（含）以上，单科成绩不低于65分（含）。</t>
  </si>
  <si>
    <t xml:space="preserve">买比亚迪G3R怎么样？家里想买买车，7万左右，朋友推荐买这两车， </t>
  </si>
  <si>
    <t>G3R还行吧，7万价位的车配置挺高的，像一键启动，无钥匙进入系统，智能行车电脑等，挺不错的，油耗低，6.5L左右，相对同级别车型还是非常低的，365L超大后备箱，实用，还有就是维修保养方面有价格优势，也很方便，性价比高。</t>
  </si>
  <si>
    <t xml:space="preserve">洗头掉很多头发怎么办？ </t>
  </si>
  <si>
    <t>用防脱的洗发水,如霸王就不错!</t>
  </si>
  <si>
    <t xml:space="preserve">郑智年新多少 </t>
  </si>
  <si>
    <t>不知道</t>
  </si>
  <si>
    <t xml:space="preserve">途观的四驱的比两驱的费油吗?四驱的比两驱的费油吗？能差多少啊 </t>
  </si>
  <si>
    <t>那是肯定的，差1.5到2个油吧</t>
  </si>
  <si>
    <t xml:space="preserve">如何正确的添加蛋黄我儿子六个月，从四个月开始吃蛋黄，一天一个。我 </t>
  </si>
  <si>
    <t>记住几要素－－1：给宝宝吃的蛋黄放在水里一定要煮15分钟以上，请坚持，哪怕宝宝大了也要如此              2：吃法有多种但是像您这般大的宝宝口味单一，不会挑剔， 您可以参照其它朋友的建议，自己掌握，在此我介绍的是一种两方面得益的吃法，不知道是否中意－－蛋黄煮好是热的，干净的剥开放在碗里，家里备用点橙，基本现在每个季节都能买到，用勺或者其它干净器具将汁水炸出，因为蛋黄是烫的，所以橙汁倒入搅拌均匀，热度正好，当然您自己也要试试哦，这样宝宝的维C和铁都补充了，6个月的宝宝可以吃橙汁的              3：这种吃法可以坚持，营养可见，增加维C同时增加抵抗力，现在临近天冷，有帮助的              4：小宝宝的辅食要遵循由少增多，由稀增稠的原则。不能因为宝宝喜欢吃、胃口好、而迅速增加              5：非常期间中断（禽流感时）      希望有所帮助！</t>
  </si>
  <si>
    <t xml:space="preserve">《作业安全措施票制度》中规定作业小组负责任人的安全责任是什么 </t>
  </si>
  <si>
    <t>答：(1).正确安全的组织作业;     (2).结合实际进行安全思想教育;     (3.)对《作业安全措施票制度》内容的正确、完备负责;     (4).负责向全体作业人员详细交待《作业安全措施票制度》内容,并组织和监督全过程落实。     (5).作业人员变动是否合适。</t>
  </si>
  <si>
    <t xml:space="preserve">南京都有哪些著名的大学？ </t>
  </si>
  <si>
    <t xml:space="preserve">南京高等院校列表教育部直属高校： 南京大学 东南大学 南京农业大学 河海大学 中国药科大学 国防科工委直属院校： 南京航空航天大学 南京理工大学 解放军总参直属院校： 解放军理工大学 南京陆军指挥学院 海军指挥学院 解放军总政直属院校： 南京政治学院 解放军国际关系学院 江苏省属院校： 南京师范大学 南京医科大学 南京中医药大学 南京艺术学院　 南京体育学院 南京财经大学 南京审计学院 江苏警官学院 南京信息工程大学 南京工业大学 南京林业大学 南京邮电学院 晓庄师范学院 南京工程学院　 江苏省教育厅直属院校：　 三江大学 钟山学院  </t>
  </si>
  <si>
    <t xml:space="preserve">神器成长度已满？该怎么处理？？？狂情才1级，怎么每次野外杀怪，总 </t>
  </si>
  <si>
    <t>神器升级是要有等级限制的。最低的要求20级，升2级要求21级。</t>
  </si>
  <si>
    <t xml:space="preserve">公开四尾中特2378 </t>
  </si>
  <si>
    <t>买单27哦</t>
  </si>
  <si>
    <t xml:space="preserve">之前不知道怀孕了，因为做了拔甲手术，所以挂了一个星期的消炎药水，? </t>
  </si>
  <si>
    <t>你好。怀孕早期尤其是前3个月和怀孕前的3个月任何药物,毒物和,放射线,酒精,感冒都可能导致卵细胞和胚胎发育受到影响的.建议保留宝宝，做定期的孕检，在孕14-19周做唐氏筛查,孕22-26周做四维彩超产前排畸,若是有必要16-20周做羊水穿刺及脐血分析,这样可以明确宝宝在宫内的发育情况.如果发现宝宝有异常，及时终止妊娠。</t>
  </si>
  <si>
    <t xml:space="preserve">我是前置胎盘的一个病人，而6个月了孩子却流产了我一直在医院保胎，? </t>
  </si>
  <si>
    <t>别太难过了，毕竟成人了，要敢于面对现实。引起前置胎盘的可能因素：大于35岁的高龄初产妇；多次刮宫；多胎妊娠。如果您没有前置胎盘可能因素，那么下一次妊娠不一定还是前置胎盘。</t>
  </si>
  <si>
    <t xml:space="preserve">广州到深圳的火车多吗？请问广州到深圳的火车车次多吗？车票好买吗？ </t>
  </si>
  <si>
    <t>广州东站7：00至20：00十五分钟一班，票价大约65元左右，快车一小时多一点就可到深圳罗湖。</t>
  </si>
  <si>
    <t xml:space="preserve">圣诞颂歌《平安夜》的诞生地是哪里？ </t>
  </si>
  <si>
    <t xml:space="preserve">据说，1818年在奥地利一个名叫奥本多夫的小镇上住着一个默默无闻的乡村牧师一摩尔。这年圣诞节，摩尔发现教堂里管风琴的管子被老鼠咬坏了，修理已经来不及了。怎么庆祝圣诞呢？摩尔为此闷闷不乐。他忽然想起《路加福音》里记载着，耶稣降生时，天使向伯利恒郊外的牧羊人报佳音后，高唱颂歌：“在至高之处荣耀归于上帝，在地上平安归于他所喜悦的人。”他灵机一动，根据这两句经文写成一首赞美诗，取名《平夜》。      摩尔写好歌词后拿给本镇小学教师葛路伯看，请他谱曲。葛路伯读完歌词后很受感动，谱好曲，第二天在教堂里演唱，大受欢迎。后来有两个商人路过这里，学会了这首歌，他们为普鲁士国王威廉四世演唱，威廉四世听后大加赞赏，下令把《平安夜》定为全国教堂过圣诞节时必唱的歌曲之一。 </t>
  </si>
  <si>
    <t xml:space="preserve">90w点卡无等级限制光武值多少同上 </t>
  </si>
  <si>
    <t>看是什么东西了 一般来说DT能用的都贵（女用除外）镰刀枪其次  锤子再次  之后就都是廉价货了不过要无级别限制...  那真很难收 除非属性白版 那样还便宜点 目前这东西我就见过一次... 90的暗夜 无级别限制 +19魔 600W 命中伤害没去关注 大概比国标好那么一点点 我们那时候点卡差不多100W的样子</t>
  </si>
  <si>
    <t xml:space="preserve">小孩补钙每天量是多少?我的宝宝已经一岁十个月了,我给补钙补到一岁 </t>
  </si>
  <si>
    <t>在儿童生长的不同阶段，钙的需求量也不一样。0－6个月，医学不主张补钙；如因病理原因需要补钙，7个月－3周岁，100毫克－200毫克／天；4周岁以上，400毫克－500毫克／天。人的身体对钙的需求有一个较衡定的量，过犹不及，补钙并非多多益善。尽量让孩子在日常吃饭时补充需要的钙质，每天喝点牛奶就行了，不用特意药补。</t>
  </si>
  <si>
    <t xml:space="preserve">账户异常无法登陆？！！还我公道！还我清白！登陆微博提示账户异常无 </t>
  </si>
  <si>
    <t xml:space="preserve">朴树那首&lt;生如下花&gt;的开头那段"吸哇啦桫咯,吸哇啦桫咯,哦哇啦噫? </t>
  </si>
  <si>
    <t>哪一国语言都不是、什么意思都没有。他刚发行《生如夏花》这张专辑，在CCTV-3《唱片街》栏目的时候，有一个人也问了这个问题，他说他是信口捻来的。</t>
  </si>
  <si>
    <t xml:space="preserve">战斧导弹的战斗部装药战斧能装核战斗部吗？似乎能装W80？如果这样 </t>
  </si>
  <si>
    <t>可以装，BGM-109A就是核攻击型，使用的是W80核弹头，当量20万吨。而俄亥俄级的“核改常”是指把原来的“三叉戟II-D5”潜射弹道导弹改为常规战斗部的战斧巡航导弹，不是改为核攻击型的战斧。我估计改装的“战斧”是比较新的战术战斧（也就是战斧IV）巡航导弹。根据改装计划，潜艇上原有的24个“三叉戟”导弹发射管将被拆下，代之以22套 “多发导弹发射组合”，每套组合可以容纳7枚“战斧”巡航导弹。这样，每艘核潜艇经过改装之后，均能够携载154枚“战斧”巡航导弹。另外两个“三叉戟”导弹发射管则被替换成一个被称为“高级‘海豹’突击队员输送系统(ASDS)”的袖珍潜艇以及一个配备有“海豹”突击队员运载工具的船坞掩体。每艘改装后的核潜艇共可装载66名“海豹”突击队员或者特种作战人员，而袖珍潜艇可以一次运送9名海军陆战队“海豹小队”的突击队员，执行侦察、渗透、偷袭、解救人质等行动。</t>
  </si>
  <si>
    <t xml:space="preserve">她纯洁吗?我和她相遇了,我们没有亲密的接触,但她就患有妇科炎症之 </t>
  </si>
  <si>
    <t>妇科炎症是由于平时不卫生患上的！她如果不纯洁并不一定患这种病！</t>
  </si>
  <si>
    <t xml:space="preserve">你怎么看待伊面邵美琪复合?邵美琪真的能原谅他吗?他们可真不容易啊 </t>
  </si>
  <si>
    <t>在一场演唱会上,郑伊健曾当着万千歌迷为邵美琪送上一首歌:一生爱你一个.....希望伊健别失信诺言,除了她没有谁更适合伊健....</t>
  </si>
  <si>
    <t xml:space="preserve">我的JJ正常吗？我的JJ勃起的时候，如果我站着，那么大概成30度 </t>
  </si>
  <si>
    <t xml:space="preserve">正常男子阴茎的勃起角度应该超过９０°，即并不是指向前方，而是远端（龟头）向上翘，使阴茎靠近腹部。这种阴茎的“过分上翘“非但不是异常，相反，正说明勃起能力良好，恰恰意味着能满意进行性生活，比起他们向往的“垂直向前“的阴茎勃起情形要好得多。同样，有些男孩子担心阴茎软下来以后，指向前下方面不是下方，也是毫无必要的，因为阴茎疲软的程度不同，指向前下方或下方的情况都可以出现。即使是同一个人，在不同的时间，这两种指向也都可以分别出现。 </t>
  </si>
  <si>
    <t xml:space="preserve">打碎的体温计里的水银怎么处理啊！？不会中毒吧！ </t>
  </si>
  <si>
    <t xml:space="preserve">水银又称汞，为液态银白色金属，常温下即能蒸发。体温计破碎后，水银掉在地上会形成许多水珠，如果不及时收集，就会很快挥发到空气中，水银蒸气有很大的毒性，通过人的呼吸道可进入，使人中毒。如果不小心碰到皮肤上也能进入人体，危害人体的健康。 水银中毒的临床表现有，全身症状为头痛、头昏、乏力、发热。口腔及消化道症状表现为齿龈红肿酸痛、糜烂出血、牙齿松动、龈槽溢脓，口腔有臭味，并有恶心、呕吐、食欲不振、腹痛、腹泻。皮肤接触可出现红色斑丘疹，以四肢及头面部分布较多。少数患者可有肾损害，个别严重者可有咳嗽、胸痛、呼吸困难、绀紫等急性间质性肺炎的表现。 水银收集处理方法是，用湿润的小棉棒或胶带纸将洒落在地面上的水银粘集起来，放进可以封口的小瓶中，如饮料瓶等塑料瓶，并在瓶中加入少量水，瓶上写明“废弃水银”等标识性文字，交给本单位或社区居委会废液管理人员处理或送到环保部门专门处理。特别提醒广大市民注意，千万不要把收集起来的水银倒入下水道，以免污染地下水源。如果水银渗入地下水，人们饮用了含有重金属的水，就会危害人体健康。 对掉在地上不能完全收集起来的水银，可撒些硫磺粉，以降低水银毒性。因为硫磺粉与水银结合可形成难以挥发的硫化汞化合物，防止水银挥发到空气中危害人体健康。 </t>
  </si>
  <si>
    <t xml:space="preserve">喝牛奶不舒服怎么办？ </t>
  </si>
  <si>
    <t>"喝牛奶不舒服是因为有的人会对牛奶里面的乳糖不吸收所引起的，也叫乳糖不耐受症。有的人还会发生腹胀、腹痛、排气、不舒服、腹泻、嗳气、恶心等症状。这种体质的人可以选择其他的乳制品代替牛奶、例如奶酪或者奶酪制品。president总统奶酪是法国知名的乳品品牌，产品包括硬质干酪、调味奶酪、各种款式的切片奶酪、黄油、奶油等。如果你是初次尝试奶酪可以从切片奶酪开始尝试，比如president总统的淡味加工奶酪就是不错的选择哦！"</t>
  </si>
  <si>
    <t xml:space="preserve">葡西生死战10年世界杯比利亚凭借争议进球绝杀葡萄牙，今夜幸运女神 </t>
  </si>
  <si>
    <t>看好西班牙！！！》》》</t>
  </si>
  <si>
    <t xml:space="preserve">中国男子足球队所有的10号？全部资料，包括个人资料 </t>
  </si>
  <si>
    <t xml:space="preserve"> 国产科幻大作-超小客户端830K 免费个人相册申请 最新传奇游戏发布 铁血书库 读图看图，图鉴每日更新大量好帖！ 好博客，我为你宣传 民族软件的骄傲,wps2005免费下载 免费个人主页，3分钟搞定！  加入收藏 联系我们 新手上路    首页| 到处逛逛|登录| 注册| FAQ|  欢迎光临 铁血论坛. 首次访问本站, 请点击论坛上方的链接阅读FAQ. 您可能需要注册才能发布信息.已经注册请先登录.  铁血论坛 → 铁血精品区 → 综合频道 → 【体育新闻】 → 10年国足10号大佬：从边卫黎兵到李毅大帝 Big5  简洁版       您是本文第 2353 个阅读者  ★帖子主题：10年国足10号大佬：从边卫黎兵到李毅大帝 回帖统计 时事观察员   工分: 98436本区职务: 会员    楼主    　　在过去10年里，黎兵、宿茂臻、申思、于根伟、郝海东、李金羽、张玉宁、周海滨、郑智、陈涛、李毅等人都先后穿过中国队的10号球衣，此后这件球衣就记录了一道道并不平常的风景。 　　10号曾见证黎兵、郑智从后卫线走出来 　　1996年12月，戚务生率领中国队出战艾因的亚洲杯赛时，中国队10号球衣的主人是黎兵，那两年黎兵刚刚从左边后卫的位置改打前锋，因此在国家队里，黎兵也是进而中锋、时而边后卫。黎兵和杜威在训练 　　自从1994年辽宁队主教练王洪礼在队中没有强力中锋的情况下将黎兵推到前锋线上，此前打左边后卫的他只是定位球时才到对方门前试试运气，青年队时就打前锋的黎兵终于再一次回到自己最合适的位置上，此后黎兵就成为国内赛场上最具威力的前锋之一。但是在国家队中，黎兵的位置一直在左边后卫和中锋之间游荡，甚至在1997年黎兵在国家队中仍然穿着10号球衣出任左边后卫。那时候，中国队出场时黎兵总是一道风景，因为这个背着10号球衣的大个子总是站到后卫线上。郑智厚积终于薄发：罚入点球瞬间 　　与黎兵从后卫线上走出来一样，中国国家队中另一个出色的10号--郑智也曾是一名出色的后卫。1999年奥运会外围赛上，霍顿的右边后卫是来自乙级队的郑智。不过随着他转会到深圳健力宝队之后，他在进攻上的才华渐渐被挖掘出来，他几乎重复了黎兵当年的轨迹，一步一步从后卫线顶到中场。不过，就像黎兵当年在国家队很久才重新抢到前锋上的位置一样，入选阿里汉执教的中国队后，郑智也是从后卫线上做起，2004年他在阿里汉的手下，他曾多次在一场比赛中既打拖后中卫又打前腰，关键时刻又到前锋线上冲杀。 　　10号曾是剑客的号码，于根伟就这样一剑封喉宿茂臻曾笑傲四方 　　中国队的10号，在更多时候都是头号杀手的球衣，像郝海东、李金羽、宿茂臻、张玉宁等国内一流的射手都曾是10号的主人。郝董施展成名绝技：带球摆脱对方后卫的防守 　　作为国内第一前锋，郝海东原本是天生的中锋角色，他似乎更应该是一个9号球员。从当年在国奥队出道开始，郝海东的位置从来都是前锋，虽然他传球的能力并不差，而且当他进够了之后也乐于助攻队友，但是他的性格和踢球的方式决定他是一个不折不扣的射手。但是，自从他转会到大连万达之后，人们已经习惯于他身披10号球衣，因此在后来的国家队中，很多时候他都是10号的主人。而其他几名经常在国家队穿10号球衣的前锋中，宿茂臻和张玉宁都是标准的中锋踢法、李金羽是抢点型得分手。绝对大羽激情四射：李金羽中场争顶 　　在近10年的国家队中，也曾有两个能传能射的天才10号。其中在上海申花队习惯于身披14号球衣替补出场的申思，即使穿上国家队的10号球衣也仍然改变不了替补的角色，这让他一直没有机会把自己的天分带到国际赛场上。而于根伟虽然并没有代表国家队打过太多的比赛，但却无人怀疑他灵秀的脚法。历届最帅气的10号：张玉宁带球突破 　　尽管于根伟穿10号亮相是在2002年贺岁杯以及去年国足7-0香港仍无缘世界杯，但身穿11号的他却张力十足，2001年10月，他身穿11号球衣的致命一击却让人永生难忘，就是这个11号一脚把中国队送进了世界杯决赛圈。对于自己穿10号，他解释，“我可不是抢10号穿，我更想穿11号，但是11号已经被人拿走了，我是迫不得已才穿的。”于10脚法灵秀飘逸：突破对手拦截 　　10号将见证周海滨、陈涛的成长轨迹 　　如果说黎兵、郑智、郝海东等人是靠自己的一路打拼才无可争议的领到国家队的10号，那么最近两年中国队的10号有时会成为奖品。曾经最年轻的10号：周海滨与日本队球员拼抢 　　阿里-汉带队时，他曾把10号球衣交给了队中年龄最小的周海滨，朱广沪接手国家队后，他在东亚四强赛上把10号球衣穿到了小将陈涛的身上。后来周海滨无法成为国家队的主力，渐渐淡出了阿里-汉的国家队，而10号也再次被郝海东收回。而陈涛在郑智无法出战东亚锦标和东亚运动会时成为10号的新主人，身穿这件球衣的他在前场又传又射。虽然这两个人都只是短时间成为10号的主人，但是这段身穿中国队10号的经历显然都会帮助他们树立自信。目前最有潜力的10号：陈涛庆祝进球 　　在与保加利亚的比赛中，重返国家队的李毅也成为国家队的10号球员。虽然李毅此次领到10号球衣较为偶然，如果不是10号的主人郑智受到亚足联的处罚，也许此次出战保加利亚队他就不会穿上10号球衣。但是我们从这次安排中似乎可以读出另一种味道，把10号球衣交给李毅，既是主教练朱广沪对李毅的信任，也是对李毅个人能力的一种认可。李毅跻身10号行列：带球强行突破 　　如果说，把10号球衣交给周海滨、陈涛是这让小将在国家队中尽快找到自信，那么把10号球衣交给李毅，就是让他重新找回失去的自信。 </t>
  </si>
  <si>
    <t xml:space="preserve">正规物业公司要缴哪些税现在主要收入是物业管理费房租费 </t>
  </si>
  <si>
    <t xml:space="preserve">  1、营业税，收入的5％加附加税；2、物业公司是否是产权人？如果是则房租要缴纳营业税、房产税，如果是代收房租则缴纳实际收入部分的营业税；3、企业所得税。</t>
  </si>
  <si>
    <t xml:space="preserve">S4还有用吗？RT...开80S4岂不是废铁?! </t>
  </si>
  <si>
    <t>正确，开80级自然S4就是垃圾了，这也是必然的。现阶段的S4只是让新手更快的换上战场工作服，有一套比较不错的装备而已，开新地图的时候不至于由于装备上大的差距而影响到升级火PK，一句话：S4是过渡装。如果你已经有一套不错的竞技场装或者副本装的话，不建议你去刷。</t>
  </si>
  <si>
    <t xml:space="preserve">both...and...和notonly...butalso.? </t>
  </si>
  <si>
    <t>我的理解。both 甲 and 乙， 二者地位是相同的not only 甲 but also 乙，强调的是后者乙。as well as 乙， 只是一个补充说明，乙也这样，顺便说一下的感觉。不知道理解对不</t>
  </si>
  <si>
    <t xml:space="preserve">视神经萎缩要怎么办，怎么治疗？ </t>
  </si>
  <si>
    <t>：你好，治疗方法上， 以病因治疗为首要的。一旦视神经萎缩，要使之痊愈几乎不可能，但是其残余的神经纤维恢复或维持其功能是完全可能的。因此应使患者充满信心及坚持治疗。由于各种药物的应用未能采取严格的双盲试验（有时也不允许），因此很难说明何种药物及方法一定有效。药物中常用的包括神经营养药物如维生素B1、B12、ATP及辅酶A等您好，视神经萎缩不是一个疾病的名称，而是指任何疾病引起视网膜神经节细胞和其轴突发生病变，致使视神经全部变细的一种形成学改变，为病理学通用的名词，一般发生于视网膜至外侧膝状体之间的神经节细胞轴突变性。视神经萎缩是视神经病损的最终结果。通常视神经萎缩是不可逆的,目前也没有确切有效的治疗方法.鱼油只是一种保健品,作用在医学上没有得到认可,您可以口服一些神经营养药物,想VB12,肌苷,芦丁等试一下.但是您要有充分的心里准备建议到正规医院做一下详细的检查，您这种情况还是中医调理治疗最好，您以前试过中药没有疗效，中药主要是调理，如果是对症下药的话是不会没有效果的。所以建议您看眼病要去正规的眼科医院。</t>
  </si>
  <si>
    <t xml:space="preserve">关于职业技能想问个问题，我也是魔力内测的时候就开始的玩家,只是坚 </t>
  </si>
  <si>
    <t>就象楼上所说的一样，魔力本身就是一个接近现实世界的虚拟游戏，在这个方面魔力2反而有所增加，新开的技能开拓就是最好的体现，其实，你所说的自给自足是一种程度较低的游戏，仅仅只是一种自然经济，而魔力的宗旨是要营造一个更象我的现实生活的社会经济，如果你真的还想玩那种叫幼稚的游戏，希望你最好放弃魔力，因为他的发展是我们难以估计的，不过可以肯定的是，这款游戏不适合你（和那种程度的人）。</t>
  </si>
  <si>
    <t xml:space="preserve">电磁炉停工不干活.我用的是:正夫人:电磁炉.做饭时突然没反应了. </t>
  </si>
  <si>
    <t>你检查的是插座的电源吧?电磁炉本身的电源没检查过吧?还是叫人来看吧,不会可不能乱拆哦.</t>
  </si>
  <si>
    <t xml:space="preserve">从积水潭地铁站到新街口百货商场有多远?请问走路有多远，大概的距离 </t>
  </si>
  <si>
    <t>出了积水潭地铁站口向南步行500米,在马路的西侧.</t>
  </si>
  <si>
    <t xml:space="preserve">请问流过产的都在去通水吗？我2002年的时候流过产，去年4月份的 </t>
  </si>
  <si>
    <t>试孕一年以上未孕的,有必要去检查这一项,不过,最好去做碘油造影.不通的情况下再去通水.</t>
  </si>
  <si>
    <t xml:space="preserve">求个神鬼传奇激活码谁给个神鬼传奇激活码啊,,谢谢 </t>
  </si>
  <si>
    <t>去神鬼传奇的网站求,来这里不会有人有的</t>
  </si>
  <si>
    <t xml:space="preserve">一个扣点问题?请问一下我的一个号已经充点了，但是我上的是那个号里 </t>
  </si>
  <si>
    <t>不扣的 不到10及不扣点的</t>
  </si>
  <si>
    <t xml:space="preserve">我也要玩新区，建议华夏开新区啊 </t>
  </si>
  <si>
    <t>我顶，我们要放暑假了没新区怎么玩啊</t>
  </si>
  <si>
    <t xml:space="preserve">化学为什么c对 </t>
  </si>
  <si>
    <t xml:space="preserve">碳酸钠的热稳定性比碳酸氢钠强受热时  碳酸氢钠分解  会产生使石灰水变浑浊的C02  </t>
  </si>
  <si>
    <t xml:space="preserve">清泉老师,你好。000983如何操作?先谢谢了 </t>
  </si>
  <si>
    <t>看10日均线的支撑力度.</t>
  </si>
  <si>
    <t xml:space="preserve">为什么Excel表格在编辑时会突然关闭?在使用时会突然关闭,造成 </t>
  </si>
  <si>
    <t xml:space="preserve">  可能和office或者操作系统的版本太低有关，使用2003版的没有这个问题。或者在控制面板－－系统－－高级－－错误报告，在“禁用错误报告”前打上勾，再按确定，以后就不会创建错误日志了。但解决办法最好还是安装高版本的office和XP SP2系统。</t>
  </si>
  <si>
    <t>想要注会审计13</t>
  </si>
  <si>
    <t xml:space="preserve">给你一个，各科都有；抓紧时间下载 </t>
  </si>
  <si>
    <t xml:space="preserve">用镊子拔腋毛后的问题用镊子拔腋毛后，能保持多长时间？腋毛新长出来 </t>
  </si>
  <si>
    <t>用拔的方式再长出来的毛发不会象刮的那样粗硬，它的头是尖的，刮的因为你把表面刮断了，没有根除，所以它的面是平的，看起来很粗黑，你拔完后可以把收缩毛孔的东西涂点含有熏衣草成分的DD，这个有镇静皮肤的作用，要是没有，就拿冰毛巾敷下，防止出血</t>
  </si>
  <si>
    <t xml:space="preserve">汽车电池漏电是什么原因？很严重，今天用其他电池来发动一下，电线接 </t>
  </si>
  <si>
    <t>电池漏电可能是电池时间长了不储电.还有可能是发电机不发电.所以.电池没有电可储.建议你检查一下电池和发电机.电线接触后火花严重.不一定是电池漏电造成的.也有接线的时候造成的电火花.</t>
  </si>
  <si>
    <t xml:space="preserve">关于紫霞秘籍的问题我现在52级,闭关修炼紫霞到9级,但是就不能继 </t>
  </si>
  <si>
    <t xml:space="preserve">每本秘籍一般正常的话是10级领悟该武功一层，楼主的紫霞还只有9级当然不能领悟紫霞神功，一般必须要修到10级才有可能学会，而且每本秘籍都有自己的好坏，也就是品质，品质差的秘籍有可能修到30级都不出一层，而品质好的秘籍的话，修到30级能出三层。这个就要看楼主运气了。请尝试先搜索问题，如果没有找到您要找的答案之后，再提问！如果提问的话，找到您需要的答案之后请您尽快登陆到个人中心结贴！如果对我的回答还有问题可以PM我，PM的时候顺便把帖地址带上！复制偶东西之人！请把格式也复制了！也要针对问题，不要盲目复制别人东西！ </t>
  </si>
  <si>
    <t xml:space="preserve">显卡升级问题请问现在买了Geforce7950GS2或ATIX1 </t>
  </si>
  <si>
    <t>这个没有办法,只能升级它的BIOS但是也很危险,如果不一有这个必要建议还是不要这样做,其实目前来看DIRECTX 9是主流,而且对游戏的支持也很好足够用了.</t>
  </si>
  <si>
    <t xml:space="preserve">怎么向一个你喜欢的女孩，表白？（可是要成功哦！） </t>
  </si>
  <si>
    <t>我是个女孩子，我认为你应该先了解一下她对你的感觉，如果她对你感觉不错的话，那就找个好机会大胆的对她说你喜欢她！自信一些，有时候女孩就是在等你说喜欢她，也许她早就注意到你了，现在的女孩都不笨，很敏感的。如果平时对你态度冷淡，那就只能让她先对你感兴趣了，再说。切记不可操之过急，否则会适得其反。</t>
  </si>
  <si>
    <t xml:space="preserve">29级野猪筋+五行G260+,值多少钱?高手救命,我在1区 </t>
  </si>
  <si>
    <t>在游戏里筋是没有攻击力的,估计是游戏出错把命中显示成五行攻击.</t>
  </si>
  <si>
    <t xml:space="preserve">请问002006精工科技短线还能再上10元吗?如题,谢谢老师作答 </t>
  </si>
  <si>
    <t>很难，今日不能收上去，后市回落！</t>
  </si>
  <si>
    <t xml:space="preserve">我怀孕5个月整，肚皮很痒，被抓后现在有很多红点，现在每天涂橄榄油? </t>
  </si>
  <si>
    <t>不错,这应该就是因为怀后腹部皮肤被"撑大"而引起的"搔痒症"(也有一部分人会感觉到肚皮疼的),这没有什么关系,一般也没有什么好的办法来消除的,只要经过检查不是其它方面的原因,那也不会影响到健康,只好"忍一忍"了,一般在适应后就没有这么"敏感了".</t>
  </si>
  <si>
    <t xml:space="preserve">怎么卖魔域的帐号我要卖的选择项目里就装备游戏币其他帐号不能选择 </t>
  </si>
  <si>
    <t xml:space="preserve">尊敬的客户:    您好！5173客户服务052很高兴为您服务！如果您出售的是帐号，请您在登陆后点“我要卖”选择“发布ID信息”我们的审核员会在24小时内为您审核，如果资料正确会为您上架，有买家购买我们的客服会再次验证您的资料，如果您的资料正确我们将会代您出售。交易完成后客服会为您转帐。如果您还有疑问，请您登入5173用户名,“进入我的5173”,选择左边任务栏中的“我要投诉/咨询”,在线提交您的问题,工作人员在1个工作日内在线答复您，您可以在“咨询投诉管理”中查看回复结果,并对我们的服务进行评价。感谢您对5173的支持!!!                                                </t>
  </si>
  <si>
    <t xml:space="preserve">请问在刷副本以前蓝色装备从哪里弄?我是个60级矮人战士.以前几乎 </t>
  </si>
  <si>
    <t>一般两种途径：1.从小副本刷上去，一般来说，60战士刷40左右的副本还是没有问题的，你先去血色修道院刷个盾出来（可能有点多试验几次），然后再去剃刀沼泽，弄点冰铁头，甲虫壳什么的（当然，如果你的装备好于这个档次可以略过。然后坐城里喊，“60战士带人下祖尔法拉克，拉顿”一定要组全5人，其他人等级不要太低就行（祖尔大概42-47，马拉顿大概46-53）。有你在，还是5人组，打过去很轻松的，你尽量拿双手武器清过去就是了。等到这俩副本刷得差不多了，就开始准备神庙，神庙没什么太好的装备，主要就是为了那个盾，有人喊就去，每人喊就略过也成。在这之后，就是黑石深渊了，你是联盟的，联盟做黑龙钥匙任务要去好几次深渊，所以组队应该相对好组，你也不用喊，看见有人要去你就报名跟着，当然，纯粹护送就算了，那条路上刷不出来什么东西，其他的什么做任务的，直接皇帝的，都跟着去，看见什么能用的都拿着，多刷一段时间就可以了。另外这个阶段如果有人喊组去厄运，一定要跟着去，厄运装备基本都是精品，只不过没有套装去的人少。等你深渊刷一段时间之后，你就完全有资格刷3大副本了。另外，尽量弄个好点的双手武器，诸如通灵这种副本（其实说起来黑石塔上层以外的所有小副本都一样），如果其他人装备都还不错的话，特别牧师装备不错的话，战士拿不拿盾没有太大分别。2.战场。基本上3个战场如果都刷到崇拜，连战场带荣誉装备，可以解决你身上80%以上的装备，不过时间比较长大概需要4-6周（每天都打很长时间）。建议呢，搭配着来，特别是奥特兰克战场，尽量刷到崇拜，如果你所在服务器联盟占优势，那么耍打战场很快的，这样就解决了盾牌，武器和戒指的问题。</t>
  </si>
  <si>
    <t xml:space="preserve">人为什么要得心脏病，心脏病只能先天不能后天的吧最近心脏这一块有点 </t>
  </si>
  <si>
    <t>不要想太多。偶尔这样很正常。我有时也回痛。不去想就好了</t>
  </si>
  <si>
    <t xml:space="preserve">给宝宝起个好听的名字预产期11月11日属虎父姓李母姓刘独生子男孩 </t>
  </si>
  <si>
    <t>男孩：李峻熙 (峻:高大威猛;熙:前途一片光明)       李懿轩 (懿:美好;轩:气宇轩昂) 女孩：李熙雯 (熙：光明 雯：成花纹的云彩)       李诗婧（如诗画一般的美丽女孩）</t>
  </si>
  <si>
    <t xml:space="preserve">请问UD是什么意思啊？经常听到什么UD贼，UD法师什么的。。不知 </t>
  </si>
  <si>
    <t>UD来自魔兽争霸   是不死亡灵的意思undead  的缩写</t>
  </si>
  <si>
    <t xml:space="preserve">请帮忙设计一下. </t>
  </si>
  <si>
    <t>那4.2米的应该是客厅吧?如果不是就和卧室对调一下私密性好.和餐厅连起来客厅看了也气派.次卫生间的门改到厨房,次卫生间和厨房的门都用推拉门.原来那面墙做一组衣橱----上衣柜下鞋柜方便进出门更换衣服.其它你没提出你的要求,就不好说那</t>
  </si>
  <si>
    <t xml:space="preserve">感谢老陆的经验分享恩，今天老陆把砸装备的经验分享给了我，还认识了 </t>
  </si>
  <si>
    <t>这点小事还跟我客气....能帮助群友是我的荣幸!!!谢谢松鼠夸奖了!!!</t>
  </si>
  <si>
    <t xml:space="preserve">问拉文霍德庄园的声望问题30的徽章变成友善，请问能变成尊敬甚至更 </t>
  </si>
  <si>
    <t>尊敬需要去  敦霍尔德城堡偷徽章交  一直到尊敬 再交垃圾箱到崇敬（需要600个吧） 到崇敬后就有个人能说话了  找那人接任务就行了      我已经崇敬了     不过史诗任务是不存在的</t>
  </si>
  <si>
    <t xml:space="preserve">下肢无力怎么办? </t>
  </si>
  <si>
    <t>问题发生的根本原因是肌力问题，治疗重点是下肢的几个关节。这种肌力异常问题，也是导致关节功能障碍的最直接原因。你可以参考一下EB301，也许可以助你解决这方面的问题。</t>
  </si>
  <si>
    <t xml:space="preserve">谁能教我个方法能把世界频道屏蔽掉呀~~无聊的频道~都是骂人的~~? </t>
  </si>
  <si>
    <t>把刷屏的垃圾加进黑名单里  就看不见他的发言了</t>
  </si>
  <si>
    <t xml:space="preserve">35级道士在哪里混好混啊。专家请发言！谢谢！说的详细点。。 </t>
  </si>
  <si>
    <t>升级挂机的话,挂蛇洞比较好或者挂炼狱15层吧.打装备的话,3级狗太弱了.也就适合在炼狱15层打吧,爆点裁决,谷雨,无机好了.然后拿裁决,谷雨,无机去换是最好的.如果你要自己去打禁地套装的话,现在也只能去点炼狱魔境8层吧,不过这里容易出现包场的情况.下魔城,3级狗也忒弱点.去通天更是没什么指望了.还是在炼狱15打蛇王吧,不建议去打逆魔装备,难打,还没什么搞头!</t>
  </si>
  <si>
    <t xml:space="preserve">您好，我正在带隐适美，请问每天是最少需要带22个小时吗？ </t>
  </si>
  <si>
    <t>是的，除了吃饭时间，其他时间都应该带上。</t>
  </si>
  <si>
    <t xml:space="preserve">9命我已经在官网注册上面说我的盛大通行证已经可以登陆霸王大陆怎么 </t>
  </si>
  <si>
    <t xml:space="preserve">我也一样啊   二次内测申请首页         祝贺你，您的盛大通行证已经可以登录霸王大陆 !!!  可怎么也上不去啊   </t>
  </si>
  <si>
    <t xml:space="preserve">高中基础数学【散题不难】都是很基础的题目，我的数学基础不好，这些 </t>
  </si>
  <si>
    <t>第一个：1+ x/3≤5- (x-2)/2           1+x/3≤5-x/2+1            x/3+x/2≤5             5/6x≤5                x≤6第二个：（X-1）/2 + （2X+1）/2 ＞X+ 1/6           x/2-1/2+x+1/2&gt;x+1/6           x/2&gt;1/6            x&gt;1/3第三题：已知角a 的终边通过 P（3,4）则 sina +ca +tana=在直角坐标系中找出这个点：第一象限所以sina=纵坐标/op长度=4/5    cosa=横坐标/op长度=3/5    tana=纵坐标/横坐标=4/3求分数的和就行：44/15第四题：常见角度的sina、cosa、tana应该记住sin（π/3） +cos（π/3）+tan（π/3）=跟3/2+1/2+跟3第五题：已知sina +cosa =3/5 则sin2a=？ 等式平方后变成了：（sina）^2+（cosa）^2+2sinacosa=9/25  而：（sina）^2+（cosa）^2=1（恒等式，应该记住）       sin2a=2sinacosa（二倍角公式，想想：cos2a，tan2a）     所以原式：1+sin2a=9/25                 sin2a=-17/25</t>
  </si>
  <si>
    <t xml:space="preserve">windows7的市场份额为什么还不如xp </t>
  </si>
  <si>
    <t>XP适合个人电脑使用，W7虽然画面好看，但除了部分新功能，操作并不是很方便，加上和多人喜欢与xp，不喜欢一直换操作系统</t>
  </si>
  <si>
    <t xml:space="preserve">NFS9调校问题我抽到了老明的车——兰博基尼盖拉多。这辆车怎么调 </t>
  </si>
  <si>
    <t>前三项是根据个人手感 自行调教 后几项是根据路段进行调教  没有一成不变的设置</t>
  </si>
  <si>
    <t xml:space="preserve">人们常说“桂林山水甲天下”，这话一点也不假运用了什么修辞方法 </t>
  </si>
  <si>
    <t>运用了衬托的手法，山水之美有浩瀚巍巍之雄美，有青山绿水之秀美，亦有奇伟险峻之奇美。　　庐山是奇伟险峻，重在突出奇伟，泰山是好汉巍巍之美，而桂林山水重在秀美，通过天下景色来衬托桂林山水的秀美。　　桂林是我国著名的旅游胜地，被誉为“桂林山水甲天下”。　　桂林漓江风景区是世界上规模最大，风景最美的岩溶山水旅游区，千百年来不知陶醉了多少文人墨客。桂林漓江风景区以桂林市为中心，北起兴安灵渠，南至阳朔，由漓江一水相连。桂林山水向以“山青、水秀、洞奇”三绝闻名中外。　　其中一江（漓江），两洞（芦笛岩、七星岩），三山（独秀峰、伏波山、叠彩山）最具代表性，它们基本上是桂林山水的精华所在。　　其实有的桂林市属县的某些景点已经超越了以上，比如荔蒲县的丰鱼岩，很早就已经获誉“亚洲第一洞”，在我很小的时候去的了，还有阳朔县的西街。还有乐满地　　了解到有一部分游客游完桂林回去后反映桂林山水名不符实，这主要是由于环境状况每况愈下，现在的山水已经和贺敬之写的原景不一样了，但大貌还是在的。其实这部分游客主要原因是不熟，所以在一些景色一般的地方耗费太多时间。大部分客人还是对桂林留下了美好的回忆。　　欢迎大家到桂林来玩，找来过的熟人带来，也可找个好的旅行社，保证住宿和找景点不盲目即可，桂林的旅游消费是相当低的，但我是不大喜欢旅行社的，不自由。</t>
  </si>
  <si>
    <t xml:space="preserve">什么是博士后流动站？ </t>
  </si>
  <si>
    <t xml:space="preserve">博士后流动站是一种工作站，具有流动性。凡符合条件的博士可在国家认证地博士后流动站申请成为博士后，期间做相应地研究项目，期满了以后可以出站。    若要了解更详细地情况，请访问中国科学院人事教育网： </t>
  </si>
  <si>
    <t xml:space="preserve">注册信息被别人知道了，怎么办？急！！别人知道了注册时的提示问题和 </t>
  </si>
  <si>
    <t>身份证改了   邮箱也改  这样安全性 应该大些</t>
  </si>
  <si>
    <t xml:space="preserve">为什么微博登陆不上去？ </t>
  </si>
  <si>
    <t>可能是你的账号存在密码不安全的因素，打电话去克服问下，之前我的就是被别人盗用，虽然密码没改，但是我是广东，他是福建的，所以就说什么违规操作了</t>
  </si>
  <si>
    <t xml:space="preserve">求好看校园动漫比较短的那种,要精彩的,最好能先说下大体内容.谢谢 </t>
  </si>
  <si>
    <t xml:space="preserve">01.愿此刻永恒 02.雪之少女 13集 ，外加1集ova &amp; AIR 03.美鸟日记 13集 ★★★★★ 04.魔力女管家第一部12集，第二部14集，外加1集ova ★★★★★ 05.外星BB撞地球 75集 ★★★★☆ 06.欢乐课程 07.这个既丑陋又美丽的世界 12集 ★★★☆☆ 08.守护月天 22集外加8集ova ★★★☆☆ 09.人型天使心 27集外加一集ova ★★★★☆ 10.全金属狂潮213集 ★★★★☆ 11.最终兵器彼女(She.The Ultimate Weapon) 13集 ★★★★☆ 12.真月谭月姬(Shingetsutan Tsukihime) 12集 ★★★★☆ 13.我的女神(Ah!My Goddness) ova5集，剧场版一集，TV25集 ★★★★☆ 14.圣枪修女(Chrno Crusade) 24集 ★★★★☆ 15.纯情房东俏房客(Love Hina) 16.DNA2 15集 ★★★☆☆ 17.东月西阳 13集 ★★★☆☆ 18.成惠的世界 12集 ★★★☆☆ 19.菜菜子的解体诊书(nanako kaitai shinsyoi) 6集 ★★☆☆☆ 20.妹妹公主(Sister Princess) 21.月咏(Moon Phase) 25集 ★★★☆☆ 24.蔷薇少女(Rozen Maiden) 13集 ★★★★☆ 25.妖精的旋律(Elfen Lied) 26.双恋(Futakoi) 13集 ★★★☆☆ 双恋2(Futakoi 2) 13集 ★★★★☆ 27.心动的日子(Heartful Days) 26集 ★★★★☆ 28.翼(Tsubasa) 尚未出完 ★★★☆☆ 29.美少女学院(恋恋7)(Koi Koi Seven) 13集 ★★☆☆☆ 30.我的主人爱作怪(This is My Master) 13集 ★★★☆☆ 31.伊里野的天空,UFO之夏 6集OVA ★★★☆☆ 电击少女的传统画风，紫色调我倒是很喜欢。唯美的恋爱作品。剧情稍显矫柔造作， 但是柔弱的女主角那楚楚动人，惹人怜爱的眼神是肯定能吸引一批对此毫无抵抗力的男生...（男主角也是这么上钩的！）女主角似乎也被"改造"过,有一点最终兵器彼女的意 味. 也是一部男主角没被少骂的片子. -_-!! 32.秋之回忆(Memories Off) ★★★☆☆ 看了以后我也没有什么好说的，很普通的校园恋爱剧，画风当然还不错.个人觉得此作 品游戏远比动画有感觉。(ps:我就正在玩秋之回忆3的游戏,真的很不错啊) 33.新恋爱白皮书(Boys Be) ★★☆☆☆ 画风还好，动画制作认真，剧情是讲述几个大学生的恋爱故事的,但个人觉得比较无聊 34.听到涛声 1集 ★★★★☆ 宫崎骏的电影作品,一改以往童话式剧情的体裁，我倒是很喜欢这种写实风格的作品， 而事实上，作品本身也很优秀。没有华丽的画面，没有做作的情节，很多细节都很好的 展现了人物心理活动的微小变化。正如其名，虽然整部片子里,似乎自始至终没有明显的 男女主角相互爱慕的表现，但在结尾他们在火车站台上不期而遇,相互微笑的望着对方时 ,我们能从中感受的那笑容里传来的浓浓的惬意，仿佛真的听到了澎湃的爱情涛声! 35.云之彼端,约定之地(The Place Promised In Our Early Days) 1集 ★★★★★ 这部作品也是今年第一季众多传媒争相报道的新海城新作。而她确实没有让人失望， 精彩依旧的CG，让人回味无穷的配乐和ed，继承了&lt;&lt;星之声&gt;&gt;的优势，而色彩丰富的画 面和改善的细腻画风更是让作品增色不少。若是说遗憾的话，就是剧情稍有欠缺.唯美的 剧情和&lt;&lt;听到涛声&gt;&gt;给我的感觉有些相似，不过总是觉得一切都来得太突然，不够充实 。不过总的来说，是一部很值得欣赏的作品! 36.爱情泡泡糖(Final Approach) 13集 ★★★★☆ 就动画来说,我不认为这是一部真正意义上的后宫,四个女的一个是老妹,一个是老友, 一个是自己喜欢的,一个是喜欢自己的,如是而已.而作品亮丽的画风和人物，偶尔q版的 造型，大胆的eg的剧情,都能让你"品尝"到新的滋味而不觉沉闷!确实是同类型美少女游 戏改编作品中的佼佼者。op和ed都不错，剧情短小精悍，一集十几分钟，绝对是你休闲 娱乐的好选择，哈哈哈 @o@ 37.D.C 初音岛(D.C. DA CAPO) 26集 ★★★☆☆ 这个校园恋爱动画是讲述一段哥哥纯一和妹妹音梦的恋爱故事（不是真正有血缘关系 的），还是传统的一男多女后宫类型，误会－&gt;争吵－&gt;和解,如此三番几次后感情的升华 ，最后在另一女主角樱的心理反复挣扎后（樱有“超能力”，甚至可以控制音梦的生死 !），成全了这一对饱经摧残的哥妹之恋。虽然剧情还是逃脱不了老套路，但是我得承认 ，无论从哪个角度，这部作品也是同类中比较优秀的，尤其是对背景音乐的把握。而且 最与众不同的是，每集过后都有一个声优的mtv，或者一个小短篇，也都给作品增添了别 样的色彩。 D.C.S.S 初音岛(D.C.S.S DA CAPO SECOND SEASON) 七月新番 ★★★☆☆ 第二部和漫画原作剧情有很大的不同,虽然让白河小鸟作主角是没什么问题,也是顺应 民意(便宜纯一这家伙了),不过我还是很关心我们的大醋坛子音梦去哪儿了,连樱也消失 的无影无踪.或许是刻意这样安排,让我们带着疑问观看,再慢慢解开谜底吧.又有不少新 人物会登场,似乎所以完全和一可以分开讨论,ed的最后一幕也非常耐人寻味,大家都会猜 那到底是谁吧! 38.东京大学物语   （ 2话OVA） ★★☆☆☆ 我在想看过这部作品的人是为什么去看的，若不是无聊到没有东西看，恐怕就是奔着这 个名字里的“东大”二字而去，反正我是这样的。好像就一两集，很早前看过的，好像 是讲几个以东大为目标的中学生的恋爱故事的,印象最深的是那个变态老师和那段男女主 角躲在讲台下面kiss的情节，剧情是偏柔情的类型的。如果你想象我一样成为一个博览 众多恋爱类作品的otaku，那么看一下也无妨，反正很短。据朋友说漫画好像是H的. 39.草莓100%(Ichigo 100%)    12集 ★★☆☆☆ 怎么说呢，一开始看似乎画风有一些改观，其他真看不出动画比漫画有什么优势.看过原 作的人们喜欢她的原因无非是那精彩的剧情，而不是画风。所以如果动画没有能够很好 的继承这部漫画的精髓，那么就算是失败了吧，不管她花了多少时间在表面功夫上(不过 后面的画风好像越来越差!连这点优势都没有了)。所以还是建议看漫画吧。其实看漫画 有好处，你想看多快就多快，不象动画有时候总是觉得太拖拉。 40.魔法老师(Magister Negi Magi)    26集 ★☆☆☆☆ 其实很不想拿这部作品来发泄我心中的不满，但是对于一个忠实的赤松迷来说，最不 能忍受的便是赤松的作品被改的一塌糊涂，尤其是画风。love hina 前车可鉴，然而魔 法老师依然步其后尘，可见日本的动画制作水准也是参差不奇。日本人是做事出了名的 认真负责，但是把这样一部优秀的作品改成面目全非的垃圾，扪心自问，这也称的上是 负责（简直就是尸位素餐）？对此我不想再说什么，因为大家都已经把Xebec骂的换制作 了，这还真是前所未闻! ps:还是支持漫画好了，各位! 41.爱的魔法(Maburaho)    24集 ★★★☆☆ 个人觉得这算是一部作的很不错的的后宫片子,比《女生万岁》之类好看的多，如果不 是后半部分拖剧情,我很可能给她打更高的分数。男主角式森和树是一个学习差，魔法使 用次数又极少的一流魔法学院的学生，但是由于他拥有很优秀的魔法师的血统，因此一 些人出于各种目的，想要得到他的遗传因子，以得到拥有强大魔法力量的后代。因此我 们的和树的幸福生活展开了! 42.女生万岁(Girls Bravo) 第一季11集，第二季12集 ★★★☆☆ 这是部15X的作品,正如其名,主旨就是为了满足男性们对异性的某些需求,因此充斥着 大量的露点镜头.剧情其实也是很庸俗的,男主角的女性畏惧症,以及女性之城赛莲的设定 很明显的表现了这一点.不过由于音乐做的不错,加上剧本设计也很高明,因此对男生们来 说还是有相当的吸引力. 43.拜托了，老师(Onegai Teacher)     12集，外加1集ova &amp;拜托了，   双子星(Onegai Twins)     13集 ★★★★☆ 这两部片子属于姊妹篇，两部片子由kotoko唱的op和ed都非常非常非常好听！（这里 我用了三个非常，一点都不过分），剧情也很有意思，分别讲述的是一段师生恋与兄妹 之情（恋？）的故事，轻松的剧情中不时泛起一阵波澜，是比较认真制作的作品，喜欢 这一类型的人推荐一看 44.青出于蓝 第一部24集，第二部13集 ★★★☆☆ 老实说我是奔着石田的op去看这部片子的，川澄的ed也不错，虽然女主角几乎是所有 男生所喜欢的大和抚子类型的，但是剧情少显无聊，所以有时间的话可以看看. 45.花佑京的女仆队 两部都是12，3集，具体记不清楚了 ★★★☆☆ 这部片子很奇怪，有两部，剧情可以说相同但有不同。看随便哪一部都行，所有男生 喜欢的元素基本上都做到了，摆明就是满足某些男生喜欢看暴露的特性的(当然包括我- o-!!)。值得一提的是它的音乐作的不错，op：voice of my heart很好听. 46.下级生 ★★★☆☆ 当我告诉并不很喜欢恋爱类型动画的同学我看的是下级生的时候，他们出于对游戏的 “执着”，跟着我看了一大半，不过最后却失望而归 ...不过即便如此，服务男性的暧昧剧情还是必不可少的，不过我也说不出来他和大多数 后宫型游戏改编动画作品有什么不同，所以还是有兴趣的看看吧。据说&lt;&lt;瞳孔中的少女&gt;&gt;还不错。 47.钢琴物语(Piano) （13话） ★★★☆☆ 藤岛康介的作品一向都很有人气，不过这部好像例外，不怎么有名。剧情也和其他作 品相比少显逊色。不过既然是和钢琴沾边，那么音乐当然是不错的，如果对钢琴题材的 恋爱类型作品感兴趣的，可以看一看。 48.爆弹小新娘 第一部12集 第二部12集 ★★★☆☆ 又是一个天降新娘的系列，和爱情泡泡糖类似，画风稍稍逊色。男主人公是一个喜欢年 纪比较大的国中学生，偏偏在命运的驱使下让他邂逅了（应该说是强迫）象是小学生身 材的莉彩儿，在男生的反抗与女孩子的死缠烂打中愉快的生活开始了.....这部片子也是 一集十几分钟长短的短篇作品，剧情比较暴笑，恶搞，op和月咏一样都很可爱。喜欢此 类题材的观众不要错过。 49.蜂蜜与四叶草(Honey and Clover) 尚未出完 ★★★★★ 50.Love Love ★★★★ 51.Dears ★★★ 52.To Heart ★★★★ 53.灼眼的夏娜（娇蛮女主+柴废男主的爱情喜剧） 54.零之使魔3部(和夏娜差不多（和夏娜同样建议看小说）) 55.BLASSREITER（个人感觉不错）  annad clannadAS  r 58.kanon 佑一回到了雪国之城，这时青梅竹马的少女名雪出现在他的面前。 这是一个发生在北国的感人爱情故事。59.永不消失的彩虹（和D.C系列差不多） 60.染红的街道（妹控的街道，妹控的胜利） 61.CHAOS HEAD（宅男的后宫史~~） 62.秒速五厘米（很令人无奈的结局） 63.你是主人我是仆 64.十字架与吸血鬼65.南家三姐妹 66.忧伤的二之宫君（或者别再忧伤了，二之宫君）（说实话看完之后我对milomiyagu这个词记得特别深....） 67.健康全裸游泳社(不要看名字就以为是H漫，内容相当搞笑，几乎没怎么提到全裸....)（几乎没全裸什么事，你叫什么全裸游泳社...） 68.扑杀天使小骷髅（有点血腥） 69.恋姬无双（百合片，首先声明别带什么政治眼光去看，腹黑的赵云相当搞笑，loli曹操也很不错（真的算算loli吗，董卓和诸葛亮反正是真loli）个人最喜欢的是巨乳人妻属性的黄忠（完美呀~~~~）） 70.机械女仆（给我那么一个女仆我愿意少活10年） Shuffle!（一个小年成为神或者魔的试炼）（校园搞笑爱情而已） 71.龙之塔72.地上最强的新娘（这东西已经超脱了社会伦理） 73.寒蝉鸣泣之时解 74.我的狐仙女友（卖肉片，相当搞笑） 75.幸运星（脑残星应该不用我介绍吧） 76.旋风管家（用说吗？） 77.日在校园78.loli的时间（3年级的小学生和老师发生的H事情（有点夸张，动画做的和谐的太多了，个人建议看漫画，同人游戏也很不错的哦~~~~~）） 濑户之花嫁（人类与人鱼的故事(写作「仁侠」,读作「人鱼」！)） 鹡鸰女神（鹦鹉）（卖肉大作个人举荐看漫画12话太少了（透下剧：那个称自己是GM的眼睛变态身边的那个女的居然是皆淫他妈，我看到那的时候相当?逖絶~~~）） 79.乃木板春香的秘密（已经对女性没有兴趣了的少年与校花之间发生的事情(该死的搜狗总打成咪咪...）) 80. 圣母在上（百合教科书） 81.空之境界（不看是你的悲哀~）82.《人鱼的旋律 第一部》 【内容简介】 七海露西亚是七个美人鱼王国之一北太平洋国的公主。为了从小时侯遇到的遭遇海滩的男孩那里要回给他的珍珠而来到人间。 也许能碰到初恋的那个他，抱着这样一丝期待…… 来到人间的露西亚和偶然相遇的冲浪少年堂本海斗遭到了海中水怪的袭击。其实海斗就是以前露西亚救过的男孩。对海斗怀着朦胧爱慕的露西亚用珍珠的力量变身，手持麦克风一边唱歌一边跳舞，将水妖们打败…… 露西亚为了找回珍珠而来到人间，同时间，海底出现了水妖出来搞事， 而人鱼公主的使命是要用珍珠来召换出亚夸．蕾吉娜!露西亚的同伴是的波音和丽娜。 故事中，出现了另一位公主可怜，但在露西亚和波音请她加入她们时，却一口拒绝， 还说是丽娜令诺爱儿捉走了，令丽娜十分难受。后来，出现了新的敌人。 他们把可怜捉走了，十分想去救她。在这时候，亚夸．蕾吉娜出现了， 把新的力量赐给他们，让他们去救可怜，同时可怜也认定了她们，成为同伴， 一起去救诺爱儿。后来，她们发现了印度洋的公主沙罗之前有一段很惨的恋情， 就是因为这段恋情，已放弃了公主的使命，帮了水妖。 可是是要集合七位公主的力量才能召换出亚夸．蕾吉娜的。 同时露西亚也发现了海斗就是加克特的弟弟，而海斗还答应帮助加克特呢! 之后，沙罗也被露西亚她们感动了，而海斗也清醒。同位，一起用活泼动听的声音，来洗净加克特的心啦 《人鱼的旋律 第二部》 【内容简介】 七海露西亚是七个美人鱼王国之一北太平洋国的公主。为了从小时侯遇到的遭遇海滩的男孩那里要回给他的珍珠而来到人间。 接着第一部的内容,在第二部中,由于橙色人鱼公主沙洛随海斗的兄弟沉入海底,印度洋诞生了一位新的星罗公主,就是很可爱的那个,受到新的敌人的威胁而不能出生,露其亚要收集星罗公主心的碎片,海斗去夏威夷冲浪,被卷入海底而失去记忆,波音喜欢的音乐老师去德国留学,新入学的小男生因为捡到了老师为波音做的乐曲而对波音倾心,城里来了一位新的指挥家...... 第二部将会更精彩,伴着好听的音乐, 来看美丽人鱼的爱情故事吧~ 83.《To Love Ru》 【内容介绍】 《TO LOVEる》是矢吹健太郎即《BLACK CAT》之后的又一力作，讲述外星公主拉拉和普通的国中生结城梨斗的慢跑式爱情故事，故事围绕着男主角利都的校园生活展开，又一部诙谐的校园喜剧漫画，虽然情节设定有点老套，但是矢吹还是用他可爱并且大胆的画风吸引了一大批读者。本次终于在JUMP FESTA 2008 的活动里公布了动画化的决定，相信FANS们一定会期待满点的。 84.《手机少女》 【内容介绍】 她流下的、真实的眼泪 梦想、希望、憧憬……谁都拥有的、耀眼的未来预想图。 为了达成那个目标而聚集的少女们 尽管、他们的内心各有不同的阴暗面 ——有的人，因为过去受到心灵的创伤，失去了自己的梦想 ——又有人，直面在现实这堵巨大的墙壁前，关闭了自己的梦想。 ——还有人，已经忘记了还有梦想 将秘密藏在心中，迷惑、烦恼、痛苦……那就是关闭对未来的希望，心灵的黑暗。 隐藏了的笑容和真实的内心。 让她们敞开心扉，能够向梦想踏出一步的时候——她们应该会流下真实的眼泪。 真实的恋爱，从那时候开始—— 85.《World Destruction～毁灭世界的六人～》 【内容介绍】 一个被「沙海」的黄沙的海洋所包围的世界--- 四季分立的大陆漂浮于其上，在那里，被称为兽人的种族支配着人类。 浮在沙海之上的一个小港口城市里工作的青年奇利艾。 「不管世界在什么地方，以什么方式灭亡，都与我无关吧…」 看到了最近在世界范围中引起轩然大波的“世界毁灭委员会”的通缉令， 这个一直顺其自然过日子的青年也只是这样嘀咕了几句。 有一天，人类的少女莫露特出现在奇利艾的城市。她每天都过着逃亡的日子。 这是因为她正是“世界毁灭委员会”中的一员，持有着相传拥有毁灭世界力量的秘宝「破坏之核(destruct code)」的人。 在相遇后，一起行动的奇利艾和莫露特。接着，因为某个契机，小熊族的兽人酷男托皮也加入其中。 三人一同踏上了毁灭世界的旅程。 追捕三人的「世界救济委员会」的纳加和莉亚，只要收了钱无论什么依赖都会达成的跑腿专家阿卡恩。还有三人在旅途中遇到的各种各样的人类和兽人们。 等待这两个种族混杂的世界的究竟是毁灭，还是救赎呢。86.&lt;KiraRin Revolution&gt; 【内容介绍】 主人公 月岛希梨良 ,是一个活泼开朗的女生,14芕,就读初一... 一天突然在街上碰到一个神秘男子...撞?S她就走了....后来又看见一直乌龟在树上,出于善良的本性救了那只乌龟...谁知这只乌龟是刚才的神秘男子的,神秘男子的微笑及善良,譲希梨良喜欢上了他,认为是纞爱?S,后来此男子给了她一张SHIPS的演唱票,女主人公在近会场,由于个子太小隮不进去走了另一条通道,然后有一男生跳了下来,并叫他让开,女主人工对这个男生映像很不好的时候,那个男生又撕?S她的票子......女主人公为了间神秘男子,遛进了会场,并在一片喧闹声中,说:"我要成为偶像'! 87.《甜蜜偶像》 【内容介绍】 故事发生在虚构的一个名为“Sweetfish production”的事务所，该事务所以培养女性声优、艺人、偶像歌手为主。旗下艺人学员共两批12人，分为歌手、声优、演歌歌手、模特和双人女仆巧克力组合共5组，两两对应。 2005年《Lovely Idol》首次由Princess Soft搬上PS2平台，类型为恋爱养成类游戏。此外一共发行了不包括游戏在内的5张音乐、广播剧CD。目前我们可以欣赏到的大多数图片CG作品来自于西又葵老师的个人作品集和同人本。 Navel正式接手之后对故事进行大幅度的改编，更名为《Lovely Idol～New Lyrics》，主角启用6位新人，分别是?Y瑞树、野野宫舞、桐生琴叶、北条比奈、藤泽琉璃和猫谷海羽。作为“Sweetfish production”事务所第三期学员，这6位佳人将继续扮演她们12位前辈所扮演的角色。88.《夜明前的琉璃色》与你一起，肯定没问题————。 没见过面的人，却听到令人怀念的声音。 出生之后，以及在这之前，遥远遥远的之前，仰望天空可看见的 ネオン的街道、雪原、波光粼粼的大海、树木丛生的山脉 那温柔的、冷冷的、静静的、明亮的、朦胧的，照亮着的月光 根据历史教科书，那里，曾经以前移居过去的人们建立了王国。 离地球上任何国家都很远，但仰望天空却可见到的王国。 从那个国家。 公主殿下， 到家里， 来我家寄住，怎么办才好？ 听到令人怀念的声音，由没有见过面的人说。 对我来说，有你就足够了————。 </t>
  </si>
  <si>
    <t xml:space="preserve">果安纤学生能不能用？我是名学生，平时学习量大，没有时间做运动，结 </t>
  </si>
  <si>
    <t>每个人的体质不一样吧··自然用的效果也就不一样咯··生活南京是觉得能不用减肥产品最好是别用··课间时间全部动起来··晚餐就吃水果，多吃粗粮··也可以呀</t>
  </si>
  <si>
    <t xml:space="preserve">5T6没太阳的其他装备用什么啊？我是一个菜鸟级玩家，第一次玩魔兽 </t>
  </si>
  <si>
    <t xml:space="preserve">大哥 你别在买了没必要  你那装备就能带本了  跟公会活动那装备也够了 </t>
  </si>
  <si>
    <t xml:space="preserve">一款越野车车尾是以L开头的，请问是什么车？ </t>
  </si>
  <si>
    <t>凌志？lexus ls系列的。</t>
  </si>
  <si>
    <t xml:space="preserve">栗子怎么炒啊？请高手指教。 </t>
  </si>
  <si>
    <t>用高压锅做既省时又省事，试试看，包你满意。    方法：         1。洗干净栗子         2。开火将高压锅烤干，放入栗子         3. 锅盖不上胶圈，盖上盖子         4. 隔一会儿，将锅摇晃一下，使锅中的栗子受热均匀         5. 反复若干次，待听到锅中的噼啪声很密集时，即表示栗子熟了。</t>
  </si>
  <si>
    <t xml:space="preserve">什么是导膜?和面膜是一回事吗? </t>
  </si>
  <si>
    <t xml:space="preserve">导膜是有很多类型的!也就是护理拉!如头发导膜!就是护理头发!一般发郎都有做导膜的!就是头发护理!一般300-400! </t>
  </si>
  <si>
    <t xml:space="preserve">这个女演员是谁啊，叫什么名字啊？在学生剧校园先锋里扮演老师的，在 </t>
  </si>
  <si>
    <t>是陈小艺,以前演《外来妹》走红。姓名：陈小艺职业：演员生日：1970年2月8日代表作品集：《离婚》{}（获百花奖最佳女配角奖）《外来妹》{电视剧}（获飞天奖一等奖）《海马歌舞厅》{电视剧}《大空战》{电视剧}《母亲》{电视剧}《苦菜花》{电视剧}《军歌嘹亮》{电视连续剧}《紧急追捕》{电视连续剧}《人生本色·家庭篇》{电视连续剧}《大收藏家》{近代生活电视连续剧}《爱又如何》{近代生活电视连续剧}《哈姆雷特》{话剧}《海鸥》{话剧}《虎符》{话剧} 陈小艺，1991年进入北京人民艺术剧院，主要作品有：电影《离婚》（获百花奖最佳女配角奖），电视剧《外来妹》（获飞天奖一等奖）、《海马歌舞厅》、《大空战》，电视连续剧 《军歌嘹亮》、《紧急追捕》、《人生本色·家庭篇》，近代生活电视连续剧 《大收藏家》、《爱又如何》和话剧《哈姆雷特》、《海鸥》、《虎符》等。电视剧《母亲》是陈小艺继《苦菜花》后又一部催人泪下的戏，戏中陈小艺的善良、刚毅和宽容深深地打动了观众。近日，陈小艺与母亲一同做客《艺术人生》讲述起自己的艺术和人生，原来“老婆孩子热炕头”的日子才是陈小艺真正追求的理想生活。从川剧改行到话剧出身川剧世家的陈小艺，注定与艺术沾边。13岁的她，凭借母亲现教的一段《祭灶神》就考上了川剧学校，辛辛苦苦学习了三年的刀马旦、武旦后却改行进了话剧团。“每当坐在舞台底下看我妈演出川剧的时候，心里总觉得有点难过。唱念做打，每一个动作都是她琢磨很多遍后排练出来的，可是台下看的观众却都在打瞌睡。这么辛苦地演出却没有人看是很悲哀的事，当时我就决定要去话剧团发展自己的事业。”话剧团里一位毕业于中戏的同事一直都觉得陈小艺很有表演潜力，并极力鼓励她去报考中央戏剧学院表演系。“当时我对话剧团的生活很满意，团里也舍不得我离开，但当我拿到入学通知书后，就三番两次去团长家做思想工作并获得他同意让我离开，我决心自己一定要闯出一番名堂来。”父母支持她上中戏“我出身于一个并不富裕的家庭，爸妈都是川剧团的，那时候他们下乡演出都挑着担子，一边是行李另一边就是我。后来我妈下放到糖果厂，我爸去放电影，但从来都没觉得缺吃缺喝过。”陈小艺望着坐在身边的母亲回忆着童年的往事。陈妈妈说：“陈小艺从小是个有主见的孩子，她想做的事，就一定要达到目的。当时我们要阻拦她去上中戏也是不可能的事情，孩子大了应该让她飞。”陈小艺还清楚地记得第一次去北京上学的情形，“我爸妈一起拉着板车送我去长途汽车站，上面放着我的两个箱子，有一个是邻居送的，有一个是我妈买的。后来是我爸送我到成都机场，我一个人拿着价值160元的飞机票来到北京。坐上飞机的那一刻，我知道自己最舍不得的就是和家里人分开两地。”《外来妹》让她成封面女郎陈小艺回忆，自己当年特别仰慕那些能登上杂志封面的女明星。“家里一直有《大众电影》那本杂志，每次看着封面我就冒出一个念头：有一天我也要上封面。没想到若干年后，《外来妹》让我圆了这个梦想。”从当年清纯可人的“外来妹”到今天含辛茹苦的“母亲”，陈小艺说自己会把握好，不担心以后找上门来的净是“大妈”角色，“30多岁的女演员很有优势，往低可以够着年轻些的角色，年纪大些的也能胜任。我很高兴自从《军歌嘹亮》后大家不怎么再提‘外来妹’了，因为我有更新更好的角色让观众记住了我。从《军歌嘹亮》、《大姐》到《苦菜花》，《母亲》是我第四部有年龄跨度的电视剧，下一部我会演和自己年龄相近一些的。”希望儿子能快乐成长性格大大咧咧、喜欢热闹、爱说话的陈小艺理想中的爱人却是一个性格稳重、真诚、话不多的人。“这么多年来我妈老说一句话，‘没有孝顺的子女，只有孝顺的父母’。所以我孝顺父母的方式就是和他们住一起，如果我找的那个人不愿意这样，可以走开。”丈夫慧宁却完全符合了陈小艺的择偶条件，陈妈妈最大的希望就是他们小两口能和睦相处。这个好脾气的女婿还真不让人担心，陈妈妈笑着说：“有时候我爱人就吃醋，你对女婿太好了，从来没这样对我。”已为人母的陈小艺现在深深体会到“母子连心”，“儿子四个月的时候，我在外拍戏就一个人抱着他的影集哭，那时候我知道了母爱是什么，是最无私的、不求回报的爱。他以后能有多大的出息，要看他自己的造化，我不为他铺以后的路，我只期望他能在我身边快乐地成长。”让陈小艺最难忘的：1.《外来妹》选角始末：还在中戏念大四的小艺，和几个女孩在操场的阳光里坐着，导演一眼就看上了她，看完剧本之后，没想到导演对她说：赵小云就是你了！在那个还不允许大四学生外出拍戏的时代，导演却硬是和中戏的老师把小艺给“磨进”了剧组，成就了这个无可超越的“外来妹”。2.漂亮女人婚姻论：“婚姻就像鞋子，舒不舒服只有自己知道。有时很羡慕几十年后依然恩爱的夫妻，那是目标，未必做得到，很难。爱情很短暂，剩下的就是亲情和责任了，我也希望自己的选择是正确的，能从一而终。我相信一见钟情，但我不会，我属于慢热型的。在合适的时间，遇上个合心的人，就结婚，而一旦做了就会坚持，我不是个走一步看三步的人，只想走好每一步。” 十年前，—部反映农村女孩都市打工生活的电视连续剧《外来妹》成功地将川妹子陈小艺推向了荧屏。一时间，陈小艺以端庄、温柔的形象给观众留下了深刻的印象。近日，在风景如画的皖南山区，我们遇见了久违了的陈艺。已为人母的她在朴实、自然中更平添了—份成熟和贤惠。此次，陈小艺将在电视电影《乡村女教师》中饰演—位到农村义务支教的都市女性。四月的皖南烟雨蒙蒙，轻烟薄雾中更加显出老村古宅它独有的灵秀之气。一身朴素打扮的陈小艺带着—群农村的孩子们在这样的灵山秀水中演绎出一段感人的故事。《乡村女女教师》是安徽电视台文体电视剧中心创作的一部主旋律电视电影，运用了全新的数字化尖端拍摄设备和电影化的拍摄手法精心制作。陈小艺在剧中担纲女一号，成熟稳重的她举手投足间还真有几分女教师的风采呢!陈小芝的成功和《外来妹》是分不开的，谈到自己的处女作，陈小艺认为当时自己只是一名学生，没有多少表演经验，演得不够好。而现在的陈小艺已经在影视圈闯荡多年了，继《外来妹》之后，又成功地出演了《爱又如何》、《海马歌舞厅》和话剧《哈姆雷特》、《海鸥》、《虎符》等，颇具影响力。在荧屏和舞台上积累了丰富经验的陈小艺，此次出演这样一位富有爱心、性情温和的乡村女教师，可谓是驾轻就熟。生性开朗的陈小艺毕业自中央戏剧学院最富传奇色彩的87'表演班。在这个汇聚了胡军、刘威、徐帆、刘蓓等影视圈“红人”的班级中，陈小艺比起其他人可谓是早早地崭露头角。还在学生年代的她就因—部《外来妹》而被观众所熟识。可是近两年，正当其他人在影视圈叱咤风云的时候，陈小艺却突然消失在我们的视线中。谈到这两年的去向，陈小艺流露出幸福的笑容，坦言自己结婚生孩子去了。小艺的丈夫刘惠宁是一位导演，两人因拍摄电视剧《老房子》而结缘。2000年的母亲节，刚刚作了两个多月母亲的陈小艺在挨受中央电视台现场采访时，当着全国观众的面喜极而泣，—个新妈妈的激动和幸福溢于言表。爱家爱孩子的陈小艺两年的居家生活必然会使她的演艺事业受到—定影响，可小艺却认为无论干什么样的职业，都应该按照—个正常人的生活轨迹去做，到了什么年龄就做什么事，结婚、生育都是如此，不要因为自己是演员就和平常人不一样。此次，《乡村女教师》是陈小艺复出后的又—部力作。剧中的主人翁文若虹是因为一群淳朴可爱的孩子远离了都市的繁华，离开了自己的丈夫，来到偏僻的皖南山区，成为一名乡村代课教师，将科学知识、都市文明带入这封闭的小山村。农村孩子对知识的渴求，是文若虹前进的动力。而陈小艺将自己对孩子的喜爱也带入了表演中，被故事情节所深深感动。已为人母的她更能体会出文若虹对孩子们那种无私的爱和奉献，体会出文若虹的矛盾和抉择。体会出文若虹和孩子们在一起时那种由衷的幸福与快乐。真情的流露使陈小艺在饰演这个人物的时候表现得愈发自然和游刃有余。陈小艺曾经说过：结婚生子是女人一生的转折点，儿子的到来就预示着生活中出现了一个让我一生牵挂的人，那种为他牵挂而付出的任何代价都是幸福的、无怨无悔的，那种幸福感让你觉得值得为他去牺牲—切。这种对孩子无私奉献的伟大母爱，多多少少和我们的“乡村女教师”有几分相通之处。有人说，演员饰演不同的角色就是在体味不同的人生。已经体味过《乡村女教师》这样一种伟大感情的陈小艺，在面对自己的家庭、孩子和事业时将会更懂得珍惜这样—份简单的幸福。</t>
  </si>
  <si>
    <t xml:space="preserve">佛教协会有公务员吗？ </t>
  </si>
  <si>
    <t>佛教协会人员是属民间团体组织，不会是公务员的，一般由出家人和居士组成，有发工资与义务工作的不同。</t>
  </si>
  <si>
    <t xml:space="preserve">广州皮衣皮包钱包鞋子手提包手袋脏坏旧了、磨损掉色串色破损掉皮变干? </t>
  </si>
  <si>
    <t>有一家专业做皮具护理、修复、清洁的，叫“靓丽皮具美容”，以上问题都可以解决，也可以护理名牌奢侈皮具。在天河区中山大道华景新城，上网搜索一下店名可以查到相关信息。</t>
  </si>
  <si>
    <t xml:space="preserve">请问在新浪发表而尚未签约的作品，可以在其他网站签约发表吗？ </t>
  </si>
  <si>
    <t>只要授权方式不是独家就应该可以，看看你的授权方式吧！！！！</t>
  </si>
  <si>
    <t xml:space="preserve">吸血锤的问题？45及吸血5的锤字能卖多少钱？？我们区金子7500 </t>
  </si>
  <si>
    <t>最多两银票，不过最有可能是卖不出去，级太低，练级没用；提取，现在没几个人玩了。</t>
  </si>
  <si>
    <t xml:space="preserve">有了解海口房价的吗？有人了解海口房价吗？我家是北京的，我儿子在海 </t>
  </si>
  <si>
    <t>现在海口房价属于全国省会城市最低的地方，现在买房还是比较合适的，三亚现在房价比较高，海口适合居住，三亚夏天热，少雨，海口更适合居住，但主要看你是在哪里买房，海口现在房价3000到5000之间就可以买到比较好的了 ，要想买房最好买海南海景房，自己住投资都可以，以前在旅房网看过的宝安椰林湾不错，你可以去那个网站看看，楼盘信息挺多的，建议楼主参考下哈</t>
  </si>
  <si>
    <t xml:space="preserve">高中数学点拔P359抛物线1问题.jpg </t>
  </si>
  <si>
    <t>如下图所示,作PQ⊥L(抛物线的准线x=-1/2)于Q,由抛物线定义,有|PF|=|PQ|, ∴ |PA|+|PF|=|PA|+|PQ|≥|AQ|,当且仅当P,A,Q三点共线时,"="成立,此时,P,Q位于过A且平行于抛物线对称轴的直线y=2上的点P',Q',由x=y²/2=4/2=2, ∴ P'(2,2),选D.</t>
  </si>
  <si>
    <t xml:space="preserve">妻子或丈夫相对自己来说是直系亲属吗？ </t>
  </si>
  <si>
    <t>不是，直系亲属是指三代内的有血缘关系的亲属，比如你和你爷爷、爸爸、儿子、孙子就是，也就是你自己的爷爷辈，父辈，你自己同辈，儿子辈，孙子辈都是，当然需要是你爷爷（或者你外公、奶奶、外婆）亲生的儿孙辈所生，这些人就是直系亲属。包括叔叔、舅舅、姨妈、姑妈、表亲、堂亲等等。你妻子不是你的直系亲属，而叫配偶，这是一种社会关系和法律保护的关系，并没有血缘关系。</t>
  </si>
  <si>
    <t xml:space="preserve">哪里的水晶比较好啊？ </t>
  </si>
  <si>
    <t>东海水晶  巴西水晶 晶工坊　　中国水晶在旧石器时代就已经进入了领域。连云港东海县山左口乡大贤庄旧石器时代遗址，出土了众多石器工具中就有数块水晶砾石刮削器。佛教盛行之后，水晶佛珠、水晶坐垫成为密宗禅师们修行的圣物。“故人应念我，折赠水晶球。”古代皇室及达官显贵，因其独特的风水功能，争相收藏水晶，上流社会中，刮起了一股水晶赠送风。《江南通志》记载：“牛山，在海州西南七十里，产水晶石。”江苏省连云港市东海县，素以“水晶之乡”而著称，水晶储量和质量均居全国之首。“甲天下”的东海水晶，在清代就被采纳为五品官员的顶戴，这也带来了许多贵族对于水晶的追捧。这样的环境下，造就了非常多的能工巧匠，而这其中，尤以江苏东海的张氏家族最为突出。张氏家族依据器物的造型特点，熟练地运用切割、琢磨、隐起、钻孔、抛光、圆雕、浮雕、透雕镂空、两面雕等多种技法，使之形态各异、生动形象。不仅运用了多种构图形式和雕琢技法，而且讲究水晶色泽与器形的统一，注重器体造型与刻划纹饰的和谐、均衡、对称等比例关系。为贵族与富绅的服务过程中，张氏家族对于水晶的选材也变的更加严谨，就算有细微瑕疵的原石也不会被采用。正因为这样，张氏家族雕刻的水晶，很快得到了清朝贵族及富绅的喜爱与信任，并被冠以 “巧手张”之称。　　清朝中期 张氏家族开始涉足雕刻水晶。　　1890年 张氏传人开设了第一间家族式的水晶加工作坊。　　1895年 张氏雕刻的水晶鼻烟壶及水晶砚台、茶壶的技艺到达顶峰，商品倍受上流社会的追捧。　　1900年 张氏率先开始运用玉雕巧色原理，雕刻水晶。　　1921年 张氏开始雕刻发晶、幽灵晶。这段时期，张氏水晶已经注重艺术与实用性的结合，并在原石挑选、设计、生产等方面不断深入。　　1937年 日本侵华，张氏第三代传人在该年12月关闭了经营47年的商号。张氏水晶自此开始在人们的视野消失。　　1990年 张氏后人用祖传的水晶工艺重新开始水晶生意。　　1998年 张氏重新将家族的水晶作坊开设起来，并将水晶作坊命名“晶工坊”寓意传承历史、技艺精湛、雕工精美。　　2000年 张氏后人前往比利时、奥地利等地学习交流珠宝加工技术。并结合欧美时尚理念，设计研制更符合新世界潮流的时尚系列，这一决断，正式将晶工坊的产品定位划分成传统和时尚两个系列。　　2009年 国舜（国舜打造了东易商城作为销售平台 ）收购晶工坊，并注册晶工坊商标，重新擦亮这个垂暮老矣的传统品牌。</t>
  </si>
  <si>
    <t xml:space="preserve">刚化玻璃可以防盗吗？我家临街，五楼。现在治安遭，我想在漂窗内再安 </t>
  </si>
  <si>
    <t>钢化玻璃一般不适合作防盗用，因为，只需用玻璃刀（或其他坚硬的东西），微微一划，钢化玻璃就会粉碎。防盗可以使用夹层玻璃，在两层玻璃中间夹上一层透明的，韧性很强的柔软的夹层，银行里一般都用这种玻璃，一共5--6层玻璃，每两层玻璃间都有柔软的夹层，这样即使玻璃被打碎，也很难对付剩下的夹层。</t>
  </si>
  <si>
    <t xml:space="preserve">哪里有破解版的3DMAX8.0下载啊 </t>
  </si>
  <si>
    <t xml:space="preserve">刚找到，下面是下载的地址CD2 速度可以达到1.5M/S（我的速度），CD1 只有15K/S左右，有时还没有速度。我这里有一个英文版的也是破解的，是发布的第一时间下载的。（附件里 有我下载时的截图）cd1: cd2: 如果还有什么不清楚得话给我发邮件：spunk-boy@ </t>
  </si>
  <si>
    <t xml:space="preserve">父母的性生活遭遇孩子怎么办 </t>
  </si>
  <si>
    <t>看多大的孩子了,小的话就不要让他看那么多,如果大的话(十六)以上,就让他看吧,当是给他上个性知识课吧</t>
  </si>
  <si>
    <t xml:space="preserve">以下几个名字哪个更为好些？一个女孩儿的四个名字：1.王芯蕊2.王 </t>
  </si>
  <si>
    <t>4.王欣怡 不错但是我觉得叫得人很多太俗了 我觉得结合第3个很不错就叫  王娇怡吧 娇媚令人心仪的淑女 好命啊 哈哈我又自恋了 相信我这名字很好  祝楼主的女儿聪明可爱！~哈哈</t>
  </si>
  <si>
    <t xml:space="preserve">关于护照有人愿借一下护照的号码 </t>
  </si>
  <si>
    <t>这个问题很难办啊，护照号码和身份证号码基本上作用是一样的，哪能随便就借给谁呢？如果有人说借你身份证号码，你给吗？</t>
  </si>
  <si>
    <t xml:space="preserve">哪里有辅导生物竞赛的阿？？？？？？哪里有生物竞赛的老师？？经验？ </t>
  </si>
  <si>
    <t xml:space="preserve">我上中学时参加过省里的生物奥林匹克竞赛，基本上是自己复习的，不要只看课本，知识面太窄了，要多看看课外读物，扩大知识面。欢迎多交流 </t>
  </si>
  <si>
    <t xml:space="preserve">蜡笔小心会和谁结婚?什么样的女人呢?? </t>
  </si>
  <si>
    <t>樱桃小丸子</t>
  </si>
  <si>
    <t xml:space="preserve">一位的男人与一位姑娘正在热恋,突然有一天男人说出自己的过去的经历? </t>
  </si>
  <si>
    <t>这个男的很没有自信，连他自己能不能和女朋友结婚都没信心。那女的图个啥呢？</t>
  </si>
  <si>
    <t xml:space="preserve">在网上定机票，怎样查真假？ </t>
  </si>
  <si>
    <t xml:space="preserve">现在航空公司大部分使用的机票一般为:普票,中性票,电子客票3种.首先所有的机票在预定好以后,都应具有订座记录.这一点也是大家普遍用来识别真假机票的最原始的办法.通过查询机票订座记录,可以直接看机票的真伪情况.至于查询机票订座记录,可以登录网站查询，最直接的就是打电话给航空公司查询。机票右上角的5位定座记录,即可查处你所持机票的详细情况,如查询无结果或不符,则99%为假票,当然,有些团队票除外。 正式机票（电子客票除外）一般有2~3联,每联均有复写的功能,（中性票，票联有红色复写功能）（普票，票联有蓝色复写功能）每联 上面的字体都是打票机打印.字迹模糊,以及正面印刷粗糙，有明显的涂改的机票100%为假票。 另因航空公司电子客票,无详细定座记录,有些更为一张白纸,则此办法无法识别;建议您.若无法确认服务商的诚信指数,最好不要购买电子客票.选择正式机票。 如果以上办法都无法让你确定所持机票真假,您可以持所买机票到附近的正规航空售票点,请求专业人员辨认真伪。 </t>
  </si>
  <si>
    <t xml:space="preserve">烹饪技能满120了怎么升不上去呀？我的烹饪熟练120，却升不了神 </t>
  </si>
  <si>
    <t>这个升不了的,烹饪只能到120.缝纫正常情况下升不了,你只有在长安酒馆、颖川战场、张梁讨伐战场里买配方做衣服才能升到120。</t>
  </si>
  <si>
    <t xml:space="preserve">低温双极射频消融术治鼻费用为多少?我是鼻炎,目前正在一个医院参加? </t>
  </si>
  <si>
    <t>鼻炎在世界上都还没有根治的办法。你说的方法都是切除现在发炎的源头或者过敏源， 可以解决问题， 可是如果复发可能会更严重，而且任何手术都有风险， 请你一定要三思而后行。鼻炎的根源还是气血不畅， 抵抗力下降， 经常感冒， 或者体质比较容易过敏引起， 最好的方法还是用中医的理念， 补齐益血， 经常锻炼， 增强自身抵抗力。我自己也是过敏体质， 以前也曾想过去做手术， 后来查了很多网站， 发现很多人做手术复发反而更糟糕了， 因为鼻子本来就是抵抗外部细菌的一个关口， 发炎也是对外部威胁的一种反应，经过长时间加强锻炼和保养(少吃辛辣， 多喝汤）， 现在情况已经好多了。</t>
  </si>
  <si>
    <t xml:space="preserve">烈士方志敏有子女吗？ </t>
  </si>
  <si>
    <t>方志敏共有5个孩子，分别名叫松、柏、竹、梅、兰——取自他最爱的一副对联：“心有三爱，奇书骏马佳山水；园栽四物，青松翠竹白梅兰”。大儿子方松在解放初期因病早逝，二儿子方柏（后改名方英）、三儿子方竹（后改名方明）曾留学苏联，学成回国后在各自的岗位默默奉献，近年先后去世。最小的儿子方兰出生时，方志敏已经牺牲，出生后不久就不幸夭折。方梅则是他唯一的女儿，也是唯一仍健在的子女。</t>
  </si>
  <si>
    <t xml:space="preserve">河道费是由一个部门地税征收吗 </t>
  </si>
  <si>
    <t xml:space="preserve">河道维护费的缴费地点 （一）纳费人应纳的维护费（包括单位代收代交的职工个人部分）应当向纳费人的主管地方税务机关办理申报交纳费款。 （二）铁路运营收入应纳的维护费，由铁路分局集中向其所在地主管征收机关申报交纳费款；铁路系统的职工所在地的局、分局、站、段负责代收后，向其所在地主管征收机关申报交纳。 （三）跨地区经营企业，其纳费地点除另有规定者外，应与现行流转税的有关纳税地点相一致，即现行流转税在哪缴纳，其维护费就在哪交纳。 考虑到电力行业的生产、销售特点和现行核算体制便于河道维护费的征收，避免重复纳费，对电力公司所属不独立核算的发电厂，在发电环节不征收维护费，统一由其所属供电局在供电环节按全部供电销售额征收河道维护费。 </t>
  </si>
  <si>
    <t xml:space="preserve">怎样练弓最好请问练弓冰．雷．火技能应该学什么和学到多少级是最好的 </t>
  </si>
  <si>
    <t xml:space="preserve">破天神弓 退魔弓术系列,具有增加致命几率的特效，满。 霹雷箭系列，后期有击退特效，满（为了PK）。 召唤神鹰系列，有增加命中和直接攻击两个分支，命中鹰满。 秋风箭系列，具有刺穿特效,不怎么实用，建议不修炼。 破天箭系列，增加射程，满。 爆烈箭系列，瞬间增加命中的高攻技能，有技能点的话，建议满。 绝杀弓系列，增加致命几率和具有晕眩特效的高攻技能，满。 奴心弓系列，大范围群攻技能，不怎么实用，建议不修或者选修。 明镜止水(被动)，增加命中几率，满。 *火系武功 （建议与自身等级相近） *炎刃系列,火焰的气息注入到武器中，提高攻击力，同时给敌人皮肤造成灼伤。满。 *炎灵咒盾系列，将火焰的气息注入盾牌，提高状态异常的抵抗力。 满。这个有BUG存在所以现在是满，就不知道以后是否改，哈哈 *火附体系列，提升物理攻击能力，满。 *火灵护体系列，在一定范围内形成火焰膜，减少敌人的魔法攻击。满。 *炎壁术系列，可在任何地方形成火焰壁，保护自己。但对于武力攻击的防御效果并不明显。选修。 *暴焰波系列，用火的气击中远处的敌人，产生巨大的爆炸。比起其他任何自然的属性更具攻击性和破坏性。最大限度体现火的攻击力，被攻击者将受到巨大的伤害。不修。 *暴焰魂(被动)，按一定比率永久增加物理攻击力。满。 *发火术，反潜，对付罗马人有用，建议满。 由于考虑到技能总和是300的缘故，所以建议选修雷。以免以后要花钱洗。 *雷系武功（自行考虑等级，建议70以下） *电刃系列，即修炎刃何修电刃。不修。 *雷系贯通，提升魔法攻击能力。建议满。 *奔雷步/鬼影步系列，奔雷步提升移动速度。满。鬼影步瞬间移动一定距离。满。 *狮子吼系列，快速魔法攻击。不修。 *鸣蝉系列，提升躲闪。满。 *狂雷系列，魔法攻击。不修。 *雷天闪，永久提升躲闪。满。 由于考虑到技能总和是300的缘故，所以建议不修冰。以免以后要花钱洗。 如果你不怕花钱的话，如下。 *冰系武功（自行考虑等级，建议48以下） *冰气攻击系列，即修炎刃何修冰锋。不修。 *冰气护体系列，提升物理防御力，减少敌人的物理攻击。满。 *霜气弹系列，不修。 *冰壁术系列，抵抗物理攻击，吸收伤害，对魔法攻击效果不明显。选修。 *烈冰诀系列，群体冰冻，建议适当修炼，后期K巨型和BOSS的时候有一定的保命的功能。 *暴雪系列，魔法攻击。不修 *玄冰护体，永久提高物理防御，修满。 ------------------------------------------------------------------ 全力弓要注意把握好技能总和，不然后悔也没用，只能用钞票去洗了 </t>
  </si>
  <si>
    <t xml:space="preserve">请教通达信的问题跪求在大智慧上右下角经常弹出一个窗口。有当天的新 </t>
  </si>
  <si>
    <t>通达信公司没有提供投资咨询服务的资格。所以也没有这个服务。选择相应的比如，通达信为招商证券定制的版本，有相应的弹出消息，不过也是没有大智慧弹出信息多和频繁的。</t>
  </si>
  <si>
    <t xml:space="preserve">咱们的男演员，大家最讨厌谁？昨晚看了胡兵主演的电视剧，吐了好久， </t>
  </si>
  <si>
    <t>及其讨厌胡兵，堂堂七尺男儿,感觉却很娘娘腔. 感觉很娘也就算了,偏偏他还要用很娘的方式表现自己是很MAN。。呵呵马景涛，一看到他就巨恶心，那种撕心裂肺的叫，看得人只想冲上去猛打一顿。蔡国庆 大妈杀手，巨恶！李亚鹏，说不出什么感觉，总觉得别扭。</t>
  </si>
  <si>
    <t xml:space="preserve">怎么样才能挣钱呢？我很穷啊啊啊很想有钱啊？/点挣钱！大家有什么好 </t>
  </si>
  <si>
    <t>视自身具体情况，适当买彩票、或工作、或做生意。</t>
  </si>
  <si>
    <t xml:space="preserve">什么是路由器？路由器与交换机有何不同？多台电脑共享一个连接用路由 </t>
  </si>
  <si>
    <t>路由器是用来把两台电脑共用一条宽带的机器</t>
  </si>
  <si>
    <t>老天保佑我吧。。。半全场就等拉科照着了拉科：马竞1</t>
  </si>
  <si>
    <t>能，拉科000000</t>
  </si>
  <si>
    <t xml:space="preserve">这句话中I与who是什么语法关系？读到这么一句话：Iwhohav </t>
  </si>
  <si>
    <t>这不是一句话，实际只有评语I,后面是主语补语，我存在的时间跟那棵大香柏树一样久远</t>
  </si>
  <si>
    <t xml:space="preserve">几点能好啊？知道的朋友说说上不去了 </t>
  </si>
  <si>
    <t>公告出来了，管网可以看的到，1-4点</t>
  </si>
  <si>
    <t xml:space="preserve">。。。。女生长小胡子是怎么回事？？ </t>
  </si>
  <si>
    <t>很正常的，这是雄性激素分泌旺盛，可以来我院做冰点无痛脱毛，以后永久都不会长了。</t>
  </si>
  <si>
    <t xml:space="preserve">这样给母乳加热可以吗我的宝宝需要将母乳挤出来放在奶瓶里吃,但是挤 </t>
  </si>
  <si>
    <t>　　将奶瓶放在开水里面温热是最好的方法～～～～～如果倒水在奶瓶里的话也就如同你说的将奶稀释了～～～～营养就达不到～～～～不过建议这位妈妈还是直接喂宝宝～～～这样最不易污染～～～母乳直接喂哺～～～不需消毒～～～温度适宜、经济方便～～～～也不易引起乳汁过敏～～～还有利增进母婴感情～～～母乳喂养～～～使婴儿得到满足感和安全感～～～～有利教养、促进心理发育，使缩宫素分泌增加，促进子宫收缩复原～～～　　祝宝宝健康～～～～～～</t>
  </si>
  <si>
    <t xml:space="preserve">请帮忙分析一下我这个性激素六项结果我月经很不正常,去年吃了一年的 </t>
  </si>
  <si>
    <t>卵巢早衰的诊断标准是：LH、FSH偏高；E2偏低；从你的性激素六项检查结果来看，你前两项属于正常，E2：47（39-198）和孕酮：0.31（0.3-2.6）接近于低值属于偏低；PRL20.4（1.39-24.2）接近于高值稍有偏高；因此，你虽然不属于卵巢早衰，但你的激素水平也影响卵泡的发育及排卵，也影响着床。你食用豆浆有一定的辅助恢复作用，但如果希望生育还需要系统用中药调理好的快。</t>
  </si>
  <si>
    <t xml:space="preserve">怎样快速增加爱问分数　能否透露一点你的绝招，别保守啊 </t>
  </si>
  <si>
    <t xml:space="preserve">    简单，开两个帐号，一个问，一个答，相互采纳。只要答就有1分，被采纳就有10分，反复反复，反反复复，分上去了提高分值。。。。。。但是这样做迟早会被封号的强烈建议不要采用1、爱问每天得分：登陆限制＋5分，限制评论10条，10×1＝10分；限制投票10个＋10分。因此，如果您每天操作了，就有25分。2、选择自己擅长的分类，每天精心回答10条，那么，采纳率应该在60％左右。然后，您再选择一些快到期没人回答的提问，这样，采纳率会提高很多。综上所述，如果您能解决好回答提问方面问题，一天200分应该不成问题。·积分1)积分是为鼓励用户参加而设计的一套奖励系统。回答问题并被提问者采纳才是积分增加的最好途径。2)用户凭积分不仅可以提高自己的级别，还有机会获得“爱问”定期颁发的大礼。3)平时储备足够的积分，您有问题时才有足够的积分可悬赏。4)积分增减的详细规则：积分 上升 上升值 回答问题（限被编辑审核通过后） +1分 您的回答被提问者采纳 +10分 您回答有悬赏分的问题并被提问者采纳 10分+该问题的全部悬赏分 提问（限被编辑审核通过后） +1分 评论（限被编辑审核通过后，每天10分封顶） +1分 参加投票（每天10分封顶） +1分 采纳答案时，为回答者写评价和评定星级 +1分 新用户首次登录时免费获赠 +20分 注册后激活E-mail地址 +20分 会员日常登录（一天只可获得一次积分） +5分 积分 奖励 上升值 您的提问被评为“编辑推荐问题”时 +30分 您发现已解决问题的答案有错，“揪”错成功时 +30分 您的投诉编辑确认有效时 +5分 积分 减少 下降值 您没有在问题有效期内处理自己的问题 -20分 在已经有回答的情况下，您撤消了自己的提问 -10分 您提交的内容违背了“爱问”原则而被删除 -10分 您提交的内容被其他用户投诉，并被编辑确认 -10分 您为了吸引更多回答，而悬赏自己的积分时 -所设置的积分 会员、积分、级别、专家分·会员1)您只要拥有新浪会员身份（新浪通行证），就可以直接登录“爱问”，并成为“爱问”的会员。2)非新浪会员可直接注册为“爱问”会员，并同时获得新浪通行证。3)只有会员才能进行各项功能的操作，非会员只有浏览的权限。4)成为“爱问”的会员不需要任何费用。·积分1)积分是为鼓励用户参加而设计的一套奖励系统。回答问题并被提问者采纳才是积分增加的最好途径。2)用户凭积分不仅可以提高自己的级别，还有机会获得“爱问”定期颁发的大礼。3)平时储备足够的积分，您有问题时才有足够的积分可悬赏。4)积分增减的详细规则：积分 上升 上升值 回答问题（限被编辑审核通过后） +1分 您的回答被提问者采纳 +10分 您回答有悬赏分的问题并被提问者采纳 10分+该问题的全部悬赏分 提问（限被编辑审核通过后） +1分 评论（限被编辑审核通过后，每天10分封顶） +1分 参加投票（每天10分封顶） +1分 采纳答案时，为回答者写评价和评定星级 +1分 新用户首次登录时免费获赠 +20分 注册后激活E-mail地址 +20分 会员日常登录（一天只可获得一次积分） +5分 积分 奖励 上升值 您的提问被评为“编辑推荐问题”时 +30分 您发现已解决问题的答案有错，“揪”错成功时 +30分 您的投诉编辑确认有效时 +5分 积分 减少 下降值 您没有在问题有效期内处理自己的问题 -20分 在已经有回答的情况下，您撤消了自己的提问 -10分 您提交的内容违背了“爱问”原则而被删除 -10分 您提交的内容被其他用户投诉，并被编辑确认 -10分 您为了吸引更多回答，而悬赏自己的积分时 -所设置的积分 ·级别1)积分是衡量级别的唯一标准，只要积分提高到一定的分值，系统会自动完成级别的提高。但请注意，积分的降低也会使级别下降。2)“爱问”的级别设置：男性积分女性新手 500分以下 新手 学弟 501—1500分 学妹 学长 1501—5000分 学长 学者 5001—10000分 学者 大师 10001—20000分 大师 智者 20001—30000分 智者 圣人 30001—50000分 圣人 先知 50001分以上 先知 ·专家分 New1)是您回答某分类下的问题所获积分的累计，用于评价您对该分类的擅长程度2)只有您在某分类下回答问题到一定程度（并且比较专注），系统才会自动认为您擅长某个分类3)如果您上月在某分类获得的专家分比较高，还有可能自动入选该分类下的“本月推荐用户”。提问·步骤：1)直接输入您的问题，并设置悬赏积分。·尽可能详尽的描述您的问题，这样才可能获得更准确的答案。·问题的悬赏积分越高，问题越被关注。2)尽可能为您的问题选择准确分类，以便能得到更准确的回答。·选择您的问题类型：一般问题或地区问题。·至少把您的问题放到二级分类下，如选择：社会与 -&gt; 法律。4)您可以进入“个人中心”，随时关注问题被回答的情况，并进行处理。·提高问题的被回答的几率：请参考提问秘笈· 提问到期(15天内)之前，你必须对提问进行如下处理（选一）：1)采纳您认为最准确的回答，结束您的提问· 这样被采纳的回答就被您选为问题的答案；这是问题的状态变为“已解决”；被选中的回答者可获得10分系统奖励和您悬赏出去的积分。· 您采纳回答时，可对答案发表评价和评星级，并会得到1分奖励。2)撤消您的问题·在提问期限内，如果您想取消问题，可选择撤销问题。·除非您的问题没有任何回答，否则撤消问题会扣罚您10分的积分。·如果您已经为问题设置了悬赏分，将不被返还。3)让网友投票来为你选择答案·在提问期限内，如果您无法选择最佳答案，可以选出5个以内的候选答案，由网友投票为您决定最佳答案。·如果您只选择了一个候选答案，那么由投票决定是否采纳该回答。·问题转入投票流程后，系统会自动根据投票结果选出答案；获票最多的回答将被选为正确答案；如果投票期间一票也没有被投，则问题被自动撤销。·投票在实际投票数到达您设定的票数或到达3天投票期时自动结束。4)提高问题的悬赏分·在提问期限内，如果没有满意的答案或无人回答，提高悬赏分可以吸引更多回答。·如果您提问时已经设置了悬赏分，那么新的悬赏分必须高于原来的分值。·提高悬赏能让您的提问期限延长15天（从新设置的时间开始计算）。5)无满意回答·在提问期限内，如果您觉得没有满意的答案，可以选择“无满意回答”，直接结束提问。·如果选择了“无满意回答”，您不会被扣分，但是悬赏分不返回。· 逾期不对提问进行处理，问题将被自动删除，将被扣积分20分！回答浏览问题页面时，您可以直接选择回答或修改回答操作： 1)回答一次问题，您能得到1分积分的奖励。答案被提问者采纳，您会获得系统奖励的10分积分和提问者设置的悬赏分。2)如果您的回答内容参照了其他书籍, 网页等他人文章,请务必标明出处；如有知识产权等纠纷, 需回答者本人承担相应法律责任。3)请注意您回答不要有涉及他人隐私等违背《“爱问”原则》的内容。如果提交的回答被编辑删除，可能会扣除10分积分。4)对一个问题，您只能回答一次；在问题转入已解决状态前，您可以修改您的回答5)查看回答是否被提问者采纳在“个人中心”-&gt;“我的回答”。 其它功能·评论1)发表评论能得到1分积分的奖励，但一天最多得10分。2)请注意您的评论不要有涉及他人隐私等违背《“爱问”原则》的内容。如果提交的评论被编辑删除，可能会扣除10分积分。·“揪”错1)在浏览已解决的问题时，如果发现答案有错误，或者您有更好的答案，您可以向编辑提出申请来“揪”错。2)您的“揪”错申请被编辑采纳，将得到系统给予的30分积分的奖励。·入选“编辑推荐的问题”1)在浏览问题时，如果有您感兴趣的问题，可以推荐给编辑并留下您的观点。2)如果您推荐的问题被评为“编辑推荐的问题”时，该问题的提问者可获得30分积分的奖励。3)经常提一些有趣新颖的问题，您也有机会入选“编辑推荐的问题”，您还可以发动身边的朋友来帮您噢！·投诉1)在浏览问题时，如果发现有违背《“爱问”原则》内容的提问、回答或者评论时，您应向编辑提交投诉。2)没有充分根据的投诉将会无效处理，恶意投诉捣乱者系统会扣罚积分。·投票1)浏览投票问题时，一定要投您自己认为好的答案。2)每次投票可获得1分的奖励，但一天只能得10分。3)为了保证公平原则，您不能重复对同一个回答进行投票。4)如果您的回答也在候选答案中，您可以投自己答案一票。(lyf311788 ) </t>
  </si>
  <si>
    <t xml:space="preserve">请问一下我一直害冷是什么病 </t>
  </si>
  <si>
    <t>冷是血液循环不好要多运动。每天20分钟运动后睡觉手脚都是热的，可以试试。</t>
  </si>
  <si>
    <t>37期小单已买,供参考!01佛罗伦(04)05</t>
  </si>
  <si>
    <t>看来大家都买火锅单啊 呵呵</t>
  </si>
  <si>
    <t xml:space="preserve">重庆怀孕七个月做引产要多少钱 </t>
  </si>
  <si>
    <t>你好，怀孕六七个月了，去医院做无痛引产，手术的费用是不好确定的。地方不同,医院不同，孕妇体质不同，费用是不相同的,这还要根据你自身的情况来做决定人流手术虽然只是小手术，但是对于女性来说还是很重要的，因为不当人流可能引起妇科疾病的发生，甚至是大流血，威胁生命安全。所以女性做人流的时候 要选择正规的人流医院，价格问 题都比不上医院重要。人流手术虽然只是小手术，但是对于女性的健康影响是很大的，女性朋友们如果要做人流手术的话要选择正规的医院，以免造成流产不全等情况威胁女性朋友的身体健康甚至性命。</t>
  </si>
  <si>
    <t xml:space="preserve">什么叫反面洗涤？有什么作用？我的许多衣服上都说要反面洗涤，那什么 </t>
  </si>
  <si>
    <t>是为了减少正面与别的衣服的摩擦，减少颜色的流失和一些图案装饰的脱落，晾晒时减少阳光造成的脱色，我觉得挺重要的。</t>
  </si>
  <si>
    <t xml:space="preserve">越狱第二季16集后面的歌是什么就是那个精神病跳下来的过程中 </t>
  </si>
  <si>
    <t xml:space="preserve">演唱者：Alexi Murdoch下载  </t>
  </si>
  <si>
    <t xml:space="preserve">计数器丢失还能计数吗？我的计数器丢失了，假如找回来，这些天还能计 </t>
  </si>
  <si>
    <t xml:space="preserve">　　计数器丢失了，找回来的话，是不能保留以前记录的访问数量了。不过，我觉得访问数量只是一个参考，没有很大实际用处。　　　　　　　　　　　　　　　　　　　　　　　-,'''╭⌒╮⌒╮. 　　　　　　　　　　　　　　　╱????''.''. 爱问才知道，不问不知道！　　　　　　　　　　　　　　　︱田︱田田| '',,.爱问就会红，敢答才会赢！　　　　　　　　　　　　　　　╬╬╬╬╬╬╬╬╬╬╬╬╬╬╬╬╬╬ </t>
  </si>
  <si>
    <t xml:space="preserve">我害怕前有十天前，我给我的一个朋友的弟弟打狂犬疾苗，本来说的是她 </t>
  </si>
  <si>
    <t>从你文中得知：针头扎在了你的手上，针管里是狂犬疾苗我问：针头扎你之前接触过她弟弟或其他地方？无菌操作过吗？狂犬疾苗来源可靠吗？真是真正的狂犬疾苗吗？这一问，你就明白了，分别能作出否定或肯定答案的话，就一点用不着怕．你不就已经注射过狂犬疾苗吗？</t>
  </si>
  <si>
    <t xml:space="preserve">请问法师学什么专业技能和辅助技能好呢？如题 </t>
  </si>
  <si>
    <t>法师的商业技能看你做什么用了!双采集不太适合法师,比较适合盗,因为法师野外生存能力不强!下副本刷也不能隐身!工程学其实除了pk没什么用,如果是大号且喜欢pk可以考虑!副魔现在已经不赚钱了!我fs就是副魔,原来很赚钱,现在不行了!而附魔冲声望需要大量时间,高级图样很难买到!如果你是新手,刚练,副魔赚钱很难!裁缝现在也不太赚钱!不过如果你只洗月布,做包倒可以!也有一定销路!我建议小号最好采药和炼金!现在由于开荒naxx等原因,采药成为最赚钱的行业,不过顶级药草不好找!看运气了...</t>
  </si>
  <si>
    <t xml:space="preserve">我要炒股！我要炒股，对这方面一无所知，想学点基础的东西，找点书来 </t>
  </si>
  <si>
    <t>用不着买什么书,到新浪股票频道先去了解一下相关知识,然后在我的股市中模拟操作几天,等自己感觉熟悉了,再去真正进入股市,祝你好运!对了,初入股市,一定不要轻信所谓机构的推荐.</t>
  </si>
  <si>
    <t xml:space="preserve">阴唇内壁长了小颗粒阴唇内壁各阴道口长了小颗粒 </t>
  </si>
  <si>
    <t>估计是疣体,马上上医院吧!</t>
  </si>
  <si>
    <t xml:space="preserve">这个句子为什么要用been?Thousandsoftreesha </t>
  </si>
  <si>
    <t>因为句子表示的是一个被动语态的概念，而且后面还有一个表示到现在的时间状语in the past three years（在过去的三年里），所以就要用到完成时态的被动语态，既have/has been done(动词的过去分词）形式。</t>
  </si>
  <si>
    <t xml:space="preserve">阴道瘙痒阴道口有白色分泌物晚上阴道口瘙痒,早上起床检查阴道口有白 </t>
  </si>
  <si>
    <t>你好！外阴瘙痒是一种症状，可由各种原因引起。局部原因有特殊感染(如霉菌性阴道炎、滴虫性阴道炎、阴虱、疥疮、蛲虫病)、慢性外阴营养不良、药物过敏或化学品刺激、不良卫生习惯、皮肤病等。糖尿病、黄疸、白血病、维生素A缺乏、维生素B缺乏等慢性病患者也常有外阴瘙痒。部分患者无明显的局部或全身原因，可能与精神或心理因素有关。患有此病者应查明病因，对症下药.</t>
  </si>
  <si>
    <t xml:space="preserve">600332现在可以进吗 </t>
  </si>
  <si>
    <t>不宜进入以长起来的,见意看一些还没长的</t>
  </si>
  <si>
    <t xml:space="preserve">调皮老师,请问000926还可以介入么? </t>
  </si>
  <si>
    <t>000926 福星股份    反弹受阻整理需要,应注意仍有震荡的空间,短线不介入.</t>
  </si>
  <si>
    <t xml:space="preserve">25的黑暗巫师应该用什么装备?我是25的黑巫师,现在身上的装备只 </t>
  </si>
  <si>
    <t xml:space="preserve">  要是能买够一套知识的话当然穿知识了，要全套才加特殊效果，如果你买不到手套的话，还是留点钱了买武器吧，穿奉献的话两三下就被怪秒了，如果你想和死神共舞的话，那就继续穿奉献吧！如果你实在买不到手套，那就攒点钱，买D顶恶魔尖牙，用蛋来对怪一击必杀来增加安全系数，法师实在是不禁打啊！</t>
  </si>
  <si>
    <t xml:space="preserve">请问全国70个大中城市是哪些？另外，一线，二线，三线城市有明确的 </t>
  </si>
  <si>
    <t>70个大中城市：北 京 天 津 石 家 庄 呼和浩特 太原 沈 阳 大 连 长 春 哈 尔 滨 上 海 南 京 杭 州 宁 波 合 肥 福 州 厦 门 南 昌 济 南 青 岛 郑 州 武 汉 长 沙 广 州 深 圳 南 宁 海 口 重 庆 成 都 贵 阳 昆 明 西 安 兰 州 西 宁 银 川 乌鲁木齐 唐 山 秦 皇 岛 包 头 丹 东 锦 州 吉 林 牡 丹 江 无 锡 扬 州 徐 州 温 州 金 华 蚌 埠 安 庆 泉 州 九 江 赣 州 烟 台 济 宁 洛 阳 平 顶 山 宜 昌 襄 樊 岳 阳 常 德 惠 州 湛 江 韶 关 桂 林 北 海 三 亚 泸 州 南 充 遵 义 大 理 城市分类：解释有以下几种,自己调选吧. 1.一线城市是指直辖市；二线城市是指省会城市、经济特区和各省综合实力排名前三名的城市 2.一线城市是指北京、上海、广州等大城市。 二线城市包括各省省会及沿海城市。 三线城市是指比较发达的中小城市。 3.一线城市是指1992年国家规定的5个特区和6个城市；二线城市指省会城市、直辖市和单列市；三线城市则指有战略意义的大中城市和经济总量较大的小城市，比如宁波、温州、东莞。 4.一线城市是指1992年允许合资试点的五个特区、六大城市；二线城市是指1999年扩大合资试点的省会、直辖市和计划单列市；三线城市是指有战略意义的大中城市------来源中国社会院财政与贸易经济研究所 个人认为第四个最有权威</t>
  </si>
  <si>
    <t xml:space="preserve">我想招几个校园代理．应该在什么地方发帖子如题 </t>
  </si>
  <si>
    <t>各个学校的贴吧，BBS学校自己的网站希望对您有所帮助~</t>
  </si>
  <si>
    <t xml:space="preserve">凹字的第2笔名称叫:"横折折"还是"横折弯" </t>
  </si>
  <si>
    <t>凹字的第2笔名称叫:横折折</t>
  </si>
  <si>
    <t xml:space="preserve">我的掖窝老出汗,怎么办?我的掖窝出汗特别多,尤其是夏天,衣服上的 </t>
  </si>
  <si>
    <t>这个跟人体得汗腺有关系，没有办法控制的。不过可以用止汉走珠，即可以防止汉渗透出衣服，还可以去除狐臭。市面上有很多种牌子这样的产品，如曼秀雷敦、雅芳等，，但总体来说我喜欢用安利的，50块买一只，可以用一年，，效果特别棒</t>
  </si>
  <si>
    <t xml:space="preserve">请问000878买价12.334元,600012买价6.83元6? </t>
  </si>
  <si>
    <t>我不是清泉老师,但可以给你建议.878可持有2个月左右观察.600012亦中段持有观察.797如能到9元则可卖出.</t>
  </si>
  <si>
    <t xml:space="preserve">石家庄好的人流医院是哪里. </t>
  </si>
  <si>
    <t>石家庄好的人流医院是哪里，好的人流医院你要看是不是适合你，可以在网上咨询专家看你适合什么样的方案，　一般做人流的佳时间，是在妊娠后35-50天内，若怀孕时间过早，易出现空吸、漏吸，怀孕时间太长终止妊娠会给身体带来很大的伤害。另外，人流不能过早的进行，还与以下原因有关： 　　1、怀孕确诊怀孕：月经的推迟到来，并不一定代表怀孕，因为月经并非不会延迟到来，受情绪、环境、季节等多方面因素的影响，月经可能会推迟到来，因而太早难以确诊是否怀孕。 　　2、过早不易手术：怀孕时间太短，胚胎发育才刚刚起步，孕囊还太小，做人流手术就容易出现漏吸和空吸的情况，从而造成手术失败或流产不全，还得再次做清宫手术，多承受一次手术的痛苦。 　　人流手术虽小，带来的伤害虽不是很大，但却不能忽视，要谨慎的对待，在术前要选择正规医院、选择适合人流方式进行手术，在术后要注意护理避免感染影响身体恢复。石家庄好的人流医院是哪里，做无痛人流手术一旦误入一些非正规医院、诊所做人流手术，易造成盆腔感染、继发不孕，月经不调闭经等并发症、后遗症，对女性身心造成伤害。一些不法医疗机构，为了下降成本，必要的术前检查不做;还使用劣质材料，器械消毒不严格…这样遇到紧急情况是非常危险的，患者疼痛、大流血、昏厥、甚至威胁生命!石家庄好的人流医院是哪里，石家庄蓝天中医院是一家集医疗、科研、预防、保健、康复于一体的现代化时尚妇科医院，也是全国连锁品牌医院。医院拥有先进的医疗设备及经验丰富的医疗团队，为女性的健康与美丽保驾护航。国内一流首席医学专家领衔的高水平技术团队和先进的配套设备专注于女性疾病诊治与健康美丽事业，以高品质的妇科诊疗保健引领女性健康与美丽时代潮流，相信女性的各种健康问题均可以在石家庄蓝天中医院得到解决。</t>
  </si>
  <si>
    <t xml:space="preserve">我家宝宝一周岁了断奶后一直都喝雅培可是感觉口味不大好所以想给她换? </t>
  </si>
  <si>
    <t>我的宝宝都是喝贝因美的,感觉还不错,宝宝挺喜欢的,优博也喝过,她也不排斥,建议妈妈可以都给她喝喝看,看宝宝喜欢哪种,</t>
  </si>
  <si>
    <t xml:space="preserve">请高手帮忙配个机.名称价格主板800要名牌CPU750内存600 </t>
  </si>
  <si>
    <t xml:space="preserve">CPU Intel 奔腾D 820 2.8GHz(散) 1 1095.00 1095.00 主板 技嘉 8I945PG-RH 1 888.00 888.00 内存 黑金刚 512M DDRII533 1 355.00 355.00 硬盘 希捷 Barracuda 7200.9 160GB(SATA) 1 550.00 540.00 ↓10 光驱 先锋 DVD-123E（银色） 1 188.00 188.00 显卡 技嘉 NX73G128D 1 549.00 549.00 机箱 金河田 蓝牙系列7055B 1 368.00 368.00 音箱 金河田 JHT-360 1 180.00 180.00 键盘 罗技 多媒体键盘 1 60.00 60.00 鼠标 罗技 新旋貂 1 70.00 70.00 液晶显示器 飞利浦 170C6 1 1800.00 1800.00 总计: 6103 6093 </t>
  </si>
  <si>
    <t xml:space="preserve">我邮箱原有邮票积分转换的是U币吗我邮箱邮票积分转换的是U币吗，可 </t>
  </si>
  <si>
    <t>是u币积分</t>
  </si>
  <si>
    <t xml:space="preserve">甲酰胺是做什么用的呢？有一个朋友问我甲酰胺产品是做什么用的。我不 </t>
  </si>
  <si>
    <t xml:space="preserve">甲酰胺 Formae 049320         别名： 氨基甲醛  性状： 无色微黏液体。无气味或略有氨臭。有吸湿性。在有潮气的情况下，能水解成氨和甲酸。在一个大气压下于180℃部分分解成一氧化碳和氨。能与水、甲醇、乙醇、丙酮、乙酸、二氧六环、乙二醇和苯酚等混溶，极微溶于乙醚和苯。能溶解于酪素、葡萄糖、玉米朊、单宁、淀粉、木素、聚乙烯醇、乙酸纤维素、尼龙以及　铜、铅、锌锡、钴、铁、铝和镍的氯化物，碱金属乙酸盐和某些无机硫酸盐和硝酸盐。0.5mol/L水溶液的pH为7.1。相对密度（d20 4(20上标，4下标）1.13340。熔点2.55℃。沸点210.5℃。折光率（n20 D(20上标，D下标)1.44754。闪点154℃。易燃。蒸气能与空气形成爆炸性混合物，爆炸极限1.2%-6.7%（体积）。有毒，半数致死量（大鼠，腹腔）5.7g/kg。有刺激性。 单位定义：  用途： 离子化溶剂。纸色谱展开剂。动物胶的软化剂。纤维工业的柔软剂。制造甲酸酯类和氢氰酸。 贮存： 密封干燥保存。SCRC 300912 质量标准: *分析纯含量不少于98.5%。 危险性质：  分子量： 45.04          该产品ID值：10090 </t>
  </si>
  <si>
    <t xml:space="preserve">想请问一下遗传性雀斑有什么好办法可以预防治疗吗，大约从五六岁左右? </t>
  </si>
  <si>
    <t>病情分析： 雀斑是一种浅褐色小斑点，针尖至米粒大小，常出现于前额、鼻梁和脸颊等处，偶尔也会出现于颈部、肩部、手背等处。除有碍以外，并无任何主观感觉或其它影响。对雀斑的评价不同，有些人认为雀斑影响美观，有些人则认为雀斑可以使女孩显得活泼可爱，并使成年女性显得亲切、自然。欧美国家常把雀斑看成女性美的一个标志。但在亚洲，雀斑却成丑的代言词。雀斑的成因经脉不通，导致瘀血内停，阻滞不畅，心血不能到达皮肤颜面、营养肌肤，而皮肤中的代谢垃圾、有害物和黑色素就不能随着人体的正常新陈代谢排出去，逐渐沉积就形成了雀斑。这也就是中医所说的脸上斑块，体内瘀块，有斑必有瘀，祛斑必化瘀。色斑难以根治的原因在于普通药物无法直接深入病灶，难以将粘附在经络上像豆腐渣一样脓性的，彻底清除，由于有色斑的患者，大部分都有一定程度的气血两亏的症状。　　生斑原因：雀斑多由肺经风热，遗传所致。增加皮肤黑色素细胞中的酪氨酸酶活性，在紫外线的照射下，生成大量黑色素，便形成了雀斑。去除遗传性雀斑补充胶原蛋白可以有效得淡化遗传性雀斑，甚至使其消失。特别是**倍健牌胶原蛋白，它在补充胶原蛋白的同时控制皮肤胶原蛋白的流失，加固胶原纤维和弹性纤维的生长，加固其密度，从根源上控制一切皮肤问题的发生。从而可抑制酪氨酸酶的活性，防止黑色素沉积，淡化已形成的黑斑，令肤色白皙、色斑淡出。另外，以下几种方法可以辅助淡化雀斑：方法一，把新鲜萝卜辟碎挤汁，取出大约十到三十毫升，每天晚上把脸洗干净后涂抹，等干后再把脸洗干净。另外，也可以每日喝一杯胡萝卜；　　方法二，把柠檬汁搅汁，加适量的糖水后饮用。柠檬中含有大量维生素C、钙、磷、铁等；　　方法三，你也可以每天吃一片维生素C和维生素E，这些元素都有助于祛斑；　　方法四，还有一个办法是用干净的茄子皮敷脸，一段时间后，小斑点就不那么明显了；　　方法五，每日喝一杯西红柿汁或常用西红柿，也有淡化雀斑的作用。那是由于西红柿中含有丰富的谷胱甘肽，而谷胱甘肽可抑制黑色素，所以能使沉着的色素减退或消失；　　方法六，在洗脸的时候，可以于水中加入一到两汤匙的食醋，同样可以减轻色素的沉淀。雀斑的预防从小事做起，彻底告别雀斑　洗脸要彻底：美容专家的主张是，进行“双重洗脸”。即使用卸妆水后，再使用洁面乳液，这才是正确的洗脸方法。　　警惕有害护肤品惹祸：护肤品最好在一个季节里就用完。否则其中含有的铅、粗糙油脂成分都对肌肤十分不利，导致雀斑出现。　　当心化妆引来麻烦：最好把化妆的时间缩短到最低。回家后要马上卸妆，而不是等到睡觉前才卸妆。　　注意防晒和美白：每天涂抹防晒霜必不可省，同时还要兼顾美白护理，能净化、均匀肤色。　　每天用淘米水洗脸：淘米水中所含的成分可洗去脸上的污垢，其中的维生素B、E也可帮助保持肌肤的滋润。方法是：用洁面乳洗脸后，用淘米水按摩肌肤3分钟，再用温水清洗。每天坚持。</t>
  </si>
  <si>
    <t xml:space="preserve">请教Perseus军用战机这是什么型号的军用战机 </t>
  </si>
  <si>
    <t>Saunders-Roe S.R-A1谢谢。这是Saunders-Roe S.R-A1水上战斗机，首飞于1947年7月16日，只生产了3架。</t>
  </si>
  <si>
    <t xml:space="preserve">小孩儿晚上喊腿疼是怎么回事？我的女儿4周了，正上中班。这几日晚上 </t>
  </si>
  <si>
    <t>是生长痛，由于小孩生长较快。钙的需求量相对增多，所以这时候就要给孩子补充钙剂以弥补饮食内的不足。倒置腿痛的机理是；由于骨组织要比骨膜生长快，就出现了骨膜的?美两舻淖纯鲆虼司突崽弁础?</t>
  </si>
  <si>
    <t xml:space="preserve">荷兰主线4章问题第四章佛雷德瑞克的周旋　　过了几天，在海尔德靠港 </t>
  </si>
  <si>
    <t>在阿姆的总统府可以去看看17173的主线任务</t>
  </si>
  <si>
    <t xml:space="preserve">最近发现一个问题网上的燕窝很便宜,上等的血燕只要20几块一克.而? </t>
  </si>
  <si>
    <t>呵呵，进货和利润就不要多说了，也不能说真的假的这个问题。我想说的是，我知道有用猪皮加工了以后冒充燕窝的。</t>
  </si>
  <si>
    <t xml:space="preserve">求救！！！口香糖粘到了布艺沙发上，表面上的弄掉了，但胶已经渗到了 </t>
  </si>
  <si>
    <t>可以用 酒精、汽油、煤油、稀料、信纳水，这些都可以，也可以用冷却的方法。不用过于担心。</t>
  </si>
  <si>
    <t xml:space="preserve">初中还高中的问题22的22次方的2次方2的222次方哪个最大。哪 </t>
  </si>
  <si>
    <t>2222＜222的2次方＜22的22次方＜2的222次方。</t>
  </si>
  <si>
    <t xml:space="preserve">临床上最常见的几种常用呼吸方法？临床上最常见的集中呼吸方法？ </t>
  </si>
  <si>
    <t>胸式呼吸，腹式呼吸，混合呼吸。正常的。不知道你后来问得啥意思。</t>
  </si>
  <si>
    <t xml:space="preserve">零存整取中途取钱行吗我办理了零存整取，才两个月，我又不想存了，想 </t>
  </si>
  <si>
    <t>可以。凭身份证就可以。不过利息按活期的计算。</t>
  </si>
  <si>
    <t xml:space="preserve">如何使用电子琴纯粹新手,一点都不懂的,不知道该怎么用,知道的请说 </t>
  </si>
  <si>
    <t>电子琴比较简单，左手有一个划分区，（从键盘上方可见区域标记）是专供左手弹自动伴奏用的，其他键是右手弹奏区．打开电源开关就可以弹奏了．但如果要问怎么弹，就不是一句话能说得清的了，你必须到文化宫等单位报个电子琴大班的学习，先入门，以后有什么具体问题就可以帮你了．</t>
  </si>
  <si>
    <t xml:space="preserve">水瓶座的女孩是不是都很败家?我女友是水瓶的,我觉得她很败家,还总 </t>
  </si>
  <si>
    <t>也不是所有的水瓶座都这样啊,有些是非常纯情的.你可以提供她的出生资料来看看。但是你千万不要干涉她,因为水瓶很注重自己的私人空间,也是一个非常我行我素的人.你干涉她只会引起她的反感.</t>
  </si>
  <si>
    <t xml:space="preserve">大家说说远距离的恋爱到底能谈不？？/困惑？/我以前有个很好的朋友 </t>
  </si>
  <si>
    <t>就地取材.爱也许就在你的周围.</t>
  </si>
  <si>
    <t xml:space="preserve">健康我的手指甲上面有横纹，是不是体内那个器官有毛病了，怎么调理调 </t>
  </si>
  <si>
    <t xml:space="preserve">指甲上起横线是危险的一种病态开始的时候,横线只在指甲的最下端露出来,随着指甲的生长,而逐渐向上移动,精于此道的人,可以根据这横线的位置,推断出发病的可能时期. </t>
  </si>
  <si>
    <t xml:space="preserve">给昨晚的皇马VS阿森纳一战打分？皇马教练 </t>
  </si>
  <si>
    <t>我只给某些核心球员打分：亨利，8。5分，评价，进了一个单刀，但很多次戏耍卡斯利亚斯不成功……卡西里亚斯，6分，若不是他的出色发挥皇马可能会失更多的球。但“自动”申请黄牌实属不智莱曼，8分，出色的发挥另外血染赛场。雷耶斯、法布里加斯：均8分。在本土有一次成功的演出。并且为亨利送出不少好球。西西尼奥，4分。正是因为他经常助攻，所以上半场比赛给了阿森纳不少塞直线的机会。小贝6分，中规中矩，无大功亦无大过，可能是他乡遇故知吧，本场比赛他创造出几次得分良机但可惜队友都没有把握住。肥罗，5分，浪费多次机会……</t>
  </si>
  <si>
    <t xml:space="preserve">我买了个39级的3D掉1攻1敏1防的改僵32W合适吗大家告诉我啊 </t>
  </si>
  <si>
    <t>贵了，攻敏都掉了啊~10多W差不多~</t>
  </si>
  <si>
    <t xml:space="preserve">工商银行怎么样来提高用户的信誉？ </t>
  </si>
  <si>
    <t xml:space="preserve">优质的服务、一流的业务水平、可靠的信誉、员工素质的提高 </t>
  </si>
  <si>
    <t xml:space="preserve">如何选择多样的理财产品 </t>
  </si>
  <si>
    <t xml:space="preserve">当前市场，产品丰富多样。除了我们较熟知的货币市场基金及人民币理财产品外，券商也推出了集合理财产品。　　券商由于受困于这几年经营业绩低迷及之前的委托理财业务的问题，投资人对其推出的理财产品较为小心，其募集额低于预期。招商证券基金宝募集额为13.58亿元，广发2号10亿元，6只产品总共约53.23亿元。　　低风险产品的差异化，多样化，其实是非常好的事情。但是，对投资人来说，有了一个新问题：就是我们如何在如此多的产品中作选择呢，我们的建议如下：　　1．明确理财目标及限制，明确承受风险的能力及意愿：对投资期限长，风险承受力高的人来说，低风险产品可以适量少投，而多关注资产增值潜力大的品种，如房地产，股市，偏股基金等。而相反，如果不愿意或不合适承受太高风险，则可以多投一些低风险产品。　　2．做好资产配置：基本上，低风险产品以其安全性高，流动性好，可以成为资产配置的一个重要方面，建议大家根据自己的情况，多少做些配置。　　3．虽然统一在低风险产品的大家庭中，但各类低风险产品差别其实非常之大，包括风险，收益，流动性等，投资人不可以以一概全，应该详细了解每类产品的风险收益流动性特征，选择合适自己的品种。一般而言，你可以问向你推销低风险产品的人以下几个问题：　　a.该产品预期收益率是多少？收益率的波动情况如何？该收益是有保证的吗？是谁来保证？本金有没有亏损的风险？收益是如何分配的？　　b.该产品可以投资哪些工具？投资限制是什么？　　c.该产品买入后可以随时卖出/赎回吗？有没有提前卖出的惩罚性条款？　　d.该产品费率是如何的？包括一次性的收费及持续性的，如管理费 </t>
  </si>
  <si>
    <t xml:space="preserve">原用的windowXP正版，要更新电脑，如何办？2004年我电脑 </t>
  </si>
  <si>
    <t>你的意思是担心激活问题，下面的方法使你不用在担心激活问题。若在重装系统后，有一个简单的办法可免除这个麻烦。在第一次激活WindowsXP后，备份好系统盘中Windows\System32目录下的“Wpa.dbl”文件，重装WindowsXP后只需将此文件复制到该目录下即可，就不需在重新激活了。</t>
  </si>
  <si>
    <t xml:space="preserve">从网上下载的新概念英语电子书全四册(有声版).rar,打开之后只? </t>
  </si>
  <si>
    <t>那应该是你没有安装相应的播放器吧！ 这个英语网站不错，可以在线听，下载的到了二册不完整，而且讲得不详细。</t>
  </si>
  <si>
    <t xml:space="preserve">MG怎么加属性点====什么是轻装和重装啊什么是轻装和重装啊 </t>
  </si>
  <si>
    <t>GM一般是把力加到刚好穿装备 把剩余的点全加敏 装备上全砸加血的石头 不过力最好比装备要求多一点因为遇到好装备要求的力多点穿不上是很郁闷的</t>
  </si>
  <si>
    <t xml:space="preserve">极品系列的小说谁有啊跪求 </t>
  </si>
  <si>
    <t>极品公子       极品家教         极品家丁</t>
  </si>
  <si>
    <t xml:space="preserve">孩子？我女儿今年十岁，上五年级，近段时间以来老跟同学闹矛盾，同学 </t>
  </si>
  <si>
    <t>其实我觉得你去找老师就是一种错误,孩子都十岁了,这些问题应该让他自己解决。你去找老师：一，让孩子总想呆在你的羽翼下，不能长大。二，让他的同学觉得他是个爱打小报告的人，就更离得他远了，你想想自己上学时是不是也很讨厌打小报告的人呢。孩子和同学关系不好，你应该教孩子学会宽容，多和同学来往，平时多和孩子沟通，看看他和同学都为了什么不开心，家长可以给意见，不要帮他做决定，慢慢来，这些事急不来的。祝全家开心！</t>
  </si>
  <si>
    <t xml:space="preserve">nero7要如何安装 </t>
  </si>
  <si>
    <t>根据你的描述。。。应该是因为你在安全模式下安装所以不行请使用有管理员权限的帐号登录一般的模式并进行安装</t>
  </si>
  <si>
    <t xml:space="preserve">怎样在qq日志中添加视频 </t>
  </si>
  <si>
    <t xml:space="preserve">首先，你要找到视频，如果你不知道上哪去找，你可以在。或搜搜上搜索一下视频，就能找到很多视频网站，像56、土豆网、优酷、搜搜也有视频。然后，找到你喜欢的视频后复制地址，地址在哪里呢？举了例子：比如土豆网的视频地址吧不是很容易找到，其实就在视频下面“如何转贴土豆视频”那个按钮里，点QQ空间标志，上面有详细的如何添加视频到空间的方法，第二个就是你可以直接点复制代码，按照上面的步骤把视频添加到空间里。像56的视频你就可以直接复制视频下面的FLASH地址。下面教你如何添加视频到QQ空间：1。复制好地址，打开空间在首页点【自定义】2。点新建模块3。点添加FLASH模块，4。粘贴上视频地址，填上标题，点更多设置播放方式、有无边框、模块大小（大小和位置也可以添加好到首页用鼠标调整）下面教你如何添加视频到QQ空间日志里：1。点些日志2。在工具栏上有两个按钮都可以插入视频①一个蓝色的QQ播客一样的小摄像机的标志，这就是插入视频，然后选文件来源URL，然后粘贴上地址，选好大小和播放方式保存。（如果你不知道大小可以选自动）②它旁边还有个红色F标志的按钮，那是插入FLASH，你就点这个按钮，你贴视频选择大小和播放方式保存就可以了。（注意这个如果你使用自动大小，视频显示出来会很小，需要自己用鼠标调整）视频是FLASH地址的这两种方法都添加【视频的尺寸 480×360】你也可以在 QQ播客上 搜索到自己想要的视频，选择一键转贴到QQ空间，就可以直接将视频添加到空间日志里了。 </t>
  </si>
  <si>
    <t xml:space="preserve">请问一组是10个空格一组还是挖满一格一组 </t>
  </si>
  <si>
    <t>组的概念严格的说是“可以装满一个物品栏的最大数量”，随物品的不同而有所不同，比如花木，矿石为40个/组，矿条，部分食材为20个/组，钥匙，水晶碎片为999个/组等等。以你的问题而言，答案很简单，一格就是一组。</t>
  </si>
  <si>
    <t xml:space="preserve">乳头凹陷 </t>
  </si>
  <si>
    <t>马上去医院检查了（如果是那种用手拉了不能恢位的有癌的可能性大）</t>
  </si>
  <si>
    <t xml:space="preserve">女生自慰可以吗? </t>
  </si>
  <si>
    <t>完全可以。女性自慰很正常　　『手淫』現改稱?椤盒宰晕俊唬侵溉祟?性成熟後，?榱?で笮钥旄校靡挛锘蚱骶吣Σ磷陨硗馍称骰蚱渌悦舾?^，以達到性高潮，使性緊???氐紫说男?椤＿^去認?槭忠遣坏赖碌淖晕遗按芤鸾?]、自?、恐?帧⒕癞?常、?痿和體力衰退等。自20世紀50年代後期性?W?＜医鹳?研究了16000例美?信男孕?椋赋?2%的男性和58%的女性有性自慰行?椋?]有產生所說的?毫俞峁幔搜芯扛淖?了手淫有害的錯誤看法。　　在我?@種?舊的觀念，至今仍然影?著人??的身心健康，阻礙了間的性和諧和性健康。筆者收到?硇藕?碓L的青年人最多的性??題是手淫??題，?榇耍M行性健康教育非常必要，?K且?κ忠仨?要有正確的認識。?庥嘘P資料?蟮溃缘氖忠??3%?85%，?K曾?至少有一次手淫達到性高潮。我??W者?⑦_臨在1992年的研究資料顯示：城市已婚男性手淫率??3.1%，女性??2.2%，農村已婚男、女性手淫率分?e??%和10.5%。而?W者?⑸朴㈧?994年調查254例?D女後發現，手淫率??.5%。這均表明我?忠拭黠@低於?赓Y料，這可能與我???r、?鹘y觀念和宣?鬏??有關。　　另一方面，女性在性生活?r若?]有性高潮，稱性高潮缺乏癥，這是臨床和諮?中最常?的??題。???W家調查，法??0%女性患有性高潮缺乏癥。維也納?W者觀察1500名女性中，有1/3的人?奈从行愿叱斌w?。德?樵?2000名女性中，有44%的人?]有體?過性高潮或很少體?過性高潮。可?性生活中?]有性高潮是不少的。?W者??認?椋孕宰晕渴桥哉Ｐ怨δ埽谦@得性體?和性高潮的重要手段。在判?嗯孕怨δ?r，除了要了解其性欲的??弱、性?酒?r?道分泌物的多少、性交頻率、性高潮出現的狀?r外，?必?了解是否有性自慰及性自慰的次?档取＿@已?是性治?中必不可少要了解的?热荨?　　</t>
  </si>
  <si>
    <t xml:space="preserve">战场装备问题我是个刚到60的DZ,想弄身战场装,不喜欢下FB,请 </t>
  </si>
  <si>
    <t>战峡谷：巡林者护腕86护甲11力 19敏 8耐护卫/哨兵的皮裤233护甲28敏 27耐  1致命 军团士兵/保护者指环戒指12力 11敏 8耐护卫/侍从之弓54-101伤害 速度2.4 Dps32.34敏 10耐斥候/哨兵之刃匕首 49-92伤害 速度1.7 Dps41.513敏 5耐~~~~~~~~~~~~~~~~~~~~~~~~~~~~~~~~~~~~~~~阿拉希盆地：亡灵护卫/荣誉卫士披风50护甲5敏 11耐 +34AP污染者的/高地皮甲护肩258护甲18敏 17耐 +30AP污染者的/高地皮甲长靴181护甲12敏 16耐 +16AP 略微提高移动速度污染者的/高地皮甲束带159护甲7耐 1致命 +34AP以上肩、脚、腰3件套装属性5耐 1致命~~~~~~~~~~~~~~~~~~~~~~~~~~~~~~~~~~~~~~~~~奥特兰克山脉：霜狼军团/雷矛士兵坠饰项链15耐 18AP剥夺者匕首 59-111伤害 速度1.8 Dps47.5击中时可能对目标造成200-300点伤害，并使其智力降低25点，持续30秒胡里奥指环11耐 1命中 1致命 +16AP6级霜狼/雷矛勋章饰物2躲闪，每6秒恢复5点生命————————————————————————————以上。缺头盔、手套和胸甲，饰物再配个任务给的黑手饰物。</t>
  </si>
  <si>
    <t xml:space="preserve">孩子是不是应该打流感疫苗呢？ </t>
  </si>
  <si>
    <t>可以进行预防接种。</t>
  </si>
  <si>
    <t xml:space="preserve">天语T6.W806+，中兴U960s3。天语W696.四款比较，? </t>
  </si>
  <si>
    <t>您好，个人觉得U960S3不错，外形到性能都俱佳，价格也不贵，建议购买，谢谢！</t>
  </si>
  <si>
    <t xml:space="preserve">电脑自动logoff咋办呀我的笔记本，打开后正常出现要求输入密码 </t>
  </si>
  <si>
    <t xml:space="preserve">可能是硬件问题，显卡或其它松了或烧了看看风扇  </t>
  </si>
  <si>
    <t xml:space="preserve">速腾和朗逸两款车哪款更适合家用？本丫头准备买车的，可是在选车的过 </t>
  </si>
  <si>
    <t xml:space="preserve">朗逸和速腾比不是一个档次。速腾是大众第5代紧凑型轿车，宝来跟朗逸都可以说是大众第四代紧凑型轿车的小改款。 首先速腾是PQ35平台，制造工艺先进与宝来跟朗逸。激光焊接、空腔注蜡，光这两点技术所带来的安全性就是跟宝来朗逸相差一个时代的。 速腾的后悬挂为多连杆悬架带横向稳定杆，宝来与朗逸为扭力梁式半独立悬架，这两种悬挂技术含量又是相去甚远的。 另外速腾为电动助力，朗逸宝来为机械液压助力。 在动力上，速腾、宝来、朗逸配备的1.6L、2.0L发动机基本无异。朗逸的1.6L相对来说先进些。(朗逸1.6L为16气门，速腾、宝来8气门)，变速箱也同为来自爱信的6AT。至于速腾的1.8TSI，朗逸与宝来都没有同级别发动机，所以不赘述了。而且底盘调校速腾最好，说穿了就是速腾是人德国人设计研发的，新宝来和朗逸是中国自主研发的，你说哪个好？ 德系车很多先进的技术都先进在表面看不到的地方，但是都很实用。不像日系车电子设备很多很花哨，好像在卖家电。 </t>
  </si>
  <si>
    <t xml:space="preserve">填词Didyou______(togetortobegivens </t>
  </si>
  <si>
    <t>get or be given sthnaturely chose</t>
  </si>
  <si>
    <t xml:space="preserve">一条鞭法不同于两税法的最具历史意义的特点是()A.废除人头税B.? </t>
  </si>
  <si>
    <t>C.赋税折银征收</t>
  </si>
  <si>
    <t xml:space="preserve">有知道汉堡比分的么？ </t>
  </si>
  <si>
    <t>兄弟着急了，那是明天才踢的比赛</t>
  </si>
  <si>
    <t xml:space="preserve">月秀和双子合服,,,我一个号,,在月秀和双子都有人物...在双子 </t>
  </si>
  <si>
    <t>您在转区界面进行转区的时候,如果系统检测您两个服务器组中都有人物,在转区的时候就会要求您修改一个帐号,这样当您转区成功之后,在转区后的服务器组中,就会生成两个帐号,分别存放您在月秀和在双子中的人物了.</t>
  </si>
  <si>
    <t xml:space="preserve">北京鲜花速递哪家比较不错想给远在北京的女友送鲜花 </t>
  </si>
  <si>
    <t xml:space="preserve">你说的就是网上订花，收到货后再付款现在的这种鲜花网很多的，主要还是看一个网站的服务和鲜花的质量，个人感觉这是最重要的。以前在某个鲜花网买的花，送过去，女朋友很生气，花都不新鲜的，焉了的。后来投诉弄的也很不开心。从此不再去那个网站了。后来换了一个“心飞扬花坊”它是连锁的，在京有不少店，还不错，你可以和他们联系下，客服MM的服务态度也很好，很多问题，她都耐心的解答了。现在一直都在她们家买的，你可以去网上搜索下，了解下 ，再比较多家选择 </t>
  </si>
  <si>
    <t xml:space="preserve">家庭纠纷，房子问题你好，请问，我妈过世好几年，我爸吃喝嫖赌具全， </t>
  </si>
  <si>
    <t>你好：看你这语气，火气可不小，还是消消火，慢慢想办法吧。1、关于房产：你的目的就是要保住房子不被他卖掉，只要达到这个目的就可以，为什么一 定要“签什么协议”或是“采取什么强制措施”？（1）我认为最好的办法就是你尽快提起继承遗产诉讼，要求确认你也是此房的共有人并确定你所有的份额，然后到房产部门办理房产证变更，将你登记为共有人（最好将你的份额也登记上），以后就没什么事了：房产为共同共有的，他如果想将房产出卖、抵押或是作其他处理，都要有共同共有人的同意，否则你可以主张无效的。（2）虽然“他现在还没有死”，但你要求继承的是你母亲的遗产（因为你已经说了这是他们婚后的共同财产，即使房产证是他的名字也会视为共同财产，房产的一半就是你母亲的遗产，如果你母亲没有以遗嘱方式指定她的遗产全部留给你父亲，此房的一半就要由你父亲、你和你的兄弟姐妹、你姥姥姥爷共同继承），所以你现在可以提起继承之诉，但要注意：继承诉讼是有时效的，《继承法》第八条：“ 继承权纠纷提起诉讼的期限为二年，自继承人知道或者应当知道其权利被侵犯之日起计算。但是，自继承开始之日起超过二十年的，不得再提起诉讼。”不要超过诉讼时效。（3）还有，如果你没有兄弟姐妹，如果你姥姥姥爷愿意，你可以和他们协商把他们的份额也让给你。现实中很多老人愿意这样。（4）如果你不想再和你老爸有麻烦：你也可以在诉讼中要求分割此房，得到房产的人按份额给放弃房产所有权的人以金钱补偿。以后就不会再有房产瓜葛了，他爱怎么卖就怎么卖。2、关于赡养问题：这与房产处理是两回事，不能搅在一起。（1）即使因房产要和他签协议，也与给他赡养费无关：如果他以现在就要XXX元赡养费才肯和你谈房产协议的事，不理他，房产是你应得的你母亲的遗产，与他无关，他不给就是侵犯你的权利，去法院起诉他。可是：签什么协议也不如法院的判决效力大、也不如把房产证变更过来、或是干脆分割应得的钱（如果你有其他住处的话才可以呦）更。（2）至于赡养费：不是他什么时候想要就可以要、想要多少就得给多少的，在他还有劳动能力、还有经济来源的情况下，尤其是他现在还有个车、能劳动却好吃懒做、不想工作时，法院不会支持他要赡养费的请求的。将来该给他赡养费时，也要根据你的经济情况和当地生活水平，数额多少协商不成时由法院判决。3、所以：我认为现在不必和他签什么协议，起诉最好、也最保险。</t>
  </si>
  <si>
    <t xml:space="preserve">蝉的鸣叫期有多长时间？一般在夏天，蝉要叫到什么时候，大概几月份， </t>
  </si>
  <si>
    <t>蝉在地下要度过六个黑暗的年头才出土,在树上鸣叫的时间才一个月左右</t>
  </si>
  <si>
    <t xml:space="preserve">如何根除脚上水泡?最近脚上老长水泡！很痒！把水泡刺破就不痒了，人 </t>
  </si>
  <si>
    <t>应该是脚气达克宁不错，坚持治疗可以根除不光是治脚，还有鞋和袜，必须每天清洗，还要晒太阳有一点麻烦</t>
  </si>
  <si>
    <t xml:space="preserve">男人到了打女人的地步，是因为没有感觉了吗？我男朋友昨晚狠狠的扇了 </t>
  </si>
  <si>
    <t>是不是他那时候心情不好，而你偏偏在这时候去“烦他”？如果这样的话，你们都不对。看看他的表现，你也哄哄他，一阵风波而已，过去了就好了。你也是，为什么老去挑战他的脾气呢？看形式吧，实在不行就分手。自己把握火候。</t>
  </si>
  <si>
    <t xml:space="preserve">女友以前网恋过一年我们认识以后她在那个男的QQ空间留言说天崖无尽? </t>
  </si>
  <si>
    <t>不算。只是顾影自怜吧。连人也见不到，根本无法全面了解，怎么能叫恋爱呢。</t>
  </si>
  <si>
    <t xml:space="preserve">哪天有怪真正的好好攻次河阳啊 </t>
  </si>
  <si>
    <t>每星期六日，在各个服务器的15线河阳，中午12点半以后会有兽妖攻城（可能时间会晚一点，反正是在12点半以后）</t>
  </si>
  <si>
    <t xml:space="preserve">厨房水槽下水道冒洗洁精泡怎么解决家里厨房水槽的下水道管子弯道比较 </t>
  </si>
  <si>
    <t>只有改造水道，才能一劳永逸！</t>
  </si>
  <si>
    <t xml:space="preserve">出句：陌上柳色君莫负 </t>
  </si>
  <si>
    <t>陌上柳色君莫负岸边花香蜂独知</t>
  </si>
  <si>
    <t xml:space="preserve">我43岁每天晚上睡觉腰都很痛 </t>
  </si>
  <si>
    <t>可能是腰椎病。　进行一些简易运动　　正确的腰椎锻炼原则是不增加腰椎负担。腰痛时尽量不做锻炼；锻炼强度要由小到大逐渐增加，突然用力或需爆发力的锻炼对腰椎不利，应尽量避免；锻炼要有规律，一般一周三次或三次以上、每次20-30分钟为宜。　　快走和慢跑：为锻炼腰椎首选运动。这种有氧运动能减轻腰椎负担，并能增强腰椎柔韧性和肌肉力量，能有效缓解和预防腰痛。进行这两项运动时应穿有弹性的运动鞋，抬头挺胸，每天或隔日活动30分钟左右。</t>
  </si>
  <si>
    <t xml:space="preserve">酒精过敏，酒精过敏，酒精过敏，酒精过敏……怎么破……[泪] </t>
  </si>
  <si>
    <t>要么别喝酒，要么喝酒前打针您好，尽量远离酒精源，锻炼身体，增强免疫力过敏是免疫系统的问题，不是普通药物可以解决的，体质可以通过锻炼加强你好 不可以的 因为你是对他的物质过敏</t>
  </si>
  <si>
    <t xml:space="preserve">和老公同房后有少量出血，小腹疼两天了昨天和老公同房后，一直小腹疼? </t>
  </si>
  <si>
    <t>你好，有可能是由于性生活的姿势不妥或因动作过大，导致宫内胎膜神经损伤，如果只是轻痛无大碍，床上歇两天静养，但要是有出血现象应立即采取保胎措施，</t>
  </si>
  <si>
    <t xml:space="preserve">听说用橄榄油可是预防妊娠纹的？要到哪里买啊，买什么样的阿？我也不 </t>
  </si>
  <si>
    <t>五个月以后在用就行，橄榄油是可预防妊娠纹但不像专用的好；我建议你到妇婴专卖店去看看那里有专门适合孕妇用去妊娠纹的，只是价格高点，不过我觉得比橄榄油效果好。本人怀孕时用过橄榄油结果还是长了一肚子纹。要到大的正规的妇婴专卖店那样用起来比较安全。</t>
  </si>
  <si>
    <t xml:space="preserve">大话西游经典的台词和图片，越多越好 </t>
  </si>
  <si>
    <t xml:space="preserve">》的经典台词  (悟空将月光宝盒随手一抛，正好砸在唐僧头上。) 　　唐僧：又干什么？(俩人正要动手，突然……) 　　唐僧：喂喂喂！大家不要生气，生气会犯了嗔戒的！悟空你也太调皮了，我跟你说过叫你不要乱扔东西，你怎么又…你看我还没说完你又把棍子给扔掉了！月光宝盒是宝物，你把他扔掉会污染环境，要是砸到小朋友怎么办？就算砸不到小朋友砸到那些花花草草也是不对的.(悟空一把抓住唐僧手中的月光宝盒)唐僧：干什么？ 　　悟空：放手！ 　　唐僧：你想要啊？悟空，你要是想要的话你就说话嘛，你不说我怎么知道你想要呢，虽然你很有诚意地看着我，可是你还是要跟我说你想要的。你真的想要吗？那你就拿去吧！你不是真的想要吧？难道你真的想要吗？…… 　　悟空：我Kao!(悟空一拳将唐僧打倒。) 　　观音：啊？孙悟空！ 　　悟空：大家看到啦？这个家伙没事就长篇大论婆婆妈妈叽叽歪歪，就好象整天有一只苍蝇，嗡……对不起，不是一只，是一堆苍蝇围着你，嗡…嗡…嗡…嗡…飞到你的耳朵里面，救命啊！(悟空倒地翻滚，异常痛苦。) 　　悟空：所以呢我就抓住苍蝇挤破它的肚皮把它的肠子扯出来再用它的肠子勒住他的脖子用力一拉，呵－－！整条舌头都伸出来啦！我再手起刀落哗－－！整个世界清净了。现在大家明白，为什么我要杀他！ 　　（第七天到了。牛府张灯结彩。广场上搭起一座绞刑架，唐僧被绑在上面，由两名小妖押护。） 　　唐僧：你有多少兄弟姐妹？你父母尚在吗？你说句话啊，我只是想在临死之前多交一个朋友而已。 　　（绞刑架对面是一座高台。紫霞凤冠霞帔，心事重重。） 　　（沙僧与香香也混进婚礼现场，伺机救人。） 　　唐僧：所以说做妖就象做人一样，要有仁慈的心，有了仁慈的心，就不再是妖，是人妖。 　　（小妖甲开始呕吐。） 　　唐僧：哎，他明白了，你明白了没有？ 　　（检视众人脚底板，走到一人面前） 　　蜘蛛精：怎么会有块疤？ 　　帮 从：这不是疤，这只是泥巴！ 　　蜘蛛精：把泥巴洗干净，不然我把它砍掉！ 　　二当家的：帮主，她为什么看我们的脚底板？ 　　至尊宝：幸亏只是看脚底板，又不是看屁股。 　　二当家的：你怕？ 　　至尊宝：是你怕，不是我怕 　　二当家的：为什么？ 　　至尊宝：你屁股上长了那么多痱子，说不定她会说你屁股不干净把它切掉！ 　　二当家的：你怎么知道我屁股？ 　　至尊宝：瞎子说偷看你洗澡的时候看到的。 　　二当家的：啊？你干吗要偷看我洗澡？ 　　瞎 子：我不止偷看你一个，所有人我都偷看过了 　　众 人：啊？偷看我们屁股！ 　　（检查到至尊宝） 　　蜘蛛精：嗯？怎么会有这么多毛？ 　　至尊宝：正常啊！我身上其它地方的毛更茂盛，怎么样，是不是看得你心痒痒啊？ 　　（蜘蛛精将脚上的毛一把扯掉） 　　至尊宝：啊。。。 　　蜘蛛精：你是说你那里长得更茂盛？ 　　至尊宝：哎呀，不是呀，其实我只有头上和脚底板有毛，大概是长错地方了。 　　蜘蛛精：哼，从今天起，我要你不分昼夜，查看所有经过这里的人。 　　至尊宝：查查，查什么？ 　　蜘蛛精：查看他们的脚底板，如果发现有三颗痣，立刻通知我，哼！ 　　二当家的：帮主哇，我们不去抢劫，光去看人家脚底板，被同行知道了会笑我们变态呀！ 　　至尊宝：明刀明枪斗不过她，暗箭她就难防了，今晚三更用五毒迷魂香让她尝尝，先奸后杀！ 　　二当家的：嘿，好计谋！ 　　至尊宝：你也觉得好，是不是，那这个任务就交给你执行！ 　　二当家的：啊？这么看得起我？算了吧！ 　　至尊宝：嗯。。。 　　二当家的：不用了，帮主不用下跪呀！ 　　至尊宝：你以为我想跪呀，是我腿不听使唤！ 　　瞎 子：帮主，你七伤拳的伤势越来越严重了！ 　　至尊宝：我还有双手，我不会屈服的，哈哈哈哈。。。 　　（掉入屎坑） 　　二当家的：帮主掉屎坑里去了，帮主。。。 　　至尊宝：刀下留人！原来是自杀的，你为什么要自杀呢？ 　　白晶晶：我先杀了你！ 至尊宝：英雄啊！你放过我吧！ 　　白晶晶：放过你？你给我一个不杀你的理由！ 　　至尊宝：正在想……你给我个杀我的理由先！ 　　白晶晶：好！你一声不响丢下我，还跟我师姐生下个儿子！ 　　至尊宝：你完全误会了…… 　　白晶晶：找死！(挥剑欲砍) 　　至尊宝：不要啊英雄！我是回去跟你师姐拿解药救你的，谁知道晚了 一步，回去已经找不到你了。 　　白晶晶：你骗我！ 　　至尊宝：你不信？(掏出玉佩)Look！ 　　唐僧：姐姐，这是你的不对了！ 　　观音：啊？ 　　唐僧：悟空他要吃我，只不过是一个构思，还没有成为事实，你又没有证据，他又何罪之有呢？不如等他吃了我之后，你有凭有据，再定他的罪也不迟啊！ 　　观音：唐三藏，你的罗嗦我早就听说过了，不过没想到你居然这么罗嗦！我给你的金刚圈让你用来制伏这猴子你居然不用！ 　　唐僧：唉，那个金刚圈尺寸太差，前重后轻左宽右窄，他带上之后很不舒服，整晚失眠，会连累我嘛！他虽然是个猴子，可是你也不能这样对他，官府知道了会说我虐待动物的！说起那个金刚圈，去年我在陈家村认识了一位铁匠，他手工精美、价钱又公道、童叟无欺，干脆我介绍你再定做一个吧！ 　　唐僧：我不会使你为难的。请姐姐跟玉皇大帝说一声，贫僧愿意一命赔一命！正所谓我不入地狱谁入地狱？求姐姐你体谅我这样做，无非是想感化劣徒，以配合我佛慈悲的大无畏精神啊！ 　　…… 　　唐僧：悟空，你知不知道什么是铛铛铛铛铛铛？ 　　至尊宝：什么铛铛铛铛？ 　　唐僧：铛得铛铛铛铛铛，就是(唱道) 　　On--ly you--！ 能伴我去西经... 　　至尊宝：哎…… 　　唐僧：On--ly you－－！ 　　背黑锅我来，送死你去，拼全力为众生！ 　　至尊宝：我真的不行啊，我跟你说…… 　　唐僧：On－On--！ 　　至尊宝：On你妈个头啊！你有完没完啊！(一拳将唐僧打倒)我已经跟你说过我不行了，你还要On-On-！On-On-！完全不理人家受得了受不了，你再On我一刀捅死你！唐僧：悟空，你尽管捅死我吧，生又何哀，死又何苦，等你明白了舍生取义，你自然会回来跟我唱这首歌的！喃呒阿弥陀佛、喃呒阿弥陀佛……   </t>
  </si>
  <si>
    <t xml:space="preserve">魔催卷！有这个东西么？那里有啊~是相当于几级的魔催啊？ </t>
  </si>
  <si>
    <t>就是做红心任务和小猫猜拳获得的，还有很多各种状态卷,相当于2级</t>
  </si>
  <si>
    <t xml:space="preserve">挺喜欢C4L的外形的，大家觉得这车值得入手吗？ </t>
  </si>
  <si>
    <t>C4 L的外形确实不错，我觉得这应该是东风雪铁龙目前最好看的一款车了，比新世嘉和C5都要好看，当然配置也是非常高的，至于价格，一分钱一分货，我觉得算比较合适的。最后买车还要看售后服务，我们这里的东风雪铁龙4S店还比较多，售后方便，我以前开的C2，感觉他们的售后服务做得还不错，其它的你自己定夺吧。</t>
  </si>
  <si>
    <t xml:space="preserve">感情问题我向一女孩表白遭拒绝后，因为遭拒绝后觉得尴尬。几月没联系 </t>
  </si>
  <si>
    <t xml:space="preserve"> 拒绝了就当朋友咯 主动联系. 一个信息.一句问候.都可以重新做朋友  难道喜欢她做不成男女朋友就不能做朋友? 还是你觉得要继续表达?  如果这样. 劝你不要打扰.免得让她讨厌</t>
  </si>
  <si>
    <t xml:space="preserve">大灰狼老师在这里边您的人气很不错啊! </t>
  </si>
  <si>
    <t>主要是大家信任我。说错了也不责怪我！！！</t>
  </si>
  <si>
    <t xml:space="preserve">电二纵横收装备90级男青云+9的衣服`40YB有的可在下面留言` </t>
  </si>
  <si>
    <t>装备去游戏里喊世界还是5173去买。</t>
  </si>
  <si>
    <t xml:space="preserve">电茶壶问题电茶壶电源插头一插入插座，家里保险丝就爆断了。这是电茶 </t>
  </si>
  <si>
    <t>不一定．首先，把电源插头的茶壶一端拔下，然后把另一端再插到电源上，如果这时保险丝不断，就说明的确是电茶壶的壶芯出现了问题．若情况相反，保险丝又断了，那肯定是插线或者是插座本身的问题．再者，如果是新换的保险丝，或者是新买的电茶壶，还有可能是超负荷的原因．这种情况是否应该加粗保险丝，要看您家的电缆等电路设施是否能够相配，如果任意加粗保险丝，容易引起电火．</t>
  </si>
  <si>
    <t xml:space="preserve">欲擒故纵－－摄影名词一 </t>
  </si>
  <si>
    <t>欲擒故纵－－摄影名词一 ．．．套放</t>
  </si>
  <si>
    <t xml:space="preserve">求一DZFB输出天赋本人现在T4两件其余为KLZ散件武器是王子掉 </t>
  </si>
  <si>
    <t>23/38/0 强化刺骨等级： 3/3使你的刺骨技能所造成的伤害提高15%。 恶意等级： 5/5使你的爆击几率提高5%。   谋划等级： 2/2需要 5 点在 刺杀 天赋使你对人型生物、、野兽和龙类所造成的所有伤害提高2%。 无情打击等级： 1/1需要 10 点在 刺杀 天赋你的终结技有每连击点数20%的几率恢复25点能量值。  致命偷袭等级： 5/5需要 5 点在 恶意需要 10 点在 刺杀 天赋使你的影袭、凿击、背刺、鬼魅攻击、毁伤、毒刃和出血技能的爆击伤害加成提高30%。    剧毒等级： 4/5需要 15 点在 刺杀 天赋使你的毒素所造成的伤害提高16%，并使你的毒药抵抗驱散效果的几率提高32%。下一等级使你的毒素所造成的伤害提高20%，并使你的毒药抵抗驱散效果的几率提高40%。 冷血等级： 1/1需要 20 点在 刺杀 天赋瞬发3分钟冷却时间激活之后，你的下一次攻击技能的爆击几率提高100%。 快速恢复等级： 2/2需要 20 点在 刺杀 天赋所有在你身上的治疗效果增加20%。另外，你的终极技在未击中时所消耗的能量值减少80%。战斗   强化影袭等级： 2/2使你的影袭技能所消耗的能量值减少5。    闪电反射等级： 3/5使你的躲闪几率提高3%。下一等级使你的躲闪几率提高4%。  强化切割等级： 3/3需要 5 点在 战斗 天赋使你的切割技能的效果持续时间延长45%。   精确等级： 5/5需要 5 点在 战斗 天赋使你的武器击中几率提高5%。  强化疾跑等级： 2/2需要 10 点在 战斗 天赋当你激活疾跑技能的时候，使你有100%的几率移除所有移动限制效果。  匕首专精等级： 5/5需要 15 点在 战斗 天赋使你的匕首的爆击几率提高5%。  双武器专精等级： 5/5需要 5 点在 精确需要 15 点在 战斗 天赋使你的副手武器造成的伤害提高50%。 剑刃乱舞等级： 1/1需要 20 点在 战斗 天赋25 能量瞬发2分钟冷却时间需要近战武器使你的攻击速度提高20%。另外还可以对附近的一个额外的敌人造成伤害。持续15秒。 武器专家等级： 2/2需要 1 点在 剑刃乱舞需要 25 点在 战斗 天赋使你的精准等级提高10。 侵犯等级： 3/3需要 25 点在 战斗 天赋使你的影袭和刺骨技能的伤害提高6%。  活力等级： 2/2需要 30 点在 战斗 天赋使你的耐力值上限提高4%，敏捷值上限提高2%。  冲动等级： 1/1需要 30 点在 战斗 天赋瞬发5分钟冷却时间使你的能量值回复速度提高100%，持续15秒。    钢铁意志等级： 1/2需要 30 点在 战斗 天赋使你抵抗眩晕和恐惧效果的几率提高5%。下一等级使你抵抗眩晕和恐惧效果的几率提高10%。 战斗潜能等级： 3/5需要 35 点在 战斗 天赋使你的副手武器的命中攻击有20%的几率获得9点能量。下一等级使你的副手武器的命中攻击有20%的几率获得12点能量。考虑到  你副本输出问题    只加了  关于PVE方向的   PVP  没考虑      LZ 既然都T4 两件拉   应该明白此天赋的极端!    加油 !     控制节奏    相信自己!钢铁意志的那一点天赋     可以考虑到别的上去  看个人喜好!还有强化疾跑      也是看个人喜好!强烈要求换个好剑   把匕首专  换成剑专!  那就哦可了!</t>
  </si>
  <si>
    <t xml:space="preserve">输入例句：仙3霹雳堂在井那里，点井了，但是只给一个窗口说“这井里 </t>
  </si>
  <si>
    <t>到德阳后会在一座破房子旁边发现一个画饼充饥的小女孩，对话后给她买一个烧饼就可以得知客栈后水井的秘密。</t>
  </si>
  <si>
    <t xml:space="preserve">不等式的应用题。用6m长的条形木料做一个日字形的窗框，问窗框的高 </t>
  </si>
  <si>
    <t>设高为X,则宽为(6-2X)/3那么面积:S=X*(6-2X)/3=(-2/3)X^2+2X=-2/3(X^2-3X)=-2/3[X^2-3X+(3/2)^2-(3/2)^2]=-2/3(X-3/2)^2+3/2所以当高为3/2米,宽为1米时,面积最大,最大面积为3/2平方米</t>
  </si>
  <si>
    <t xml:space="preserve">宝宝起名，请大师算一下我女儿2011年11月23日9时生，郭姓， </t>
  </si>
  <si>
    <t>姓氏：郭　　性别：女出生时间：公历2011年11月23日9时0分农历：二○一一年十月廿八日巳时生辰八字：辛卯年 己亥月 壬午日 乙巳时八字五行原始得分情况：金6；水27　　　　(同类帮或生日元总得分：33)木23；火27；土18　(异类克泄耗日元总得分：68)五行旺衰原始得分:-35八字命局分析：八字五行旺衰综合得分:-49；日主弱，八字弱。命局分析：八字命局中，日支午耗日元，月干己克日元，时干乙泄日元，因此日主弱，命局总评是弱。八字喜用神：日主弱，八字弱，实用神为正印和比劫。八字喜金水，金水就是此命的「喜神」。姓氏郭五行为木，姓名学笔画15。此八字取名用字五行顺序应为：木水金或木金水以下名字都补益八字、数理得分高、有利本人，您可以从中选择您喜欢的名字：郭悦慧(85分)　郭紫云(90分)  郭姗凌(87分)　郭晨淼(90分)　郭紫娆(85分)　郭柔妙(91分)</t>
  </si>
  <si>
    <t xml:space="preserve">谁能和我一起做这些数学题...有些我不会做。。。在文件里面。。。 </t>
  </si>
  <si>
    <t xml:space="preserve">1 f(x)=lg[(1-x)/(1+x)]则f(a)=lg[(1-a)/(1+a)]=b,f(-a)=lg[(1+a)/(1-a)]-b=-lg[(1-a)/(1+a)]=lg[(1+a)/(1-a)]=f(-a)选择B2 令t=(1-x)/(1+x),则有x=(1-t)/(1+t)且f(t)=(1-x^2)/(1+x^2)把x=(1-t)/(1+t)代进(1-x^2)/(1+x^2)得:(1-x^2)/(1+x^2)=2t/(t^2+1)即f(t)=2t/(t^2+1),那么f(x)=2x/(x^2+1)选择3由于y=√log1/2(3x-2),则有:3x-2&gt;0且log1/2(3x-2)≥0 由3x-2&gt;0可得:x&gt;2/3    (1)  由log1/2(3x-2)≥0可得:log1/2(3x-2)≥log1/2 1,即3x-2≤1,解得:x≤1                (2)综合(1).(2)得:函数的定义域是(2/3,1]选择D4 y=f(-x)与y=f(x),则图象关于y轴对称　若y=-e^x与另一图象关于y轴对称，则另一图象的解析式是:y=-e^(-x),从而排除A,C  y=-f(x)于y=f(-x),则图象关于原点对称　若y=-e^x与另一图象关于关于原点对称，则另一图象的解析式是:y=e^(-x),选择D5由于y=√log1/2(x^2-1),则有:x^2-1&gt;0且log1/2(x^2-1)≥0 由x^2-1&gt;0可得:x&gt;1或x&lt;-1   (1)  由log1/2(x^2-1)≥0可得:log1/2(x^2-1)≥log1/2 1,即x^2-1≤1,解得:-√2≤x≤√2                (2)综合(1).(2)得:函数的定义域是[-√2,1)∪(1,√2]选择A6 f(x)是奇函数，则有-f(x)=f(-x) 当x≥0时,f(x)=3^x-1,则有-f(x)=-(3^x-1)=1-3^x=f(-x) x≥0,则-x≤0, 1-3^x=1-3^[-(-x)] 则x≤0时,f(x)=1-3^(-x) 那么可以得出:f(-2)=-8,g(-8)=-2答案:g(-8)=-2  7(1)当x&lt;1,f(x)=(x+1)^2    那么f(x)≥1,即(x+1)^2≥1可得:x≥0或x≤-2    综合x&lt;1可得:x≤-2或0≤x&lt;1   (1)  (1)当x≥1,f(x)=4-√x-1    那么f(x)≥1,即4-√x-1≥1,√x-1≤3,解得:1≤x≤10    综合x≥1可得:1≤x≤10   (2)综合(1),(2)得:x的取值范围为x≤-2或0≤x≤10  选择A8 通过提供的数据画出函数的草图可以看出，函数开口向上，a&gt;0,且当x=-2和x=3时,y=0  综合一元二次不等式的解法可知:  不等式ax^2+bx+c&gt;0的解集是{x|x&gt;3或x&lt;-2}  </t>
  </si>
  <si>
    <t xml:space="preserve">ghgh本人练了个FL航```属性如下``属性+全T，带40级+ </t>
  </si>
  <si>
    <t xml:space="preserve">手+2J+2T+4圣+4寒玉+25F=65F+6J+2T 帽子+4J+4寒+20F 衣服是45BB，+6Z+6T+47F+5寒+2加纳 你在搞笑吧，手可以+圣和寒吗，帽子不属于装备之类，什么石头都加不上，加纳+在衣服，你耍杂技 的吗，加纳可以加在全部武器上，你是显示你厉害还是显示你钱多啊 </t>
  </si>
  <si>
    <t xml:space="preserve">划拨地和出让地的区别？有什么不同 </t>
  </si>
  <si>
    <t xml:space="preserve">土地使用权划拨的概念： 土地使用者划拨是指县级以上人民政府依法批准，在 土地使用者缴纳补偿，安置等费用后将该幅土地交付其使 用，或者将土地使用权无偿交付给土地使用者使用的行为。 土地使用权转让的概念： 土地使用权转让是指土地使用者将土地使用权再转移 的行为，包括出售、交换和赠与。 </t>
  </si>
  <si>
    <t xml:space="preserve">分出高下再编组（山名） </t>
  </si>
  <si>
    <t>嵩山-----------------</t>
  </si>
  <si>
    <t xml:space="preserve">6这个是执业律师的资格证号吗？1我想了解执业律师资格证的构成，哪? </t>
  </si>
  <si>
    <t>律师执业证(含律师工作证)号采用17位代码，具体排序规则如下：第1位为执业证书文本种类代码，1代表律师执业证(律师工作证)文本；第2-3位为持证人执业机构所在的省(自治区、直辖市)代码；第4-5位为持证人执业机构所在的市(地、州、盟)或者直辖市的区(县)代码；第6-9位为首次批准律师执业的年度代码；第10位为律师执业(律师工作)类别代码(专职律师1、兼职律师2、香港居民律师3、澳门居民律师4、台湾居民律师5、公职律师6、公司律师7、援助律师8、军队律师9)；第11位为性别代码(男0，女1)；第12-17位为律师执业证序列号代码。律师事务所(含分所)执业许可证号采用17位代码，具体排序规则如下：第1位为执业证书文本种类代码，代表律师事务所(含分所)执业许可证文本；第2-3位为执业机构所在的省(自治区、直辖市)代码；第4-5位为执业机构所在的市(地、州、盟)或者直辖市的区(县)代码；第6-9位为批准律师事务所设立年度代码；第10位为组织形式代码(普通合伙1、特殊普通合伙2、个人3、国资4)；第11位为总/分所代码(总所0，分所1)；第12-17位为律师事务所序列号代码。</t>
  </si>
  <si>
    <t xml:space="preserve">关于正方体的问题将一个棱长为3厘米的正方体的六个面都涂成红色，再 </t>
  </si>
  <si>
    <t>小正方体三面红8块（8个顶点处的）两面红12块（12条棱中间的）一面红6块（6个面的中心）还有1块没有红的（中心）</t>
  </si>
  <si>
    <t xml:space="preserve">成都第一天，去了宽窄巷子和锦里，不好玩，吃的很一般。。我想吃火锅? </t>
  </si>
  <si>
    <t>成都 金牛区马家花园路5号铁二局文化宫内(通锦大厦旁)重庆老火锅王</t>
  </si>
  <si>
    <t xml:space="preserve">有没有人知道能在网上免费看的杂志的网站啊？？有没有人知道在网上看 </t>
  </si>
  <si>
    <t>你可以使用新浪新闻阅读器那里 有一些不错的杂志希望你玩的开心</t>
  </si>
  <si>
    <t xml:space="preserve">中医虚是指。。。。我到医院看病医生说是脾肾两虚，给开了写药，我想 </t>
  </si>
  <si>
    <t>中医的虚一般指身体某一部分功能减退，可由多种原因造成，像先天身体弱，后天营养不良或病后，尤其是慢性病，脾肾两虚多表现在消化系统不正常，如腹泻腹痛、怕凉等。中医药治疗是没问题的。</t>
  </si>
  <si>
    <t xml:space="preserve">阵营比例急欲知道6区卡拉赞LM与BL的比例,这将决定我下张点卡往 </t>
  </si>
  <si>
    <t>极不平衡,LM大概是BL的4倍.JJS就像是LM的主城!</t>
  </si>
  <si>
    <t xml:space="preserve">如何忘记她!初恋!在人的一生中是最难忘的,而想忘记这初恋,到现在 </t>
  </si>
  <si>
    <t>有很多记忆，你刻意去忘记就等于提醒自己记着，这样只会加深记忆而已，是忘不掉的。你既然还想着她，还忘不了她，那你为何不试着再和她在一起呢？有很多东西，拥有和失去其实就在你一念之间！</t>
  </si>
  <si>
    <t xml:space="preserve">她是爱我的吗？请情圣进来分析一下!谢谢我们没在一起也没说爱来爱去 </t>
  </si>
  <si>
    <t>呵呵呵，你有可能是一个替代品。了解一下她的从前吧，她心里有个男孩子，又怕你离开她所以有一些动作，我认为不是真心的，睡在你的腿上有可能是她不能忘记以前，留恋过去，这是她的习惯。他需要关心，需要爱。人群里你们怎么这么的，那只是一种虚荣心，或者是告诉别人【前男友】我有男朋友。保重</t>
  </si>
  <si>
    <t xml:space="preserve">台式电脑CPU风扇开机很响,关一下过几秒重新开机就没有那声音了~? </t>
  </si>
  <si>
    <t>把风扇卸下来，如果是十塑料的材质风扇，背面有个商标用小刀轻轻的把它接下来，买一小瓶缝纫机油，一个针管，用针管吸一点缝纫机油慢慢的注射到轴承里，转一转风扇，就OK了</t>
  </si>
  <si>
    <t xml:space="preserve">曼联的比赛延期？？？今晚22点曼联VS纽卡的比赛怎么没有了？好多 </t>
  </si>
  <si>
    <t>那是明天的,兄台把时间看清楚啊.</t>
  </si>
  <si>
    <t xml:space="preserve">“早搏”是什么意思?有什么表现?有什么不良后果？如何治疗？ </t>
  </si>
  <si>
    <t>一、早搏是什么意思：早搏，又叫早跳，上称期前收缩，意思是提前发生的一次心跳或心搏，是最常见的心律失常之一。1、早搏从发生的部位可分为房性和室性早搏；房早可发生于正常人，也可见于植物神经功能紊乱患者。病理性房早多见于器质性心脏病患者。室性早搏，则多见于心脏器质性病变，如心肌炎、心肌病、缺血性心脏病等2、从早搏出现的频率，可分为偶发与频发早搏。每分钟大于5次为频发。在心电图监测中，通常以每小时早搏超过30次为频发早搏。2、早搏的表现：早搏的症状与表现因人而异：有的无明显症状，但大多数有不同程度的感觉。当发生心脏早搏时，由于心室强力收缩，可以感到心窝部或胸骨后突然重重的跳动几下；或有心跳停顿感。3、早搏的危害：房性早搏对心脏排血功能的影响较小，而室早、特别是频发室早则对心脏排血影响较大，可影响心脏功能，加重心功能不全；在心肌梗塞等病人，室早常可诱发室性心动过速、心室颤动等严重心律失常，而危胁生命。4、早搏治疗：房早治疗1）多数房早无症状，不需治疗；2）去除诱因，如紧张、烟酒、浓茶等刺激；3）对于功能性房早，可加强体质锻炼，增强心血管神经的调节功能。4）频发房早、有明显症状者，应适当给予药物治疗：一般先试用镇静剂与β-受体阻滞剂，如氨酰心安或倍他乐克，也可用 普罗帕酮 口服。室性早搏治疗1）检查病因，针对病因进行治疗。去除诱因，如紧张、烟酒、浓茶等刺激等； 2）无心脏病、无症状者不须治疗。无心脏病症状明显者——首选β-受体阻滞剂，如阿替洛尔、倍他乐克等。无效时选： 美西律、或普罗帕酮。3）对冠心病心肌缺血引起的频发室早，宜选用 胺碘酮，该药应在医生指导下使用。早搏的中药治疗中药制剂：对早搏有一定辅助治疗作用。1）宁心宝：对心律失常、房早、室早、病窦、房室传导阻滞、以及食欲下降、神经衰弱等病证均有疗效。1次2粒，一日3次，饭前温开水送服，疗程2周。2、稳心颗粒：适用于冠心病、心肌炎或原因不明引起的心律失常，如早搏、房颤、窦性心动过速等。一次1袋，一日3次，疗程4周。</t>
  </si>
  <si>
    <t xml:space="preserve">石家庄头部牛皮癣引发脱发怎么治？ </t>
  </si>
  <si>
    <t>头部牛皮癣是可以对患者的形象进行大大的毁坏的，而且头部牛皮癣本身对患者的健康也是可以造成不小损害的，所以头部出现牛皮癣的患者是应当去及时治愈的，若是不能及时的治疗也是可能引起更大损害的，很多头部牛皮癣患者会有不同程度的严重掉发现象，其实这也是和患有牛皮癣有一定关系的，所以对于头部牛皮癣患者是需要去及时治愈的，以免会对患者造成更加严重的伤害和影响。头部牛皮癣会对患者产生很大的威胁，首先肯定是头皮上的健康问题，在发病的时候会在患者头皮上出现严重的鳞屑症状损害，而且会伴随着瘙痒的自觉症状，主要就是由于牛皮癣的鳞屑脱落，在脱落的时候会带走头皮上的营养和水分，所以容易出现干燥瘙痒的损害。而对于头部牛皮癣患者若是不及时的治愈，也会影响到皮肤上的免疫抵抗能力的，所以是容易一些并发疾病出现的，头部牛皮癣患者脱发就是其中的一个现象。头部牛皮癣会带走头发根部的营养，因此会引起脱发的现象，而患者在生活中不要去搔抓自己的头部，以免抓伤自己头皮的皮肤，造成细菌病毒的感染。在生活中要注意头部的卫生，在清洗的时候水温不要过热也不宜过凉，另外就是要轻轻的擦洗。在选择头部洗发膏、护发素的时候也要注意尽量选择中性的，不要选择含有激素成分的，也不要选择重金属过多的，以免激发到患者的病情。在清洗完之后要擦拭干净。</t>
  </si>
  <si>
    <t xml:space="preserve">北约组织是什么样的一个组织！他是性质是什么？由中国主导的上海组织? </t>
  </si>
  <si>
    <t xml:space="preserve">北约组织---是欧洲经济同盟组织,而上海合作组织--是经济论坛类组织,非同盟关系,成员国关系较为松散.北大西洋公约组织North Atlantic Treaty Organization美国与西欧、北美主要发达国家建立的集团组织。简称北约，英文简称NATO。第二次世界大战后，美国推行遏制苏联的战略，1949年4月4日与加拿大、英国、法国、比利时、荷兰、卢森堡、丹麦、挪威、冰岛、葡萄牙、意大利共12国在华盛顿签订了《北大西洋公约》，宣布成立北大西洋公约组织，公约于1949年8月24日生效。至1992年共有16个成员国，增加了土耳其、希腊、德国、西班牙。总部在布鲁塞尔。组织机构主要有北大西洋理事会、防务计划委员会、常设代表理事会、军事委员会、国际秘书处等。欧洲盟军最高司令历来由美国将领担任。北约就重大国际问题进行磋商合作，协调立场，加强集体防务，每年举行各种联合军事演习。北约拥有大量核武器和常规部队，是西方重要军事力量。【成立日期】 1949年4月4日。【宗  旨】 成员国在集体防务和维持和平与安全方面共同努力，促进北大西洋地区的稳定和福利。【成  员】 26个（2006年）：比利时、冰岛、丹麦、德国、法国、荷兰、加拿大、卢森堡、美国、挪威、葡萄牙、土耳其、西班牙、希腊、意大利、英国、波兰、匈牙利、捷克、爱沙尼亚、拉脱维亚、立陶宛、保加利亚、罗马尼亚、斯洛伐克、斯洛文尼亚【主要负责人】 北大西洋理事会荣誉主席由各成员国外交部长轮流担任，任期1年。现任秘书长乔治·罗伯逊（George Robertson，英国人），1999年10月14 日就任。现任军事委员会主席圭多·文图罗尼( Guido  Venturoni，意大利人）将于2002年6月卸任，由哈拉尔德·库雅特（Harald Kujat,德国人）继任。现任欧洲盟军最高司令约瑟夫· 罗尔斯顿（Joseph Ralston，美国人），2000年5月3日就职。【总  部】 比利时布鲁塞尔。地址：NATO HQ，1110 Brussels,Belgium。电子信箱natodoc@ 。 网址 。【出 版 物】 《北大西洋公约组织评论》（NATO Review），用英、法、荷、德、意、西文（双月刊），丹、希、葡、土文（季刊），冰、挪文（年刊）编辑出版。【组织机构】 （1）北大西洋理事会（North Atlantic Council），亦称北约理事会，即部长理事会，最高决策机构。由成员国外长组成，必要时国防部长、财长甚至政府首脑也可与会。每年两次例会。在部长理事会休会期间,各成员国大使级常驻代表负责理事会日常工作。（2）防务计划委员会（Defence Planning Committee），由参加北约防务一体化指挥系统的成员国国防部长组成（法国于1966年7月1日退出军事一体化机构，1995年12月起参加国防部长会议和军委会会议，但仍不参加军事一体化机构。西班牙于1982年加入北约，但不参加军事一体化机构。1997年12月2日，在北约秋季理事会上，西班牙因其在直布罗陀海峡制空权得到保证，宣布重返北约军事一体化机构。冰岛因无军队不参加上述委员会），每年开会两次，负责审议北约防务政策和军事计划。1966年北约又设立专门负责核防务政策的核计划小组（Nuclear Planning Group, 法、冰未参加）。1968年，除法、冰之外的北约欧洲成员国国防部长组成非正式的北约"欧洲小组"。（3）国际秘书处(International Secretariat)，负责北约会议的筹备。秘书长除领导秘书处外，也是部长理事会、防务计划委员会、核防务委员会和核计划小组的主席。（5）军事委员会(Military Committee)，系北约最高军事指挥机构，由参加军事一体化指挥系统的成员国总参谋长组成。每年约开会三次，负责就北约防务问题向部长理事会和防务计划委员会提出建议，并对下属各主要战区司令部实施领导。军委会主席由军委会成员推选，任期3年。其日常事务由各国总参谋长任命的常驻军事代表组成军事代表委员会负责办理。军委会下设国际军事参谋部，负责实施军委会的政策和计划，此外还设有3个军事指挥机构：欧洲盟军最高司令部、大西洋盟军最高司令部、美国－加拿大地区计划小组。（6）北大西洋议会(NATO Parliamentary Assembly)。这是北约19个成员国及17个联系国议会间组织，议员由各国议会指定，名额按国家人口比例分配。议会宗旨是鼓励各国议会间的合作，密切各国议会与北约机构的联系，推动实现北大西洋公约的目标。议会每年召开两次全会。北约"和平伙伴国"目前有：罗马尼亚（1994.1.26）（已加入北约）、立陶宛（1994.1.27）（已加入北约）、爱沙尼亚（1994.2.2）（已加入北约）、乌克兰（1994.2.8）、斯洛伐克（1994.2.9）（已加入北约）、保加利亚（1994.2.14）（已加入北约）、拉脱维亚（1994.2.14）、阿尔巴尼亚（1994.2.23）、摩尔多瓦（1994.3.16）、格鲁吉亚（1994.3.23）、斯洛文尼亚（1994.3.30）（已加入北约）、阿塞拜疆（1994.5.4）、芬兰（1994.5.9）、瑞典（1994.5.9）、土库曼斯坦（1994.5.10）、哈萨克斯坦（1994.5.27）、吉尔吉斯斯坦（1994.6.2）、俄罗斯（1994.6.22）、乌兹别克斯坦（1994.7.13）、亚美尼亚（1994.10.5）、白俄罗斯（1995.1.11）、奥地利（1995.2.10）、马其顿（1995.11.15）、瑞士（1996.12.11）、爱尔兰（1999.12.1）、克罗地亚（2000.5.25）和塔吉克斯坦（2002.2.20）。马耳他于1995年4月26日加入，1996年10月30日退出。波兰、匈牙利、捷克分别于1994年2月2日、8日、3月10日加入该计划，1999年3月12日正式加入北约后退出该计划。【主要活动】进入90年代后，随着华沙条约组织的解体和冷战的结束，北约迅速调整战略，以“全方位应付危机战略”取代“前沿防御战略”，通过北约东扩和推行“和平伙伴关系计划”竭力向中东欧和前苏地区拓展影响，在欧洲安全事务中发挥着日益重要的作用。1991年5月28～29日，北约国防部长会议决定：用“全方位应付危机战略”取代“前沿防御战略”；大幅度精简部队，组建一支由7个军组成的主力防御部队、一支7万人的快速反应部队和各成员国武装力量组成的后备部队，以构成北约新的三层次防御体系。11月7～8日，北约在罗马举行首脑会议，通过了《北约新战略概念》，对北约军事战略作出重大调整，放弃“前沿防御战略”，从过去主要对付苏联转向“预防冲突和处理危机”；缩小部队规模，提高其灵活、机动和快速反应能力；调整“灵活反应战略”，削减核武器，但仍将保持一定的核威慑力量。会议决定成立“北大西洋合作委员会”，邀请苏、波、匈、捷、保、罗和新独立的波罗的海三国参加将于12月举行的首次特别外长会议，以确定双方在政治、安全方面的磋商和合作关系。12月9日，北约举行16国外长会议，次日同原华约国家保加利亚、捷克斯洛伐克、匈牙利、波兰、罗马尼亚以及拉脱维亚、立陶宛和爱沙尼亚外长联合举行了北大西洋合作委员会（以下简称“北合会”）第一次会议。北合会发表了《关于对话、伙伴关系和合作的声明》，决定加强北约和原华约成员国的联系机制，每年举行一次成员国外长会议，每两个月举行一次大使级会议。声明还确定了双方的合作范围，其中包括防务计划、军控、军转民、科技和环保等。1993年6月10～11日，北约部长理事会春季会议和北合会外长会议相继在雅典召开。北约部长理事会发表声明，称北约愿向在波黑执行任务的联合国维和部队提供空中保护。1994年1月10～11日，北约16国在布鲁塞尔召开苏联解体后的第一次首脑会议，主要讨论了北约在新形势下的新战略和内部调整，与俄罗斯、中东欧国家关系以及波黑冲突等问题。会议提出了《和平伙伴关系计划》，并发表了《首脑会议声明》。1995年5月31日，在北合会外长会上，俄罗斯外长科济列夫宣布俄正式加入北约“和平伙伴关系计划”，并签署了北约与俄的《双边军事合作计划》和《定期公开磋商制度框架文件》。科济列夫还发表讲话表示俄仍反对北约东扩，称北约东扩“既不符合俄罗斯国家安全利益，也不符合整个欧洲的安全利益”，“北约作为唯一的军事集团与建立统一的欧洲潮流背道而驰”。12月5日，北约部长理事会通过北约东扩的研究报告并批准西班牙外交大臣哈维尔·索拉纳出任北约秘书长。法国外长德沙雷特在会议上宣布，法国决定加强同北约的关系，重新参加北约军事委员会和国防部长会议，但并不意味着法国参加北约的军事一体化组织。随后，北约举行1979年以来首次外长和国防部长联席会议，正式批准向波黑派出由北约指挥的、6万人组成的多国部队，以监督波黑和平协议执行。这是北约历史上在非成员国领土上最大规模的军事行动。包括俄罗斯在内的14个非北约成员国也参加了多国部队。1996年6月3日，北约部长理事会春季会议在德国柏林举行，决定建立一支多国多兵种联合特遣部队，同意西欧盟国在美国不派地面部队参与的情况下，以西欧联盟名义动用上述部队，并可使用北约参谋、情报、通讯、运输和后勤等设施，对外实施维和、人道援助等行动。这也是北约建立欧洲防务特性的主要内容。上海合作组织 (Shanghai Cooperation Organization -- SCO) 的前身是“上海五国”会晤机制。1996年4月26日，中国、俄罗斯联邦、哈萨克斯坦、吉尔吉斯斯坦、塔吉克斯坦五国元首在上海举行首次会晤。从此，“上海五国”会晤机制正式建立。 2001年6月14日，中俄哈吉塔乌元首在上海 2001年6月，“上海五国”元首在上海举行第六次会晤，乌兹别克斯坦以完全平等的身份加入“上海五国”。随后，六国元首举行了首次会晤，并签署了《上海合作组织成立宣言》，上海合作组织正式成立。六国元首还签署了《打击恐怖主义、分裂主义和极端主义上海公约》。同年9月，上海合作组织成员国总理在阿拉木图举行首次会晤。六国总理在会晤中一致决定启动六国多边经贸合作进程，宣布正式建立上海合作组织框架内的总理定期会晤机制。上海合作组织是第一个在中国境内宣布成立、第一个以中国城市命名的国际组织。其成员国总面积3000多万平方公里，约占欧亚大陆五分之三；人口14．89亿，约占世界人口四分之一。工作语言为汉语和俄语。 2002年6月，上海合作组织成员国元首在圣彼得堡举行第二次会晤，签署《上海合作组织宪章》 。宪章对上海合作组织宗旨原则、组织结构、运作形式、合作方向及对外交往等原则作了明确阐述，标志着该组织从国际法意义上得以真正建立。 2003年5月29日，上海合作组织成员国 元首在莫斯科举行第三次会晤 根据《上海合作组织宪章》和《上海合作组织成立宣言》，上海合作组织的主要宗旨是：加强成员国之间的相互信任与睦邻友好；发展成员国在政治、经贸、科技、文化、教育、能源、交通、环保等领域的有效合作；共同维护地区和平、安全与稳定，推动建立民主、公正、合理的国际政治经济新秩序。 上海合作组织遵循以下基本原则：恪守《联合国宪章》的宗旨和原则；相互尊重独立、主权和领土完整，互不干涉内政，互不使用或威胁使用武力；所有成员国一律平等；通过相互协商解决所有问题；不结盟、不针对其他国家和组织；对外开放，愿与其他国家及有关国际和地区组织开展各种形式的对话、交流与合作。 2003年5月，上海合作组织成员国元首在莫斯科举行第三次峰会，讨论了在新形势下如何抓住机遇、应对挑战、加强协调、扩大合作，促进地区和平与发展等重大问题，并达成广泛共识，签署了《上海合作组织成员国元首宣言》。中国驻俄罗斯大使张德广被任命为该组织首任秘书长。 2004年1月13日，张德广接受媒体采访 2004年1月15日，上海合作组织秘书处在北京举行成立仪式。 2004年6月17日，上海合作组织峰会在乌兹别克斯坦首都塔什干举行。胡锦涛主席发表了题为《加强务实合作 共谋和平发展》的重要讲话。成员国当日签署了《上海合作组织成员国元首塔什干宣言 》。同日，设在乌兹别克斯坦首都塔什干的上海合作组织地区反恐机构正式启动 。 从2004年开始，上海合作组织启动了观察员机制，蒙古随即获得观察员资格。2005年7月，上海合作组织第五次元首会晤在哈萨克斯坦首都阿斯塔纳举行，决定给予巴基斯坦、伊朗、印度观察员地位。 上海合作组织每年举行一次成员国元首会晤，定期举行政府首脑会晤，轮流在各成员国举行。秘书长由元首会议任命，由各成员国按国名的俄文字母顺序轮流担任，任期3年，不得连任。秘书长人选的遴选非常严格，要由上海合作组织外长会议商讨推荐后，由元首会议讨论批准任命，要求有15年以上外交工作经历，精通俄文。 </t>
  </si>
  <si>
    <t xml:space="preserve">给偶像送点东西，送什么有意义的礼物呢？海报呢还是写点祝福的话？ </t>
  </si>
  <si>
    <t>用你的偶像的照片做一份独一无二的拼图　上面还可以加上一些你想说的话可以时常DIY拼起　那拼出的是惊喜　兴奋创意又有新意　与众不同还能永久保存</t>
  </si>
  <si>
    <t xml:space="preserve">金府世家在什么地方？ </t>
  </si>
  <si>
    <t xml:space="preserve">金府世家 :金牛区 洞子口路158号 普通住宅 3750 </t>
  </si>
  <si>
    <t xml:space="preserve">爱一个人爱到恨她该杂么做？每次想起她和以前的事，就恨她，当然也恨? </t>
  </si>
  <si>
    <t>真正的爱是希望对方幸福，只要对方快乐，得到和放弃都是为了爱，你是这样想的吗，</t>
  </si>
  <si>
    <t xml:space="preserve">哪里有全国软件行业公司名单？我是一家培训公司销售人员，现在软件行 </t>
  </si>
  <si>
    <t>需要购买，在中文域名中输入即可找到</t>
  </si>
  <si>
    <t xml:space="preserve">如何使用法国航空提供的相关的电子服务呢？有没有使用过的朋友能谈下? </t>
  </si>
  <si>
    <t>可以网上购票，付款成功后会收到一份包括重要提醒和法律文书的行程概要到电子邮箱，非常贴心，使用电子机票也无需担心机票遗失呢。</t>
  </si>
  <si>
    <t xml:space="preserve">高分求教：哪位高人知道男女栏栏高各是多少？？？ </t>
  </si>
  <si>
    <t xml:space="preserve">男子110米栏共10个栏,栏高1.067米,第一个栏距13.72米,栏间距9.14米,最后栏距14.02米。400米栏是0.914米女子共10个栏, 100米栏 栏高84厘米 栏间距8.5米 起跑线至第一栏13米 第十栏到终点10.05米 400米栏 栏高76.2厘米 栏间距35米 起跑线至第一栏45米 第十栏到终点40米 </t>
  </si>
  <si>
    <t xml:space="preserve">奇迹世界人物角色加完点后,能再洗点吗?有洗点功能吗??能洗点吗? </t>
  </si>
  <si>
    <t>可以..玩台服的朋友跟我说每个号都有一次重新分配点数的机会.我想国F也可以吧~~</t>
  </si>
  <si>
    <t xml:space="preserve">我们可以成为朋友么？我和一个朋友相处多年，彼此都有好感，可我们总 </t>
  </si>
  <si>
    <t>成为很好的朋友是不太可能，因为你们沟通上有困难，既然无法沟通，还是做个普通朋友好，过年过节问候一下就好了，大家都会比较快乐吧！</t>
  </si>
  <si>
    <t xml:space="preserve">宠物的问题.商城卖的rmb宠物90天内和野生召唤兽练气，可永久得 </t>
  </si>
  <si>
    <t xml:space="preserve">至于商城宠问题~~~~楼上2位已经说了~~~~我不重复了。。。。下面说下12FB的这个BUG。。。可以长时间保留，只要WY不更新。。。只要进12FB。打完最后一个BOSS。直接下线。再上线。继续进12FB。不清空进度。直接出来。变身就不会消失了  无聊！！！娱乐娱乐！！！呵呵O(∩_∩)O哈哈~ </t>
  </si>
  <si>
    <t xml:space="preserve">对于低值易耗品在什么情况下用五五摊销法好一次摊销和五五推摊销都有 </t>
  </si>
  <si>
    <t>一次摊销法适用于低值易耗品单位价值较低，数量较多，比如某些价值较低的办公用品；五五摊销法适用于单位价值较大，需要进行资产管理的金额较高的低值易耗品。</t>
  </si>
  <si>
    <t xml:space="preserve">明天到哪里吃好吃的呢？ </t>
  </si>
  <si>
    <t>熙盛源馄饨店 在凤凰街上的元祖蛋糕店旁边有一家麻辣烫 在十梓街的苏州大学西门前面，那里的麻辣烫味道应该说是苏州最正宗的绿阳馄饨店 苏州的老字号江南人家饭店 在十全街东面半条街上，东吴饭店再往南一点。</t>
  </si>
  <si>
    <t xml:space="preserve">如何在没有女人的情况下，正常发泄性饥渴 </t>
  </si>
  <si>
    <t>手淫自慰最适用，也最实惠！里面有许多窍门，比如可以借助一些身边的东西，象香蕉之类的。。。我除了用手鲁阴茎外，也常借助于其他物体，香蕉是我最常用的！具体做法：选择一个大一点的香蕉，切去头部一小段，然后用胶带缠好（以免用力时弄破香蕉）掏出其中的一部分果肉，把香蕉放在温水中浸泡一会儿（主要是让它温度达到和人的体温差不多！）然后就可以开始操作啦，把JJ插入里面，前后不停的“掳”，非常刺激，过瘾，射精的感觉也和你平时单纯用手不一样！不妨试试吧！</t>
  </si>
  <si>
    <t xml:space="preserve">笔记本屏幕总会有很多细小的毛絮我是大学生，电脑放在寝室里用，屏幕 </t>
  </si>
  <si>
    <t xml:space="preserve">屏幕带静电     会吸附微小物品   没有大碍   去买一个清洁套装   20元吧   清洁清洁   会好的 </t>
  </si>
  <si>
    <t xml:space="preserve">朋友结婚送多少钱合适？有朋友结婚，关系不错。如果带朋友同去，该送 </t>
  </si>
  <si>
    <t>一般家庭，关系不错的话100元、200元。家庭情况较好：300元、500元不等（数字要吉利）你要是带了朋友去的话200元差不多了</t>
  </si>
  <si>
    <t xml:space="preserve">黄体功能不全用什么方法可以孕前调理? </t>
  </si>
  <si>
    <t xml:space="preserve">1、饮食调节科美孕前产后调理中心主任岳磊教授指出，由于很多未准爸妈为了孩子着想，都会很重视孕前的准备，但是却并没有意识到饮食调节会影响到妈妈的一生。、2、行动调节岳磊教授指出，正确的睡觉姿势以及产后一个月内及时运动、排尿都有利于身体的恢复，同时健康身体也会更好促进产后的子宫复旧。3、物理治疗科美孕前产后调理中心引进美国最新技术，利用内分泌平衡治疗、器官功能恢复系统、盆底肌群锻炼系统、体外电容场、中医等多种技术手段，提升未准爸妈的身体体制，有利改善一系列内分泌失调的问题，促进男性精子质量提升，改善卵巢发育。4、心理调适 当然心理因素也是影响内分泌失调的一大原因。 </t>
  </si>
  <si>
    <t xml:space="preserve">酷睿赛扬e420和赛扬420一样吗我新买的台电脑处理器我要的是酷 </t>
  </si>
  <si>
    <t>赛扬 420 (散) 单核 1600MHz/800MHz/512KB 215 没错你要的是这个它采用的是酷睿技术，你没被骗。</t>
  </si>
  <si>
    <t xml:space="preserve">任九奖金预测……接近的……赏100分 </t>
  </si>
  <si>
    <t>350左右 不会太多</t>
  </si>
  <si>
    <t xml:space="preserve">毫无抵抗的下跌还能持续多长时间，真的冲向2008么 </t>
  </si>
  <si>
    <t>我在3300点买，瞬间落水，但现在涨上来啦</t>
  </si>
  <si>
    <t xml:space="preserve">如何删除浏览器地址栏中的中文网址???这个问题。我在百度搜索了一? </t>
  </si>
  <si>
    <t xml:space="preserve">您可以使用超级兔子中的超级兔子优化王，使用那个即可 </t>
  </si>
  <si>
    <t xml:space="preserve">套装问题我有个６０小号，６０级的能不能做套装 </t>
  </si>
  <si>
    <t>做套装可以，但是套装至少70级，60级不能穿的60可以穿粉装</t>
  </si>
  <si>
    <t xml:space="preserve">模拟股市在哪里？ </t>
  </si>
  <si>
    <t>华夏证券网里有模拟股市.</t>
  </si>
  <si>
    <t xml:space="preserve">三国战绩隐藏人怎么调怎么调诸葛亮和其他人 </t>
  </si>
  <si>
    <t xml:space="preserve">召唤方法∶选人面时以１Ｐ摇杆直接输入简体字版本∶ＢＢＢ←ＣＣＣ ↑ＤＤＤ→ＢＣＤ→ＤＣＢ其它版本∶←ＢＣ↑ＤＤＢＣ→ＢＢＢＣ→ＣＣＢＣ 许诸十八人秘籍 在选择难度模式中输入以下指令： 大陆版群雄争霸: 按住B D 左左CC右 香港版群雄争霸: 按住C D 左右BBB左 飞龙在天: 按住B C 左D右D左 其他秘籍(飞龙在天) 简体版 虎符：在选人画面，移到莽张飞然后同时按下BCD钮6次，如果时间有回到9秒那就是成功了 真方天：在选人画面，移到真马超然后同时按下BCD钮6次，如果时间有回到9秒那就是成功了。 令旗：在选人画面，移到真庞统然后同时按下BCD钮6次，如果时间有回到9秒那就是成功了。 繁体版 真方天：在选人画面，移到孙权然后同时按下BCD钮6次，如果时间有回到9秒那就是成功了。 虎符：在选人画面，移到逆关羽然后同时按下BCD钮6次，如果时间有回到9秒那就是成功了。 令旗：在选人画面，移到猛黄忠然后同时按下BCD钮6次，如果时间有回到9秒那就是成功了. 不知道这个是不四。 </t>
  </si>
  <si>
    <t xml:space="preserve">我是10月18日YJ.但现在还没来YJ，YJ通常不准，是否怀孕了? </t>
  </si>
  <si>
    <t>如果没有怀孕，那就是月经不调。 月经不调是泛指各种原因引起的 月经改变，包括初潮年龄的提前，延后，周期、经期与经量的变化，是妇女病最常见的症状之一。引起月经不调的原因有两大类： 1、神经内分泌功能失调引起：主要是下后脑－－生茶杯 －卵巢轴的功能不稳定或是有缺陷，即月经病。 2、器质病变或药物等引起：包括生殖器官局部的炎症、肿瘤及发育异常、营养不良；颅内疾患；其他内分泌功能失调如甲状腺、肾上腺皮持功能异常、糖尿病、席汉氏病等；肝脏疾患；血液疾患等。使用治疗精神病的药物；内分泌制剂或采取宫内节育器避孕者均可能发生月经不调。某些职业如长跑运动员容易出现闭经。此外，某些妊娠期异常出血也往往被误认为是月经不调。 临床上诊断神经内分泌功能失调性的月经病，必须要排除上述的各种器质性原因。</t>
  </si>
  <si>
    <t xml:space="preserve">宝宝对幼儿园缺乏安全感怎么办？我儿子今天正好35个月了，今年9月 </t>
  </si>
  <si>
    <t>可以在送他到幼儿园时，当着他的面交给老师一样东西，放学接他时再拿回来。告诉他幼儿园阿姨很负责任，东西不会丢的，不是好好又回来了吗。慢慢建立他对阿姨的信任感。</t>
  </si>
  <si>
    <t xml:space="preserve">你认为中国最美女运动员是谁?不少人说是蹦床冠军,可我觉得杜丽最美 </t>
  </si>
  <si>
    <t xml:space="preserve">  运动的女人都是美女,个人觉的杜丽,郭晶晶平分秋色!!</t>
  </si>
  <si>
    <t xml:space="preserve">中国明星有谁整过容?确定吗?我也想整容之后进娱乐圈,怎么样?但是 </t>
  </si>
  <si>
    <t>当然有了 ````孙悦  容祖儿  她们都没承认  ``不过一看就看出来了  ``````整形如果整的不好 ``就完了` ```运气好的话还行  ```万一不走运` ` 失败了` ````` 555  ``这样的例子也很多啊` ```好象割双眼皮和垫鼻子的成功率比较大` `风险也小 `不过看起来不自然`别的什么抽肋骨啊` `磨腮啊` ``听着都吓人`` ```````你敢做吗 ???人无完人啊 ` `相貌上有些缺陷有什么关系呢` ``既然你想进娱乐圈 ` 说明你对自己还是很有信心的` ``那就加油吧 !</t>
  </si>
  <si>
    <t xml:space="preserve">职业转会里的球员都是从别的队里售出的球员吗?职业转会里面的球员全 </t>
  </si>
  <si>
    <t>绝大部分都是他人出售的如过长期不上的话，队里的60以上的队员会自动进入转会市场，不过这些人价格虚高，其他队员就消失了（这点一楼解释不对）你说的那种巧合没有意义，不予讨论，也没人这么撑得难受地训练！球员在市场上的时间是40~60小时</t>
  </si>
  <si>
    <t xml:space="preserve">这台组装好没我想购台电脑，我主要是用来学习的可以上网能装些不太大 </t>
  </si>
  <si>
    <t>internet的CPU是什么???INTEL的CPU比AMD的好已经是N年前的老黄历了`闪龙3000+还可以`不过嘛`现在速龙3000+也只800不到哦`性价比很好</t>
  </si>
  <si>
    <t xml:space="preserve">我想知道二泉映月的曲子为什么那么悲哀？它是在什么情况下被创作出来? </t>
  </si>
  <si>
    <t>一、导航台　　《二泉映月》是一首著名的二胡曲，它是阿炳的一生，叙述着他对的执着，听着《二泉映月》，再读一读课文《二泉映月》，你会走近惠山，走近阿炳，走进音乐。二、精品屋课文精彩片段欣赏　　课文精彩片段（一）　　又是一个中秋夜，阿炳在邻家少年的搀扶下，来到了二泉。月光似水，静影沉壁，但阿炳再也看不见了。只有那淙淙的流水声萦绕在他的耳畔。他想起了师父说过的话，想到了自己坎坷的经历。渐渐地，渐渐地，他似乎听到了深沉的叹息，伤心的哭泣，激愤的倾诉，倔强的呐喊……　　【欣赏】　　同样是在中秋之夜，月圆之时，前者则是天真的孩童，后者则是一位盲人。俗话说：物是人非。这一段描写与课文第二段形成鲜明的对比，不觉之中映照出阿炳苦难的一生。淙淙的泉声激起了阿炳心海的涟漪，让阿炳回想起自己坎坷的经历。“深沉……呐喊……”写出了阿炳此刻的心声和那积淀已久的情感，短短数句话，却掷地有声，空谷回响，意蕴无穷。　　课文精彩片段（二）　　听着，听着，阿炳的心颤抖起来。他禁不住拿起二胡，他要通过琴声把积淀已久的情怀，倾吐给这茫茫月夜。他的手指在琴弦上不停地滑动，流水月光都变成了一个个动人的音符，从琴弦上流泻出来。起初，琴声委婉连绵，有如山泉从幽谷中蜿蜒而来，缓缓流淌。这似乎是阿炳在赞叹惠山二泉的优美景色，在怀念对他恩重如山的师父，在思索自己走过的人生道路。随着旋律的升腾跌宕，步步高昂，乐曲进入了高潮。它以势不可挡的力量，表达出对命运的抗争，抒发了对美好未来的无限向往。月光照水，水波映月，乐曲久久地在二泉池畔回响，舒缓而又起伏，恬静而又激荡。阿炳用这动人心弦的琴声告诉人们，他爱那支撑他度过苦难一生的音乐，他爱那美丽富饶的家乡，他爱那惠山的清泉，他爱那照耀清泉的月光……　　【欣赏】　　读着这一段，我们可以强烈地感受到阿炳是在用琴声倾诉情怀，是在用心拉着二胡，心声与琴声合一。三、关于录《二泉映月》的回忆　　《二泉映月》是阿炳的代表作。阿炳经常在无锡二泉边拉琴，创作此曲时已双目失明，据阿炳的亲友和邻居们回忆，阿炳卖艺一天仍不得温饱，深夜回归小巷之际，常拉此曲，凄切哀怨，尤为动人。　　阿炳的朋友陆墟曾这样描写过阿炳拉奏《二泉映月》时的情景：“大雪象鹅毛似的飘下来，对门的公园，被碎石乱玉，堆得面目全非。凄凉哀怨的二胡声，从街头传来......只见一个蓬头垢面的老媪用一根小竹竿牵着一个瞎子在公园路上从东向西而来，在惨淡的灯光下，我依稀认得就是阿炳夫妇俩。阿炳用右胁夹着小竹竿，背上背着一把琵琶，二胡挂在左肩，咿咿呜呜地拉着，在淅淅疯疯的飞雪中，发出凄厉欲绝的袅袅之音。”</t>
  </si>
  <si>
    <t xml:space="preserve">我的打印机（惠普的）放进纸以后点打印没有反应，偶尔能打也是速度超? </t>
  </si>
  <si>
    <t xml:space="preserve"> 引起此故障的可能原因有以下几种：     1.打印机电源没有接通、打印机电源开关未打开、打印机数据电缆的连接不正确;2.打印机进纸盒中没有纸，打印机内有卡纸，感光鼓组件有问题;3.应用程序有问题或存在病毒;4.硬盘剩余空间过小导致打印机不能打印或未将当前打印机设置为默认打印机;5.当前打印机已被设置为暂停打印;6.打印机驱动程序不合适以及配置不正确;7.BIOS中打印机端口未能打开;8.打印机驱动程序未正确安装或损坏;9.打印机硬件出现故障。     逐条检查,如果不能解决,建议专业人员维修</t>
  </si>
  <si>
    <t xml:space="preserve">往装备上贴武卷或者防卷失败了后就什么都没有了吗？听说碎了给结晶给 </t>
  </si>
  <si>
    <t>每使用一次强化卷轴时，武器装备就会+1。任何武器装备都可以安全的强化三次，+3以上的武器装备若仍要继续强化的话，每次强化将会以1/3左右的机率结晶化（物品消失而生成和那物品等级相同的结晶）。而剩下结晶的价值，相当于原物品基本价值（+0装备的商店买入价格）的一半左右。强化后装备的数值越高，结晶化得到的结晶数量也会随之增加。</t>
  </si>
  <si>
    <t xml:space="preserve">为何内测版本进不去？我在官方网站上提供的下载地址上下了个客户端， </t>
  </si>
  <si>
    <t>内测与公测是两个不同的客户端,如果您有内测帐号才去下载内测的,内测现不能注册注意了</t>
  </si>
  <si>
    <t xml:space="preserve">我18岁了但是我的乳房比较小？今年都18岁了，但是乳房怎么比较小 </t>
  </si>
  <si>
    <t>才18岁嘛~可能发育缓慢了点.现在科技那么发达,你可以用丰胸产品撒!</t>
  </si>
  <si>
    <t xml:space="preserve">两个属兔的人结婚，哪一年结婚比较好，生个什么生肖的宝宝比较好？男 </t>
  </si>
  <si>
    <t>男方：1987（丁卯）年农历6月12日 未时 株洲县 女方：1987（丁卯）年农历4月23日 辰时 长沙2013年蛇年的贵人是男女双方生肖。 2014年马年是男女双方生肖的禄（禄者为财）。2015年羊年的禄是男女双方生肖（禄者为财）；羊宝宝和男女双方生肖三合。2016年猴年和男女双方生肖无关系。所以2013年蛇年、2014年马年和2015年羊年都适合您们男女双方结婚和生育宝宝。</t>
  </si>
  <si>
    <t xml:space="preserve">国外航母问题?请问现在俄罗斯有几艘航母,分别都叫什么,以及性能样 </t>
  </si>
  <si>
    <t>　　　　只有一艘，是库兹涅佐夫号　　　　　    “库兹涅佐夫”级（Kuznetsov）母舰是前苏联的第三代航空母舰。其主要使命是确保苏联弹道导弹和潜艇的安全和战斗效能的发挥，消灭敌方海上和基地的海军兵力。该舰的特点是，舰上装有滑橇式飞行甲板，舰上所装备的武器系统齐全，威力强大。首舰“库兹涅佐夫”号1983年开工，1985年下水，1991年1月21日正式服役。该舰曾三易舰名，苏联解体后改为现名。该级舰原计划建造2艘，因前苏联解体，俄罗斯无力建造更多的大型航母，该级舰的后续舰“瓦良格”号被中止建造。1998年被澳门一家公司以两千万美元买下。“库兹涅佐夫”号航母为俄海军唯一一艘在役航空母舰，配属北方舰队。主尺寸：舰长306米（全长）、281米（水线）、舰宽73米、吃水10米飞行甲板：长304米、宽72米机库：长152米、宽26米、高7米排水量：53000吨（标准） 67000吨（满载）动 力：4台蒸汽轮机 4轴 200000马力航 速：29～31节续航力：&gt;7000海里/18节舰 员：1960+626（航空人员）武器装备：12单元SS-N-19反舰导弹垂直发射装置（备弹12枚）4座六联SA-N-9防空导弹垂直发射装置（备弹192枚）8座“卡什坦”（Kashtan）导炮合一近防系统4座AK-630型6管30毫米近防炮2座10管RBU 12000反潜火箭发射器最大可载50架各类飞机，主要有Su-33（Su-27）和Mig-29战斗机、Ka-27反潜直升机、Ka-31预警直升机电子设备：声纳：Zvezda-2 主动搜索/攻击（中低频）声纳和MGK-345 Bronza/Ox Yoke 舰体声纳雷达：1座“天空哨兵”相控阵雷达；1座MR-710“顶盘”三座标对海/空搜索雷达，D/E波段；2座MR-320M“双支柱”对海雷达，F波段；3座“棕榈叶”导航雷达，I波段火控：4座“十字剑”，K波段，控制对空导弹；8座“热闪”火控雷达，J波段，控制近防系统电子干扰：2部PK-2、10部PK-10(一)研制背景与计划1.“库兹涅佐夫”级的产生虽然前苏联进行“海洋70”全球大演习被西方看成是惊人之举，但也暴露出了舰队远离本土指挥不灵。那种岸上指挥的模式不适于海洋环境作战。故前苏联强烈要求发展舰队核心舰种。于是代号为1123(莫斯科)，1143(基辅)被他们自己称为大型载机巡洋舰的航母相继问世。经过一系列试验和“海洋75”大演习的考验，证明这些舰的重要性，但也发现了自卫能力的弱点。接着便出现了代号为1143.5的“库兹涅佐夫”级航母，这就使前苏联向拥有真正的航母前进了一大步。该舰1982年时用“勃列日涅夫”命名。后来由于勃氏下台，舰名又改成“第比利斯”。苏联解体后，俄罗斯又将其改为“库兹涅佐夫”号。第2艘舰“里加”号改为“瓦良格”号。“库兹涅佐夫”级航母据说是从1976年论证开始，到1991年服役止经历了15年的时间。2.建造计划该级舰共建造2艘，首先“库兹涅佐夫”号于1983年2月开工，1985年12月下水，1991年1月服役。第2艘舰“瓦良格”号据称已完工32 80％，由于没有经费，最后作为报废舰出售了。3.使命任务“库兹涅佐夫”号航母1991年服役以后就交给了北方舰队。该舰是北方舰队的旗舰。担负航母编队的指挥任务。该舰由于受到苏联解体、政治动乱和财政拮据的影响，至今没有达到设计状态而正常服务。该舰的具体使命任务只能根据其舰载武器设备和航空团构成分述如下：①编队旗舰，负责编队的指挥。②担负编队防空。③编队反潜和掩护自己潜艇的活动。④兵力投射，支援登陆作战。⑤有为其它伴舰补给的能力。(二)总体性能与装备满载排水量(t) 67500标准排水量(t) 55000总长(m) 304.5水线长(m) 280总宽(m) 70水线宽(m) 37吃水(m) 10.5飞行甲板(m) 长304.5，宽70航速(kn) 30续航力(nmile/kn) 4500/32，15000/18人员编制(名) 1700(200名军官)动力装置 8台锅炉，4台汽轮机，147MW(2000000hp)，4轴。导弹 12枚SS-N-19“毁灭”反舰导弹发射装置，惯性制导指 令修正，主动雷达跟踪，射程20~450km，速度1.6Ma， 战斗部核装药当量为500KT或装高能炸药750ks。4座 六联装SA-N-9舰对空导弹垂直发射装置(备弹192枚)， 指令制导和主动雷达跟踪，射程45km，速度2Ma，战 斗部重15kz，4个发射通道。8座C~S-N-1弹炮合一发 射装置，六管30/nih火炮和SA-N-11舰对空导弹，以 及“热闪光”(Hot Flash)/“热点”(Hot spot火控雷达/ 光电指挥仪，激光波束制导导弹，射程8km，火炮组合 射速9000发/min，射程2km。舰炮 6座6管灿(630型30mm火炮，仰角85?，组合射速3000 发/min，射程2km，可能由“热闪光”/“热点”火控 系统控制。反潜深弹 2座RBU12000反潜火箭发射装置，射程13X)0m，战 斗部重80kS。对抗措施 干扰火箭发射装置。8部“足球”，4部“酒瓶”(侦听)、 4部“跟踪板”和10部“球盾”A和“球盾”B电子 战设备。火控系统 3部“锡人”光电跟踪器，2部“击球”卫星通信数据 链，2部“低球”卫星导航设备，2部“皇冠钟”和“击 钟”数据链。雷达 对空搜索??“天空哨兵”，相控阵3坐标雷达，4阵 面。 对空/海搜索??“顶板”雷达，D/E波段。 对海搜索??2部“双柱”雷达，F波段。 导航??3部“棕榈叶”雷达，I波段。 火控??4部“十字剑”导弹制导雷达，K波段。 空中管制??2部“飞行警察”B空中管制雷达，C/H 波段。 “蛋糕台”塔康。 敌我识别??4部“观察哨”敌我识别器。声呐 “公牛角”和“马颚”舰壳声呐，主动搜索和攻击， 中/低频。固定翼飞机 20架Su-27，4架Su-25UTC,“蛙足”。直升机 15架Ka-27、2架Ka-29空中预警机。(三)总体结构“库兹涅佐夫”级航母是以前的“基辅”级的自然发展，采用了同一基本线型，只是在“基辅”级中部加入30m长的平行中体。船体两侧增加了防雷隔舱，至使船宽增加了7m。干舷从13.5m(基辅)增加到16.5m(“库兹涅佐夫”)。这两次改进纠正了“基辅”级的纵倾问题。另外增加的内部容积用于安装旨在提高为该舰主要目的服务的指挥控制设备。防雷隔舱内可用来装燃油。“库兹涅佐夫”号航母设计从龙骨向上共有27层甲板高和3000多个隔舱。有一些没有水密门，而有一些隔舱安装了木门。机库甲板长约150?170m，宽32-35m。该机库能载2个中队苏?27和米格-29固定翼战斗机，15?21架直升机。估计机库的净高约为6.5m。动力装置为俄罗斯标准的大舰动力装置，8台立式涡轮增压锅炉，4台W-12型蒸汽轮机。总功率为147MW(200000hp)，航速30kn以上。用P-500(北约称SS-N-19)反舰导弹取代以前的P-35(北约称SS-N-12)反舰导弹。由于SS-N-19导弹发射管固定安装在舰内部，所以允许舰的飞行甲板首尾纵通。原计划首部像法国“戴高乐”号那样安装2座弹射器，但因俄罗斯的弹射器没有满足规格书的要求而不能装舰。因此安装了升角为120的滑跃式起飞甲板。结果，这成为该舰最显著的特征。飞行甲板设计反映了美国航母设计的实践经验，岛位于舰的右侧舷台上，而着舰斜角甲板位于左侧舷台上，其上设有4道阻拦索。该舰有2台舷侧飞机升降机分别位于岛的前后。若干个通飞行甲板的弹药升降机平台上没有飞机拴系点，所以不能停飞机。舰首极度前倾以便安装滑跳起飞跑道和首锚装置，由此也可看出该舰安装了一个大型低频首声呐罩。某些情报专家推测这可能是在“诺沃罗西斯克”号上安装的“马颚”  (Horse Jaw)声呐系统。“岛”的形状和布置受“天空哨兵”相控阵雷达天线的4个阵面的约束。岛的顶部是大的圆柱形“蛋糕台”飞机战术引导系统天线。该舰打算安装一个大型先进的作战指挥系统，以全分布式计算机网络为基础，并由上层建筑内的战斗情报战位来管理，而该舱是空的。俄罗斯“库兹涅佐夫”级航母如图2.1-5所示。图2.1-5俄罗斯“库兹涅佐夫”级(四)述评“库兹涅佐夫”号是计划载常规固定翼飞机的前苏联的第一艘航母。因此，总布置十分接近西方的航母。它反应了前苏联海军设计上许多新的特征。1.飞行甲板。斜角甲板是飞机着舰区，斜角为5.5?，比“基辅”级增加了2?。“库兹涅佐夫”斜角甲板长约205m，宽23m。其上横设4道阻拦索，索间距离14m。在角甲板的左舷侧有西方那样的光学助降镜。在舰的四角处，飞行甲板的主体变窄，深深的舷台支撑着由近程导弹和弹炮合一的点防御系统两者构成的防御武器。重要侦察跟踪雷达和电子对抗系统安装在比较小的岛上，它的基础约58m长，其上叠落着导航舰桥和位于后端的飞行管制站。20m长，15m宽的2台大型舷侧飞机升降机布置在岛前后各一台。升降能力35～40t。可以升降米格-29和苏-27型飞机。此外，在机库的前端有一台长13m、宽4m的弹药升降机。兼具飞行甲板与机库甲板间运送飞机拖车的功用。然而，从升降平台的表面上布置有轨道和栓系点上来看，该升降机还能运送Ka-27“蜗牛”直升机，这样减少了运送米格-29截击机和苏-27舰队防空战斗机的舷侧升降机的压力。在飞行甲板的首部为升角12?的滑跳式起飞甲板。滑跳起飞跑道的始点离首端约60m。始点处基础较宽，向前开始变窄，到首端只有23-24m宽，端部有圆角，以便减少飞行甲板上的乱流。首柱前踵柱脚在水线处极度向前倾，可以想像到有一个大的低频球首声呐。在滑跳起飞跑道的后端沿飞行甲板中线处有2排与飞行甲板齐平的舱门。每个舱门长约3m、宽2m，其内装有P-500(SS-N-19)反舰导弹发射管。共有12个发射单元。由此可以看出，“库兹涅佐夫”号航母的飞机主要任务是防空。而对敌水面舰船攻击还是靠舰载P-500远程导弹。1号舷侧升降机的正前方是一个20m长吊臂的吊杆，与“基辅”级上面安装的类似。舰上的艇安装在尾部的艇穴内。两舷侧布满了膨胀式救生筏。共有127个，供2100人用。方形尾使人想起了“基辅”号，但也有若干处不知其奥秘，如在尾端正中间有一个十分明显的半圆形凹槽，在左右两侧各设1个垂向导轨，它们的用途尚不可知。该舰与其他大型水面舰不同之处，可能没装变深声呐。2.机库从舰体的构形和飞行甲板的布置推断，其机库长约170m，宽32-35m。其内可装2个中队米格-29和苏-27飞机(每个中队9架飞机)，以及15～21架Ka-27直升机，包括搜索救援型直升机。机库的净高估计为6，5m。与美国航母相比低得多。据推测，俄罗斯的舰载早期预警飞机第一步采用Ka-29的变型机，要比固定翼飞机的能力低，但宜于装载。3.飞行甲板作业“库兹涅佐夫”号航母进行首次飞行试验时已经在飞行甲板上涂好了各种标记。23m宽的斜角甲板用通常的暗绿色漆涂装，中线用白色破折线表示。斜角甲板的外界用明显的白线表示。在第2道阻拦索的中心划有一个直径9m的白圈，这是为着舰飞机指示目标的。米格-29和苏-27是利用滑跳起飞的。在“库兹涅佐夫”号航母上没有安装弹射器。标准的起飞跑道在1号飞机升降机正前方开始，有两个起飞阵位，相距24m。每个阵位都有一个大的铰接的喷气偏流板，其长为8m、宽为4m。喷气偏流板能挡住全功率起飞的飞机喷出的燃气流免对其后的飞机和人员构成伤害。从起飞阵位直到舰首有一条白色破折线标识飞机起飞跑道。米格-29利用这105m长的起飞跑道起飞成功，而苏-27一般需要更长的195m的跑道起飞，因此该跑道沿左舷侧一直向后延伸到斜角甲板上，那里有类似的标志。此外，舰上划有9m直径的白色圆圈为舰载直升机的起降标志。一个更大的14m直径的大圆圈为雅克-38垂直起降飞机的起降点。该舰在试验时只有一个直升机起降点标志，而第二次进坞加装武器的同时，飞行甲板上有6个直升机起降点标志，这说明该舰直升机已全部到位。两个相临的起降点之间距离为25m。这6个点分布在飞行甲板的三处，在斜角甲板的前后端各2个起降点，第3处的两个点位于滑跃起飞甲板的后部。该舰的岛紧靠飞行甲板的右舷边，目的是在斜角甲板的右侧形成一个停机区。在甲板后部停机区有一个一般的轨道，并穿过2号飞机升降机的平台，该轨道用来行走运送飞机武器的轨道车。在右后侧的SA-N-9导弹的前方有两扇螺栓联接的门，这是弹药升降机的出人口。每扇门的尺寸是3mXl.75m。第2台弹药升降机在斜角甲板的后部左舷侧，靠近直升机着舰点附近，与“基辅”级布置相似，第3部弹药升降机在岛的内侧。4.武器和电子设备“库兹涅佐夫”号航母第1次海试时并没有把全部武器设备舾装完毕。4组每组6个垂直发射单元的SA-N-9对空导弹首次安装，海试时4部“十字剑”制导雷达只安装了3部。在舰后端的舷台上安装了新的10管RBU-12000反潜火箭发射装置，不单纯用来反潜，还兼有反鱼雷的作用。在初次试验阶段只有AK-630型301Tim反导速射炮安装到位。该型炮在岛的前部左右舷台上成对安装，而在尾部左右舷台上单座安装。直到1990年中期，该舰的武器全部舾装完毕，由照片显示不仅第4部“十字剑”雷达就位，而且还有8座新的CADS-N-1弹炮合一的系统，对称地安装在前后部。有趣的是，AK-630反导火炮的火控雷达“歪椴树”一直没有安装，也没有为其安装留有位置。因此，可以推测，这些炮与CADS-N-1共用一个火控系统。“库兹涅佐夫”号航母的电子装备实际上与“巴库”号的相似。“天空哨兵”3坐标相控阵雷达的4块平面天线阵安装在岛上，具有跟踪多目标的能力。2部对海搜索雷达“双柱”，F波段。3部“棕榈叶”导航雷达，I波段。1部“顶板”背靠背旋转天线对空/对海搜索雷达，D/E波段，该雷达也是“天空哨兵”的备用雷达。卫星通信与“巴库”号的相同。在巨大的“蛋糕台”TACAN天线的下方有2个直径3m的“低球”卫星导航天线罩。“击球”(PunchBowl)卫星通信天线罩安装在“天空哨兵”雷达正面天线的两侧。这些装备都是为SS-N-19超视距反舰导弹指示目标用的。用各种常规的环形阵作为卫星通信的补充，尤其鞭状天线和笼形天线覆盖了LF、MF和VHF/UHF无线电频率。电子对抗装置，虽然表面上与“巴库”号相似，但“库兹涅佐夫”号改进了若干重要的新单元。8个“足球”于扰机仍保留，可是在“巴库”号上这些干扰机是同“捶钟”电子侦察天线配对安装，以便提供精确的方向，而在“库兹涅佐夫”号上“捶钟”天线由一个更大的天线代替，该天线位于上“足球”天线的外侧和下“足球”天线之间。在安装电子对抗装置的两个主平台的每个上方都有一个新的固定的电子侦察天线，显然这是取代了“甜酒桶”天线。每个阵都有3个面，外面同前面均成45?角，以便给出全方位覆盖。每个面中心都有一个圆形板。猜想这个阵的结构很可能象美国SLQ-32那样采用电子扫描技术。5.飞机“库兹涅佐夫”号航母与其“基辅”级最大的区别就是载有常规的固定翼防空战斗机。苏-27和米格-29是两型在该舰上成功地试验了的战斗机。苏-27“侧卫”在尺寸上与美F-14相当，具有可动的鸭式前翼以提高其短距起降性能。前起落架加强了，具有双轮，而且舰载型截短了陆基型的尾整流锥，以防止着舰时尾擦(Tail-Scrapes)。该型机装有推重比很高的留里卡AD31F涡扇发动机，在适宜的气象条件下利用标准的105m长的跑道就能滑跑起飞。如果该机装载最大的燃油量和空对空导弹，那么就需要195m长的跑道。对米格-29舰载型机的改进有，拆除了防止外界物体被吸入翼下发动机进气口的陆基型机上的巨大的铰接的门和辅助进气道及道口隔栅。改进后的米格-29发动机功率增大了。取消了机身内的管道，从而使其能多载2550升燃油。和苏-27一样，起落架加强了和加装了阻拦钩。舰载米格-29型机能在空中加油，并装有先进的航空电子设备，包括不同型号的更适合海军用的红外搜索和跟踪的传感器。这两型飞机的防空能力是不同于雅克-38的。苏-27载有足够4000km航程用的燃油，因此能执行远距离空中战斗巡逻任务。它已经发展成全天候战斗机，有先进的下视射击指挥雷达，据说该雷达搜索距离为240km，跟踪距离185km。武器包括30mm机关炮和10枚空对空导弹。导弹有红外跟踪的近程AAM导弹和AA-10A/C“阿拉莫”半主动型空对空导弹，AA-10C型弹有视距外攻击能力。该型机可携带侦察吊舱，可装伙伴空中加油装置。苏-27舰载型机作战半径1500km。米格-29在大小上相当于美国的F/A-18“大黄蜂”。它具有优良的机动性能，可担负空中格斗任务。像苏-27一样，装有一个大脉冲多普勒下视雷达。由于具有空中加油能力，所以可执行远距离攻舰或陆上目标的任务。其作战半径为1250km。“库兹涅佐夫”号根据任务需要可灵活换装其它飞机，可122~_用雅克，141型垂直短距起降飞机。此外，还载有卡-27A型反潜直升机。固定翼飞机主要担任舰队防空任务和支援陆战队登陆作战。在该舰上，除有卡-27A/D两型飞机分别担任反潜和空中警戒及搜索救援外，还有卡-29TB型攻击直升机。该机装有4管机关炮，外挂57mm和80mm火箭吊舱或AT-6“螺旋”(Spiral)空对地反坦克导弹，其制导由机头下的传感器吊舱来完成。还有电子侦察和干扰设备吊舱。可携带12名陆战队员。卡-29TB的一种改型机是利用卡-29TB机体的执行空中预警任务的直升机(AEW)，其上装有被动电子侦察设备而不是主动搜索雷达，以提供敌水面部队早期预警。此外，还具有电子干扰能力。6.作战功能评价该舰作为舰队的指挥舰的主要功能要求该舰有一个庞杂的集成指挥系统。其核心部分是.被称为“第2司令”的战略级系统。它接收来自岸上、舰自身的传感器，以及特混群的一系列战术侦察来的各种信息，并加以综合分析。然后编队司令就可以从中选择，“第2司令”将其传给属下的所谓“第2舰长”的指挥系统，显示附近的战术态势。</t>
  </si>
  <si>
    <t xml:space="preserve">很严重的问题我40了，打了神兽，为什么还不能去雪山？ </t>
  </si>
  <si>
    <t>最低25都能去雪山，那和2转神兽任务没关系。关键是你传送石开了没！开了阿村的传送，再沿着西面一直走！到山脚就到了！</t>
  </si>
  <si>
    <t xml:space="preserve">显示器故障，点不亮 </t>
  </si>
  <si>
    <t>貌似显像管坏了  需要去厂家维修了。。。。不知道你过没过保修期。可以去你买电脑得哪里去找他们看看！</t>
  </si>
  <si>
    <t xml:space="preserve">跑商经验谈~。我是个新手，怎么跑？老亏。 </t>
  </si>
  <si>
    <t>说说我的经验哈:我个人建议跑AL-S这个路线DF-BJ的人比较多赶不好点就抢不到商品CA-CS一般都是比较高级的人在跑.AL-CS最适合你这类新手(没错吧)跑原因如下:1买价便宜..40级商给钱足够买够多的商品了如果在其他地方买的少的不是1点(虽然赚的多可毕竟买地和卖地比较远)2.2地比较近..跑商很无聊所以要找点事情打发地方进就不好跑错3.快难赔(赔的少)跑商即使是高手中的高手也会赔AL买价钱较低即使赔也比较少CS如果没什么经验的话可以不买裸体跑回AL买了再来 下面讲具体的:首先领票(之前改商就不说拉最好在价钱刷新钱一个时辰买每10分钟刷新一次)在帮里看看有什么AL或者CS的东西卖有就买CS的出了帮派直接直接在CA卖掉AL的去DF然后到DF的商人出等刷纸钱优先买.之后回驿站CA再去JY之后从东海湾到AL DF的东西如果觉得合适就卖掉也可以去BJ卖(不推荐2面全看的方式会浪费很多时间一般只要赚1000左右就可以了这条路讲究来回的频率)然后在AL买东西(一定买比较便宜的)去CS(从AL-花-BJ-CS郊外-CS)卖掉(卖贵的)然后感觉CS东西便宜就买贵就直接回AL(一般买的价比较贵的卖的也贵相反也成立买卖价刷新除外)就这样一直来回跑跑到差20000左右交票的时候在CS买直接去CA卖掉就可以交票了如果没够就到帮派里看看有CSAL商品没买了再出去卖如果没有的话就去DF等刷买纸钱到CA卖(仅限于离交票差距较小情况)晕..................CA=CHANG AN =长安DF=DI FU =地府AL=AO LAI =傲来CS=CHANG SHOU =长寿BJ=BEI JU =北俱</t>
  </si>
  <si>
    <t xml:space="preserve">120除50等于多少？260除50等于多少？ </t>
  </si>
  <si>
    <t>120除50等于2.4,260除50等于5.2</t>
  </si>
  <si>
    <t xml:space="preserve">我有一些珍藏图书，几乎都是高清的PDF文件，大小都超过100M，? </t>
  </si>
  <si>
    <t xml:space="preserve">要把原有的大PDF文件分为若干个小PDF文件，可用Foxit PDF Editor软件。选用该软件打开PDF文件，然后点击“文档”—“导出页面”，接着在弹出的对话框中的“目的”栏中选择保存位置和文件名、保存，在“页面”栏中输入由导出的页码范围，最后点击“确定”按钮即可得到小PDF文件。比如你原有的PDF文件是100M，共100页，您可用此导出的方法把文件分别导出1—25、26—50、51—75、76—100页，即可得到大约为25M的小PDF文件。如果是其他文档要转换为PDF文件的话，可用“Foxit.PDF.Creator”PDF虚拟打印机软件，选用该虚拟打印机打印可将Word等文件转换成PDF文件。该软件的下载链接为： </t>
  </si>
  <si>
    <t xml:space="preserve">谁能给我一份减肥食谱?要快速有效!! </t>
  </si>
  <si>
    <t>第一天 早餐:和平时一样 午餐:和平时一样 晚餐:平时的70%,应该清淡点;第二天早餐:酸奶、黄瓜汁 午餐：酸奶、胡萝卜汁 晚餐：酸奶、黄瓜汁；第三天 早餐：酸奶、豆浆 午餐：酸奶、豆浆 晚餐：喝粥 第四天 早餐：70%饮食 午餐：和以前一样的饮食 晚餐也一样 蔬菜汁可以用豆浆代替的 每天最少喝2升水补充水分，这样可以轻松减2公斤的，希望你早日减肥成功喽，祝好运</t>
  </si>
  <si>
    <t xml:space="preserve">阴历8月29日是什么星座的大家好，我想请问一下阴历8月29日出生 </t>
  </si>
  <si>
    <t xml:space="preserve">8月29日出生的人是处女座  至于阴历的生日一定要换算成阳历才能知道 因为每年的阴历和阳历日子不是完全对应的 </t>
  </si>
  <si>
    <t xml:space="preserve">BT任务是什么？ </t>
  </si>
  <si>
    <t>BT即变态，在２５级后逢５便有个BT任务，一般都是名副其实的BT让杀很多怪物，然后给个称号，**BT，还有个BT武器相当于普通武器+1，</t>
  </si>
  <si>
    <t xml:space="preserve">爱因斯坦26岁时就提出一个开创物理学新纪元的理论，这就是： </t>
  </si>
  <si>
    <t>相对论啊——相对论是关于时空和引力的基本理论，主要由爱因斯坦(Albert Einstein)创立，分为狭义相对论(特殊相对论)和广义相对论(一般相对论)。相对论的基本假设是相对性原理，即物理定律与参照系的选择无关。狭义相对论和广义相对论的区别是，前者讨论的是匀速直线运动的参照系（惯系参照系）之间的物理定律，后者则推广到具有加速度的参照系中（非惯性系），并在等效原理的假设下，广泛应用于引力场中。相对论和量子力学是现代物理学的两大基本支柱。奠定了经典物理学基础的经典力学，不适用于高速运动的物体和微观领域。相对论解决了高速运动问题；量子力学解决了微观亚原子条件下的问题。相对论颠覆了人类对宇宙和自然的“常识性”观念，提出了“时间和空间的相对性”、“四维时空”、“弯曲空间”等全新的概念。    不过，可惜的是他的《相对论》虽然让他闻名世界，却没有令他获得诺贝尔物理奖，让他染指这项奖项的是他随后发现了光电效应，这与之前的《相对论》比显然有极大的差距，不过，总算没让这个史上最聪明的人白跑一趟人间！</t>
  </si>
  <si>
    <t xml:space="preserve">用dos命令怎么运行D盘的ghost </t>
  </si>
  <si>
    <t>保证你的电脑在开机的时候可以进入dos模式下，如果不可以的话最好用启动u盘将电脑引导入dos模式下，进入之后就可d:     cd ghost的目录 如果不确定的话先dir 一下找到目录再 cd 然后就输入ghost.exe就可以运行了</t>
  </si>
  <si>
    <t xml:space="preserve">小麦为什么不去采呢?为什么要换呢? </t>
  </si>
  <si>
    <t>当然是换比较方便啊！番茄多好采。。。。</t>
  </si>
  <si>
    <t xml:space="preserve">重庆检查尖锐湿疣到哪个医院最权威 </t>
  </si>
  <si>
    <t>尖锐湿疣是一种顽固性性传播疾病，一般医院不具备完善的专业设备，就诊时应根据实际情况和可能，尽量选择医疗设备先进、检查手段先进齐全，诊断治疗器械完善，专业技术力量雄厚的医院。领先国内外先进的医疗技术，妙手回春的大夫，是正规医院的根本，在这里您能体会到什么是专业的尖锐湿疣医院，在这里能让尖锐湿疣得到有效的控制，如果您是尖锐湿疣患者病人，一定要选择这样的医院。疗尖锐湿疣需要选择正规医院进行；同时尖锐湿疣的治疗一定要及时这是非常关键，但在治疗的时候一定要规范的治疗，这也是不能忽视的。</t>
  </si>
  <si>
    <t xml:space="preserve">补充句子天行健,君子以____________________. </t>
  </si>
  <si>
    <t xml:space="preserve">您好！很高兴回答您的问题：天行健,君子以__自强不息__.鸟无翅膀__不可飞__,人无___志气___无作为.海纳百川,___有容乃大____;壁立千仞,____无欲则刚___.老骥伏枥,_____志在千里___;烈士暮年____壮心不已____.人贵有___志___,学贵有____恒____. </t>
  </si>
  <si>
    <t xml:space="preserve">租房问题在海淀区哪里有比较便宜的房子出租？在北京住２个星期，想找 </t>
  </si>
  <si>
    <t>有学生公寓，还有一个很好的网站 去看一下就知道了。希望能找到你合适的房子。</t>
  </si>
  <si>
    <t xml:space="preserve">关于扩充宠物背包的问题，高手请进我玩的是个YJ61级了，宠物背包 </t>
  </si>
  <si>
    <t>妖精是在驯导员，不是宠物管理员那里宠物背包扩充一 描述：宠物背包的大小，对妖精来说至关重要，去狼图腾谷捕捉一只突齿山猫，把它的宠物蛋交给断桥村的宠物驯导员，把你的宠物背包扩充到3格。发任务NPC：断桥村的宠物驯导员聆月等级下限：10奖励：宠物背包扩充到3格只需要使用驯服宠物技能就可以获得突齿山猫的蛋，交给驯导员就可以把宠物包囊扩充到3格宠物背包扩充二 描述：宠物背包的大小，对妖精来说至关重要，去无忧小道捕捉一只七彩赤练蛇，把它的宠物蛋交给古风口的宠物驯导员，把你的宠物背包扩充到4格。发任务NPC：古风口的宠物驯导员百合等级下限：15奖励：宠物背包扩充到4格只需要使用驯服宠物技能就可以获得七彩赤练蛇的蛋，交给驯导员就可以把宠物包囊扩充到4格宠物背包扩充三 描述：宠物背包的大小，对妖精来说至关重要，去邻水镇附近捕捉一只闪电貂王，把它的宠物蛋交给邻水镇的宠物驯导员，把你的宠物背包扩充到5格。发任务NPC：邻水镇的宠物驯导员怜星等级下限：17奖励：宠物背包扩充到5格只需要使用驯服宠物技能就可以获得闪电貂王的蛋，交给驯导员就可以把宠物包囊扩充到最大限度的5格。</t>
  </si>
  <si>
    <t xml:space="preserve">刚在美雅枫整形医院做完彩光有点疼别的没事之前脸上大面积的痘痘做了 </t>
  </si>
  <si>
    <t>不会的。。。你真是太心里敏感了。。。。应该要乐观点啊。。这就是你做手术的目的。。要有自信啊</t>
  </si>
  <si>
    <t xml:space="preserve">600779明天走法.专家指点该股明天是涨是跌.教我榭了.... </t>
  </si>
  <si>
    <t>600779水井坊,上升周期中,短期上涨目标11.50元.操作策略,建议持股待涨.祝好运!</t>
  </si>
  <si>
    <t xml:space="preserve">有个小问题问下玩新浪的功夫世界是不是用官方登陆器是找不到的要从新 </t>
  </si>
  <si>
    <t xml:space="preserve">直接到官方网站 就可以下载 客户端 有900 多M  挺大的 新浪 和17173沙锅内也可以下的 </t>
  </si>
  <si>
    <t xml:space="preserve">请问在运行中输入什么命令可以打开计划任务啊 </t>
  </si>
  <si>
    <t>开始——运行  输入tasks</t>
  </si>
  <si>
    <t xml:space="preserve">血压低是什么原因造成的？要怎么调理。 </t>
  </si>
  <si>
    <t xml:space="preserve">你好,现代医学理论， 一般认为上肢血压低于12/8kＰa(90/60毫米汞柱)者为低血压。由于血压低，血液循环缓慢无力，远端毛细血管缺血，以致影响向组织细胞送入氧气、营养并带走二氧化碳及代谢废物。长期如此，使机体功能大大下降。许多患者伴见有头痛、头晕、胸闷、气短、精神不振、注意力不集中、睡眠浮浅、胃口不好、脚肿等症状。这些表现为夏季气湿较高时更显突出。本病以体质衰弱者及女性为多见。但也有人并无明显异常的感觉。认为低血压是脾肾阳气亏损所致，治疗上注重温脾肾，升阳气。关于低血压的相关知识及辅助治疗等，楼上网友也已讲的不少了，下面我将低血压的相关注意事项在此给你介绍一下：(1)本病属于虚劳范围的病，故宜从整体上调理，单纯药物治疗效果不佳。(2)积极参加体育锻炼以改善体质。运动量要逐渐增加，不能操之过急，但要持之以恒。(3)起床时目花头晕严重，甚至昏倒者，欲起床前应先略微活动四肢，搓搓面，揉揉腹。起床时先至坐位片刻，再慢慢下床呈立位。睡床宜将脚部略垫高。(4)生活要有规律，饮食要营养丰富。平时可多食一些具有温脾肾、升阳气的食物，如鹿肉、狗肉、羊肉、公鸡、酒、胡椒、辣椒、生姜、韭菜、龙眼、浓茶、咖啡等。(5)多喝水，多吃汤，每日食盐略多于常人。少吃冬瓜、西瓜、葫芦、赤小豆等通利小便的食品，以保持血液容量。(6)检查一下是否患慢性消耗性疾病，如肾上腺皮质功能减退、慢性心脏衰竭等疾病。(7)多洗温水浴(40℃左右)，以改善血循环。但每次时间不宜太长。(8)患者要振作精神，处处事事激励自己奋发前进，这样有利于病情恢复。下面本人就将自己在部队使用多年治疗“低血压”的小验方，在此介绍给你，或许对你有所帮助。此药方为中药方，方剂简单、实用、无任何毒副作用、且疗效确、可靠。取： 肉桂25克、桂枝25克、甘草20克、五味子30克。将以上四味中药混合在一起，装入一袋中备用。每日取适量（以每次放入杯子中的茶叶均等）放入喝水的杯中，尔后用开水冲，一般是每天用一次，第二天再换一次新的中药放入杯中，简单的说，就是将以上四味中药当茶叶用，一切程序如同喝茶叶水一样就是了(此四味药,味道微甜)。以上药方喝几天，理论上没有过多的强求，你觉得好喝就可以多放些，否则便可以少放些。总之，每天都要坚持，一般在服完上述配方后，血压便会有所提高，如果提高的还不太满意，而且药方也已喝完，此时，还可以照原方再买一次，一般在服用两个疗程后（一个药方为一个疗程），血压便可达到比较满意的程度了。祝你一切顺利！！ </t>
  </si>
  <si>
    <t xml:space="preserve">自以为是的反义词 </t>
  </si>
  <si>
    <t>自以为是的反义词：谨小慎微 或者：谦卑自牧</t>
  </si>
  <si>
    <t xml:space="preserve">谁是最寂寞的人? </t>
  </si>
  <si>
    <t>爱到深处的人最寂寞</t>
  </si>
  <si>
    <t xml:space="preserve">求一个LR与DZ一起练的LR天赋是新号大家帮帮忙~~求一个LR与 </t>
  </si>
  <si>
    <t>不知道你说的一起练是练什么?是升级还是JJC?感觉升级的话 设计 和 毁伤 就行 JJC 战场 最好还是兽王+敏锐</t>
  </si>
  <si>
    <t xml:space="preserve">飞利浦859哪里有下载飞利浦859游戏哪里有下载 </t>
  </si>
  <si>
    <t xml:space="preserve"> 有免费的。也可通过百宝箱下载收费游戏</t>
  </si>
  <si>
    <t xml:space="preserve">大家说说今天的大盘会破1300点吗？？？ </t>
  </si>
  <si>
    <t>中午不是在瞬间破一下吗。估计1300点还是很有支撑的，建议1300点以下要建仓</t>
  </si>
  <si>
    <t xml:space="preserve">煤的干馏,煤的气化和液化都是化学变化,为什么呢? </t>
  </si>
  <si>
    <t>煤的干馏，是加强热使煤中的成分分解成气体、液体和固体，是化学变化。煤的气化，是通过化学反应使煤变成气体燃料，是化学变化。煤的液化，是通过化学反应使煤变成液体燃料，是化学变化。所以都是化学变化。</t>
  </si>
  <si>
    <t xml:space="preserve">VB.NET的问题如何将form1里的textbox1.text </t>
  </si>
  <si>
    <t>form2.textbox1.text=form1.textbox.text</t>
  </si>
  <si>
    <t xml:space="preserve">我的电脑有病毒Trojan.lmir.22528急急急谢谢求救我 </t>
  </si>
  <si>
    <t xml:space="preserve">WINDOWS下的传奇木马程序。请先清空您的IE缓存。  UPDATE将您的系统该打的补丁全部打全。  f。  UPDATE、Macromedia的FLASH播放插件为合法；藏鲸阁等为非法） </t>
  </si>
  <si>
    <t xml:space="preserve">上海有哪些好玩的地方?上海主城区里有哪些好玩的地方?能不能把地址 </t>
  </si>
  <si>
    <t>豫园老城隍庙南京路步行街新天地东方明珠淮海路上海浦东气象科普馆上海国际赛车场F1赛道上海国际汽车城上海野生动物园上海植物园上海博物馆上海大自然野生昆虫馆^^^^^^^^^^^当然更少不了在南京东路新世界10楼的杜莎夫人蜡像馆,成人票125元,儿童票75元</t>
  </si>
  <si>
    <t xml:space="preserve">我该找她吗我跟我女朋友在一起6年多了，相处这几年下来，我觉得她是 </t>
  </si>
  <si>
    <t>我和我老公就是当年分了，然后在他生日的时候我发了条祝福，最后一起吃饭，然后吃好了饭就又手拉手一到出来了。 再式式吧，总比以后后悔的好。</t>
  </si>
  <si>
    <t xml:space="preserve">如图2,OM∥AB,点P在由射线OM、线段OB及AB的延长线围成? </t>
  </si>
  <si>
    <t xml:space="preserve">如图2,OM∥AB,点P在由射线OM、线段OB及AB的延长线围成的阴影区域内(不含边界)运动,且 ,则 的取值范围是 ;当 时, 的取值范围是 . </t>
  </si>
  <si>
    <t xml:space="preserve">为什么我只能在科贝拉登入，要去野外就与服务器断开了呢？？？？只能 </t>
  </si>
  <si>
    <t>那是因为你把科贝拉设置为复活点了，每当你上游戏时就会以复活点为登陆地点，想改其他城市的话可以找城市守卫谈话，点击修改复活点。两地图间转换出现断线是因为服务器繁忙，有些地图比较打，一传送就会出现掉线状况，我之前也试过，服务器繁忙时，进雷城的职业技能屋也经常出现掉线。可能是游戏还处于测试阶段吧，还不够完善。</t>
  </si>
  <si>
    <t xml:space="preserve">简述立法解释和司法解释的含义和区别 </t>
  </si>
  <si>
    <t>立法解释：由立法机关（人大及其常委会）对现行法律在应用过程中出现的问题作出的解释。司法解释：由公安部、最高检、最高法对法律的适用作出的解释。</t>
  </si>
  <si>
    <t xml:space="preserve">000933如何? </t>
  </si>
  <si>
    <t>000933 神火股份短线支撑将有反弹.</t>
  </si>
  <si>
    <t xml:space="preserve">认为TBC法师无敌的举手认为冰枪没有得到足够的削弱,依然BUG. </t>
  </si>
  <si>
    <t>我是FS，但为了分，我举手...................................</t>
  </si>
  <si>
    <t xml:space="preserve">红名了啊我怎么边白？我红名好就了恶意直也就1啊要什么时可以变白 </t>
  </si>
  <si>
    <t>1点善恶值是2小时,2点是4小时,以后每增加1点就多2小时.</t>
  </si>
  <si>
    <t xml:space="preserve">请问萨满的装备加什么属性好呢?以前从来没打过萨满不知道属性加什么 </t>
  </si>
  <si>
    <t xml:space="preserve">有水供应就加元素    和LR配合加增强   装备主加耐和敏捷     出了风怒上去砍就是了  </t>
  </si>
  <si>
    <t xml:space="preserve">奥林匹克运动会的口号是什么? </t>
  </si>
  <si>
    <t>更高,更快,更强higher,faster,stronger</t>
  </si>
  <si>
    <t xml:space="preserve">我想换个密保卡怎么换啊 </t>
  </si>
  <si>
    <t xml:space="preserve">登陆完美诛仙官方网站 进入--通行证注册--登陆你需要更改的通行证--密保卡--密保卡换卡最后按照提示输入相关换卡步骤就OK了。 </t>
  </si>
  <si>
    <t xml:space="preserve">学校不是试点学校中的过6级有没有证书啊？ </t>
  </si>
  <si>
    <t xml:space="preserve"> 今年6月没有证书，我也是非试点学校的学生。我们所在广东省已经明确不论试点与否，全国都没有证书。  一律都是成绩单。因为6月是全国分制改革（不是个别改革）。分制分布（290-710)，分制改革就没有及格线，还哪来个证书而严呢？证书对应的是及格线（60分）</t>
  </si>
  <si>
    <t xml:space="preserve">ＣＳ左上角小地图怎么安装我下载了ＣＳ左上角小地图，请问怎么安装？ </t>
  </si>
  <si>
    <t>把spr文件放到cstrike文件夹里面的sprites文件夹里面，覆盖原有文件。</t>
  </si>
  <si>
    <t xml:space="preserve">怎么换背景图,和FLASH通栏保存了在那里去换呢!麻烦请具体说明 </t>
  </si>
  <si>
    <t xml:space="preserve">你好:CSS模板已不能再使用，没有特效代码可以添加显示了。 现在也无法再设置“特效、透明背景”等效果了，设置后无法通过审核，不会显示出来。 新浪博客于2008年1月21日对自定义空白面板中有css码的进行调整（取消）。现在只能使用新浪模板。 现在登陆博客后，点击“博客管理”，在自定义设置中点击设置首页内容 ，点击 “自定义模板”就可以进行选择新浪模板更换了。 目前新的更换模板工具已经上线，你可以使用新的工具上传自己喜欢的图片来更换博客的头图及博客背景图案，美化博客。 先将你要作为背景的图片保存在电脑上，登陆博客后，点击首页上的“更换模板”，可选择新浪模版( 面也风格和模板是相同的) ，在右侧选择“自定义模板”即可上传自己喜欢的图片作为通栏背景或博客大背景图片，还可以设置图片是否平铺，水平、垂直方向大小，像素等等。 上传图片现在支持大小不超过600k的jpg,gif,png图片，建议宽度为770象素。 具体操作请参阅介绍：   你也可以看看炫博客们的更多博客模板（只是将背景图片更换即可）：  祝愉快！万事如意！  </t>
  </si>
  <si>
    <t xml:space="preserve">税法计算题某化妆品生产企业为增值税一般纳税人，2009年7月上旬 </t>
  </si>
  <si>
    <t>(1)进口散装化妆品应缴纳关税=(120+10+2+18)*40%=60(万元)进口散装化妆品消费税的组成计税价格=(120+10+2+18+60)+(1-30%)=300(万元)进口散装化妆品应缴纳消费税=300*30%=90(万元)进口散装化妆品应缴纳增值税=(120+10+2+18+60+90)*17%=5l(万元)进口机器设备应缴纳关税=(35+5)*20%=8(万元)进口机器设备应缴纳增值税=(35+5+8)*17%=8.16(万元)(2)生产销售化妆品应缴纳增值税=[290+51.48+(1+17%)]*17%-5l=5.78(万元)当月应抵扣的消费税=300*80%*30%=72(万元)或90*80%=72(万元)生产销售化妆品应缴纳的消费税=[290+5l.48+(1+17%)]*30%-72=28.2(万元)</t>
  </si>
  <si>
    <t xml:space="preserve">多少级别可以用炮啊我原来小舢板还能开炮，现在5级，换了小帆船反而 </t>
  </si>
  <si>
    <t>我也是啊</t>
  </si>
  <si>
    <t xml:space="preserve">请问这是什么植物？详见图片。 </t>
  </si>
  <si>
    <t xml:space="preserve">记得去植物实习的时候认的，这是  商陆。（叶互生，卵状椭圆形至长椭圆形，全缘，成熟后成紫色。）种名： 商陆 　　学名： Phytolacca acinosa 　　拉丁名： Radix phytolaccae 　　别名： 夜呼,当陆,白昌,章柳根,见肿消,山萝卜,水萝卜,白母鸡,长不老,湿萝卜,狗头三七,抓消肿,牛萝卜,看牛头,下山虎,牛大黄,野萝卜,苋陆,?薚,马尾,常蓼,薚,?,?柳,大苋菜,湿苋菜,山包谷,金七娘,红苋菜,金鸡姆,猪姆耳,苋菜蓝,肥猪菜 　　科： 商陆科 属： 商陆属产地分布 　　原产中国和日本。 　　形态特征 　　为多年生草本植物。株高1～1.5m，茎粗大、直立，绿色。块根肥厚肉质、圆锥形，外皮淡黄色。叶互生，卵状椭圆形至长椭圆形，全缘，成熟后成紫色。总状花序直立，顶生或侧生，长达20cm，花白色，后变为淡红色，径约0.8cm；花瓣5枚。 </t>
  </si>
  <si>
    <t xml:space="preserve">路由器上能继续接一个路由器吗？路由器后面能再接一个无线路由器呢， </t>
  </si>
  <si>
    <t>可以啊，你前边的路由器LAN口接后边路由器的WAN口的话，后边的路由器还是当路由器用，如果是前边路由器的LAN口接后边路由器的LAN口，那么后边的路由器就是当交换机用的。至于你说的密码，最好设置上，因为路由器有很多功能，比如IP过滤，MAC过滤等会影响接入的客户端是否能够联网，如果有人可以随便配置岂不是乱套了。</t>
  </si>
  <si>
    <t xml:space="preserve">征途游戏中的两个BUG！！！以前一直玩的是弓箭手，后来又玩了仙术 </t>
  </si>
  <si>
    <t>一级的诅咒和七级诅咒降低防御是一样的，但是级别高了冷却时间就短了，你仔细看看，变身都你还是玩家，所以怪物肯定会攻击你的</t>
  </si>
  <si>
    <t xml:space="preserve">比亚迪M6怎样？打算这两个月就买车，之前车展上看到过比亚迪M6， </t>
  </si>
  <si>
    <t>"比亚迪M6是7月底上市，这款车确实让人眼前一亮，2.0L的车型是采用BYD483QB发动机，最大功率为103千瓦/6000转，最大扭矩为186牛•米/4000-4500转；而2.4L车型则采用了三菱4G69S4M发动机，最大功率为118千瓦/5800转，最大扭矩为215牛•米/3500-4500转，这样看来动力输出和和燃油经济性还是相当不错的。价格方面来看，性价比算是很高了。                                                                      2010款比亚迪M6 2.0L MT舒适型 13.98万 13.98万  2010款比亚迪M6 2.0L MT豪华型 15.08万 15.08万2010款比亚迪M6 2.4L AT尊享型 17.88万 17.88万 2010款比亚迪M6 2.4L AT旗舰型 23.98万 23.98万 。如果要买，还是建议找时间去4S店试驾。"</t>
  </si>
  <si>
    <t xml:space="preserve">有什么方法自我恢复不硬？ </t>
  </si>
  <si>
    <t>转移注意力是最好的办法，如想想与之不相干的任何事，越不相关越好！试试吧！</t>
  </si>
  <si>
    <t xml:space="preserve">最近晚上老是放屁不知道怎么回事？是消化好还是怎么了？ </t>
  </si>
  <si>
    <t>你好,常放屁的原因大致有两种情形,一种是因常吃一些产气的食物,例如地瓜,洋葱,高丽菜,豆类及其他豆制品,所以会有放屁的情形.另外则有可能罹患「激躁性大肠症候群」,此症临床上也会有腹痛,腹涨以及放屁等现象产生.在饮食上建议您少量多餐,不要暴饮暴食,吃东西时,宜细嚼慢咽,以免一起吃下太多空气,而容易产气的食物也要避免食用.每天喝杯优酪乳,有助于改变肠胃道细菌</t>
  </si>
  <si>
    <t xml:space="preserve">我的是一般家用电脑，要刻录文件，还需安装什么硬件、软件？ </t>
  </si>
  <si>
    <t>买个刻录机,买的时候里边有刻录软件的.装上就行了.</t>
  </si>
  <si>
    <t xml:space="preserve">麒麟问题大家好我想请教一下大家麒麟在那抓？那里抓的品质好一些？大 </t>
  </si>
  <si>
    <t>1  景阳岗不要上台阶30级左右2 岩洞3层  级别高点 好像是36-38两处品质都是一样的  珍稀的最好  其次是宝宝  普通的就别抓了组个五个人的队伍 一起练级就可以提高遇到几率  你一个人的话可以吃个诱敌香来抓  几率很高但是遇到极品几率很小 就我来看   1.6+力 1.8+敏 就行了 不必强求超极品 毕竟很少.</t>
  </si>
  <si>
    <t xml:space="preserve">请问风湿是什么性质的病? </t>
  </si>
  <si>
    <t>风湿病是一组侵犯关节、骨骼、肌肉、血管及有关软组织或结缔组织为主的疾病，其中多数为自身免疫性疾病。发病多较隐蔽而缓慢，病程较长，且大多具有遗传倾向。 诊断及治疗均有一定难度；血液中多可检查出不同的自身抗体，可能与不同HLA亚型有关；对非甾类抗炎药(NSAID)，糖皮质激素和免疫抑制剂有较好的短期或长期的缓解性反应。</t>
  </si>
  <si>
    <t xml:space="preserve">80级号一天能赚多梦幻币？ </t>
  </si>
  <si>
    <t>那要看你能耐啊,跟级别有关系只是跑镖和帮人杀怪,倒卖东西和级别没关系,要赚钱多,倒卖东西是最好的,我100的号,最多的一天赚了600W,当然也有赚不到100W的时候,自己也要练级的,不光赚钱</t>
  </si>
  <si>
    <t xml:space="preserve">求一款免费代理软件国外网页浏览的免费代理软件1、要求下载地址（最 </t>
  </si>
  <si>
    <t>去 下载r-CCProxy.rar这个还可以，很好用。</t>
  </si>
  <si>
    <t xml:space="preserve">介绍一些好莱坞电影请各位介绍一些好看的好莱坞电影。要求：1枪战的 </t>
  </si>
  <si>
    <t>《特种部队：眼镜蛇的崛起》，里面武器不少。我看的动作片，感情戏最少的大概是《星际迷航》。施州长的电影也是武器多，动作多，感情少。比如：终结者系列，真实的谎言，全面回忆等等。007那个花心萝卜估计不和你的胃口。看得不少，就是想不起来了。要说剧情，还是马特达蒙的《伯恩的身份》，也就是谍影重重，最过瘾。</t>
  </si>
  <si>
    <t xml:space="preserve">关于双灵固本散（原中华灵芝宝）和金水鲜对治疗晚期癌症的效果对比。 </t>
  </si>
  <si>
    <t>“中华灵芝宝”治不了癌本报记者 赫晓琳环球时报生命周刊2004-06-25     “癌症病人手术后，辅助药物治疗非常关键，因此，我开药是非常慎重的，不能让病人去冒险。”北京协和肿瘤科的一位医生这样对记者说。“但是，如果只给病人吃这样的药，那就是不负责任。”说话的时候，她手中拿着几份药品广告宣传单，其中有好几种都是双灵固本散（原中华灵芝宝）的广告。记者看到，在这些广告的醒目位置赫然写着“可直接杀灭癌细胞，防止癌症扩散转移”。　　中国工程院院士、中国医学科学院肿瘤医院教授孙燕日前在接受媒体采访时，对一些人和广告任意夸大某些肿瘤药物的作用进行了严厉谴责，并提醒患者小心受骗上当，白花冤枉钱。　　质疑一：药效到底有多大　　记者了解到，“中华灵芝宝”原为上海绿谷有限公司1996年生产的保健食品，2002年11月，经国家食品药品监督管理局批准，成为“国药准字 B”类处方药，即保健类药品，并同时改名为“双灵固本散”，由于厂家在各种宣传中均宣称其抗肿瘤效果非常好，因而肿瘤患者中知道此药的人很多。　　6月21日，记者来到北京肿瘤医院，在候诊大厅里采访了一些患者。北京社科院历史所副研究员邓女士，前年秋天查出患了妇科肿瘤，她对记者说： “我刚得病的时候，一个也得了癌症的老领导对我说她自己正在吃这种药，还向我推荐。可是现在，老领导的肿瘤没有被杀死，病又复发了。”　　另一位服用过此药的患者很疑惑地对记者说：“我也是从他们塞给我的广告上知道这个药的，他们在很多报刊上用整版的广告来讲药效多么好，连一些大医院里都有他们的大广告牌，不由人不信呀！”　　在场的大部分患者都是通过广告知道这种药的，他们说一开始大家几乎坚定不移地相信它的药效。但后来，无论是从自己服用的效果还是与其他病友交流来看，大家越来越觉得这种药治疗癌症没有那么神，心里很是疑惑。　　那么医生对该药又是怎么看的呢？记者来到北京肿瘤医院妇科门诊进行采访，当听到记者询问“中华灵芝宝”的药效如何时，在场的2位医生相互看了一眼，淡淡一笑。“我从来不给病人开这种药，也绝对不向病人推荐服用，因为它没有什么用。我最憎恨他们四处发传单，骗那些不知真相的病人！”其中一位大夫十分诚恳地对记者说。　　北京肿瘤医院妇科主任李蔚范在提到此药的效果时说：“这个药的抑瘤率根本没有那么高，有百分之二三十就不错了，安慰剂有时候还能达到20％呢！可以说，在术后治疗时只吃这种药基本上没有作用。”　　随后，记者从国家药监督局了解到，药品使用说明书及广告宣传是必须经过审核的，不能任意夸大功效。双灵固本散的说明书上标明其药理作用是：具有抗衰老作用，能明显增强巨噬细胞的吞噬功能，增强机体免疫力等。其药理作用看不出与癌症的关系。而在记者收集到的形形色色“中华灵芝宝”的广告宣传品中，均在显著位置宣称“具有直接杀灭癌细胞、阻断癌细胞复制、防止癌细胞扩散转移”等功效；有的广告还声称其对癌细胞具有很高的抑制率，抑制肿瘤效果明显，总有效率达86.3%　　一位国内著名的灵芝研究专家对记者说，灵芝是通过提高具有细胞毒性的细胞来对抗癌症的。但是灵芝本身没有细胞毒性，它不能等同于能直接杀死癌细胞的化疗药，它的功效无法与临床广泛使用的药物相比。　　质疑二：为什么这么贵　　据记者了解，“中华灵芝宝”目前的市价为一盒1590元，可以服用5天，3盒一个疗程，3个疗程下来，病人要花将近1.5万元。一位带母亲从西安来看大肠癌的先生告诉记者：“这个药我让母亲吃了整整一年，一盒一千多，顶我一个多月工资，可吃了根本没见有他们宣传的那么好。这些卖药的太黑心了！”　　北京社科院的邓女士说：“我妹妹买过几盒这个药送我，花了1万多。医生给我开的辅助治疗药才只有几十元，反倒还能起作用。‘中华灵芝宝’卖这么高的价，明摆着是摸准了癌症病人求生心切的心理挣我们的救命钱！”　　北京肿瘤医院附近的某大药房里，一位自称是肿瘤专家的人对记者说：“‘中华灵芝宝’是目前治肿瘤最好的药，因为效果好它才比别的药都贵。”记者发现，同一柜台里的其他灵芝类产品比该药便宜一半多，对此，他解释说，那是因为那些只是保健品。　　记者拨通了上海绿谷有限公司相关负责人的电话，在谈到“中华灵芝宝”的定价时，他说：“我们的灵芝菌种采用的是日本引进的赤芝，是世界上最好的灵芝品种。加上我们采用的配方是有国家专利的，工艺独特，技术含量高，效果比同类产品都好，而且是国内惟一一家灵芝类药品，所以价格高是很自然的。”　　经过调查，国内市场上最好的灵芝子实体，每千克才卖60到80元；灵芝孢子粉最好的每千克也就300到500元。按照市场价格，记者简单计算了一下，即使以最好的孢子粉计算成本，每克孢子粉市场价也仅0.5元。“中华灵芝宝”的主要成分是灵芝精粉和灵芝孢子粉，每盒10袋，共重20克。也就是说，每克售价在80元左右。除去其所谓的技术含量，“中华灵芝宝”的利润还是高得惊人。有关专家指出，目前市场上的灵芝产品的加工技术都大同小异，几乎都是粗提取物。　　质疑三：处方药不凭处方买　　“中华灵芝宝”另一个令人迷惑不解的问题在于，在到处宣传自己已“变身”为处方药的情况下，此药却没有进入各大医院药房，只在药店有售，而且大多是在专柜销售，并未摆放在处方药的柜台中，不需要医生处方就能买到；在企业召集的“专家咨询会”上，此药更是被公开推销。　　在北京一家药店，一位推销此药的女士在记者再三追问不凭处方，如何确定剂量时说，可以带着病人的病历来看一下，医生会告诉你怎么吃，吃多少。她这里说的医生，就是在药房里坐堂行医的“大夫”。这到底是怎么回事呢？　　记者了解到，国家药监局在《处方药与非处方药分类管理办法（试行）》中明确规定：“处方药必须凭执业医师或职业助理医师处方才可调配、购买和使用”。　　国家药监局相关负责人对“中华灵芝宝”这种行为是这样解释的：“我们不能针对某个药品说这个问题，但打个比方来说，国家规定父母对孩子有9年教育的义务，但是如果有人不这样做，国家也不会定他的罪。法律法规的贯彻执行是需要过程的。”　　质疑四：处方药如此宣传是否违规　　记者了解到，国家明令禁止处方药在大众媒体上做广告。“中华灵芝宝”作为处方药，利用大众媒体进行宣传、四处散发小广告、在癌症患者中举办“专家咨询会” 等形式推销药物本身也是违规行为。　　在今年2月25日，国家药监局通报2003年违法发布药品广告情况，被查处违法发布药品广告次数累计在30次以上、23家发布违法药品广告行为恶劣的企业中，上海绿谷有限公司的双灵固本散名列第一。仅去年一年，该企业在大众媒体上擅自大量发布违法药品广告，进行虚假宣传就达158次之多。　　上海绿谷有限公司相关部门负责人表示：“在大众媒体上做广告的确是违规的，公司领导也已经意识到这个问题。但据我们所知，不少企业都是这样操作的，这说明有些媒体把关也不严。”国家药监局信息广告监督处负责人指出，对于“中华灵芝宝”的这些违规行为，他们已多次提出警告，如果企业仍一意孤行，早晚会受到工商局查处。　　科学对待保健类药品的抗癌功效　　那么灵芝对癌症到底有没有用，病人怎样吃才科学呢？采访中专家们一致认为，癌症病人在放化疗过程中，适当选用辅助药物对治疗是有帮助的。但辅助药物不是治疗药物，病人应该以医生开的药为主要治疗药物。　　北京大学医学部药理学教授林志彬认为，我们不能因为“中华灵芝宝”夸大宣传就否定了灵芝的功效。灵芝，本身对于提高人体免疫功能是有一定作用的。同时，它在对肿瘤的化疗、放疗过程中可以起到增效减毒的作用。但对癌细胞的抑制率根本不可能达到将近90%那么高。　　林志彬教授明确指出：“国内的灵芝产业，除对现代灵芝制剂的成分进一步明确外，还应该更加自律，规范产品的宣传广告，严格执行国家规定的生产质量标准。”</t>
  </si>
  <si>
    <t xml:space="preserve">这游戏还是QQ代理吗？请回答我们以前的东西都是QD买的··要是换 </t>
  </si>
  <si>
    <t>不是腾讯代理的啦 现在去腾讯找都快找不到啦 那些问题就有些麻烦了 但是我想网星会想出办法来的!</t>
  </si>
  <si>
    <t xml:space="preserve">50W左右能买到什么样的水蓝？辛苦赚钱想买水蓝希望大家给个建议捧 </t>
  </si>
  <si>
    <t>建议还是买只红鬼~！~</t>
  </si>
  <si>
    <t xml:space="preserve">祖尔金的断臂大家有没有有注意到祖尔金没有左臂？（我就有个朋友打了 </t>
  </si>
  <si>
    <t>摘自wowwiki的一些非官方的猜测。猜测1虽然巨魔可以快速愈合伤口,自愈严重的,但仍然不能再生肢体猜测2就是楼上所说的这个漫画中提及的笑话:有人说过我们任何一个部位被砍掉都能长出个更大的来,不要相信这种话……“Iheardifyoucutoffanextremityit'llregeneratealittlebigger.Don'tbelieveit”以此为佐证说明巨魔无法再生肢体猜测3祖金实在太老了……猜测4精灵用魔法施展的酷刑使祖金不能再生他的手臂猜测5和大家所想一样,为了铭耻===============附原文NoregenerationMa ,eveninbattle.Itisnotclearwhythiswasn'tthecaseforZul'jin.Hecutoffhisownarmwithasimplespear,andwasabletoescapebeforeanyonecouldgettohim.Onepossibilityisthattrolllimbregenerationisnotaverifiedfact,andwasbasedonmythorwasanassumptionbasedontrollresilienceandtheirfasthealingproperties.Othersourcesofloremightsupportthisideaaslimbregenerationisnotmentioned.Forexample,intheRolePlayingGametrollshavefasthealingabilitiesandcanhealgrievouswoundsbutthereisnomentionofanylimbregenerationcomponentintheirracialabilities.Thereareotherexamplesoftrollslosingtheirarms,whichmayshowthattheconceptoflimbregenerationisfalse.SecondTr 'lektheWandererdescribesanothertrollwhohadtobecomeleft-handedbecausehehadlosthisrightarm.Additionally,inthefirstissueoftheWorldofWarcraftComic,StrangerinaStrangeLand,thehumanprotagonistseversthearmofaDarkspeartrollnamedTrusk;momentslater,theteamownermentionsthathe"won'tbeabletoregeneratethatarm".AlthoughRinlingoftheDarkmoonFairseemsconfidenthishandwillregenerateifheweretocutitoff.Eveninajokethemaletrollssay"Iheardifyoucutoffanextremityit'llregeneratealittlebigger.Don'tbelieveit."Thatcouldmeanoneof 'tgetbigger,orthatitdoesn'tgrowback.Anotherpossibleansweristhathewasnotabletogrowhisarmbackduetooldage.HewasalreadyveryoldbythetimeoftheSecondWar.HoweverthisisdeniedbythefactthattheTrollCompendiumqualifiesitsstatementbysayingalltrollsratherthansome,young,oroldtrolls.Anothertheoryisthatperhapshecannolongerregenerateduetosomethingtheelvesdidtohim.FromtheloreitappearsZul'jinwastorturedbytheelvesandlosthiseye,soitisequallypossibletheycouldhaveputaspellorcurseonhimsohewouldn'tsimplyregeneratefromtheirtorture,thusprolonginghispainandmakingthelossofhiseyemuchmoresignificant.Maybetheregenerationiswillpowered,andZul'jindidnotwanttoregeneratehisarm,asareminderoftheelvesandhowtheytorturedhim.AfurthertheoryhasbeenproposedthatBlizzardhasnotbeenoverlycarefulaboutpreservingitspreviouslore.Infact,ithasinplacesaltered,overriddenorcompletelyre-writtenestablishedin-universefactstosuittheneedsofnewerstorywriters.Inliterarytradition,thisprocessisknownasretconning,orretroactivelyalteringcontinuity.Attemptstoreconcileretconnedlorewithitsupdatedversionsareoftenawkwardandchallengethesuspensionofdisbelief.Elvenmagic,acidorfirearesomeoftheexplanationsusedwithinotherD&amp;DuniversesotherthanWarcraft(buthavenotbeenreferencedwithinWarcraft),however,theyarenotlikelyanswers,astheyarenotsupportedbytheofficialRPGorknownlore(hehadescapedfromtheelvesbeforetheycoulddoanythingtohisstump).Ifanyofthesehadbeenthecase,thenlogicallyheshouldhavebeenabletoamputatepastthedamagedsectionedofhisarmtoexposefreshcellsfortheregenerationprocesstobegin).Alsoit'sconfirmedintherpgtherearenolimitstosimilarformsof"regeneration"otherthanitwon'tworkonundead.WoWRPG330</t>
  </si>
  <si>
    <t xml:space="preserve">如何控制自己的情绪呢？我和老公感情还算稳定，可是有的时候也会有争 </t>
  </si>
  <si>
    <t>控制自己的情绪的方法：（1个人时）回家后先大声吼 5 分钟要将心里的怨气发泄出来；再坐在沙发上静静地听轻音乐 15 分钟，过后你就会觉得心里舒服多了。或者你将自己心中的不满向家人或好朋友倾诉，你也能得到解脱。希望通过心理调节，你能正确对待类似情况，使自己身心愉快。你平时应该多听音乐，让优美的乐曲来化解精神的疲惫。轻快、舒畅的音乐不仅能给人美的熏陶和享受，而且还能使人的精神得到有效放松。开怀大笑是消除精神压力的最佳方法，你就忘掉忧虑，笑口常开。你还应该有意识的放慢生活节奏沉着、冷静地处理各种纷繁复杂的事情，即使做错了事，也不要责备自已，这有利于人的心理平衡，同时也有助于舒缓人的精神压力。勇敢地面对现实，不要害伯承认自己的能力有限，而不能正确处理事务。你要广交朋友，经常找朋友聊天，推心置腹的交流或倾述不但可增强人们的友谊和信任，更能使你精神舒畅，烦恼尽消。相信自己一定能减轻压力，振作精神，心情舒畅，身体健康，就能以良好的心态，增进友情，工作顺利，生活愉快！</t>
  </si>
  <si>
    <t xml:space="preserve">老公太现实让我害怕我跟老公结婚一年多了,两地分居属于周末夫妻.从 </t>
  </si>
  <si>
    <t>你老公包括他们一家子真够抠的，哪有男方家一分钱不花就想娶媳妇的，什么人呢，不过你也够傻的，什么要求都没提就跟他结婚了，现在可没有这种女人了，现在的女孩择偶都比较现实，要求男方有房，有车，有钱，结婚时光婆家给的改口费就得10000块，还不包括婆婆给的买衣服的钱，你老公对你这么抠，你还是防着点他比较好，自己存点钱</t>
  </si>
  <si>
    <t xml:space="preserve">吃什么东西可以补锌？有什么比较好的食谱？ </t>
  </si>
  <si>
    <t xml:space="preserve">    也许你还不知道锌元素对于你的美丽的重要性，缺锌时乳房的发育会受到一定的影响，甚至发育不全，也许你用了很多办法，却不知是锌在暗地里搞破坏；月经时经量少得可怜，甚至不来了，你的脾气也不好，经常抑郁，刚到25岁，脸上的皱纹也赶来凑热闹．．．．．．     原因：女性体内锌不足时可导致性激素的产生减少，而乳房的健康发育、月经的产生都是与激素密切相关的，吃糖、饮酒可增加机体锌的消耗，容易缺锌。锌可促进蛋白质的合成，维持皮肤的弹性，对女性的美丽有着关键性的影响。     补锌策略：天然的含锌丰富的食物无疑是女性补锌的最安全、最简单的良方了，食物中最丰富的锌元素来源是瘦猪肉、瘦牛肉、瘦羊肉、鱼肉及蚝肉等。植物性食物则以硬壳果类如核桃仁等含锌元素最丰富。多吃鱼类、海产品、南瓜、茄子、白菜豆类、坚果类等含锌丰富的食物，少吃甜食、不嗜酒，就可使你皮肤富有弹性、皱纹减少、青春永驻！     补锌千万不要忘了他！     锌被称为名副其实的“和谐素”，作为爱他的你一定或多或少领会到其中的含义。一般来说，缺锌会使男性的骨及肌肉的生长受到影响，在血液中的锌含量减少时，阴茎的勃起、射精都会受到影响，甚至不育，所以夫妻生活当然会受到影响。     原因：缺锌的人生殖器官发育不全，使睾丸的发育减缓，也包括附睾及前列腺发育的减缓与睾丸精原上皮（能够产生精子）的萎缩，从而影响性机能。     补锌策略：锌可以保证男人的性能力，治疗阳萎，另外，它还有助于提高人体的抗病能力。建议男士们每人每天服用15微克的锌，该剂量是针对运动量大的男士，一般情况下，男士只须服用该剂量的2／3就可以了。但是，每天锌的用量绝不能超过15微克，因为过量服用锌会影响人体内其他矿物质的作用；另外多食用含锌丰富的食物也是一种好的补锌方法。     孩子：妈妈，请给我及时补锌     如果你的孩子有以下表现，那么作为妈妈的你一定注意可能是缺锌了：常出现味觉异常，并有异食癖，即喜食那些不是食物的东西，如石头、煤渣、头发、泥土等，并且食欲也下降，严重缺锌的儿童生长发育停滞，身材矮小，同时伴有缺铁性贫血，免疫力低下，常感冒及感染。     原因：锌参与了口腔唾液蛋白——味觉素组成，所以缺锌会影响到味觉；锌与很多重要的生命物质的合成密切相关，能影响细胞的生长过程，所以对生长发育旺盛的婴幼儿来说，锌尤其不可缺少。当孩子体内含锌总量减少时，可引起免疫缺陷，体重增长迟缓。孕期妈妈补锌不足及非母乳喂养也是孩子缺锌的重要原因。     补锌策略：     1、孩子缺锌应及时使用补锌产品。但补锌切记在医生的指导下，不要当营养药来长期服用，童盲目补锌、长期过量服用锌有损孩子健康。     2、孩子补锌营养推荐：三豆粥－将绿豆、黑豆和红豆各适量,加少许米同煮,煮熟后加糖或盐,可长期适量服用；栗子糊－将栗子肉研成粉末,加入适量水和糖及少许米煮成稀粥便成了栗子糊 ;苹果汁－将苹果洗净削皮,用汤匙将其削成果泥,再用水煎煮取汁。    </t>
  </si>
  <si>
    <t xml:space="preserve">我的CPU是英特尔双2140双核的,为什么测试的结果说我的CPU? </t>
  </si>
  <si>
    <t>双核CPU是分先后级的~``可能软件只测到主CPU~`所以提示玩不了。~`其实2个CPU加起来是可以玩的~`</t>
  </si>
  <si>
    <t xml:space="preserve">近期操作思路和后市大盘走势……博青工作一忙，频频失误。60018 </t>
  </si>
  <si>
    <t>你的云大是亏了，当时我提醒说刀口舔血啊。你说的好股是哪一只啊？可否告之。</t>
  </si>
  <si>
    <t xml:space="preserve">三星数码照像机在年底上市的新款有哪些记得前几天看到过近期新品，光 </t>
  </si>
  <si>
    <t>　　三星蓝调L310W、三星蓝调NV100HD、三星NV106HD(NV24)、三星HZ1，这款都是带广角，光学变焦在3倍左右。三星DC机的资料在下面网页上比较详细：　　 :// 　　</t>
  </si>
  <si>
    <t xml:space="preserve">能够网络连接,但是狂断网,证明肯定不是网卡的问题吗?我家是网通的 </t>
  </si>
  <si>
    <t>楼主这个问题已经反复问过几遍了,看来问题挺严重的,但万大事都有解决的办法 ,不用急,以下提几点建议:1.首先你要做的是判断是自己的电脑还是外设网通方面出问题.按你所讲,网通人员将猫和电话线都全换过了,这样说明同外设没有关系,也就是讲问题出在你自己的主机身上,如果你不放心,你可以做以下几点,将你台电脑拿去别人处或者借别人的电脑在你家上网试试,看下是否正常??如何问题仍然存在,则可以断定非你自己的电脑所至,如果无事的话,则肯定是你自己的电脑所至.2.如果是网通方面,则无办法,只能寄望他们了.或者改用其它营运商.3.如果是你自己电脑本身问题,则就好办.首先你将自己的网卡驱动卸载,然后重装.如果问题仍然存在,则重新装过系统.如果问题仍然存在,改用另一个系统再试试,虽然繁锁点,但你必须这样做,如果问题仍然存在,则可以肯定的是你网卡或主板方面出问题.这样的话只能拿去维修看下问题是否可以解决,否则的话只能更换主板了.</t>
  </si>
  <si>
    <t xml:space="preserve">双学位一般大学上几年？是不是特别累？怎样有资格修双学位？谢谢。 </t>
  </si>
  <si>
    <t>每个学校对双学位的要求不一样，所以要针对一个学校看，一般需要六年，但是有的是同时进行的。</t>
  </si>
  <si>
    <t xml:space="preserve">关于怀孕期间的肾积水我妻子怀孕7个月了,昨天回到家突然右侧腰痛. </t>
  </si>
  <si>
    <t>赶紧住院观察，主要是看积水的严重情况，积水严重的话，会导致肾功能异常进而衰竭，疼痛是一个很危险的信号，看医生的诊断情况，我预测情况得不到好转，就需要中止妊娠，好在宝宝已有七个月了，现在医学发达，存活率还是挺高的。但这也许是危言耸听了，或许你妻子的情况并没有那么糟糕，能顺利挺到宝宝足月，祝你们一切顺利，好孕！</t>
  </si>
  <si>
    <t xml:space="preserve">英语作文（初一）关于今年的我和去年的我！（我们才学过去时，不知道 </t>
  </si>
  <si>
    <t>Last year,my grandmother did all the house chores.I never held her because I was the center of the family.My mama and papa said I just needed to focus on my studies and when I did have spare time,I always called on my friends to play with them.But when my grandmother passed away this year,things all changed.Now,this year,I volunteer to do some housework so as to help my grandfather.I know he is lonely and sad,so I need to comfort him as gently as I can.Now,I am not the center of the family anymore,always taking my grandparents' love for granted.I know I have responsibilities.I need to help and comfort my grandfather.My mama and papa say I become a mature child.And I think I'll always behave like a grown-up because I know my grandmother is always there,looking at me.</t>
  </si>
  <si>
    <t xml:space="preserve">学韩语好还是学日语好的呢？ </t>
  </si>
  <si>
    <t>1．日语入门简单，但是越学越艰难；韩语也不是很容易，发音是最难掌握的，而且最好由专业的人士来指导，但是韩语学会发音和拼写就较能容易的拼写出来。现在，中国学着两种语言的人都比较多，而且大大小小的辅导班也很多，请认真考虑。2．小语种有小语种的优势，但现在学习小语种的人不少，西班牙语学习的人相对不多，就就业而言也会比日、韩言容易一点。3．你现在20岁正是学习的好时机，不管是哪国语言都要努力学习，2年左右都会有很大的进步。</t>
  </si>
  <si>
    <t xml:space="preserve">一道初一语文题结合语境改换括号中句子的句式，使文字衔接畅通、文章 </t>
  </si>
  <si>
    <t xml:space="preserve">    然而，在我的记忆深处，使我终生难忘的却是这样一种花：它不是开在阳春三月，而是开在寒冬腊月;它不是开在花坛暖房中，而是怒放在冰天雪地里；迎着它出生的不是和煦的春风，而是凛冽的北风，让它成长的不是春风秋露，而是人民的眼泪和心血。  主要是“不是……而是”句型，还要注意动词及名词的位置（不是＜动词＞＜名词＞……而是＜动词＞＜名词＞）．照搬词语放到上面的位置即可．　</t>
  </si>
  <si>
    <t xml:space="preserve">怎样下载MP4小说如何将小说下下来，越详细越好！谢谢了！ </t>
  </si>
  <si>
    <t>一般来说,MP4下的小说要求的格式和手机不一样,MP4要求的是的文本格式,就是我们电脑中记事本,而手机的大多是JAVA格式,而一般网站上提供的大部分也是手机格式,如果你想把小说下在MP４中的话可以有三种方法：一种是在提供电子书的网站上直接下文本格式的小说，格式后缀应该是h打头的，具体忘了；第二种是同样在可以下电子书的网站找ＪＡＶＡ格式的书然后再找个转换软件转过来；第三种就是在一些文学网站或论坛上找些可以直接看的小说然后复制到自己电脑的记事本里，然后再保存的ＭＰ４里就可以直接看了！！</t>
  </si>
  <si>
    <t xml:space="preserve">宝宝即将要解小便时总要先哭闹才解出来，是否正常？我的宝宝已有45 </t>
  </si>
  <si>
    <t xml:space="preserve">你是刚刚开始训练宝宝把尿吧,因为宝宝还不习惯这种把尿的方式,所以会哭闹,慢慢的多适应几次就好了.我宝宝刚开始也是这样,每次都是哭了才尿出来.看我宝宝的主页 </t>
  </si>
  <si>
    <t xml:space="preserve">天堂2是不是免费网游? </t>
  </si>
  <si>
    <t>38，39只能玩5天就收费了，但是充了300后可以免费玩30天，而且比较BT的是这两个F只能充300以上的点，300点以下的充了也进不了新手F，有点非常霸王条款，但是也没办法啊，谁叫你爱玩呢，还有就是新手F的东西都不呢感转到其他F所以不要存钱了，有多少用多少，练得快的可以多赚些SP，其他完全没意义！！！</t>
  </si>
  <si>
    <t xml:space="preserve">照明灯中惰性气体的用量在节能灯和氙气灯的生产过程中，一支节能灯需 </t>
  </si>
  <si>
    <t>充气过程中浪费很小难度在于气体比例，要严格比例。气体量可以计算很容易。再一个压缩机要高质量的较贵。气体纯度要求严格。你可能要干这个行当祝你成功算下一个灯泡的容积压力就可以了在折成 标准容积你手头肯定有资料气体公式里第一个可能就是这个公式，最好用气体厂配好的灯泡氩或其他气体自己配的多不合格这样你从气体厂拉回来直接充装较好最好找10000方以上的大型气体厂。也就是说让供氪氙气体的厂帮你配。</t>
  </si>
  <si>
    <t xml:space="preserve">简单的QQ秀问题QQ秀在使用多长时间后回过期 </t>
  </si>
  <si>
    <t>要是你买的QQ秀,是6个月后过期,从你买的时间开始算起你买QQ秀后,上面有过期时间要是在QQ网上赠的,那是半个月过期,不过现在好像没有赠的了</t>
  </si>
  <si>
    <t xml:space="preserve">我们的变化正常吗？前年离异后出差，与旧时同窗恋人的她见了一面，得 </t>
  </si>
  <si>
    <t>兄弟，首先我祝福你又找到属于自己的幸福！看的出你们曾经的婚姻都失败了，为了你们曾经的爱你们又走到了一起，而且你的另一半比你付出更多.这可是你们经过了一年多才做出的决定和选择，十几年的风风雨雨让你们都成熟了，更懂得了珍惜和付出，更多是责任！你的老婆有所担心是正常的，她是害怕失败啊！第二次的失败可比第一次对人的打击要严重的多，伤害要深的多，她可是把她的全部都赌给你了啊？所以我建议你，要多关心，多体贴，多呵护她，尽量多陪陪她，同时也多关心她的家人，保障她后院平安，消除她的后顾之忧，让她全身心的爱你！我相信你们的明天一定会更加美好，雨后的彩虹也会更加美丽灿烂！</t>
  </si>
  <si>
    <t xml:space="preserve">它的这个游戏激活码是什么意思? </t>
  </si>
  <si>
    <t>楼主所说的激活码应该是指CD-KEY吧 如果是那么往下看CD-KEY就是用来在游戏中跟游戏推广员换取额外礼品的总的来说当然是有比没有好一点但也不是非常重要</t>
  </si>
  <si>
    <t xml:space="preserve">2010年中山大学有自主考招生么突然接到广州大学城打来的电话，说 </t>
  </si>
  <si>
    <t>中山大学有自主招生但不是现在小心骗子！</t>
  </si>
  <si>
    <t>一天掉50</t>
  </si>
  <si>
    <t>般认为我们中国黄种人，正常成年人头发总数约为80000--100000 根不等。平均每平方厘米内约150根，不同部位有密、有疏。每个人的头发多少不等，种族和地域上也有差异。一个人一天掉20－50根头发都算正常。人们每天梳头时，都要掉一些头发，这是新陈代谢现象，平均每天掉几十根头发，都是正常的，不足为奇。早春和秋末季节，女性由于荷尔蒙的分泌，生理状况不易保持平衡，有时一天掉百把根头发也不必担心。但若不是这个情况，脱发远远大于此数，就应引起重视了。</t>
  </si>
  <si>
    <t xml:space="preserve">有谁能提供几个好听的R&amp;B歌曲(最好是地道的美国R&amp;B) </t>
  </si>
  <si>
    <t>推荐1)Gimme That 演唱：Chris Brown2)Yeah 演唱：Usher3)Say I 演唱：Christina Milian4)Oen 演唱：Mary J Blige5)Sexy Love 演唱：Ne-Yo6)When You're Mad 演唱：Ne-Yo7)Gimme That Remix (Main Version) 演唱：Chris Brown8)Check On It 演唱：Destiny's Child9)Be Without You (Kendu Mix) 演唱：Mary J Blige10)One, Two Step 演唱：Ciara)以上是美国R&amp;B这一周排行榜前10名都挺好听的。</t>
  </si>
  <si>
    <t xml:space="preserve">x现在有哪些特别好看的影片?可以是韩剧,电影,总之只要精彩就行. </t>
  </si>
  <si>
    <t>电影:1.蔷花红莲 na3.放牛班的春天4.只是爱着你5.肖申克的救赎6.戏王之王电视剧:1.折翼的天使们2.咖啡王子1号店3.偷偷爱着你4.爱杀175.野猪大改造</t>
  </si>
  <si>
    <t xml:space="preserve">救命啊我被关无底洞了我只是好奇那些个石头是干嘛的上去打了几下就给 </t>
  </si>
  <si>
    <t>您好：    您提交您的帐号和服务器，以便我们能及时为您核实和解救。    感谢您对封印的支持！</t>
  </si>
  <si>
    <t xml:space="preserve">清泉老师你好：600250今天如何操作？10日均线是多少？开盘之? </t>
  </si>
  <si>
    <t>今天在8.70元附近.</t>
  </si>
  <si>
    <t xml:space="preserve">电脑黑屏了主机还是开着的，鼠标键盘都没反应，听着的歌突然关了，只? </t>
  </si>
  <si>
    <t>如果在不操作的情况下自动关机或待机，可能是设置的问题。右击桌面选属性/屏幕保护程序/电源/电源使用方案。1、点下拉列表选：“家用/办公桌”将关闭监视器、关闭硬盘、系统待机、这三个内容的列表中设置为“从不”按应用。2、点下拉列表选：“演示”将关闭监视器、关闭硬盘、系统待机、这三个内容的列表中设置为“从不”按应用。3、点下拉列表选：“一直开着”将关闭监视器、关闭硬盘、系统待机、这三个内容的列表设置为“从不”按应用即可。4、点下拉列表：“便携/袖珍式”将关闭监视器、关闭硬盘、系统待机、这三个内容的列表中设置为“从不”按应用（上面是将关闭监视器、关闭硬盘、系统待机的时间禁用，你也可以设置等待时间延长的更长些）。</t>
  </si>
  <si>
    <t xml:space="preserve">问一下90青云在什么装备下能单刷比如加8套 </t>
  </si>
  <si>
    <t>至少也要加9吧，青云的装备都比其他的低一等啊，防御力低得你无法接受。。。我玩青云都玩郁闷了哦。。。我看你找个天音加大防再去弄套好装备或者去战场换加防的灵机比较好。。</t>
  </si>
  <si>
    <t xml:space="preserve">我老公睡觉磨牙，喝过酒睡觉更严重，这是病吗？该怎么治疗 </t>
  </si>
  <si>
    <t>睡觉磨牙是睡眠障碍的一种表现.它和睡眠中的轻度觉醒及中枢神经系统信息传递介质多巴胺,去甲肾上腺素等异常有关,也和患者的心理特征及承受能力有关,许多患者有探险,易疲劳,离群等倾向.</t>
  </si>
  <si>
    <t xml:space="preserve">我说话经常有气无力的我觉得自己身体还行，还经常锻炼，可是为什么说 </t>
  </si>
  <si>
    <t>气虚的表现..多服北芪党参可改善.</t>
  </si>
  <si>
    <t xml:space="preserve">现在有哪个免费论坛好用？ </t>
  </si>
  <si>
    <t>xunuo.activeclub.cn</t>
  </si>
  <si>
    <t xml:space="preserve">对电脑中重复的文件该怎么处理?我想用超级兔子清除被告知重复的并不 </t>
  </si>
  <si>
    <t>删除时慎重，我也增用过超级兔子，但是无法判断，软件又不给你明确，算了吧，谨慎无大错。</t>
  </si>
  <si>
    <t xml:space="preserve">女性尿路感染有什么症状？ </t>
  </si>
  <si>
    <t>指导意见：尿路感染常见的排尿异常是尿频、尿急、尿痛，也可见到尿失禁和尿潴留，另外发热、寒战、头痛等。尿常规检查可有白细胞、红细胞甚或蛋白。血常规可能有白细胞升高。尿细菌培养阳性。另外可以出现全身中毒症状，如发热、寒战、头痛等。主要见于上尿路感染病人，特别是急性尿路感染及伴有尿路梗阻的病人尤为多见。尿常规检查可有白细胞、红细胞甚或蛋白。血常规可能有白细胞升高。尿细菌培养阳性。</t>
  </si>
  <si>
    <t xml:space="preserve">我得了厌食症父亲天天骂我怎么办？？在线等我觉得主要是心理的因素， </t>
  </si>
  <si>
    <t>你老爸也有问题，太严了，不过可怜天下父母心！零食并不是可行的办法，浪费粮食的行为也不好，所以你先吃少点，叫父亲做少点好吃的。。。另外你都工作了。。。还跟父母在一起啊。。不过我觉得还是要珍惜和父母在一起的日子，要多体谅他们，他们都老了，相信你结婚后就会搬出去了，那时候你就自由了。</t>
  </si>
  <si>
    <t xml:space="preserve">关于转生的问题请问转生的朋友，是不是可以更换职业？性别转生后可以 </t>
  </si>
  <si>
    <t>性别和职业都是可以在游戏里直接改的,能不能删掉再来就不知道了，上面好几个同志，人家根本没问改名，瞎回答什么？</t>
  </si>
  <si>
    <t xml:space="preserve">假性近视,散光怎么办前几天,突然发现有些远处的东西看不清楚了,测 </t>
  </si>
  <si>
    <t>假性近视是由于用眼过度疲劳，缺少休息，或被辐射物长期辐射导致瞳孔收缩不敏捷。不要乱用药，可到专业医院检查、采取校正措施和适当治疗即可。平时要多休息，多看绿色事物，多吃维生素A等等…</t>
  </si>
  <si>
    <t xml:space="preserve">什么是直存业务？与企业融资有关 </t>
  </si>
  <si>
    <t>通俗点说就是一个单位企业需要资金的话,由银行出面担保,其实就是企业的融资,但安全性较高,因为担保方是银行,而且回报率比银行的利率要高.</t>
  </si>
  <si>
    <t xml:space="preserve">笔记本的液晶屏幕对人体或眼睛有伤害吗？ </t>
  </si>
  <si>
    <t>显示器对眼睛的伤害是存在的，如果说辐射方面，应该是没有。传统的CRT是依靠电子射线（即X光）打击荧光粉发光的，虽然采用了超厚的铅玻璃但仍然存在一定的泄漏，特别是侧面，因此对人体有害，特别是孕妇妊娠前3个月。液晶显示器采用的是自然光源，其发光原理与节能灯相仿，不存在电子射线的辐射，因此从这方面讲是安全的。</t>
  </si>
  <si>
    <t xml:space="preserve">绝对给5星来阿我看别人有小黑狗和白兔。这几个能抓吗？能抓的告诉我 </t>
  </si>
  <si>
    <t>现在改版可以捉白兔了   不过不知道几级？？SORRY！！我知道得就这些了！！呵呵</t>
  </si>
  <si>
    <t xml:space="preserve">火车和飞机到底哪个更安全？好象总是在宣扬飞机是最安全的交通工具， </t>
  </si>
  <si>
    <t>飞机确实非常安全，火车也安全，他们的危险系数小到完全可以忽略，硬是要比较是没有意义的。比你走在马路上或坐汽车旅行安全的多。</t>
  </si>
  <si>
    <t xml:space="preserve">请问准确的孕期该从哪天算起？只知道最后一次月经的第一天日期 </t>
  </si>
  <si>
    <t>准确的孕期就是从最后一次月经来的第一天日期算起.但是如果月经不规律的话,那么预产期也不太准的,比如说你的月经经常推迟,那么你生小孩的时间应该在预产期后.如果你的月经经常提前,你生产的时间就应该在预产期前.祝你好孕!</t>
  </si>
  <si>
    <t xml:space="preserve">我的电脑出事了..好心的GGJJ帮帮我电脑总是出现什么错误之类的 </t>
  </si>
  <si>
    <t>开机后系统桌面丢失的一般处理办法在的日常使用中，经常有人开机后碰到系统桌面丢失，桌面空空荡荡什么都没有的情况，这个时候并没有死机，各种启动项仍然能够加载，但是极大了妨碍了电脑的使用。系统启动加载桌面，执行的进程是explorer.exe，桌面丢失，也就意味着explorer.exe进程并没有启动，最为简单的方法是ctrl+alt+del调出任务管理器，在“文件”中选择“新建任务（运行。。。）”，在弹出的对话框中键入“explorer.exe”，回车，就可以重新看到桌面了。不过在很多时候，有可能是病毒的作用，进入操作系统后，热键失灵了，任务管理器调不出来，这个时候就要从explorer.exe的内部找问题了。browseui.dll这个动态链接文件，正式支撑explorer.exe启动的真正幕后主使。我们重新装一下browseui.dll不就可以给它输入新的血液了吗。OK，下载一个新的browseui.dll文件，重新启动，进入安全模式。ctrl+alt+del，调出任务管理器，将explorer.exe进程结束掉，然后进入这个路径系统盘:\WINDOWS\system32，将下载的browseui.dll文件粘贴，系统会提示是否覆盖，点覆盖即可。进这个路径可以借用任务管理器的“浏览”。 有的时候，会出现browseui.dll被调用，操作失败的情况，可以在“文件类型”中选择“所有文件”，找到browseui.dll文件，将其改为 ，然后在粘贴，即可。进行以上操作后，重启电脑，调出任务管理器，运行explorer.exe即可重新看到桌面了。另一种方法：刻录browseui.dll到光盘，光盘启动后进入DOS，执行copy X：\browseui.dll C:\windows\system32，其中X代表光驱盘符</t>
  </si>
  <si>
    <t xml:space="preserve">想的太多就会让自己难过，难过的人怎么能找得到出口是哪首歌的歌词呢? </t>
  </si>
  <si>
    <t>1. 曲名：一直往前走     歌手：Y.I.Y.O     专辑：大风吹  查看打印版     发送给好友 一直往前走 又一段感情结束的太无奈你说你这次真的被打败你将天空划满灰色的云彩期待她还会怜悯你的悲哀 我也曾有过和你同样感慨被最深爱的人伤重要害 还不就这么慢慢熬了过来用时间学会看开 不是你的错 不要再胡说别让过去在你耳边喋喋不休至少还有我这个朋友挺你直到最后 想的太多只会让自己难过而难过的人怎么找得到出口不是每一场大雨后都一定有彩虹但是至少万里晴空我的耳朵是你的忠实听众把苦水吐完就不准你再罗嗦当背到极点的时候不能后退 那就振作一直往前走 只要还有梦就不怕没路走只要有路走我陪你往前走一直往前走不要再回头回头就不能往前走 在这座星球有你这个朋友我感觉够了也真的够了我还有什么资格不快乐</t>
  </si>
  <si>
    <t xml:space="preserve">我身上多处长瘊子,里面带刺的那种,不知是什么原因,怎样能除掉,谢? </t>
  </si>
  <si>
    <t>用无花果茎部掰断后流出的白色汁液点上,干后即点三天即可</t>
  </si>
  <si>
    <t xml:space="preserve">甘油三酯高怎么办我的甘油三酯为8.46怎么办 </t>
  </si>
  <si>
    <t>禁食大肉，多食清淡，加强运动，半年后就会恢复到正常值。</t>
  </si>
  <si>
    <t xml:space="preserve">丛林遗迹任务我有个任务要我进丛林遗迹里面去探索,可是现在丛林遗迹 </t>
  </si>
  <si>
    <t xml:space="preserve">厢就在外面了对着门 是左侧 </t>
  </si>
  <si>
    <t xml:space="preserve">头皮痒头屑多用什么洗发水 </t>
  </si>
  <si>
    <t>头皮屑是头皮糠疹，是一种由马拉色菌引起的皮肤病,治疗一般有酮康唑、氯咪巴唑、二硫化硒等，其中酮康唑在治疗头皮屑方面效果最好,平时要注意调整生活规律、避免吃煎炸、油腻、辛辣等食品等可起到调节、保护头皮自身平衡、抑制马拉色菌过度繁殖，从而减少头皮屑发生的几率.</t>
  </si>
  <si>
    <t xml:space="preserve">2010.10.17来的例假,上个月21号来的,请问我这个月的排? </t>
  </si>
  <si>
    <t>据你所说可知你的月经周期是26天，推算的出你的安全期和排卵期日程如下：10月17号--24号，是前安全期。10月25号--31号，是排卵期。其中29号左右是排卵日。11月1--11号，是后安全期。</t>
  </si>
  <si>
    <t xml:space="preserve">对基础教育阶段《英语课程标准》（实验稿）有何看法和评价您对我国基 </t>
  </si>
  <si>
    <t>课程改革在英语教学过程中的实施难！ 城市里有难度，山区里难度更大！因此我们可以尝试以下方法：第一：教学容量看似不大，实际比老教材大。词汇量增多而且涉及广泛，习惯用语的活用，以及英美的文化习俗，风土人情等方面的知识要在教学中渗透进来，这样学生对交际用语的运用才会灵活！第二：教和学的习惯也很重要。现在所要用的实验课本重在口语交际，听力的培养。但是现在的教学环境并不是很好，特别是在山区。老师用中文教，学生听着中文，感受着中文来学习英语的课堂比比皆是！适当利用母语是可以的，但情况并非如此。而课外的时候学生和老师就更没有英语交际的环境了。第三：现在的考试制度和试题不利于对英语教学的实验课本应用不利。只会哑巴英语的学生比口语能力好的学生有可能考试得分更高。所以很多学生最后不愿意张嘴，学哑巴英语！  这些只是本人的一点教学经验和体会。</t>
  </si>
  <si>
    <t xml:space="preserve">P少一的R2突阵黄龙剑有人要吗？如题。电四CC </t>
  </si>
  <si>
    <t>有人要，阵好像也是真连得。卖20W应该有人要</t>
  </si>
  <si>
    <t xml:space="preserve">坐骑的速度如果骑术是150，而马还是75的，那么速度怎么算？还是 </t>
  </si>
  <si>
    <t>骑术分75、150、300,而坐骑的速度按照前面骑术的顺序分别为60%、100%、280%和310%.坐骑的种类分为普通坐骑和飞行坐骑,普通坐骑就是指只能用于陆地奔跑的坐骑,速度分别为60%和100%;飞行坐骑是指只能在外域使用的空中坐骑,它的速度又分为60%、280%、310%,其中310%的坐骑是指特殊的飞行坐骑即JJC奖励的铁甲虚空龙和25人Raid风暴要塞FB里王子掉落的凤凰.</t>
  </si>
  <si>
    <t xml:space="preserve">为什么我装上CS起源老是不能玩,听说要从网上下载东西,是什么?从? </t>
  </si>
  <si>
    <t>如果你说的是单机的话，那你去网上下载一个ROBOT，也就是机器人包来，才能在游戏中有NPC陪你打杀。如果是在网络上打的话，你检查下自己的网络连接设置</t>
  </si>
  <si>
    <t xml:space="preserve">吃冷东西下面的门牙痛怎么办?我吃冷的东西的时候,只要冷的东西一碰 </t>
  </si>
  <si>
    <t>过敏反映，冷酸灵牙膏用一下。</t>
  </si>
  <si>
    <t xml:space="preserve">如何挽回男友的心我伤透了他的心，从来都没有照顾过他的感受，经常欺 </t>
  </si>
  <si>
    <t>失去了才知道珍惜,已经迟了,你应该重新开始,他有新的女友,你觉得应该去伤害她吗?如果你已经意识到自己的不足,就把这份歉意留给你的下一任男友吧,也许会更幸福.</t>
  </si>
  <si>
    <t xml:space="preserve">关于MG装备选用的问题!技能加点!升仙入魔技能问题高手进讨论!装 </t>
  </si>
  <si>
    <t>芒果好啊,支持芒果,不过本人练的是妖精,感觉杀人的时候一定要先挂掉对方芒果,因为一旦被MG盯上就没跑,而且我先出手的话芒果也很脆弱,几下就挂了建议MG镶生命石头,在高攻击的基础上,血厚才是王道啊!</t>
  </si>
  <si>
    <t xml:space="preserve">怎样确诊肝血管瘤做彩超，其中报告中说，肝内可见多个偏强回声占位， </t>
  </si>
  <si>
    <t xml:space="preserve">    肝血管瘤的诊断主要依据影像学检查。黑白B超就可以诊断肝血管瘤。在黑白B超上肝血管瘤常表现为实质性增强光团，有时其内可见管道结构。尽管肝血管瘤内充满血液，但多为低速静脉血流，因此，彩色超声很少显示动脉频谱。此特征正好与原发性肝癌相反。一般情况下，对肝血管瘤患者，并不常规行彩色超声检查。但在不典型病例，可加用彩超检查来与恶性肿瘤鉴别。　　在特殊情况下或对需要手术者应行肝脏CT扫描。单纯平扫（不注射造影剂的扫描）是不够的，应申请注射造影剂的增强CT扫描。肝血管瘤在增强CT扫描上有特征性表现：在静脉相可见造影剂成团成块地集中在肝血管瘤的周边，并从肿瘤外周向中心集中。一般讲，CT扫描在显示病变的全面性、直观性和客观性方面均比B超有更大的优势，无论在肿瘤的定位及定性方面均可使人一目了然，特别有助于医生手术方案的制定和手术安全性的提高。　　另外，还有两项检查，磁共振（MRI）和同位素血池显像，也可确诊血管瘤。但因价格较贵或敏感性较低而不作为血管瘤的常规检查武器。血管瘤在MRI上表现为典型的“亮灯征”，故在肝血管瘤不典型或与原发性肝癌鉴别困难时应考虑申请MRI检查。肝血管瘤在同位素血池显像上也有特征性表现：开始（动脉相）病灶处呈低灌注，为放射性缺损区，其后（静脉相）病灶处逐渐出现放射性聚积，再以后出现放射性浓聚，呈过度填充。据此诊断血管瘤几乎有100％特异性。但缺点是敏感性较低，小肝血管瘤常不易被发现和诊断。　　血液检查不能诊断血管瘤。但甲胎蛋白（AFP）的检测有助于与原发性肝癌鉴别。　　通过病史、B超、彩超和CT等检查，典型肝癌的诊断并不困难。但确实有部分肝癌，既无肝病背景，也无肝癌临床表现，且影像学特征酷似肝血管瘤表现，这种肝癌可称其为“肝血管瘤型肝癌”。这些肝癌很容易误诊和漏诊。　　如何避免肝癌误诊为肝肝血管瘤呢？检查必须全面，单项检查往往有片面性，全面检查可防止漏诊并提高诊断正确率。通常血清学检查及黑白超声足可以确诊肝癌和肝血管瘤。血清学检查主要是转氨酶（ALT）及甲胎蛋白（AFP）检测。60％～70％的肝癌患者AFP为阳性（＞20μg/L）。检测ALT是为排除非肝癌原因所致的AFP升高；B超检查主要是明确肝脏占位性病变的性质和肝脏有无硬化（有肝硬化者支持原发性肝癌的诊断）。以上两项检查可基本区分出肝肝血管瘤和肝癌。必要时可加做彩色超声检查及CT扫描等。最好选择专科医院或专科医生诊治。晚期肝癌的预后甚差，一旦将肝癌误诊为肝肝血管瘤延误治疗，后果不堪设想。而有经验的专科医生，他们丰富的成功经验和失败教训有助于避免误诊。　　在临床上肝血管瘤伴发肝癌的情况并不罕见，因此千万不要满足于肝肝血管瘤的诊断，影像学检查要仔细全面，有时，不能仅满足于B超的诊断，必要时可加做CT扫描。</t>
  </si>
  <si>
    <t xml:space="preserve">场面上看来.曼联又要接受平局了.攻得很凶.就是不进球. </t>
  </si>
  <si>
    <t>董方卓进入了替补名单，不止老爵爷给不给他机会，也不知董方卓能不能把握住机会。</t>
  </si>
  <si>
    <t xml:space="preserve">想自己去丽江旅游，出行安排希望越简单越好，听说丽江有客栈能够代理? </t>
  </si>
  <si>
    <t>古城里有很多的，在网上直接搜信息全，淘宝里也有一些</t>
  </si>
  <si>
    <t xml:space="preserve">19岁的女孩会得阴道炎嘛？没有做做任何的性爱我这几天下面会痒，有 </t>
  </si>
  <si>
    <t>有可能,而且可能是霉菌性的.大致原因是内衣裤凉干过程中在阴暗角落而产生霉菌.去找大夫开两盒药就好.另外,大夫会告诉你还有那些问题需要注意.新浪是公开资料,且我是男生只能说这些了.</t>
  </si>
  <si>
    <t xml:space="preserve">请问怎么领奖我是威勒斯区风暴海湾的小羽儿，上官网看到自己在《神泣 </t>
  </si>
  <si>
    <t>建议去询问在线客服或者打电话给他们！这里没有官方人员！</t>
  </si>
  <si>
    <t xml:space="preserve">我想长高点～～我今年19,身高168CM,希望可以长高点,但通过 </t>
  </si>
  <si>
    <t>女孩长到23岁男孩25岁。有早长、有晚长。遵循长高科学规律，还会长高的！经几十年研究我国医学界总结了五条规律是真的：一要常晒太阳；二是多食含钙全面营养食品：鸡爪、豆制品、虾皮、牛奶、鸡蛋、瘦肉、萝卜和青菜；喝什么品牌的牛奶都会继续长高；三是每天10小时睡眠；四是多运动，长跑、跳绳、游泳能拉长腿的肌肉又能长个；五是家庭中充满爱的氛围。有个研究长高的科学工作者，他的父母均在1.60以下，他本人也是遵循了上述规律，身高长到了1.72米，超过他父亲十多厘米。关键是按上述规律，贯彻落实到位，不要半途停止。据那个研究者在书中说，个别人23岁25岁之后还会继续长高一些。</t>
  </si>
  <si>
    <t xml:space="preserve">谁知道日照市医院复印病例得出院后多少天？是一个月还是二十天？ </t>
  </si>
  <si>
    <t>是一个月( 麻烦设为好评，谢谢 )</t>
  </si>
  <si>
    <t>弦中点问题是否存在这样的直线,它被双曲线x^2</t>
  </si>
  <si>
    <t>(1)y=3-2x,代入2x^2-y^2-2=0,得2x^2-12x+11=0,x1+x2≠2,不满足弦中点是(1,1)的必要条件,不正确.(2)y=x,代入2x^2-y^2-2=0,得x^2-2=0,x1+x2≠2,不满足弦中点是(1,1)的必要条件,不正确.(3)y=2x-1,代入2x^2-y^2-2=0,得2x^2-4x+3=0,△=16-24&lt;0,无实数根,不满足弦中点是(1,1)的必要条件,不正确.(4)不存在,前面证.</t>
  </si>
  <si>
    <t xml:space="preserve">气功和瑜伽有什么不同? </t>
  </si>
  <si>
    <t>气功和瑜伽都通过控制呼吸和相应的一些动作来调节身体的各部分机能，以我个人的体会来讲，在练习瑜伽的过程中增加一些气功的调息方法会相辅相承进步更大，体会也更深。同时瑜伽某些体姿相对较难度，又能达到气功所不能达到的功效。以上意见纯属个人体会。</t>
  </si>
  <si>
    <t xml:space="preserve">难道你们就是永远对吗？我有什么错？为什么？为什么？ </t>
  </si>
  <si>
    <t>走自己的路,不要活在别人的眼光中.人生的活法多种多样,选择适合你的大胆向前.只要到告别人世前不感到白来人间一趟,没留下什么遗憾的就行了.大大方方的做自己,随着社会文明程度的提高会越来越宽容的.歌得说的一句话:"一个人宣称自己是自由的,就会同时感受到他是受限制;他宣称是受限制的,那么同时他就感受到是自由的".在你自由范围享受你的自由,别人是无权过问和指责的.祝:坦然自若的面对!</t>
  </si>
  <si>
    <t xml:space="preserve">大成精选如何?请教各位大师,大成精选拆分,博时主题,海富通分红. </t>
  </si>
  <si>
    <t>大成精选增值基金:2004年12月15日成立，属混合型基金，通过积极主动的投资策略，追求基金资产长期的资本增值。股票投资比例范围为40％－95％，风险程度中等偏高！个人建议参考！</t>
  </si>
  <si>
    <t xml:space="preserve">深圳福田区新洲旅馆在哪里？具体地址！！不是新洲宾馆！跪求 </t>
  </si>
  <si>
    <t>新洲旅馆地址：广东省深圳市新洲北村72号综合楼二层（即新洲酒店再往南100米）电话：0755-83308870</t>
  </si>
  <si>
    <t xml:space="preserve">新公司成立垫资和申请发票基本问题1.公司的注册资金是100万，可 </t>
  </si>
  <si>
    <t>当然是把证办到，你再给代理钱现在垫资的很多不过公司法规定最少注册资本是3万，而且实物还可以办投资，还可以分期到位，所以这些步骤都很多余，除非要进什么开发区或者经营特殊项目才需要这样做。年检，只要交点钱，都可以办的税务方面，只要不少计收入，虚列费用，税务也不管的发票要看你是什么发票，增值税专用发票0.75/张，普通发票大概2毛/张，而且各个地方价格也不大一样。具体能开多少面额的，有主管税务机关决定。像你这样的，最多能领万元版的</t>
  </si>
  <si>
    <t xml:space="preserve">这样的人能吃枸杞吗？有轻微前列腺炎的能吃枸杞吗？ </t>
  </si>
  <si>
    <t>枸杞性味温,容易引起炎症的加重,所以炎症期间不太适合服用枸杞的。</t>
  </si>
  <si>
    <t xml:space="preserve">星际这个版块的页面太寒酸了！大家说说！现在是玩星际的人少了，还是 </t>
  </si>
  <si>
    <t>因为玩星际的人现在少了很多.人少自然内容少了.好像做生意一样.人流多的地方,卖东西的小贩,商品也多.其他游戏玩的人多,发言,回答,内容..等等自然多了.我建议玩星际的还是多去星际的专门网站吧.例如 就很有人气的了.</t>
  </si>
  <si>
    <t xml:space="preserve">电流超过多少安会对人体造成伤害？电压是36V，那么电流呢？ </t>
  </si>
  <si>
    <t xml:space="preserve"> 我国相关法规规定:特别潮湿,容易导电的地方,12V为安全电压。如果空气干燥,条件较好时,可用24V或36V电压。一般情况下,12V、24V、36V是安全电压的三个级别。触电电流的大小对人体的危害程度    触电主要是指电流流经人体，使人体机能受到损害。人体对流经肌体的电流所产生的感觉，是随电流的大小而不同，伤害程度也不同。    (1) 当人体流过工频1mA或直流5mA电流时，人体就会有麻、刺、痛的感觉。    (2) 当人体流过工频20～50mA或直流80mA电流时，人就会产生麻痹、痉挛、刺痛，血压升高，呼吸困难。自己不能摆脱电源，就有生命危险。    (3) 当人体流过100mA以上电流时，人就会呼吸困难，心脏停跳。一般来说，10mA以下工频电流和50mA以下直流电流流过人体时，人能摆脱电源，故危险性不太大。   </t>
  </si>
  <si>
    <t xml:space="preserve">我做的梦啊！1表弟和我在野外郊游，逮住个眼镜蛇。我怕眼镜蛇咬我， </t>
  </si>
  <si>
    <t>哇,你可能会发生一些不吉祥的事哦!你要小心啊!!!!!!!祝你好运!!!!!!!!!!</t>
  </si>
  <si>
    <t xml:space="preserve">天津地区39001的新光头现在多少钱？RT请各位知情大哥不吝赐教 </t>
  </si>
  <si>
    <t>我给你提供一些北京的情况做参考：39001光头分两种：一种是C头的、一种是R头的，R比C要好（光头拆下来后边上能看出来，贴在上边的纸上写**C或**R）价格：C为480元、R为550元，如果你愿意把旧光头留下，可折价20元以上是我常去那家游戏店的BOSS告诉我的</t>
  </si>
  <si>
    <t xml:space="preserve">赔率、足彩、投资——（五）足彩可以作为一项有计划的投资活动这是一 </t>
  </si>
  <si>
    <t>"重视技术--控制资金--理智投注型彩民"这句话不错    1、重视技术，技术固然重要，但足球是圆的，你看赔率、分析资料等等和你选的结果完全不一样。    2、控制资金，只有我们这等小彩民才控制资金，如果真中大奖的话是那些大户门，而我们中的小奖。    3、理智型彩民，这我同意。个人观点，仅供参考</t>
  </si>
  <si>
    <t xml:space="preserve">74，n是odd问1到n之间偶数之和=79*80问n=？n是od </t>
  </si>
  <si>
    <t>n为偶数时，1到n 之间偶数之和=2+4+……+（n-2)=(n-2)/2*n/2=79*80,n^2-2n-25280=0,△/4=25281，n&gt;0,n=160.仿上，n为奇数时，1到n 之间偶数之和=2+4+……+（n-1)=（n-1)/2*(2+n-1)/2=79*80,n^2-1=25280,n^2=25281,n&gt;0,∴n=159.本题有两解。</t>
  </si>
  <si>
    <t xml:space="preserve">关于飞车党摆脱PD的车辆选择！！（技术相当的情况下）除了S类车以 </t>
  </si>
  <si>
    <t>第一个问题：冥王和双子 起步时最容易摆脱 第二个问题：天蝎中期最容易与PD保持距离 因为蝎子嘛 大家都知道 中期加速很快  但如果你技术好 开水星一样甩PD  可惜现在水星接不了飞车 唉 想拿小水陪PD玩玩都不行~飞车党摆脱警察的方法简述:1假动作.在分叉的路口处假装往一边拐但其实只是做个假动作突然又打方向拐向另一边，如果后面的小警反映慢了再拐 车也就随惯性撞墙了，让他看你屁股吧 ２.360度大转弯，高速的时候飞车党做出这个花样来很管用，按住CTRL打方向好象要掉头　但１８０度后别松Ctrl键继续打方向按原来的方向行使～这招绝对可以把小警转蒙了 他如不及时调整　距离也就拉开一大截了～ 3.强行停车.高速飞驰时如果小警跟你很紧 那你最好故意撞建筑物突然停车 马上掉头～小警反映过来再紧急刹车 呵呵 早飞出去四五个车身了~~　祝你好运~~</t>
  </si>
  <si>
    <t xml:space="preserve">搜集歌曲《每当我走过老师窗前》下载地址静静的深夜群星载闪耀要求完 </t>
  </si>
  <si>
    <t xml:space="preserve">我该如何应对我这样的妻子?我刚结婚一来月，我们相爱有一年多了，我 </t>
  </si>
  <si>
    <t xml:space="preserve">   这是刚结婚不久女孩子气的一种正常表现,你要多宽容她,理解她,多爱她,多哄哄她,属于你的这样不快的时光已不多了,以后会全然没有了,说不定你还会留恋呢?女孩子未结婚前都会孩子气多一些的,刚结婚她的角色观念还没转变过来,再说这时候是只有小夫妻俩的世界,她有时间有精力有机会来对她所爱的人____你来撒娇,但一旦怀孕后和她对这个角色适应了后,她就会去忙她自己的工作和家务了,根本很少余力来赖你了.你想她赖你她甚至还闲烦呢.   这时候的你应该怎么做呢?尽量别惹她生气,多哄哄她,女孩子爱说反话,你只要按照你的处事原则做事,不要太计较她说了什么伤你的话,她的话是随口而说并不代表什么实在意义.她是爱你的,不然怎么会与你结婚呢.若她有时实在不讲理,找准机会,向她讲明道理,证明她确实有错,她会慢慢改变的.给她时间给她机会,好女人都是好男人培养出来的.俗话说:女人尤如一架钢琴,在行家的手里发出的是优美的音乐,在外行的手里发出的是噪音,在似懂非懂音乐人手里,发出的声音四不象.但愿你是一个懂音乐的行家,能弹出优美的音乐来.</t>
  </si>
  <si>
    <t xml:space="preserve">谁知道天下无贼中的火车是从哪里开到哪里的？ </t>
  </si>
  <si>
    <t>新疆到北京吧！个人分析的</t>
  </si>
  <si>
    <t xml:space="preserve">以前的那帮砖家大师们。怎么缩头不见了。大隐隐于世了。 </t>
  </si>
  <si>
    <t>发个贴审核好几天，不隐怎么办？</t>
  </si>
  <si>
    <t xml:space="preserve">意大利的奢侈品闻名遐迩，想问上海有什么地方能全面的了解意大利的奢? </t>
  </si>
  <si>
    <t>当然是去意大利中心的Altagamma展厅Altagamma的展厅内各种让人眼花缭乱的奢侈品品牌与各大摄影师的合作的精品摄影展示，简直让人寸步难行啊！首先科普一下~Altagamma诞生于 1992 年，即意大利高端品牌基金会，其目的在于加强会员企业的国际影响力，为会员企业的发展提供便利。欣赏之外，也真真敬佩意大利工艺大师们的才华与创造！</t>
  </si>
  <si>
    <t xml:space="preserve">梦上坟.............梦给我父亲上坟. </t>
  </si>
  <si>
    <t>这个梦表示你经济上出了问题。在近段时间里你的钱用的非常紧。后来你的生活会好起来的。</t>
  </si>
  <si>
    <t xml:space="preserve">一进隐者之路就卡慢动作 </t>
  </si>
  <si>
    <t>我也是 每次进去都卡 我的做法是进去后马上就用alt+tab切换到桌面一下 然后在切换回去 我每次这样弄一下就好了 不这样就一直很卡 不知道对你管用不 希望能行 祝你游戏快乐！</t>
  </si>
  <si>
    <t xml:space="preserve">逍遥子的坐标是多少？ </t>
  </si>
  <si>
    <t>逍遥子的坐标在京城300/330，也就是盲剑客的旁边</t>
  </si>
  <si>
    <t xml:space="preserve">会计学学完基础会计后一般学什么 </t>
  </si>
  <si>
    <t>1.想从事这一行的话,你就必须得考上会计从业资格证书,而考会计从业资格证书就必须考三门,、《会计基础》、《财政法规和会计职业道德》,&lt;&lt;会计电算化&gt;&gt;,而且,不论你做怎么会计,都必须从最基本最基础的做起,从简单到复杂.这既是初学入门的书,又是考试用的书.学会计都是从会计基础学起的.考试三门当中还有一门就是&lt;&lt;会计电算化&gt;&gt;,而要考初级的话,你就必须取得会计从业资格证之后才能报考的了.初级要考：《经济法基础》《初级会计实务》 2.一般你最好去报个培训的学校或是当地财政局有会计培训的,有些地方是两年考一次,有些地方是一年报一次的.报名可以在培训的学校里代报,也可以到当地财政局报考,有些地方实行了网上报名的也可以在网上报名.因为第三门&lt;&lt;会计电算化&gt;&gt;的话是计算机操作的,这个你自学是不行的哦.因为有培训的老师一点有的时候就明白了.自己学可能要想很久一些问题.3.培训班的费用一般都750--1200元之间,这是指会计资格证和初级的费用.4.培训时间一般都是2-6个月的时间.有快的,2个多月3个月就培训完了.5.考会计从业证所需教材书:从业证就三本:《会计电算化》、《会计基础》、《财政法规和会计职业道德》6.费用750-1200元.7.初级证所需教材书:：《经济法基础》《初级会计实务&gt;</t>
  </si>
  <si>
    <t xml:space="preserve">WX群怪问题~~~~~~~~~~~~~~50+的WX应该去哪群~ </t>
  </si>
  <si>
    <t>去落日或者49FB绝龙坡附近 经验不错</t>
  </si>
  <si>
    <t xml:space="preserve">为什么清宫后怀孕，会在次造成胎停流产呢？可是有很多人清宫后半年内 </t>
  </si>
  <si>
    <t>胎停育和清宫没有直接关系，这个和本身受精卵的质量以及母体的环境有关系，如果是二次胎停育，建议去医院查一下内分泌，抗体，血液等。</t>
  </si>
  <si>
    <t xml:space="preserve">528舰服役了吗?谁有图片? </t>
  </si>
  <si>
    <t>没听说服役,还在海试吧!</t>
  </si>
  <si>
    <t xml:space="preserve">怎么进浩方对战平台? </t>
  </si>
  <si>
    <t>先進入 下載浩方??鹌脚_!再申??ぬ?就可以上了!</t>
  </si>
  <si>
    <t xml:space="preserve">我老公刚过30，JJ就不行了怎么回事啊？（勃起有问题） </t>
  </si>
  <si>
    <t>要注意,男人这时候应该是高峰期</t>
  </si>
  <si>
    <t xml:space="preserve">有什么歌既好听,歌词又诗意的 </t>
  </si>
  <si>
    <t>后弦的个挺诗意的，比如＜西厢＞，你试试</t>
  </si>
  <si>
    <t xml:space="preserve">10个点排成5排,每排上有4个点?同上！ </t>
  </si>
  <si>
    <t>五角星排法。</t>
  </si>
  <si>
    <t xml:space="preserve">怀孕第二周200mg黄体酮对胚胎有影响吗我一直在做不孕检查，连续 </t>
  </si>
  <si>
    <t>请问谁让一次服用200mg的？一次服用正常剂量应当是2－4mg，即1－2片！如果你剂量看错了，或误服了，则只好请教医生。看看下一步怎样处置。</t>
  </si>
  <si>
    <t xml:space="preserve">最近朋友总和我叨叨她家的热水器，洗个澡真费劲，不但水流小，并且水? </t>
  </si>
  <si>
    <t xml:space="preserve">楼主，建议她换个支持多点供水、双恒热水器，什么是双恒热水器呢？让方太热水器专家来解答这个问题吧。要了解双恒，首先要了解恒温，但对专业人士来说，恒温是一个相对专业的术语。“恒温机”是相对于“多段机”而言的，多段机热水器只能通过“热水兑冷水”的工作原理来调节水温，但离恒温要求相去甚远。而恒温机不需要兑冷水，可以通过设定温度，热水器自动调节提供所需温度的热水。方太首倡的双恒热水器则能实现“又调气又调水”，使水温调节更精确。另外，要了解更多的热水器知识。请看下面这两篇文章   </t>
  </si>
  <si>
    <t xml:space="preserve">已经成年但是乳头一直不明显乳房有乳晕，但是一直乳头成长的不明显， </t>
  </si>
  <si>
    <t>最好能拍张照片，是否为乳头內陷？</t>
  </si>
  <si>
    <t>沁园净水器沁园净水器正品RO</t>
  </si>
  <si>
    <t>RO纯水机安装手册   一、安装顺序     全自动逆渗透活水机是一种以微自动控制的对终端自来水进行有效处理的设施，安装使用方便。当您购买或者为用户安装该机时，为了保证安装质量，通常可按以下顺序安装：安装RO膜 → 纤维滤芯 → 颗粒活性碳滤芯 → 精密活性碳滤芯 → 打孔 → 安装主机 → 关闭总阀门 → 安装进水三通 → 安装进水直通→ 进水直通至纤维滤芯水管 → 检验进水是否漏水 → 安装储水桶上球阀 → 鹅颈龙头 → 鹅颈龙头至后置性碳出口水管 → 废水比至水槽水管 → 后置活性碳前端水管 → 接通电源 → 检测制水质量 → 水质合格并稳定后 → 连接储水桶上球阀水管 → 制水 → 放水 → 再制水 → 结束安装. 二、橱下式活水机安装 （一）安装RO膜  去掉RO膜包装薄膜，卸掉RO膜外壳盖处的水管，旋开RO膜壳盖，将有两个橡胶密封圈的一端插入RO膜外壳内的止口内，转动着将其插到底部。将膜壳端盖的密封圈先挪至RO膜壳外壳螺纹止口处，在以手力旋紧外壳盖，装上水管，拧紧。  检查端盖处弯头是否松动，如已松动，将其卸下，缠绕2-3圈生料带，再将其按原样旋上。  特别注意：拆开RO膜外包装前应将手洗干净，安装过程也要保持手的洁净，不得造成对RO膜的污染。（二）安装滤芯  去掉塑料包装薄膜，将顺序将纤维滤芯、颗粒活性碳滤芯和精密活性碳滤芯带双密封圈的一边插入滤瓶盖的接口内。把滤瓶上的O型胶圈沿周边抹一点白色凡士林，旋上滤瓶并用手拧紧，使用专用扳手时，旋紧过程用力要均匀且不宜过大。（三）安装固定主机1. 墙上安装：在选定的安装位置打两个直径为8毫米的孔。放入随机携带的塑料胀栓，旋进螺钉，挂上主机并旋紧螺钉。2. 橱柜内安装：可不用打孔固定，选好位置放稳即可。  无论在墙上安装还是在橱柜内安装，均应考虑将来更换滤芯和维修的方便性。特别是橱柜内安装时，要把水机放在橱柜门外进行安装操作。3. 安装鹅颈龙头：在客户选定的位置上安装。如鹅颈龙头要安装在厨房的调理台面上，应在调理台面上钻一个直径为12毫米的孔。如鹅颈龙头安装在墙上，应在选定的位置上，按支架的孔距钻两个直径为6～8毫米的孔，塞入塑料胀栓，用自攻螺钉将支架固定在墙上，然后顺序安装鹅颈龙头。  在大理石台面上打孔时，应使用专用钻头，用定位板进行定位。在仿大理石（合成材料）上打孔时，应使用普通麻花钻头。此两种打孔均使用普通手电钻，切不可使用冲击钻。4. 安装储水桶上球阀：在储水桶螺纹处缠6~8圈密封胶带，旋进上球阀，然后以手力旋紧上球阀。将储水桶安置到适当的安放位置。5. 安装鹅颈龙头：安装鹅颈龙头时，上面放大软胶圈，底部依次放小软胶圈、硬胶压板、金属垫圈，然后旋紧螺母。(图)6. 安装活水机上的水管时，必须在管子的端部放置管塞，以防漏水。（四）连接水机部件水管1. 自来水管道  关闭室内总阀门。在用户选定的供水位置安装进水三通和进水直通（随机带），安装后置用水部件。这三个部位要使用密封胶带，以防漏水。2. 机上水管  主机上各接口处的螺帽均注明了连接部件的名称，安装人员应事先予以了解。活水机携带的水管为5米，用户应兼顾好各部分水管的使用长度，每处对接的水管端部均应切齐。3.进水直通——纤维滤芯滤瓶盖水管：  进水直通：旋下进水球阀紧定螺帽，将水管插入螺帽，将水管插到进水直通的出水口上（要插到底），然后旋紧螺帽，将进水直通置于关闭位置。将另端连接到纤维滤芯滤瓶盖上端（所有的水管端部均应使用随机带的管塞，要将管子插到底，以手力旋紧塑料螺帽）。  通水检验活水机各部位是否漏水（打开总阀门，打开后置用水开关，放出污水，待水清澈后关闭后置用水开关，打开进水直通进行检验。4.鹅颈龙头——后置活性碳出口水管：  鹅颈龙头：该接口处要用随机专用紧定螺帽固定：将水管插入螺帽，再把水管插入密封塑料胶圈并使水管露出1-2公分，将水管插入鹅颈龙头下部，然后旋紧紧定螺帽（可用扳手适力旋紧）。5.后置活性碳出口：按一般的水管连接方式安装。6.废水比——下水槽水管：  废水比处按一般的水管连接方式安装。另一端可接到用户的下水道中（浓水也可接到其它容器中作为一般洗涤用水）。7.后置活性碳前端三通——储水桶上球阀水管：  此处按一般的水管连接方式安装。通常，与储水桶上球阀处的水管可暂时不连接，待完成水质检验后再连接。</t>
  </si>
  <si>
    <t xml:space="preserve">听说善哉法师是南华寺的 </t>
  </si>
  <si>
    <t>法华寺也算是事业单位吧……世界上大概只有我们的政腐最有创意最有才了。。。和尚方丈啥的都是招聘来滴。。。我看他是乌龙院的。。。。。方丈也在真的是一个很有前途的职业！！！待遇不错，比公务员好多了……这么好的待遇，会不会有潜规则啊？……</t>
  </si>
  <si>
    <t xml:space="preserve">我为什么容易树敌我的工作是办公室主任是不是因为和领导接触太多，所 </t>
  </si>
  <si>
    <t>要健全规章制度和审批手续,要制定各种程序,要多用书面文件和文字材料作为工作的工具,借助以上措施,就没必要你个人总出头得罪人.要是平时总是拍脑门决定事情,今天这个来了这样,明天那个来了那样,那就光剩得罪人了.</t>
  </si>
  <si>
    <t xml:space="preserve">热心的朋友请进，我们该如何生活，我很痛苦！本不打算写的，但还是说 </t>
  </si>
  <si>
    <t xml:space="preserve">  女人都是这样爱唠叨，都是刀子嘴豆腐心，还喜欢浪漫。你们之所以会结婚，说明你们曾经是很相爱的，只是现在生活在一起了，过着柴米油盐酱醋的生活，多少会产生一些乏味。两个人的结合，需要相互沟通，相互理解，相互信任，相互容忍等等。既然选择，就不要放弃。你们应该坐下来平心气和的好好谈谈，看看问题究竟出在哪里了,或者是安排一次浪漫的约会,和你的妻子重温原来恋爱时的情景,借此机会谈谈心。   你说现在把你的理想生活全打乱了，有时觉得双方的心没在一块使过得真没意思没动力，觉得心好累。那就是你们没有好好去沟通，你们两个人都应该懂得学会去换位思考，要站在对方的立场上去思考问题.      试试看吧,你们会很幸福的.</t>
  </si>
  <si>
    <t xml:space="preserve">17岁我可以错过和一个男生的约会.但我不能错过左耳.翻译？ </t>
  </si>
  <si>
    <t>要是我没记错的话 左耳是饶雪漫的一本书吧至于翻译，这个我就简单翻译下I can miss going dating with a boy at the age of 17,but I can not miss 《The Left Ear》.</t>
  </si>
  <si>
    <t xml:space="preserve">我的笔记本电脑下拉页面时为什么总出现滚屏 </t>
  </si>
  <si>
    <t xml:space="preserve">修复一下系统，还不行重装驱动。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或用还原软件进行系统还原）。 4、如果故障依旧，使用系统盘修复，打开命令提示符输入SFC /SCANNOW 回车（SFC和/之间有一个空格），插入原装系统盘修复系统，系统会自动对比修复的。 5、如果故障依旧，在BIOS中设置光驱为第一启动设备插入原装系统安装盘按R键选择“修复安装”即可。6、如果故障依旧，建议重装操作系统。 如果实在不行，建议选择修复安装，这样即修复了系统，又可使C盘的程序和文件不受损失。使用系统自带的系统还原的方法：系统自带的系统还原：“开始”/“程序”/“附件”/“系统工具”/“系统还原”，点选“恢复我的计算机到一个较早的时间”，按下一步，你会看到日期页面有深色的日期，那就是还原点，你选择后，点击下一步还原。如果需要安装驱动，建议安装驱动精灵2009 ，安装之后，使用其自动更新驱动功能，它会自动下载并安装最新版本驱动，包括，声卡、显卡、网卡、打印机、USB等，这是驱动的总汇。 下载安装后，打开驱动精灵，会自动检测你电脑的硬件信息，检测完毕后，点击“驱动更新”按钮，切换界面，然后点击“自动安装”，再点击右下角的“开始更新”按钮。驱动精灵2009 B1  驱动人生 2009正式版下载网址： </t>
  </si>
  <si>
    <t xml:space="preserve">环保名词一下凡打一环保名词 </t>
  </si>
  <si>
    <t>降尘</t>
  </si>
  <si>
    <t xml:space="preserve">塑造肉身后我点要去的地方怎么没有反应啊?塑造肉身后我怎么出去啊 </t>
  </si>
  <si>
    <t>不会呀，重造肉身后和以前一样，只是有的时候身上的装备会没有了，你死了以后可以在出来的那里找ＮＰＣ重造肉身，也可以不用他塑造，自己到你死的那里找到自己的肉身就可以复活了．</t>
  </si>
  <si>
    <t xml:space="preserve">足彩038期一等竟会无人中?直接原因是销量,06038销量为1千 </t>
  </si>
  <si>
    <t>原来你二等也没中呀，你的大单可是全对哟，缩水害人呀！</t>
  </si>
  <si>
    <t xml:space="preserve">请教花花大师请问花花大师,怎么看600050,后市上升空间大吗, </t>
  </si>
  <si>
    <t>这个股票一直走的比较强,基本上没有随大盘而下跌,主力控盘能力比较强,今年有3G题材的炒作,有传言可能会拆分,可以持有待涨.</t>
  </si>
  <si>
    <t xml:space="preserve">请教保监局工作的兄弟姐妹我报考了保监局综合处，想知道那里工作忙不 </t>
  </si>
  <si>
    <t>综合处相当于办公室,累人,但容易接近领导,面也广</t>
  </si>
  <si>
    <t xml:space="preserve">西四附近有什么好玩的？ </t>
  </si>
  <si>
    <t>楼上二位说得都不错,但是:西四书店刚重建完,还没开业;白塔寺里面正在修缮,花钱买票进去什么也看不见.干脆,上广济寺里面转转吧.此外,与其在胜利电影院看场电影,不如在电影院的大厅看看非物质文化遗产展示.西四旁边就是白塔寺 还有地质槽物馆 及羊肉胡同的珠宝钻石之类一条街 是个很好的去处呀 还有一个电影院 另外还有一个砖塔胡同中的一座古砖塔 是古老北京的见证  祝你玩的愉快</t>
  </si>
  <si>
    <t xml:space="preserve">塞那里奥要塞声望问题我和朋友一起在小径杀怪，声望都是崇敬，为什么 </t>
  </si>
  <si>
    <t>幕光小径的小怪进入崇敬阶段就没有声望了,不会出现他有你没有的情况</t>
  </si>
  <si>
    <t xml:space="preserve">我家狗到底是什么狗?外形有人说象土狗,但它毛很厚,体型有点胖. </t>
  </si>
  <si>
    <t>我看是杂交狗  相信你自己也这样是想是吧？我可以肯定的告诉你 我家狗也是这样`55`希望你满意`</t>
  </si>
  <si>
    <t xml:space="preserve">冰FS的PK问题我是主冰副奥FS,血少魔多,一般遇敌PK就是被秒 </t>
  </si>
  <si>
    <t>如果你不能保证生命在无buff的情况下达到3500就不要pk了!任何出手机会都没有的!如果想不被秒,最好要4000生命以上!现在都是秒人!先出手,赢的机率十分大fs是反击能力最强的职业!那怕就100生命了,也可能翻盘!对付猎人:一定近身,如果闪耀过去,不能进入8码之内,就反向跑吧!等他来追你,找时机闪!用冰控制在5-8码距离!猎人就是死人了!对付火法:奥火就那2召,顶过去你就赢了,冰火法如果对方有冰盾的话,你正常情况输定了!如果没有冰锥沉默的方式打!看操作!对付dz fs/dz 5/5开，拼的是心理素质，一定用冰甲术达！不过装备很大程度起决定作用！其他职业：ss不要打了带狗的ss就是bug野d:如果你不能秒他，死得就是你！我的fs500+法伤秒小d很轻松！它的伤害就忽略了！</t>
  </si>
  <si>
    <t xml:space="preserve">请教电脑操作方法如何在电脑中将文字、符号变成空心字、符的操作方法 </t>
  </si>
  <si>
    <t>利用Word文字处理软件就可以很容易解决你的问题，在设置字体时，在空心字的选项上勾上确定即可。</t>
  </si>
  <si>
    <t xml:space="preserve">如果甩掉难缠的女人有个朋友“小郭”，去交际应酬的时候，认识了一个 </t>
  </si>
  <si>
    <t>我觉得还是给她一次打击</t>
  </si>
  <si>
    <t xml:space="preserve">是谁太勇敢，说喜欢离别有了离别，人类不必向事实的、虚幻的，任何一 </t>
  </si>
  <si>
    <t>不是因为勇敢,只是有力量离开是非不是因为怯懦才逃离,只是单纯的不喜欢纷忧的空气,只愿静静地一个人对着纯净的天空.</t>
  </si>
  <si>
    <t xml:space="preserve">中译英请你指正请你指正：他这几天一直在忙，他说他会在明天和我做复 </t>
  </si>
  <si>
    <t>He has been y in the past few days, he said that he will review with me tomorrow, I will be with his time他这几天一直在忙，他说他会在明天和我做复习，我将会配合他的时间的。 After hand over today, I have formally handle his work, from now on I will take no efforts to do a good job in marketing. 经过今天的移交，我已经正式接过他手中的工作，从现在起我会全力做好销售这份工作的。Ok, i will follow up./i will do it according to your instruction./i will do it well好的，我会跟进的/我会依据你说的去做的/我会做好的。Shall i change this title?我是不是应该把这个名称更改一下呢？Aoocrding to your require, i have already modified the contents in the red annex of the attached form按照你的要求，我已经在更改了附件表格中红区内的内容 The reason for Transfer the fund is to pay the electricity of Beijing office转款是为了付12月份北京办公室的电费</t>
  </si>
  <si>
    <t xml:space="preserve">谁来评价这块玉？鉴定结果：翡翠透明度：微透明折光率：1.66偏光 </t>
  </si>
  <si>
    <t>就你所报的鉴定结果,说明它是翡翠是可靠的.但就靠这个文字描述,要来评价这个观音是困难的.因为只要是翡翠,其折光率 偏光性 比重 多色性 放大检查这五项都是一样的,在评价方面其不到什么作用.现在,你这个翡翠观音,仅知道"微透明",而其他的诸如颜色 种质粗细 雕工 体积大小等等涉及到评价的因素都不知道,叫人如何来评价呢?建议先附张照片看看.</t>
  </si>
  <si>
    <t xml:space="preserve">传奇世界买号比如我买了个没密宝的号,交易成功后,密宝要12才能邦 </t>
  </si>
  <si>
    <t xml:space="preserve">尊敬的客户:    您好！5173客户服务027很高兴为您服务！请您联系您的接手客服，让客服联系卖家是否愿意等您绑定再打款。感谢您对5173的支持!!!                                                                           </t>
  </si>
  <si>
    <t xml:space="preserve">我想买个笔记本！请指点下！谢谢大概在4900左右！14的！屏幕散 </t>
  </si>
  <si>
    <t>联想ThinkPad E430（3254A73）这款笔记本不错，品牌: Thinkpad 屏幕尺寸: 14 屏幕比例: 16:9 CPU平台: Intel 酷睿i3 2370M 显卡类型: 双显卡（独立＋集成） 显存容量: 1GB 硬盘容量: 320GB 内存容量: 2GB 光驱类型: DVD刻录机 笔记本定位: 商务办公本 重量: 2.19Kg 电池类型: 6芯电池 这款应该完全满足你的要求</t>
  </si>
  <si>
    <t xml:space="preserve">求一款画面质量好，技能炫的网游 </t>
  </si>
  <si>
    <t>那我就推荐你圣魔之血吧，现在好多游戏画面好技能炫的要求的电脑配置太高了，咱玩不起啊，圣魔之血的画面和技能都很华丽，但是电脑配置的要求不高~所以我推荐你玩这个。</t>
  </si>
  <si>
    <t xml:space="preserve">隆胸杨医生您好，我是产后妈妈，孩子已经4岁，胸部已经干瘪下垂，请 </t>
  </si>
  <si>
    <t>你好，如果脂肪不是很多；吸脂要求不是很强烈，可以考虑假体隆胸，现在我院使用的是正规硅胶乳房假体。上臂则优先考虑吸脂。</t>
  </si>
  <si>
    <t xml:space="preserve">QQ的问题前些天我申请了个QQ号，但是发现我的空间里竟然是别人的 </t>
  </si>
  <si>
    <t>因你申请的QQ号是别人原来使用过的QQ号，他因有几个月一次也没有登录过，被腾讯收回去再发放出来，被你申请到了。</t>
  </si>
  <si>
    <t xml:space="preserve">如何判断读卡器是否有问题我前段时间买了一个1G的手机卡，把卡插进 </t>
  </si>
  <si>
    <t>不一定，应该是电脑问题，USB接口松动，重新插一下，如果有显示仍不能复制东西进去，可能是卡的问题，看格式化一下能否复制。</t>
  </si>
  <si>
    <t xml:space="preserve">请各位就下面的这种情况发表一下自己的看法,今夜就要用,拜托了.如 </t>
  </si>
  <si>
    <t xml:space="preserve">  和老师心平气和的谈谈.  相信,事情会解决的.    注意:是心平气和的,真诚的。  这位老师管教批评你是出于对你的关心吧！仔细想一想老师的动机是什么？是出于一位老师的责任心还是别的什么原因呢？越来越多的是听到这样一些话——现在的老师是越来越难当了。不想多说什么了，认为 更多的师生之间的不融洽关系是由于缺少沟通。  记住我的话——“好好谈谈”呀！老师也是从学生过来的，他们应该会理解的。努力让这种师生关系变得融洽，让老师了解你是一个怎样的人，你们的尴尬（争吵后，仍要面对彼此的尴尬）会消失的。  加油！相信——你能够做得到。</t>
  </si>
  <si>
    <t xml:space="preserve">如何减掉手臂和腰部的肥肉？ </t>
  </si>
  <si>
    <t>仰卧起坐  是不错的选择，腰部的话你还可以经常做一下90度原地转体运动，两脚站开，双手抱头，左右来回转动身体，用腰部的力气，反正只要是能用到腰力的都可以试试，经常转动大手臂，前后上下摆手臂，轻拍有脂肪的位置，也可以减掉手臂的脂肪的哦~~</t>
  </si>
  <si>
    <t xml:space="preserve">企业所得税怎样入账？企业为亏损，但是专管员让每个月必须交税，不能 </t>
  </si>
  <si>
    <t>没有利润就谈不上提取，税务专管员让你缴纳也是迫不得已，你就直接缴纳吧，不用提取了。分录：借：应交税金--所得税贷：银行存款等，这样自然就会出现应交税金的借方结余，你不用管，待以后企业有了利润，提取之后逐渐消化吧。</t>
  </si>
  <si>
    <t xml:space="preserve">子宫肌瘤手术后是不是永远都不能吃虾蟹及大枣？ </t>
  </si>
  <si>
    <t>您好子宫肌瘤术后饮食应注意的有; 1、饮食宜清淡，不食羊肉、虾、蟹、鳗鱼、咸鱼、黑鱼等发物。 2、忌食辣椒、麻椒、生葱、生蒜、白酒等刺激性食物及饮料。 3、禁食桂圆、红枣、阿胶、蜂王浆等热性、凝血性和含激素成分的食品。</t>
  </si>
  <si>
    <t xml:space="preserve">现在的医院是不是都很黑？从年前就看过了，过完年开始等床位，就到现 </t>
  </si>
  <si>
    <t>那当然了…每个地方的都一样，医生怎么每个都那么有钱呢，他的工资也就几千块，加上红包就不止啦。他收了第一个红包，就有下一次。收多了当然成习惯…做大手术的，连那些有份参与的护士都得给。真腐败…</t>
  </si>
  <si>
    <t xml:space="preserve">为什么老是维护时间还不准确 </t>
  </si>
  <si>
    <t xml:space="preserve">习惯就好了...不知道上来刚做的装备还在不?还是等着能还回我上次因为维护丢失的NB装备!~~等吧   </t>
  </si>
  <si>
    <t>初一数学(二元一次方程)~~已知方程组x+y</t>
  </si>
  <si>
    <t>已知方程组x+y-5m=0,x-y-9m=0,求代数式x-y+m/x+y-m的值.利用代入法:由x+y-5m=0,x-y-9m=0得x+y=5m,x-y=9m,代入x-y+m/x+y-m得  9m+m/5m-m=10m/4m,同除m,得10/4.</t>
  </si>
  <si>
    <t xml:space="preserve">一岁半宝宝吃饭知道饥饱吗宝宝每顿饭吃了很多还叫着要吃,是不知道饥 </t>
  </si>
  <si>
    <t>小孩生下来就知道饱饿．要从生下来，就该由宝宝自己掌握饱饿的，宝宝吃饱不吃了，剩下也不要硬喂，如果宝宝要吃就要给，不够就再多充奶粉．除非你没管宝宝的感觉，一直是你掌握宝宝的饿与饱，那你宝宝就会不知道自己饱饿，你只要给他就会一直吃，哪怕撑着也吃．我建议你从现在开始，宝宝要吃就要给，宝宝不吃不要硬塞．</t>
  </si>
  <si>
    <t xml:space="preserve">太原哪家口腔医院比较好？ </t>
  </si>
  <si>
    <t>太原建南车站那边有个口腔专科医院，挺不错的，名字好像是  众牙口腔医院，具体情况的话还得本人去看啊</t>
  </si>
  <si>
    <t xml:space="preserve">QQ聊天弹出记录的快捷键是哪个就是打开聊天框的时候想看历史聊天记 </t>
  </si>
  <si>
    <t>Alt+H： 查看聊天记录。</t>
  </si>
  <si>
    <t xml:space="preserve">高兴了就笑,伤心了就哭,这样好吗? </t>
  </si>
  <si>
    <t>无所谓好不好，只是你愿意付出和接受多少。有人喜欢性情中人，如你，想什么就来什么；也有人受不了，认为你还是小孩子，不够稳重。你愿意委屈一点自己的个性，让自己和别人交流起来开心点就改改，不愿意由着性子来也就随意。个性和交往的平衡点自己去把握，你从体验里得出的东西永远比从别人口里得到的要深刻、宽广得多。</t>
  </si>
  <si>
    <t xml:space="preserve">关于木的加点问题各位哥哥姐姐我是个新手，我想问一下高手体木是加３ </t>
  </si>
  <si>
    <t>对于体木来说。前期最好是三体一敏。木一般比较慢。如果比怪慢就不好了。所以前期一般是三体一敏加点的。但是到了后期。一般人都会追求极品木。即全体。原因：木本来就比别人慢，别人又不能一下秒死你，所以用洗点药，洗成全体，追求极限。体木相性。木相满、水相</t>
  </si>
  <si>
    <t xml:space="preserve">你信基督还是信佛，说说理由 </t>
  </si>
  <si>
    <t>都是精神寄托,人说到底,也是为一种精神而活着,现在吃得饱了,倒特怀念高中时天天饿肚子的日子,肚子饿,但心不烦</t>
  </si>
  <si>
    <t xml:space="preserve">谁帮我看看我爸的膝盖是怎么了？谁能帮我看看我爸的膝盖是怎么了？我 </t>
  </si>
  <si>
    <t>可能是关节里面的问题，，去骨科看看，做个手术应该可以好转。。</t>
  </si>
  <si>
    <t xml:space="preserve">电脑的难度问题请问中等的比低等的，高级的比中等的各强在哪里啊？谢 </t>
  </si>
  <si>
    <t xml:space="preserve">先说我观察到的:简单的电脑只出一个英雄,而且英雄练级很慢采集资源也是中等采集资源速度是低级的2倍 ,高级的是低级的4倍(也就是20点)中等电脑出2个英雄MF比低级快发狂电脑出3个英雄,MF狂人,资源还是完家的2倍.一般发狂的会很快来攻击你,而简单的电脑要在家憋兵总而言之,不管简单的还是发狂的,电脑都很白痴,跟他们打没什么长进,不过要有乐趣的话,玩玩也不错,给你个AI补丁,加上后怪就聪明多了地址 </t>
  </si>
  <si>
    <t xml:space="preserve">合金投资的最新资讯?哪个媒体介绍合金投资最新信息? </t>
  </si>
  <si>
    <t>财经信息网都有，看看CFI.COM.CN吧。</t>
  </si>
  <si>
    <t xml:space="preserve">中国制造与经济社会的相通之路在哪？如今的商品琳琅满目，但是所选商 </t>
  </si>
  <si>
    <t>这里是需求问题还有资源利用问题和产品消化问题，也就是，宏观经济问题，就现在的情况看，中国现有体制，早晚还得回到以前的供应体制上去。如果浪费过于严重，还有，产品积压过于严重没有需求关系的话，还得需要特别的供给社会制度以消化某些产品。也就是，国家政府采购的方式。供给配给消化产品的方式。同时，调节资源结构，和相关的制度。减少不良资源和资金组合的方式。</t>
  </si>
  <si>
    <t xml:space="preserve">为什么男人那么花心我喜欢的哪个男人总是见一个爱一个 </t>
  </si>
  <si>
    <t>那看你适不适合他，如果他适合你，他无论走到多远，都会回到你身边。你大可不必时时守着他，如果他回不到你身边了，那就放手。做你真实的自己好了，不要去刻意改变自己，一切顺其自然。</t>
  </si>
  <si>
    <t xml:space="preserve">马铠任务不接，能直接使用马铠吗？如果90级不接马铠任务，到了10 </t>
  </si>
  <si>
    <t xml:space="preserve">  可以直接购买或自己 打造!      古墓和采集区一样乱的很!                                     </t>
  </si>
  <si>
    <t xml:space="preserve">疾风和反击问题本人想买只疾风或者反击SLM，不知道哪个好，这宠练 </t>
  </si>
  <si>
    <t>这两宠都不错的 .但个人认为疾风好，反击虽然命中有+20反击+60不过敏确实够低的，30命中的改TL都摸不到人了，其他更不用说。。。 疾风+30必杀，+30命中，而且血敏成长不错，虽然攻是少，不过出必杀也不可小视。又可当护卫宠.</t>
  </si>
  <si>
    <t xml:space="preserve">面临工作问题人力资源具体是指什么啊?我刚出门完全不懂，不知道该不 </t>
  </si>
  <si>
    <t>1、“人力资源”指的是一个部门一个单位或者一个企业所拥有的员工总数、人才自然构成和专业构成。2、人力资源管理是经济管理的一个专业分支，具体由人力资源规划、组织设计和岗位评价、人力成本核算、职业生涯、招聘、培训、绩效管理、薪酬福利、劳动关系、保险档案等十大模块（工作）组成，后面六个为常用模块。3、人力资源部门需要你去工作？是好事嘛！人力资源是一项专业工作，不会可以学，只要肯下功夫。</t>
  </si>
  <si>
    <t xml:space="preserve">土系怎么加点谢谢 </t>
  </si>
  <si>
    <t>3力1敏，有时候可以适当加体！相形点全加土</t>
  </si>
  <si>
    <t xml:space="preserve">数学问题,请高手帮忙,非则勿进1 </t>
  </si>
  <si>
    <t>从小到大试。1，2，3不行   2，3，4行  3，4，5不行，为直角三角形，再增加为钝角三角形。所以为2，3，4</t>
  </si>
  <si>
    <t xml:space="preserve">95猛的升级路？我目前在邢马台西，带了个加336血的女兵，怎么才 </t>
  </si>
  <si>
    <t>组队必须是差不多级别的经验才会更多,现在合服了,经验当然少了啊!我95的时候不敢去西边,还是在那个什么岛上过日子的,理由是我不带女伶,带了碎刺伤心得,合之前差不多50万/小时,如今22.如果团里有差不多的人一起升级,设置固定组会好点!</t>
  </si>
  <si>
    <t xml:space="preserve">谁知道能治风湿的最好办法· </t>
  </si>
  <si>
    <t>风湿性疾病是一类侵犯多种组织多系统和内脏器官的自身免疫性疾病。程度不同的免疫性炎症反应，可致成各种组织和器官损伤，严重影响其正常功能。甚至造成致命性损害。此外，大多数风湿性疾病都有关节症状；每个病人，同一种疾病，不同病程都有其特殊性。应该仔细评价，以制订出其个人的治疗计划。治疗目标应包括缓解症状，改善病情，恢复功能，提高质量，尽可能延续患者的生命。由于大部分风湿性疾病目前还不能根治，因此要争取病人的合作，长期坚持治疗。治疗的方法包括药物，理疗，休息及锻练，矫形及手术。要教育病人了解自己的病情，配合治疗。以下仅就治疗风湿性疾病的药物进行讨论。药物治疗治疗风湿性疾病的药物可分为如下几类：1. 非甾类抗炎药(NSAIDs)：此类药物的作用，主要为解热，消炎和镇痛，而达到减轻炎症反应和目的。最早为阿司匹林(乙酰水杨酸)至今仍为治疗急性风湿热及风湿性关节炎的有效药物。后来生产出各种水杨酸类药物，常用的有布洛芬，双氯芬酸，吲哚美辛，吡罗昔康，萘普生等，但各种药物的药代动力学及不良反应各不相同，主要对胃肠，肾，肝和血液系统，使用时一定要注意剂量，用法，副作用等。2. 肾上腺皮质激素：主要是指糖皮质激素，因为这类药物有抗炎和免疫抑制作用，有较强和快速的消除炎症及炎症反应带来的各种症状，如发热，关节肿胀和疼痛。所以对各种风湿性疾病，常被用为第一线药物。临床上应用的有短效，中效和长效等制剂。用法有口服，肌肉或关节腔内注射，静脉注射，可根据病种，病情作不同的选择。但由于其并非根治药物，长期大量使用可诱发感染，骨质疏松，股骨头坏死，糖尿病，消化性溃疡，高血压，精神异常等；且如停药过快易产生病情反跳现象，故应注意根据病种和病情，调节使用药物的种类和剂量。除重症患者外，原则上以小剂量，短疗程为宜。3. 改善病情的抗风湿药物(DMARDs)又称为慢作用抗风湿药物。此类药物包括许多种类结构不同，作用各异的药物。它们的共性是起效比较慢，有一定蓄积作用，故停药后，作用消失也较慢，仍可维持一段时间。它们并无直接消炎止痛作用，但通过不同的机制可以起到抗炎及免疫或免疫抑制作用。因而，也可以改善关节肿胀，疼痛，僵直和减轻系统性症状，降低急性期反应蛋白，血沉。如使用时间较长，也可改善其他免疫指标，如RF，ANA等。有的尚可使放射影像得到改善。DMARDs类的药物包括有抗疟药-氯喹、羟氯喹，柳氮磺胺吡啶，甲氨蝶呤，硫唑嘌呤，环磷酰氨，青霉胺，金制剂，环孢素A及来氟米特。以上各种药物对人体重要的脏器(肝，肾，膀胱，肺，胃肠，生殖腺)和组织(骨髓)各有不同的毒性作用，应注意适应症的选择。4. 其它：其它治疗包括雷公藤多甙、帕夫林、云克等。(1) 云克：抑制前列腺素合成，抑制胶原酶的活性，防止软骨分解和破坏，抑制破骨细胞。可消炎，镇痛。(2) 雷公藤总甙：抑制T、B细胞增殖，抑制T-细胞产生IL-2及B-细胞产生免疫球蛋白。抑制前列腺素产生。有较强的抗炎和免疫抑制作用。其他措施风湿病患者，除药物治疗外，对血中有很多循环免疫复合物，有高免疫球蛋白，可选用免疫吸附及血浆清除疗法；去除血浆中的免疫复合物和过高的免疫球蛋白，RF，等。如免疫活性淋巴细胞过多，还可采用单个核细胞清除疗法。从而改善T，B细胞及巨噬细胞和自然杀伤细胞功能，降低血液粘滞度，疏通微循环，可以达到改善症状的目的。手术治疗类风湿关节炎患者，早期可作滑膜切除术，晚期可作关节置换术，或肌腱修复或转移术。改善患者生活质量。你好，常见的风湿病什么治疗方法浏览：113|更新：2013-05-26 16:33　　风湿病反复发作，难以治疗，给患者的日常代来了极大的痛苦，那么常见的风湿病什么治疗方法吗?　　一、手术：急性关节炎严重疼痛，局部有渗液时可抽降渗液，持续性滑膜炎可考虑行滑膜切除术。肌腱破裂及神经受压迫者应考虑手术治疗。后期关节畸形及严重障碍者也可手术治疗、截骨术、人工关节置换术及伸侧肌腱重建术等。缺点：手术治疗并不能从根本上解决问题，它只能在一定的程度上缓解患者的病情。而手术费用昂贵，风险大，复发率高，可引起其它并发症等等。您是否做过手术治疗，并且对你目前的生活造成了一定程度的不便?　　二、理疗：局部热疗、热水浴、温泉浴、蒸发疗法风湿及石蜡疗法等均可使疼痛减轻晨僵消失，病人感到舒适。急性渗出病变可用冷敷来减轻疼痛。红外线、超短波或短波透热疗法等也可增加局部血循环，促使炎症及肿胀消退，疼痛减轻，并以增强药物对局部的作用，缺点：此方法只能缓解疼痛，因此仅作为辅助疗法　　三、止痛西药治疗：只能止痛，不能治痛，长期服用易产生依赖性和毒副作用，类风湿性关节炎患者刚开始的时候都会使用这种方法治疗类风湿性关节炎。缺点：这种方法治疗风湿类风湿性关节炎对人体的肾脏影响太大，不建议使用这种方法治疗风湿性关节炎。这些疗法虽然能够快速缓解病情，但是并且没有根治，时间一久会有抗药性、依赖及副作用。【如果解决了您的问题请设为好评哈^^】</t>
  </si>
  <si>
    <t xml:space="preserve">问个暗精初期的怪异匕首任务的问题问个暗精初期的得到怪异匕首的问题 </t>
  </si>
  <si>
    <t>在祭坛的 右边 看见有任务怪字样的兽人 你若是11几话 最好让一个厉害点的人带你 因为那里有蜘蛛 13 4几的怪 你大他挺费劲的！！还有任务怪可以让别人帮你大  但切记最后一下必须是你大的 否则不给你任务道局</t>
  </si>
  <si>
    <t xml:space="preserve">眼干眼痒怎么办 </t>
  </si>
  <si>
    <t>患有干眼症可吃些维生素A ,菊花里含有丰富的维生素A,是维护眼睛健康的重要物质,因此,也是中医治疗各种眼疾的良药.菊花茶能让人头脑清醒,双目明亮,特别对肝火旺,用眼过度导致的双眼干涩有较好的疗效.经常觉得眼睛干涩的人,尤其是常使用电脑的人,不妨多喝些菊花茶,也可吃些杞菊地黄丸.</t>
  </si>
  <si>
    <t xml:space="preserve">济南新托福培训是新航道的那个kaplan100分保分班比较好？还? </t>
  </si>
  <si>
    <t>新东方没上过……我是上了新航道的然后直接去考的，个人觉的那里的老师主要还是让你快速熟悉考试，再教你一些应试技巧和复习方法，再带着你做少量的一点题目。主要的复习还是要靠自己，不要指望上了一些这种课自己就什么也不用做直接考试去拉～（除非你是牛人中滴牛人^^）不过他们那里发的书都是必须的也很不错的时间长短的话要看你自己的准备时间了，不过基础不是太差的话尽量半年里解决吧，很多牛人是几周就解决了的……</t>
  </si>
  <si>
    <t xml:space="preserve">怎么查看能知道自己有多少Q币和银币?我获得了5Q币,怎么才能查看 </t>
  </si>
  <si>
    <t>点击头像旁边“小秘书”旁的一个小金袋，就可以可以查看自己的账户里有多少Q币了，而且还能进行充值（一般我都是在这里充值的，因为其他地方的链接往往有陷阱，比如给你多久的会员，就从你的账户里扣走一些Q笔币等）。</t>
  </si>
  <si>
    <t xml:space="preserve">结节性多动脉炎要注意什么 </t>
  </si>
  <si>
    <t>病情分析：你好，结节性多动脉炎是一种累及中、小动脉全层的炎症和坏死性血管炎，随受累动脉的部位不同，临床表现多样。主要原因是过敏因素和免疫复合物指导意见：你好，虽然有的时候表现为皮肤损伤，因为是血管的病变，建议去正规医院的血管外科就诊。</t>
  </si>
  <si>
    <t xml:space="preserve">练俞迦和太极拳那个好 </t>
  </si>
  <si>
    <t>俞迦是印度的一个古老练功法，太极拳是中国的一个古老拳术，俞迦主要是练习吐纳，调节人筯骨的柔软，太极拳是强身健体的，男女老少都适宜，不分场地都能练。综合来说，我认为还是太极拳好。</t>
  </si>
  <si>
    <t xml:space="preserve">远征最好的VIP钻石礼包卡免费领取 </t>
  </si>
  <si>
    <t xml:space="preserve">这里有最好的最新的，奖励最高的，去领吧。玩的开心最重要 </t>
  </si>
  <si>
    <t xml:space="preserve">我是什么？哈哈！！ </t>
  </si>
  <si>
    <t>你是白痴！</t>
  </si>
  <si>
    <t xml:space="preserve">中国移动充值卡的问题有哪几种种类？100元，50元还有吗？都能几 </t>
  </si>
  <si>
    <t>手机的冲值卡的面值从小到大排列依次有：20元、30元、50元、100元、500元的。话费的有效期分别是20元——30天30元——30天50元——60天100元——180天500元——360天</t>
  </si>
  <si>
    <t xml:space="preserve">ThinkPad怎样切换双显卡？预装的VISTA </t>
  </si>
  <si>
    <t xml:space="preserve">我简单说明一下：    1、BIOS的设置。无需任何改动，保留BIOS出厂默认设置即可，即Integrated ：Switchable,OS Discoverable： Enabled。    2、在Lenovo官方网站下载最新的驱动：     3、在Lenovo官方网站下载最新的电源管理驱动(2.33版本)：     4、如果重启之后电源管理驱动程序打不开，报错，很可能是Microsoft .NET Framework版本较旧的原因，安装Microsoft .NET Framework 3.0/3.5即可。    5、看到任务栏上的电源指示图标。单击电源指示图标，即可看到最下一行的显卡切换功能(Switchable Graphics)，其中Energy Saving指集成显卡，而High Performance则指ATI Mobility Radeon 3470/3650，当前显卡则在左边有一个黑点指示。    6、点击要切换的显卡。    7、确认切换显卡的提示，屏幕会黑屏1-2秒的样子，这时候显卡切换就完成了。可以看到任务栏上的ATI显卡与集成显卡的图标也切换过来了。查看显卡属性，也可以得到印证。    切换显卡之后，显示属性比如颜色校正等都有保存，不会因为切换而丢失。    显卡切换功能其实并不复杂，目前只支持Windows Vista和Widnows Server 2008，包括32位及64位均支持，而Windows XP则尚未支持，至于以后会不会支持，目前尚无说法。    这过程中倒是可能产生一个比较有趣的问题，就是如果集成显卡或独立显卡其中一个失效的话，另外一个显卡能不能保证系统正常工作呢？这个问题可能不会这么快有答案了。详情请参阅： </t>
  </si>
  <si>
    <t xml:space="preserve">试述国际目标市场战略及其优缺点如题，希望详细一点，考试用的 </t>
  </si>
  <si>
    <t>目前海外并购和海外上市成为进年来企业的国际目标市场战略的主要方式；有以下几种战略方式：1，资本运作。购并外国企业、接受国外投资或投资入股国外企业，直接获得生产工厂、外国品牌许可或销售渠道（案例：“联想”购并IBM笔记本业务、TCL入股汤姆逊、法国SEB控股苏泊尔）2，经营联盟。与外国企业的战略联盟或技术、生产、市场经营方面的紧密合作（案例：格兰仕OEM贴牌战略、奥康鞋业与意大利GEOX合作 ）3，自主经营。创建外国工厂或组建自己的外国营销公司、开发自己的销售渠道，直接经营自己的品牌（案例：海尔美国设厂及建立纽约营销中心，海信匈牙利建厂并设立德国营销公司，阿里巴巴日内瓦欧洲中心、华为苏黎世服务中心等）三种战略都各有利弊，根据每个企业的情况来选择和实践各自的市场战略方法。例如联想它就不适合自己直接到国外来推销笔记本，因为建立国际营销、国际品牌形象、培养营销管理人员等是非常费钱费力费时间的庞大工程，那么不如购买现成的国际品牌利用它原有的渠道来推广自己的产品，这个市场战略可能会比较现实和经济。而华为不同，主要做的是外包业务的项目经营，以技术服务性产品为主，不是一个具体的产品在商店里售卖，所需的渠道、推广、工作方法都与联想相差十万八千里，只能直接派驻技术团队到海外承包工程项目，他们去购买一个国际品牌是没有什么意义的。</t>
  </si>
  <si>
    <t xml:space="preserve">淋巴结问题，该怎么办？在颈部侧面最近长出一个小疙瘩，前几天还摸不 </t>
  </si>
  <si>
    <t>局部炎症如口腔内扁桃体炎、牙周炎、脂溢性皮炎、中耳炎等均会引起下颌、耳后淋巴结肿大。肿大的淋巴结质地较软、活动度好，一般可随炎症的消失而逐渐恢复正常.恶性肿瘤淋巴瘤淋巴结肿大以颈部多见。淋巴瘤是原发于淋巴结或淋巴组织的肿瘤。白血病的淋巴结肿大是全身性的，但以颈部、腋下、腹股沟部最明显。除淋巴结肿大外，病人还有贫血、持续发热，血液、骨髓中会出现大量幼稚细胞等表现.所以建议你去专科医院好好检查一下.</t>
  </si>
  <si>
    <t xml:space="preserve">极醒玉和觉醒玉的区别 </t>
  </si>
  <si>
    <t>觉醒玉：初始未觉醒状态，无加成发动无双觉醒后，体力和防御值各提高50，攻击、破坏、无双、移动力、跳跃力提高25。极醒玉：初始未觉醒状态，角色攻击、破坏、防御、体力、无双提高10发动无双觉醒后，体力和防御值各提高80，攻击、破坏、无双、移动力、跳跃力提高40。</t>
  </si>
  <si>
    <t xml:space="preserve">英语大作文写的是怎么对待流行文化，加上点传统文化会跑题吗？ </t>
  </si>
  <si>
    <t>可以的。</t>
  </si>
  <si>
    <t xml:space="preserve">关于ATI显卡视频输出到电视的问题请教各位大大一个问题：我家的电 </t>
  </si>
  <si>
    <t>这不是设置的问题，而是配件，必须是有源信号才可以，可以在市场上花150左右买一个DVI-I转YPbPr的转换器，就行了。</t>
  </si>
  <si>
    <t xml:space="preserve">我要充电谁给给建议我拥有会计从业资格证，是中专学历，拥有工作经验 </t>
  </si>
  <si>
    <t>报考成人高考会计专业要考语文、数学、英语、政治，报名时间查找一下当地报名时间，一般是10月份考试。报考会计职称，每年的10或11月份报名，来年的5月份考试。报考助理会计师（初级职称）中专学历就可以，但报考中级职称需要大专学历，工作年限满五年。</t>
  </si>
  <si>
    <t xml:space="preserve">一道定义判断受贿罪：是指国家工作人员利用职务上的便利，索取他人财 </t>
  </si>
  <si>
    <t>我见过这道题答案选A，打死我也不信。如果受贿者为行贿者提升职务或者迁移户口是受贿罪的构成要件，也就是说没有为行贿者提升职务或者迁移户口就不构成受贿罪，那受贿罪的定义不是太小了</t>
  </si>
  <si>
    <t xml:space="preserve">日常生活中女性应如何预防月经不调？ </t>
  </si>
  <si>
    <t>1、减缓工作中的压力，让心情放松。2、远离电磁波和噪声。3、切勿滥用药物，不吸烟，不要盲目减肥。4、改善不良的生活习惯、环境因素和精神因素，以免影响到性腺轴而引起月经不调。5、经常参加锻炼，如游泳、跑步、快走、有氧操等，因为运动可以增强体质、保持体形，还可以缓解精神压力。6、平时注意饮食的均衡和多样化。7、注意保暖，尤其是在经期，应避免淋雨、涉水、游泳、吃冷饮等。</t>
  </si>
  <si>
    <t xml:space="preserve">如何更换三星9300外屏视频 </t>
  </si>
  <si>
    <t>9300的外屏要用专业设备才能取下来，请到维修站请师傅处理；如果您说的是更换锁屏的图片和动态画面请设置显示和锁屏选项。你是要这个更换屏幕的视频的话，可以到优酷里搜9300更换外屏，（希望能帮助到你，麻烦点击“好评”，谢谢你的支持！）</t>
  </si>
  <si>
    <t xml:space="preserve">"走***"成语走字开头的成语 </t>
  </si>
  <si>
    <t>走壁飞檐谓武功高强，能在建筑物上行走如飞走骨行尸同“走肉行尸”走胡走越汉高祖欲拿项羽旧将季布，硃家因汝阴侯滕公劝高祖曰：“臣各为其主用，季布为项籍用，职耳。项氏臣可尽诛邪？今上始得天下，独以己之私怨求一人，何示天下之不广也！且以季布之贤而汉求之急如此，此不北走胡即南走越耳。夫忌壮士以资敌国，此伍子胥所以鞭荆平王之墓也。君何不从容为上言邪？”见《·季布栾布列传》。后因以“走胡走越”谓智能之士被迫逃亡，而为敌国所用走?写?见“走?蟹甚?走?蟹甚?指欢宴?骋?小Ⅴ破?走马到任同“走马上任”走马赴任同“走马上任”走马观花见“走马看花”走马看花①唐孟郊《登科後》诗：“昔日龌龊不足花，今朝放荡思无涯。春风得意马蹄疾，一日看尽长安讠夸。”后因以“走马看花”形容得意、愉快的心情。②亦作“走马观花”。比喻匆忙和粗浅地了解事物走马上任指新委官员急速到任。后亦泛指接任新职走南闯北谓到处闯荡，有阅历走肉行尸比喻徒具形骸，没有灵魂的人走身无路犹言走投无路走石飞沙石头滚动，沙子飞扬。形容风势狂暴猛烈走头没路同“走投无路”走头无路同“走投无路”走投没路同“走投无路”走投无计犹言走投无路走投无路无路可走。比喻陷入绝境，没有出路走丸逆坂喻所求与所行相悖，难以如愿走为上策见“走为上计”走为上计谓遇到强敌或陷于困境时，以离开回避为最好的策略。语本《南齐书·王敬则传》：“檀公三十六策，走是上计。”走为上着见“走为上计”走蚓惊蛇形容矫健迅捷的笔势</t>
  </si>
  <si>
    <t xml:space="preserve">为什么要上学？ </t>
  </si>
  <si>
    <t xml:space="preserve">  好傻的一个问题啊。结果偏偏被我遇到了， 现在这个社会就是知识改变命运啊。如果不到老师那去学知识。社会将会落后啊，现在这个社会就是知识的社会啊。什么都要用到知识方面的问题，所以上学也是为了以后能更好的生活啊， 知识改变命运啊。知识就是人最宝贵的生命，</t>
  </si>
  <si>
    <t xml:space="preserve">求医总是偏头痛怎么办啊? </t>
  </si>
  <si>
    <t>请试试下列方法来减轻头痛的症状。 家庭治疗措施 ●尽可能多休息 可能的话，找一个安静幽暗的房间躺下来睡一觉，但避免睡过多，以免睡醒后，反而出现头痛。小睡片刻或许可以消除头痛，但若你没有头痛时，则最好不要小睡。 ●平躺着睡 睡眠姿势怪异或趴着睡(腹朝下)，皆会收缩颈部肌肉，进而引发头痛。而平躺的睡姿有益。同样地，当你站立或静坐时，身体勿向前倾斜，也勿使头扭向某个方向。 ●冷敷与热敷 有些人喜欢在额头及颈部冷敷，这方法对许多人有效；而另一些人则偏好热敷颈部或洗热水澡。当头痛发作时你可以用热敷或冷敷袋覆盖额头，并按摩太阳穴的血管以减轻头痛。 ●作脸部操 下面介绍的7种柔软操，是专为脸部及头皮设计的，它们町以帮助你松弛这些部位的肌肉，并使你在初见头痛的征兆时，采取控制行动。 扬眉：同时将两边的眉毛抬起，再放下。 眯眼：快速地眯上双眼，再放松。接着，用力眯右眼，放松。接着，眯左眼，放松。 皱眉：用力地挤眉，放松。 张嘴：慢慢地将嘴巴张到最开，再慢慢闭上。 移动下颚：嘴巴微张，左右地移动下颚。 皱鼻：用力将鼻子向上挤，像闻到恶臭一样。 扮鬼脸：随兴地作鬼脸，像小时候一样。别担心，你的脸不会就此变形。 ●深呼吸 深呼吸是缓解紧张的好方法。当你的胃部的起伏比胸腔还明显时，表示你的作法很正确。 ●按压穴位 研究发现，穴位及脊柱按摩较常规药物治疗副作用更少，且疗效持续时间更长。有几个主要的止痛穴位，一是在拇指与食指相连的虎口部位的合谷穴和鼻子两侧颧骨底部的巨瞥穴(按压至酸疼为止)，它们有助于缓解窦性头痛；另一个是头顶的百合穴，它对血管搏动性的头痛非常有效；对于偏头痛而言，按压悬颅穴(亦即俗称的太阳穴部位)最为有效。 ●戴头带 在头上绑一绷带，可减少流向头皮的血液，因而减轻偏头痛。 ●适量服用阿司匹林 对于一个月发生一、二次的头痛，阿司匹林或其他常见的消炎药可派上用场。但过度使用这类药物，将引起更多疼痛。同时，若你决定使用阿司匹林治头痛，应在头痛一开始时，就立即服用，否则效果不彰。 ●加服维生察c 高海拔处会引发头痛。此时，服用阿司匹林时加服维生素c有益。当你要到高海拔处旅行，应在出发前一天及旅途中，每天服用3000-5000毫克维生素C，以及两粒阿司匹林。但服用前应先请教医师。服用任何高剂量的维生素之前，应得到医师许可。 ●避免密集性偏头痛的方法 这种头痛影响的90％是男性。不幸地，密集性偏头痛有复发的倾向。密集性偏头痛可能连续数周每天都发作，有时甚至持续数个月。其发生原因未知，但可能和荷尔蒙或遗传有关。目前，有人正研究睾丸酮(男性荷尔蒙)与密集性偏头痛的可能关联。同时，医生们也注意到一个共同现象，即患密集性偏头痛的男性，往往都有烟瘾。因此，最好快戒烟，至少也应减少用量。而且勿小睡。如此一来，或许可以正式告别密集性偏头痛。 ●勿擦香水 浓烈的香水会刺激你的神经，可能引发偏头痛。 ●勿用力过猛 有一种情形也许是你不曾想到的，信不信由你，当你没有头痛，且气氛颇佳时，性交可能会引发头痛，这是属于用力型的头痛。有偏头痛的人比仅是紧张性头痛的患者，更容易发生这种情形。 ●保护眼睛 刺眼的光线，例如阳光、镁光灯、电视银幕等，会使你眯眼，产生眼睛疲劳，最后引发头痛。当你要外出时，记得戴太阳眼镜。如果你在电脑前工作，记得休息片刻。 ●少喝酒 畅饮一回，或许无大碍，但饮酒过度可就不妙了。烈酒里也含有干酪胺。 ●培养幽默感 如果你经常把事情看得很严重，你可能常扳脸皱眉，满脑门都是烦恼，这也难怪你常患头痛。应学习放松自己，看淡周围事物。 营养与饮食疗法 ●准时用餐 省略或延迟用餐皆可能引起头痛。错过一餐，会引起肌肉紧绷，而当血糖因缺乏食物而降低时，脑部的血管会收缩，，当你再度进食时，会使这些血管扩张进而引发头痛。 ●注意咖啡因的用量 假使你每天服用大量的咖啡因，你的血管将扩张，可能促成头痛。因此，最好限制每天最多喝两杯咖啡。 ●少吃盐 有些人摄取高量的盐会引发偏头痛。 ●拒绝巧克力 吃巧克力不仅易发胖，它也含有干酪胺，这是引起头痛的主要可疑物。幸好许多年轻人对此化学反应已具有耐受性。 另外，核果及陈年的干酪也含有干酪胺，应避免。 ●多吃曾淀粉质的食物 多吃含淀粉质的食物，像米饭、马铃薯、饼干或面包。虽然小麦食品是造成某些人偏头痛的问题食物，但如果你可以忍受这类食物，它们可能反而有帮助。有些人发现当他们有偏头痛的时候，多吃吐司、饼干、面食、马铃薯或其他富含淀粉的食物，反而会减轻头痛或恶心的症状，甚至缩短头痛的时间。多多尝试各式各样的淀粉食品，经验会告诉你这些食物是否有效。 ●避免食用会弓I起头痛的食物 近年的研究可以让我们更精确地辨认哪些食物有问题或具有疗效。首先预防是最好的治疗，让我们先找出那些会造成偏头痛的食物，以便能避开这些食物。 ●不会引发疼痛的食物 不会引发疼痛的食物事实上也不会导致头痛或其他令人痛苦的情况。这些食物包括：糙米、煮过的水果或水果干：樱桃、杨梅、梨、梅子(但柑橘类水果、苹果、香蕉、桃子或番茄例外)煮过的绿色、黄色和橙色蔬菜：朝鲜蓟、芦笋、青花菜、甜菜、绿色叶菜类、生菜类、菠菜、豆荚、节瓜、树薯粉以及芋头。 水：自来水、矿泉水或经过碳酸处理的水。而某些饮料，甚至是药草茶，都可能导致偏头痛。调味品：少量的盐、糖浆以及香草精等。 ●常见的问日食物 常见的问题食物通常很容易让抵抗力弱的人产生头痛。你可能想都想不到会是哪些食物。就好像一些会令你皮肤起红疹过敏的食物一样，也有一些食物会让偏头痛患者体内的血管或神经起变化。以下是常见引起偏头痛的食物，依重要性排列： 乳制品(包括脱脂或全脂牛奶、羊奶、乳酪、优酪乳等等)、巧克力、鸡蛋、柑橘类水果、肉类(包括牛肉、猪肉、鸡肉、火鸡肉、鱼肉等等)、小麦(精制的面包、面食)、核果类和花生、番茄、洋葱、玉米、苹果、香蕉。 某些饮料和添加物也是最糟糕的问题食物之一，包括含酒精的饮料(特别是红葡萄酒)、含咖啡因的饮料(咖啡、茶和可乐)、谷氨酸钠、代糖和亚硝酸盐。 ●进行两周的饮食调整实验 治疗偏头痛的第一个步骤，就是检验头痛是否是因某种常见的问题食物引起的。检验的办法就是避吃这些东西，然后同时在你的日常饮食中大量增加安全食物，看看偏头痛还会不会发作。如果还是会发作，请记录发作的频率。 以下是饮食调整的方法。建议时间控制在两星期之内： 1，大量食用安全食物名单上的食物。 2．完全避开常见的问题食物。 3．不在这两种食物名单上的食物，可放心食用。 如果你改变饮食之后偏头痛就消失或发作次数减少，一定要抗拒开一瓶红酒或吃一片匹萨以示庆祝的诱惑，下一步就是确认到底哪些食物是你的问题食物。方法是将前次删除的食物，每隔两天选一样加回你的饮食当中，看看是否有任何症状出现。从问题食物名单的最后一项开始(香蕉)，然后一直往前到最麻烦的食物，其中你本来就不喜欢的食物，当然可以跳过不吃。如果行有余力，还可以检验常见问题食物中的饮料和添加物是否也是你的问题食物。 同时，你可以大量食用每一种新加回的食物，这样就会知道这种食物是否会造成头痛。如果不会造成问题，这种食物就能保留在你的饮食中，而任何会造成头痛的食物都应从你的饮食中删除。经过一到二个星期，再试一次可疑的食物，以便再次确认。你的饮食应保持简单，如此每一次加进一种新食物时，才容易察觉它的效果。 ●克服经期镐头痛的方法 雌激素的高低变化可能使你容易感到头痛。这就是为什么偏头痛常在青春期之后开始，在停经后消失；发生在女人身上的几率是男人的三倍以上，而且在怀孕期间会突然消失，因为那个时期雌激素的影响力刚好被黄体酮所取代。 食物可以改善雌激素不稳定的现象。如果你能避开动物性脂肪，又能尽量少食用蔬菜油，你的体内就会减少雌激素。高铁食物能更容易帮你消除体内过多的雌激素。 ●利用食物对抗经期镐头痛 在你能力所及的范围内，最好尽量利用天然的食物来治疗偏头痛、均衡荷尔蒙分泌，这样不会产生副作用。以下是一些利用食物治疗偏头痛的原则： 1．尽量食用不会引起疼痛的食物，例如糙米：煮过的蔬菜类，像青花菜、青菜、菠菜和甜菜；煮食非柑橘类的水果干。 2．完全避开一般常见的问题食物。如果你的偏头痛病情减轻或停止了，你可以再回头来试吃问题食物，一次尝试一种，以鉴定它们的影响。 3．如果前面两个步骤仍未能消除你的偏头痛，淘汰式食谱可以帮你找出敏感食物。 4．避免动物性食物、尽量少吃蔬菜油，以降低荷尔蒙的起伏变化；多吃含有天然纤维的谷类、豆类、蔬菜和水果。 ●服用钙片 钙质不但能治疗也能预防偏头痛。研究报告指出，有一名妇女因为吃下1200到1600毫克的元素钙，因而遏止了才刚发作的偏头痛。不过，还是要避免从牛奶、酪乳或其他动物性食品摄取钙质，否则弊多于利。 ●少量多餐 少量多餐可以稳定血糖浓度，以免引发偏头痛。饮食中应包含杏仁果、杏仁奶、水田芥、香芹、茴香、蒜头、樱桃、风梨。请见第四章的低血糖症，并参考其饮食指南。 ●补充营养察 ① 镁 研究显示，镁能够对付偏头痛。如果你的饮食中有大量的镁，偏头痛出现的几率一定很低。情绪上的压力会造成偏头痛的原因之一，可能就是它会耗尽你体内的镁。研究人员发现，每天除了从食物中摄取的镁之外，再加200毫克的镁补充剂，就能帮你预防偏头痛。 镁对妇女经前头痛特别有效，通常配合50至100毫克的维生素B6一起服用。 如果每天服用这项组合，对于治疗经前头痛非常有效，但也可以只在月经快来时前五天吃。我们还可以从食物中获取镁，含有丰富镁素的食物包括全麦类(含天然完整纤维的谷类)，稻米、大麦和燕麦；非柑橘类水果干，如无花果；绿色蔬菜，特别是青花菜、菠菜。这些都是不会引起疼痛的安全食物。 ②钙和维生素D 钙和维生素D也能用来预防偏头痛。你可以吃补充剂，但最好的钙质来源还是绿色叶菜类和豆荚类。如果服用营养补充剂的话，一天可以吃1000到2000毫克的元素钙。 人体吸收食物中钙质的能力与维生素D有关，而维生素D是皮肤在阳光下曝晒时自然形成。只要每天照射十分钟的阳光，所产生的维生素D已经足够身体所需。如果服用维生素D补充剂，适当的剂量是一天200IU(五微克)。研究上预防偏头痛的分量是每一星期50000IU，远超过一般的安全建议量，所以应该在医师指导下才可服用这么高的剂量。同时应避开动物性蛋白、咖啡、烟草和多余的钠和糖，以防止钙质流失。经常定期的运动也可以帮忙你保住骨骼内的钙质。 ③葡萄糖酸 每次服用1片，含于口中溶解，每天2次。可以改善脑的氧和作用。 ④ 烟碱硫胺加烟16素(B3) 每次各服用800和200毫克，每天3次。它们可以改善脑部的血液循环。 ⑤ 芸香素 每天200毫克。它可以帮助除去可能造成偏头痛的有毒金屑。 ⑥ 黄体酮 黄体酮是一种天然非处方药的荷尔蒙，能协助人体抑制荷尔蒙发生剧烈变化，它能帮助妇女消除偏头痛，至少对那些月经来潮前后常有偏头痛的妇女相当有效。 天然黄体酮来自于野生山药(wild yams)，要治疗偏头痛，可使用一种非处方药的外用式黄体酮乳液，如Pro—Gest，在你经期来临之前的十天，每天在皮肤上薄薄抹上一层，大约用掉1-2盎司。 ⑦ 泛酸(B5)或蜂王乳(天然的) 每次100毫克，每天2次。蜂王乳富含泛酸。帮助肾上肾应付紧张的状况。 中草药疗法 ●试试下列药用植物 ① 驱热菊 每天服用2．50毫克或2～3片新鲜叶子。 ② 小白菊、银杏(白果)萃取素 小白菊能纾解疼痛，银杏促进脑部血液循环。一项小白菊药性的实验显示，24％的使用者减轻偏头痛及呕吐的症状，而且没有副作用。 欧薄荷、迷迭香、艾草均是治疗偏头痛的有效物质。 其他疗法 ●多运动 运动是预防头痛的有效方法之一，因为运动可帮助你排解紧张与压力。如果头痛的情形不太严重，运动可以帮助你消除。但若头痛剧烈，切勿运动，以免情况更糟，尤其是偏头痛患者。 ●尝试生物反馈 生物反馈是一种利用松弛身心来控制血液流动的技巧，它有助于缓解偏头痛和紧张性头痛。进行生物回馈时，指导员会把一个温度计套在你的食指上，如果你放轻松，这个温度计就能显示你的血管已扩张，有助于血液流人你的指尖。信不信由你，你的意志可以影响血液是否流向脑部，连带地就能影响你的头痛。请向你的医生查询生物回馈训练相关资讯。 ●针灸治疗 针灸也对很多人有帮助，你可以和你的医生咨询治疗方案。 ●用辣椒察治头痛 治疗偏头痛最古老的方法是使用辣椒中一种辛辣的成分—辣椒辣素，它能耗尽负责神经传导的化学物质P(神经细胞利用这种化学物质传递痛苦的讯号)。一项特殊研究将特制的辣椒辣素放进15名头痛患者的鼻孔中，其中7人头痛的症状完全消失，另有3人痛苦减轻了75％。 ●多吃羹能减轻头痛 姜能阻挡组织胺，也能抑制摄护腺素(造成发炎的化学物质之一)。一般而盲，很少人会对姜过敏，或因姜而发生偏头痛。500—600毫克(大约1／4茶匙)的新鲜姜粉加一杯水和匀喝下，对于减轻头痛很有帮助。可以每隔几小时喝一杯，大约一天喝到2公克左右。 ●常听轻音乐 轻音乐有镇定作用，有助于纾解偏头痛。 药物疗法 ●有选择地服用药物 如果你完全依照上述方法实行，却还是觉得有些头痛，你一定在想是否该吃止痛药。在你还没有先对自己的问题食物做一番研究，并试着遵照一份理想的食谱进食之前，不要以药物做为治疗的主轴，否则你等于火上加油。药物不能替代食疗，但必要时可以做为辅助。以下是一些抗偏头痛药物的简介以及它们的主要副作用： 1．阿司匹林。有助于减轻轻微的头痛，但主要的缺点就是引发肠胃不适，出血以及过敏反应。小孩子服用阿司匹林一定要遵照医生指示，因为可能引发莱氏症。 2．非类固醇的消炎药。例如伊普，它和阿司匹林很类似，所以这类药品也会引起肠胃方面的副作用。 3．醋氨酚。也能稍微减轻轻微头痛的症状，然而长期使用会造成肝脏和肾脏方面的问题。 4．美托拉麦。常用于口腔止痛上，以改善药物被吸收的能力，减轻恶心症状。 5，麦角胺。它能使膨胀的血管收缩，如果在偏头痛发生初期服用，对大多数的人都蛮有效的。但最大的危险是，如果你每天服用，会变成一种习惯，因而抑制了你体内自然对抗病毒的能力。一旦停药，可能会有严重、长期性的头痛发生，而且麦角胺对紧张性头痛没有帮助。 6．Sumatriptan：能减轻偏头痛和密集式头痛。它的作用是把通向脑部的血管变窄，以保留血管需长期使用的效力。使用过量和滥用都很少见。 7．利卡多因：半数以上用过的人，只要4％的溶剂量就能消除偏头痛。使用方式是先躺在床上或一张大桌上，头沿着边缘垂向下，然后转向头痛的一边。将半公撮的利卡多因溶剂从鼻孔滴进去，大约等30秒。如果两边都有头痛，另一边鼻孔也要滴药。利卡多因显然会对鼻粘膜下方的神经束产生一些作用。如果必要，2分钟之后可以再滴第2次。 ●可以预防偏头痛的药物 如果你努力改善饮食方式，也按照上述方式服用驱热菊和采取其他，防范骤，可是你的偏头痛就是没有停止，或一个月发病超过3次，那么你可能需要考虑服用预防药物。这类药不会消除所有的偏头痛，但会使发病的频率降低。你应耐心等候一、二个月的时间，看看这些药物的效果，当然事先一定要在医生正确的诊断。不过，通常这类药对紧张性头痛没什么帮助。 1．心得安和美多普诺：约三分之一的偏头痛患者在服药后，偏头痛的症状会大量减轻，另外有三分之一患者会稍微减轻痛苦。它们对大多数人而盲都安全，而且已经有很长的使用历史了。不过如果你有气喘病或糖尿病，就不应该服这类药。此外，由于心得安有防止心跳加快的作用，清务必事先和你的医生讨论你运动的计量。 2．钙通道阻断剂：有时候也被用来预防偏头痛，在欧洲特别盛行。不过，由于有副作用，现在的医生愈来愈不愿意使用这种药。 3．血清素阻断剂：它的作用和心得安类似，但长期服用所产生副作用更大，特别容易在胸口和腹部发生纤维变性。 4．安米普林：是一种抗忧郁症药，也能预防偏头痛。一般来说还算安全，只是会有口干、便秘及昏昏欲睡等常见的副作用。服用时不可超过处方单上的剂量。 5．伟伯益酸：是一种抗痉挛药，也能预防偏头痛。但是，偶尔会产生副作用，如体重增加、掉头发以及颤抖。 6．阿司匹林：也可以帮你预防某些偏头痛。一项医界的研究发现，如果每隔一天服用，可以使偏头痛发作频率降低20％，不过在这点好处和前述的副作用之间，仍应彼此衡量一下。 ●危险信号 头痛往往可能暗示严重的疾病，如果你的头痛带有下列症状，应引起警惕，尽快去医院检查。 *你已年过40，而且在这之前，从未发生复发性的头痛。 *头痛的部位不同。 *头痛愈柬愈剧烈。 *头痛愈来愈频繁。 *头痛的原因不明，和往常不同。 *头痛伴有神经方面的症状，例如麻痹、头晕、视线模糊、或丧失记忆。 *头痛和其他毛病或疼痛同时出现。</t>
  </si>
  <si>
    <t xml:space="preserve">飞利浦的一体机好么？老婆的电脑不行了，哭着闹着非要买个飞利浦的一 </t>
  </si>
  <si>
    <t>外观很不错，看电影、视频什么的，硬件支持也都很好。如果咱媳妇儿不玩什么高级的游戏，那就足够啦~</t>
  </si>
  <si>
    <t xml:space="preserve">怀旧巫师技能取舍?10个栏学什么好呢?要有传教技能的 </t>
  </si>
  <si>
    <t>1，传教技能，学单补，超补和强补太费魔了，除非你练的是满魔巫师。怀旧没有奇迹装这类变态装备，就算到了能穿10级袍，一般加小量魔或纯血魔的巫师魔都很少，用两下强或超补，你的巫师就废了，所以一般学单补，主要是单P时候，怕血量恢复不过来。2，超恢和强恢这两很具争议性的技能，个人偏向于学超恢，虽然超恢有“慢性自杀技能”之称，但它的好处还是比强恢多，强恢虽然能补得多，比较灵活，在任务时候发挥会比超恢好，问题是这是没有传助的前提下。如果有传教辅助，超恢就会比强恢性格比高，原因第一，没有像强恢那样有害怕W站位的现象，在团P或某些需要W站位的BOSS战时比较好用。第二，强恢在BOSS战中只能补4个队员，如果想补完全队需要花三回合，这样某些队员就要花上3和4回合才能补上血，会做成危险，容易顾此失彼，超恢则不然，虽然补得少，但6回合补血量还是很客观，巫师放完超恢就可以负责丢血瓶、放巫术或咒术，不容易造成顾此失彼的现象，如果带着传教，超恢+超补，队员们想死都不容易，除非自杀。说真的，到后期的BOSS战，没有传教，单凭巫师是很难过的，所以巫师做任务一般也是带传教，超恢就比强恢好用，强恢顶多前期任务好用。3，单恢、洁净和气绝是必须学的。4，攻吸或魔吸，负责补血技能，这要看楼主平时练级带攻宠或魔宠决定了。个人推荐魔吸，因为后期练级魔宠会有优势。5，魔无，对付防魔必学，不然巫师对防魔，100%会输。任务也很好用，起到保护传教的作用。6，攻反，对付战袭的必修技能，巫师的魔没了，巫师肯定完蛋。7，攻无，对付任务不错的技，作用和魔无一样，单P也很好用。8，调教，怀旧暂时只有5级，管60级的宠不会NONO，还可以省掉一些宠技耗魔，除驯兽，巫师是最高了，为什么不学。</t>
  </si>
  <si>
    <t xml:space="preserve">引起心脏供血不足主要原因有哪些啊，如果想确诊需要做哪些检查，没有? </t>
  </si>
  <si>
    <t>你老公还年轻，如果是心脏供血不足，应考虑是先天性心脏病，或心肌炎的可能，不发作也能检查出来。建议去三级医院心血管内科就诊，查心电图、验心肌酶谱、做心脏彩超，明确诊断后针对性治疗。</t>
  </si>
  <si>
    <t xml:space="preserve">各位前辈，请问下买权证是怎么买的啊？？和买股票一样的吗？有没有什? </t>
  </si>
  <si>
    <t>到开户交易所开通权证交易,然后就可以象炒股票一样买卖权证了. T+0.注意风险！！！！！</t>
  </si>
  <si>
    <t xml:space="preserve">自制手机铃声是不是可以免费从电脑上转到手机上可以将MP3音乐直接 </t>
  </si>
  <si>
    <t>如果手机有数据线，当然可以从电脑传到手机啊！而且图片，游戏，主题，小说都可以，我都经常传的</t>
  </si>
  <si>
    <t xml:space="preserve">有谁会知道？离婚时小孩多大岁数后可以自己选择跟父母的哪一方？ </t>
  </si>
  <si>
    <t>10周岁以上。</t>
  </si>
  <si>
    <t xml:space="preserve">有谁有元旦祝福短信要压韵的 </t>
  </si>
  <si>
    <t xml:space="preserve">01 我要把一切喜讯变成奶油，所有祝福柔成巧克力，所有快乐做成蛋糕答谢你，然后说声圣诞快乐！ 02 送你一颗聚满礼物的圣诞树，顶上最大最亮的那颗星是我的真心，挂的是我的痴心，制造材料的是我一颗不变有心：圣诞快乐！ 03 我默默祈祷愿圣诞老人能在即将到来的圣诞之夜送我一个与我牵手同伴共同度过这奇妙的圣诞夜，结果他将你送给我。 04 考虑到24小时之内将会有铺天盖地的祝福短信堵塞，一向有远见聪明的我提前恭祝圣诞快乐、新年快乐！ 05 如果每年的今夜有一个很肥的老人从窗口跳进来抓住你，把你装进袋子里，你不用担心，因为我想要的圣诞礼物就是你。 06 也许岁月将往事退色，或许空间将彼此隔离，但知道珍惜的依然是真心的友谊将再次对你说声圣诞快乐！ 07 圣诞老人说所谓幸福是一个有健康的身体，有深爱你的人，一帮可依赖的朋友，当你收到此信息时，一切随之拥有。 08 以往的圣诞都是灰色的，今年有了你，一切都变得不同，我的世界一下子变得豁然开朗多姿多彩，我衷心地谢谢您。 09 这是我发给你的三天后的信息，别偷看哦，叫你别看，还看，祝你圣诞快乐！ 10 在这洋人的节日里，好想和你在一起，享受这醉人的气氛，然而你我分割两地，我只好在这轻声地对你说：“亲爱的，圣诞快乐！” 11 想念你的笑，想念你的外套，想念你白色袜子，装满圣诞的礼物。 12 圣诞节到了也，你有没有在床头挂起臭袜子哦，圣诞老公公会把我最好的礼物丢进去的，圣诞快乐！ 13 圣诞老人说，今年他要把礼物装在我们两的袜子里，所以平安夜你一定要陪在我身边。 14 Merry Christmas and best wishes for happy new year! 15 在这迷人的圣诞，你躲在家里生蛋蛋，生了一堆恐龙蛋，还有一只小鸡蛋，猪，圣诞快乐！ 16 快乐圣诞，什么是圣诞快乐？不是那快乐的阳光，也不是鸟儿的啁啾，那是愉快的念头和幸福的笑容， 是温馨慈爱的问候。 17 这些天来一直有个问题困惑着我，你明明不是鸡，为什么人人都要祝你圣诞快乐呢？ 18 知道圣诞节是谁的节日吗？不知道，是你的节日嘛，是圣诞节啊！笨蛋。 19 HI，你怎么还在这啊，你知道你的重要性吗？没了你，谁拉着圣诞老公公去给大家送礼物啊，圣诞快乐！ 20 心到，想到，看到，闻到，听到，人到，手到，脚到，说到，做到，得到，时间到，你的礼物没到，只有我的祝福传到。 21 因为你的存在，这一天是有更特别的意义，因为可以和你一起相约在树下许下一个共同的心愿，让我们相爱一生吧。 22 如果你是圣诞，我是元旦，你是圣诞老人，我是驯鹿道夫，你是圣诞老婆婆，我是圣诞老公公，祝你圣诞快乐！ 23 平安夜请给我与你共度的机会，小小的要求能满足我吗？ 24 在这美好的日子，没有最美的词句，没有多情的言语，没有精美的礼品，有的只是朋友深深的祝福，圣诞快乐！ 25 在这24号的晚上，煮两个鸡蛋，我吃一个，送给你的就是一个圣诞，祝你节日快乐！ 26 圣诞树上耀眼的彩灯，那是我祈祷你平安一生，圣诞夜里优扬的钟声，那是我祝福你快乐一生。 27 圣诞前夜的晚上，我想和你一起走入教堂，好不好？ 28 喜欢你是很久远的事了，真的好想在这个圣诞之夜与你共跳华尔兹，伏在你的身边轻轻地说，我好喜欢 你。 29 亲爱的，尽管我不能陪你度过我们的第一个圣诞节，但是我还要送给你我深深的祝福，愿你明天更美丽。 30 白雪飘飘，鹿铃霄霄，甜蜜的平安夜又来到，小手摆摆，舞姿曼曼，快乐的圣诞节日多美好。 31 在这个特别的日子里，我想跟你说一声：“圣诞快乐！” 32 各位圣诞老人，圣诞快乐吗？不快乐就多寄一些礼物给我吧，我知道你们都是购物狂，一个个购完物就再寄礼物。 33 Merry Christmas 愿世界充满祥和，我以最真诚的心祝福你拥有幸福的一年，愿主保佑你，阿门。 34 圣诞节快乐！看短信的快把礼物送来，不然你这个圣诞夜会坐立不安咯，听到没有，别笑大傻瓜！ 35 相识相知未相见，平安夜的朋友，平安夜我们能相聚在一起吗？ 36 我向圣诞老人许了愿，我希望不管你的脚多臭，在明早当你穿起袜子时，等收到我托圣诞老人带给你的满满的祝福，暖暖你的心和脚丫子。 37 小巫婆，圣诞节又要到了，我有祝福给你，希望你不要再笨了呆了，要可可爱爱的哦，哎呀，反正就是你要过的比我幸福就对了哦。 38 值此圣诞到来之际，我只有一句话要告诉你，今天早饭我没吃，中饭我没吃，下班我去找你。 39 好久没有听到你的声音，好久没有人听我谈心，在雪花飞舞的日子里，真的好想你，祝你圣诞节快乐! 40 如果你现在一个人，我祝你圣诞快乐，二个人那也祝圣诞快乐，如果是一伙人，请告诉我，你们在什么地方。 41 我想在你最高兴时说出我的心里话，浪漫的圣诞夜里机会来了，你高兴得像头小猪，生气时更像，哈哈。 42 今年圣诞不收礼，收礼只收短信息 43 圣诞老人问：“今天是什么日子啊？”小精灵说：“今天是圣诞节啊！”圣诞老人说：“哦，真糟糕，又要加班，我最恨这一天了。” 44 美酒、蜡烛、大餐，多么完美的圣诞节，唯独就缺你我的朋友，还有你的钱包。 45 亲爱的，你比圣诞树上的星星还明亮，你比驯鹿还可爱，但你把胡子剃了吗，我可不想你和圣诞老人一个模样。 46 听，圣诞老人的铃声，快去看看啊，怎么这么快就回来了，什么，倒垃圾的，别太急哦！ 47 你怎么才起啊，快睁大眼睛，昨天夜里我爬上你的床，在你枕头下藏了一件很特别的礼物哦！ 48 愿圣诞之光普照你的每一个日子，愿阳光鲜花洒满你的人生旅程。 49 你快乐，我快乐，大家快乐，快乐圣诞节，哦，我的圣诞礼物呢，快找找，快找找，哦，收到了吗，我带给你的是快乐。 50 圣诞快乐，并不是只在特别的日子才会想起你，但是圣诞节的时候，一定会让你收到我的祝福。 51 当钟声响起，我就是你的！别讲错了，不是婚礼上的钟声，是圣诞的钟声，而我是你献给礼物的人。 52 面对圣诞，面对身边匆匆而过的人，想起你，心中有一种感动。爱就是那种无法言抒的表达。 53 圣诞节又要到了，希望今年的圣诞节能和我爱的人一起过。想问你，你愿意当我爱的人吗？ 54 HI！已经有一阵子没见到你了，不知道你现在好不好？圣诞节和新年就要到了，愿你拥有一个难忘和快乐 的圣诞！希望你在新的一年要快乐的过哦！ 55 平安夜我们去聚餐，圣诞夜我们去唱歌，狂欢夜我们去蹦迪。我要我们在一起！ 56 你的离去我不知如何面对，你没有给我任何安慰。我的眼中有泪水，圣诞节你会回来吧？不要让我再次心碎！！ 57 有句话每年圣诞我都想说，可是苦于没有机会。现在我实在憋不住了，请把你留在我沙发上的袜子拿走！！ 58 圣诞节真的觉得好寂寞哦！因为没有你在身边，其实我真的想你了，好想好想好想让你陪我度过这个浪漫 的平安夜。 59 孩子啊，我是圣诞老人，有一份圣诞礼物要送给你。‘什么，你们家没有烟窗，还是不去买了！’ 60 圣诞之夜祝福你，愿圣诞节的欢声笑语和欢乐气氛永远萦绕着你！ 61 淡淡一点的友情很深，淡淡一点的味道很纯，淡淡一点的祝福最真，祝愿圣诞快乐！ 62 请选择愿望：A：巧克力+玫瑰 B：自助餐+烛光 C：电影+零食 D：以上皆是 63 只有钟声响起，愿我的祝福化作飞翔的天使，飞向你的窗口，圣诞快乐！ 64 如果你今天没有收到我的圣诞礼物，那一定是你的袜子有个大洞，快补吧。 65 为了响应环保，节省纸张，在圣诞节不要送我圣诞卡了，请直接在尽可能大的纸币上写你的祝词就行了。 66 我没法去教堂为你祈祷，也没有圣诞的歌声，更没有圣诞的礼物，只在心里祈求，希望你健康每一天。 67 昨晚我做了一个梦，圣诞老人送我的礼物是一张两人圣诞晚餐券，你愿意和我一起过我们的第一个圣诞节 吗？ 68 宝贝，平安夜的晚上我将和圣诞老人一起了现在你的面前，把眼睛闭上数到三。 69 亲爱的圣诞节快乐，你知道我是谁吗？这个问题对你来说也许不重要，但对我很在意哦。 70 雪在下啊，圣诞老人正踩在外面青青的圣诞树窃笑，睡吧，宝贝，明天你将收到心爱的礼物，恭候我。 71 今年你愿意做我的圣诞老人吗，在圣诞的晚上将礼物放在我的床头。 72 在这时髦的大好日子里，我有万千祝福而无从说起，只想很老土的向你说四个字：圣诞快乐！ 73 有你在的每一天都像在过圣诞节。 74 平安夜，祝福你，我的朋友，温馨平安！欢乐时我和你一道分享，不开心时我和你一起承担。 75 送你的礼物实在太重了，鹿车拉不动，只好亲自送了，记得等着我，等着我说圣诞快乐！ 76 用中文说圣诞快乐，用英文说Merry Christmas，用心里话说我想要的圣诞礼物什么时候给我啊。 77 空中点点闪烁的银光环绕着缤纷的梦想，祝福你，双手合十许下的心愿，都一一实现在眼前。 78 恭贺圣诞快乐，在新的一年里有甜有蜜，有富有贵，有滋有味，有安有康。 79 钟声是我的问候，歌声是我的祝福，雪花是我的贺卡，美酒是我的飞吻，轻风是我的拥抱，快乐是我的礼 物。 80 请选择愿望：A：巧克力+玫瑰 B：自助餐+烛光 C：电影+零食 D：以上皆是 81 我是圣诞老人，请把你家的地址和私人贵重物品存放地点发短信给我，为什么要贵重物品的存放地点啊， 当然是为礼物保险了，快！ 82 随着圣诞夜的到来，对想起远方的同窗好友，问一声你好吗？道一声圣诞快乐，愿友谊长存，祝新年愉 快！ 83 以前的圣诞节，总是认为圣诞老人不会将最好的礼物降临给我，但今年的圣诞节不同，有你的到来，让我 永远记住今天。 84 你知道圣诞老人在哪里，他偷走了我的心，是不是给你了？如果是，你可要好好保存啊，那可是真心。 85 虽然当面没有对你说，但这样也可以表达我对你真诚的祝福，节日快乐！无论遇到什么事情，我都会支持 你的，请相信我，朋友是一辈子的事！ 86 朋友久别情不断，圣诞书信情更绵，平安狂欢，尽情欢，不忘友人在远方，百事百顺终有成，衣锦还乡迎 新年。 87 喜欢春天的生气盎然，夏天的翠绿荫荫，秋天的硕果累累，冬天的白雪皑皑，更喜欢在每年的这个时候， 为我喜欢的人送去我的祝福：圣诞快乐！ 88 圣诞将至，我许下了一个愿望，希望我的朋友都是幸福的，快乐的，没有烦恼，没有委屈，爱自己，幸福 跟着来，温馨过圣诞。 89 送你一棵圣诞树，树根是健康的体魄，树干是幸福的家庭，树枝是顺心的事业，树叶是美满的爱情。 90 星光闪闪，烛光闪闪，叮叮当，叮叮当，可爱仁慈的圣诞老人从天而降，带来人间无数温馨快乐，更带来 我对朋友你的祝福：圣诞快乐！ 91 每一朵雪花飘下，每一个烟火燃起，每一秒时间流动，每一份思念传送，都代表着我想要送你的每一个祝 福，圣诞快乐！ 92 春节人们用筷子吃饺子，中秋节人们用手吃月饼，圣诞节人们用刀叉吃烧鹅。现在，圣诞节快到了，你还 是躲一下吧，免得刀叉落到身上。 93 圣诞佳节恭喜你，发个短信祝福你，成功的事业属于你，开心的笑容常伴你，健康长寿想着你，最后还要 通知你，财神爷爷也要拜访你哦。 94 晚上笑一笑，睡个美满觉，早晨笑一笑，全天生活有情调，工作之余笑一笑，满堂欢喜又热闹，烦恼之时 笑一笑，一切烦恼全忘掉，祝圣诞快乐，笑口常开！ 95 当雪花飘落，寒风吹起，才发觉，浪漫的圣诞已经飘然而至，这一刻什么都可以忘记，唯独不能忘记的是 向好朋友你说声天冷了，注意身体，圣诞快乐！ 96 圣诞乐，圣诞乐，快乐心涌，祝福手中握，条条短信是礼物，条条短信是快乐！礼物堆成堆，快乐汇成 河。圣诞老人在说话，圣诞快乐！ 97 圣诞节的快乐是因为有你在我身边，以后的日子里我会让你天天快乐，祝福是属于我们的，这不是承诺 是信心。 98 圣诞节到了，向支持我的朋友和我所爱的朋友说声感谢，感谢你走进我的生活，我会尽我最大的努力给 你无限的快乐！ 99 圣诞老人，你现在已经收到了我的祝福，请马上跑到烟囱口处等待礼物的派送吧，谢谢。 轻声问候、真挚祝福，愿快乐常伴你左右，愿你拥有满怀的欢欣、丰收的希望，洋溢在这新的一年。  </t>
  </si>
  <si>
    <t xml:space="preserve">腋臭虽然不是什么要命的病，但到底怎样才能根本治愈？如何杜绝遗传到? </t>
  </si>
  <si>
    <t>腋臭又称狐臭，是由于病人腋窝部分泌的一种特殊黄褐色糊状汗液，并产生一种特异性臭味为特征。主要发生于青壮年男女，在医学上称“臭汗症”。男女都会发生，但妇女较多，尤其少女，大汗腺开始旺盛起来，也是狐臭容易发生的时候。汗腺受皮肤表面的腐生杆菌等作用而产生令人烦恼的狐臭味。狐臭的臭味多数是从腋窝发生，有时乳房、阴部、肛门等部位亦可散发出此种特殊气味，到老年时期可减轻，甚至消失。狐臭有遗传性。祖国医学认为是湿郁而气血不和所致。　自疗注意事项（1） 要注意清洁，经常淋浴，勤换衣服。（2） 保持皮肤干燥，保持腋窝、乳房等部位的清洁。（3） 每天用肥皂水清洗几次，甚至将腋毛剃除，不让细菌有藏身之处。（4） 在治疗中，要保持心情开朗，且不宜做剧烈活动。（5） 戒烟酒，少吃强烈刺激的食物。（6） 本病的治疗方法主要是以外治为主。　自治疗法（1）取一块生姜，切片搽患处，每日1-2次。（2）取山药适量，切片搽患处，每日1-2次。（3）取密陀僧、枯矾粉适量搽于患处。（4）取滑石，陈石灰各30克，研成细末后搽于患处，每日1次。（5）鲜滇香薷适量，捣烂后敷于患处，每日1次。（6）石灰粉与醋各适量，将其调匀，敷于患处，每日2-3次，连续使用。（7） 取500毫升西红柿汁放于浴盆中，将患处浸泡水中15分钟左右，每星期2次，连续数星期即可见效。（8） 生姜适量，磺酒适量，先用热水洗净腋窝，接着用生姜擦腋窝，擦至皮肤轻度充血，后涂磺酒。每天2次，连擦15天为1疗程。用生姜擦腋窝时，注意不要擦破皮肤。</t>
  </si>
  <si>
    <t xml:space="preserve">我的DC卡已有照片，现显示格式化出错，无法打开怎么办 </t>
  </si>
  <si>
    <t>将卡上的照片放入读卡器，在电脑上读取试试，如不行，可试试用FinalData数据恢复软件读取试试。</t>
  </si>
  <si>
    <t xml:space="preserve">关于葡萄我想自己双开了单挑就下了个葡萄用，结果每次都是一个有IP </t>
  </si>
  <si>
    <t>简单给你说下流程把.首先下载一个葡萄登录器(哪都有下载,我的共享也有,点我的名字就进去了)然后解压,把里面的4个文件放到街头篮球的目录下.比如E:/街头篮球/ 这下面.然后运行那个login登陆的, 会提示找不到路径,然后在街头篮球目录下选择freestyle.exe 文件.然后再开. 开第一个没问题. 开第二个的时候有时候会报错不要紧.再开.再报错,再开,知道开到成功为止.以下可以不看.(给你简单解释下原理: 葡萄登陆器集成了两个模块.第一个是进程隐藏模块,另一个是传送大区选择的信息到游戏中报错是因为隐藏进程的时候失败了.为什么失败.隐藏进程是把进程id 替换为内存其它的区域. 是随即的.但是这个区域可能被其它的占用,所以会提示内存什么地址比如0D0000XD1 这样的地址出错.)先说到这,有问题再问把</t>
  </si>
  <si>
    <t xml:space="preserve">牛皮癣治疗好一些的专科医院有吗 </t>
  </si>
  <si>
    <t>牛皮癣常常都是有家族史的，并且有遗传的影响，有一些人认为遗传是因为自身的一个染色体所导致而成的，隐性遗传或性联遗传者中如果有一个患有牛皮癣的话，那么后代的发病率是比正常人都会高出三倍的，如果说双方都是患有牛皮癣的话，那么后代的发病率是会更高的。由于近的环境不断的在恶化，会给人体都会带来很大的到伤害，这也是造成牛皮癣发病率上升的因素之一，环境因素一般都主要包括有光线、温度、辐射等等以及一些自然的因素和认为所导致而成的，同时家中居住的地方过于湿润，阳光照射不到，也均可导致此病的发作。我们在生活中如果不幸患有牛皮癣一定要及时的去医院进行治疗，只有好的医院才有好的治疗效果。</t>
  </si>
  <si>
    <t xml:space="preserve">简述铝合金焊接方法及工艺。谢谢！ </t>
  </si>
  <si>
    <t>铝及铝合金的焊接方法1．铝及铝合金的焊接特点    （1）铝在空气中及焊接时极易氧化，生成的氧化铝（Al2O3）熔点高、非常稳定，不易去除。阻碍母材的熔化和熔合，氧化膜的比重大，不易浮出表面，易生成夹渣、未熔合、未焊透等缺欠。铝材的表面氧化膜和吸附大量的水分，易使焊缝产生气孔。焊接前应采用或机械方法进行严格表面清理，清除其表面氧化膜。在焊接过程加强保护，防止其氧化。钨极氩弧焊时，选用交流电源，通过“阴极清理”作用，去除氧化膜。气焊时，采用去除氧化膜的焊剂。在厚板焊接时，可加大焊接热量，例如，氦弧热量大，利用氦气或氩氦混合气体保护，或者采用大规范的熔化极气体保护焊，在直流正接情况下，可不需要“阴极清理”。    （2）铝及铝合金的热导率和比热容均约为碳素钢和低合金钢的两倍多。铝的热导率则是奥氏体不锈钢的十几倍。在焊接过程中，大量的热量能被迅速传导到基体金属内部，因而焊接铝及铝合金时，能量除消耗于熔化金属熔池外，还要有更多的热量无谓消耗于金属其他部位，这种无用能量的消耗要比钢的焊接更为显著，为了获得高质量的焊接接头，应当尽量采用能量集中、功率大的能源，有时也可采用预热等工艺措施。    （3）铝及铝合金的线膨胀系数约为碳素钢和低合金钢的两倍。铝凝固时的体积收缩率较大，焊件的变形和应力较大，因此，需采取预防焊接变形的措施。铝焊接熔池凝固时容易产生缩孔、缩松、热裂纹及较高的内应力。生产中可采用调整焊丝成分与焊接工艺的措施防止热裂纹的产生。在耐蚀性允许的情况下，可采用铝硅合金焊丝焊接除铝镁合金之外的铝合金。在铝硅合金中含硅0.5%时热裂倾向较大，随着硅含量增加，合金结晶温度范围变小，流动性显著提高，收缩率下降，热裂倾向也相应减小。根据生产经验，当含硅5%~6%时可不产生热裂，因而采用SAlSi?l（硅含量4.5%~6%)焊丝会有更好的抗裂性。    （4）铝对光、热的反射能力较强，固、液转态时，没有明显的色泽变化，焊接操作时判断难。高温铝强度很低，支撑熔池困难，容易焊穿。    （5）铝及铝合金在液态能溶解大量的氢，固态几乎不溶解氢。在焊接熔池凝固和快速冷却的过程中，氢来不及溢出，极易形成氢气孔。弧柱气氛中的水分、焊接材料及母材表面氧化膜吸附的水分，都是焊缝中氢气的重要来源。因此，对氢的来源要严格控制，以防止气孔的形成。    （6）合金元素易蒸发、烧损，使焊缝性能下降。    （7）母材基体金属如为变形强化或固溶时效强化时，焊接热会使热影响区的强度下降。    （8） 铝为面心立方晶格，没有同素异构体，加热与冷却过程中没有相变，焊缝晶粒易粗大，不能通过相变来细化晶粒。    2．焊接方法    几乎各种焊接方法都可以用于焊接铝及铝合金，但是铝及铝合金对各种焊接方法的适应性不同，各种焊接方法有其各自的应用场合。气焊和焊条电弧焊方法，设备简单、操作方便。气焊可用于对焊接质量要求不高的铝薄板及铸件的补焊。焊条电弧焊可用于铝合金铸件的补焊。惰性气体保护焊（TIG或MIG）方法是应用最广泛的铝及铝合金焊接方法。铝及铝合金薄板可采用钨极交流氩弧焊或钨极脉冲氩弧焊。铝及铝合金厚板可采用钨极氦弧焊、氩氦混合钨极气体保护焊、熔化极气体保护焊、脉冲熔化极气体保护焊。熔化极气体保护焊、脉冲熔化极气体保护焊应用越来越广泛（氩气或氩/氦混合气）</t>
  </si>
  <si>
    <t xml:space="preserve">....这种名字里的符号怎么打出来的啊？还有些奇怪的名字符号 </t>
  </si>
  <si>
    <t>V+是没用的，是字符，一些奇怪的符号其实是字，使用方法我只知道一种：切换到全拼音状态，输入：bianpang（其实就是边旁的拼音），这个时候出来一些符号边旁，选择一个，这个是系统可以认可的，可以作为汉字名字。。。可以回去试试看！！！！</t>
  </si>
  <si>
    <t xml:space="preserve">我老婆阴毛右侧的部位总是有阵痛请问是什么问题？那地方有时候疼有时 </t>
  </si>
  <si>
    <t>建议您进行B超检查看看，是否有附件炎的可能。同时也可能是囊肿造成的刺激性疼痛。</t>
  </si>
  <si>
    <t xml:space="preserve">为什么我的c盘空间变小了啊？我的c盘在未进天堂时的空间是2.2g </t>
  </si>
  <si>
    <t>玩天2要有2G的空间在C盘上一般有一些被虚拟内存占据一些作为C盘的保护空间留下C盘最少要有2G左右的空间，如果是XP系统要2。5G以上。</t>
  </si>
  <si>
    <t xml:space="preserve">电脑视频不好，怎么调，请大家帮忙我想问大家，就是我和别人连视频时 </t>
  </si>
  <si>
    <t>摄像头前面有个可以调焦距的你调了吗？调一调那个看看。</t>
  </si>
  <si>
    <t xml:space="preserve">收集最搞笑的短信！ </t>
  </si>
  <si>
    <t>1． 真心真意的祝福，不是需要千言万语。一首心曲，愿你岁岁平安，事事如意！ 2． 新的一年祝你：位高权重责任轻，钱多事少离家近，每日睡到天大亮，工资领到手抽筋，手下花钱你收礼，别人加班你加薪！ 3． 在这个充满喜悦的日子里，愿新年的钟声带给你一份希望和期待。我相信，时空的距离不能阻隔你我，我的祝福永远在你身边。 4． 谢谢您对我的帮助，点点滴滴都在我的心里铭记。让新春带去我的祝福，祝您身体健康，万事如意！ 5． 远方的你是否无恙 在遥远的思念里,改变的是我的容颜,不变的是永远爱你的心!真心愿你节日快乐! 6． 这一刻,有我最深的思念。让云捎去满心的祝福,点缀你甜蜜的梦,愿你拥有一个幸福快乐的新年! 7． 在这个充满喜悦的日子里,在长久的离别后,愿新年的钟声带给你一份宁静和喜悦,和新世纪的祝福。 8． 在这快乐分享的时刻,思念好友的时刻,美梦成真的时刻.祝你新年快乐,佳节如意! 9． 风载着醉人的钟声，在这个美丽圣洁的夜晚祝愿你平安、欢乐、心想事成！ 10．带着盈盈相思，带着温馨祈愿，祝福你圣诞快乐。 11．我用所有的喜悦，为你祈祷，愿你在这一年里平安、快乐。 12．一份不渝的友谊，执着千万个祝福，给我想念的朋友，温馨地问候。 13．愿您在一年的365天中，天天有好心情！时时平安顺利！ 14．在这充满温馨的季节里，给你我真挚的祝福及深深的思念。 15．一份不渝的友谊，执着千万个祝福，给我想念的朋友，温馨地问候。 16．漫漫的长路，你我的相逢，珍惜难得往日的缘分，默默的祝福，亲亲的问候，互道今朝多保重。 17．想念你的微笑，回味你的味道，脱掉你的外套，露出你的美妙，控制我的心跳，压抑我的狂躁，想想我的需要，还是早点把你干掉。啊！月饼！ 中秋节快乐！ 18．，是健康的源泉，也是长寿的秘诀。盼您天天锻炼，益寿延年。 19．来也匆匆，去也匆匆，离绪千种，期待着一次重逢。 20．在陌生时我们相逢，在熟悉后我们分手。让我们用智慧和热情去迎接一切困难和挑战，胜利和成功在向我们招手! 21．无尽的人海中，我们相聚又分离。但愿我们的友谊超越时空，随岁月不断增长! 22．相聚总是短暂，分别却是久长，愿我们的心儿能紧紧相随，永不分离! 23．跨出国门，人生开始新的旅程。相信你会以坚实的脚步，不懈地迈向成功！ 24．你快回来，生命因你而精彩；你快回来，把我的思念带回来，别让我的心空如大海！ 25．来也匆匆，去也匆匆，一声珍重，漫漫别情。 26．老友高升，众弟兄皆大欢喜！尽管这是迟来的爱，但我仍然万分地为你高兴，并以饱满的热情等候你请我们吃饭！ 27．两情相悦的最高境界是相对两无厌，祝福一对新人真心相爱，相约永久恭贺新婚之禧！ 28．虽然人生坎坷，但有你的日子，阳光特别灿烂。生日快乐！ 29．虽然好久没联系，但我不会忘记今天是你的生日。愿你拥有快乐、平安、幸福。 30．年年有今日，岁岁有今朝！祝你生日快乐！ 31．虽只是一句轻轻的祝福，却是我的心声；虽只是一首歌曲，却系着我俩的友谊--祝生日好心情！ 32．一年365天，今天是属于你的--生日快乐！ 33．希望你年年有今日，岁岁有今朝。祝你生日快乐！ 34．将快乐的音符，作为礼物送给你，愿您拥有365个美丽的日子，衷心地祝福你－－生日快乐！ 35．在这无比温馨的时刻，遥向你敬上一杯酒，连同我的衷心祝福－－生日快乐，我的朋友！ 36．一年中，今天是属于你的：我的祝福，还有真诚的心，都是属于你的。 37．我唱着"祝你生日快乐"的歌向你走近，表达我的祈愿，分享你的快乐，再倾听那属于你的青春的回音。 38．只有懂得生活的人,才能领略鲜花的娇艳.只有懂得爱的人,才能领略到心中芬芳 祝您有一个特别的生日。 39．让我的祝福 像那悦耳的铃声 飘进你的耳畔 留驻您的心间 祝您生日快乐。 40．这是个值得记念的日子，世界因为有了你而更加美好,生日快乐。 41．祝你在每个成长的日子里都开开心心--生日快乐。 42．用优美的年轮，编成一册散发油墨清香的日历。年年我都会在日历的这一天上用深情的想念来祝福您的生日! 43．天灵灵，地灵灵，老天爷快显灵，我的祝福送到你心头。生日快乐！！ 44．每年的今天，都是我最牵挂你的日子。尽管你早已忘记我是谁，但我还是要对你说：祝你生日快乐！45．虽只是一句轻柔的祝福,却是我的心声;虽只是一份寄语,却牢系我俩的友谊.生日快乐！永远快乐！ 46．平平安安，开开心心，永远快乐！拥有更美好、更灿烂的明天! 生日快乐! 47．我的祝福消除你一天工作带来的疲劳,愿幸福和快乐伴随着您生活的每一天。生日快乐! 48．没有鲜花送你，没有烛光晚餐与你分享，只能送你一个淡淡的微笑和一个诚挚的祝福，愿你心想事成! 49．人生再艰难坎坷,有你在不会孤独。我永远祝福你好人就有好梦，生日快乐！" 50．冬去春来，花谢花开，我的思念也随之弥漫开来，随着暖暖的春意飘到你的身边，也带去了我的祝福！节日快乐！ 51．我用世界上最美的语言祝你生日快乐！愿你永远开心永远没烦恼！ 52．花长好、月常圆、人常健！生日快乐！ 53．生日快乐！天天快乐！面对你时，这种轻松自然、无拘无束的感觉或许就是我一直期望的吧。 54．死党！等我有钱的时候，我要用人头马给你冲厕所，用美钞给你点烟，用波音飞机接你上下班，用环珠格格给你当丫环 55．好朋友简简单单，好情谊清清淡淡，好缘分久久长长，好心情时时相伴，祝福深深送给你！ 56．在你发工资的时候，勿忘我；在你坐奔驰的时候，勿忘我；还有一点要补充的，在你伤心的时候，也应该记得我。 57．轻轻的一声问候，不想惊扰你。只想真切知道你的一切是否安好？再忙也要记得请我吃饭哟。 58．在异国他乡的日子里，请多保重。相信重逢的那一天，你将带来令人激动的好消息！ 59．春风洋溢你；家人关心你；爱情滋润你；财神系着你；朋友忠于你；我这儿祝福你；幸运之星永远照着你！ 60．送你100公斤的平安！1000公斤的幸福！10000公斤的快乐！还有我称不出重量的——珍贵友谊。</t>
  </si>
  <si>
    <t xml:space="preserve">请详解填空题一个载重气球在空中受到1000N的浮力时匀速竖直上升 </t>
  </si>
  <si>
    <t>一个载重气球在空中受到1000N的浮力时匀速竖直上升,说明空气阻力的方向竖直向下，则气球上升时所受重力和阻力的合力等于气球受到的浮力，故为１０００N，方向为竖直向下。因为气球匀速竖直上升，故所受到的合力为零。f+G=F=1000…………（１）载重物再增加100N，载重气球就能匀速竖直下降,说明阻力方向竖直向上，因气球上升和下降时受到的浮力和阻力大小均不变，故1000+f=(G+100)…………（２）解方程得到：f＝50N</t>
  </si>
  <si>
    <t xml:space="preserve">47级2当TL给估个价902/771/434/231/17547 </t>
  </si>
  <si>
    <t>满攻的和掉1攻的都差不多,你这个TL在双子,25W左右,高了没人买的</t>
  </si>
  <si>
    <t xml:space="preserve">胃痛，求推荐好方法……[生病] </t>
  </si>
  <si>
    <t>缓解胃疼的方法，胃痛疾病吃什么好。胃疼疾病是我们中很常见的现象，不仅影响到身体的健康，而且对我们来说胃疼还不利于营养食谱的吸收，你对胃疼疾病有着怎样的认识呢，来看看专家为大家总结的吃什么好。胃痛证往往虚实夹杂，用药必须对症下药。治疗胃痛，中医通常分为胃寒、胃虚、胃气三种证候。就常见的胃痛证候来说，胃寒痛指的是爱吃生冷食物、直接受寒气所诱发的胃痛；胃气痛指的是气机郁滞所诱发的胃痛；胃虚痛基本上属于虚寒证，病机着重在脾。胃寒痛患者通常会出现骤然胃部作痛、痛势无休止，喜温喜按，伴随呕吐清水、怕冷、手足不温、舌苔白腻等症状。这种胃痛是由于中焦受寒所致，属实证，治宜温中散寒，宜使用豆蔻、厚朴、茯苓、干姜、陈皮、木香、甘草等药材治疗。若兼饮食不节，寒食交阻，疼痛剧烈者，可酌加神曲、山楂等以帮助消化。夏季过度饮用寒凉饮料或过食冰品，虽然在当下可能感到很舒适，但逞一时之快的结果，却使得寒气抑遏中阳（脾胃）。到了冬天，外寒侵袭入里，内外寒气交争之下，胃部常感疼痛，患者不可不慎重应对。胃气痛患者通常会出现胃部胀痛、胸闷痞塞、打饱嗝之后稍舒，常伴随腹胀、大便困难等症状。病机属胃不和降，治宜行气散滞，宜使用砂仁、木香、枳实、白术等治疗，病情较严重者可结合香附、砂仁、沉香、甘草等。胃疼怎么办？胃疼的食疗方常用的有：（1）老姜、红糖，将生姜捣汁去渣，隔汤蒸10分沸，将红糖溶入收膏，以4日服完，每日早、晚各服1次。功效：温中散寒。（2）蜂蜜、红糖适量、红花。将红花放在保温杯中，沸水冲泡，盖上盖，经泡10分钟后，随即调入蜂蜜、红糖，趁热饮服。功效：和胃利肠、止痛祛疡。（3）干姜、炙附子。将干姜、炙附子共捣碎细，置净器中，然后放入黄酒500毫升，密封，经7日后开取，去渣备用。每日饭前温服1~2杯，日服3次。功效：温中散寒。（4）干姜、高良姜、花椒、粳米、红糖。将干姜切成片，与高良姜、花椒洗净，共放入纱布代内盛装，扎口。把淘洗净的粳米和布代加清水同煮，30分钟后取出姜袋，共煮成粥服食。每日早、晚各服1次。功效：温中止痛。（5）佛手柑、粳米、冰糖少许。将佛手柑洗净，煎煮，去渣留汁，再与淘洗净的粳米，冰糖同煮成粥。每日早、晚温热服食。功效：理气止疼。（6）鲫鱼，去鳞、鳃及内脏，洗净，生姜洗净，切片，桔皮、胡椒，共包扎在纱布内填入鲫鱼肚中，加水适量，文火煨熟，加食盐少许，空腹吃鱼喝汤，几次即愈。功效：治胃寒痛缓解胃疼的方法，胃痛疾病吃什么好。上面为大家总结的几个胃疼的缓解方法，你对这些是否有了一定的认识呢，而且对我们来说也是和不错的，对增强抵抗力等有着不错的效果。</t>
  </si>
  <si>
    <t xml:space="preserve">在哪里能查到某个专业在哪个大学是重点专业 </t>
  </si>
  <si>
    <t>现在的说法是叫名牌专业，这几年已评审了多批，可以在各省教育厅网页查到，或者你已选定某校某专业，你也可以上该校网页查看，如果是名牌专业，肯定会有说明的，而且各校的招生宣传说明也是了解这个的好途径。</t>
  </si>
  <si>
    <t xml:space="preserve">怎样参加爸爸去哪儿？ </t>
  </si>
  <si>
    <t>是节目组邀请的明星亲子，只要愿意让孩子曝光，档期符合节目组的要求就可以参加。</t>
  </si>
  <si>
    <t xml:space="preserve">恋爱爱一个人她却不知道，爱我的人却很爱我，她们又是朋友，我该不该 </t>
  </si>
  <si>
    <t>你一日不把话说明，你们三人就都永远纠缠在一起，到最后伤害的是所有人，而且你也很可能失去自己爱的人。</t>
  </si>
  <si>
    <t xml:space="preserve">关于椭圆的基本性质的几道题目最好有解题思路和解题过程设椭圆为标准 </t>
  </si>
  <si>
    <t xml:space="preserve">解：  用椭圆参数方程：   x=acosu   y=bsinu   a＞b＞0      A（-1，0）   o（0，0）      p（acosu ，bsinu）向量PA=（-a-acosu，-bsinu）向量PO=（-acosu，-bsinu）向量PA·向量PO=（a＾）（cosu）（1+cosu）+（b＾）（sinu）＾=0（a＾）cosu+（a＾）（cosu）＾+（b＾）[1-（codu）＾]=0（a＾）cosu+（c＾）（cosu）＾+a＾-c＾=0（1+cosu）+（e＾）[（cosu）＾-1]=0e＾=1/（1-cosu）cosu=1-1/e＾∵-1≤cosu≤1    0＜e＜1∴-1≤（1-1/e＾）≤1   e≥（√2）/2∴（√2）/2≤e＜1   </t>
  </si>
  <si>
    <t xml:space="preserve">龙镶飞剑怎么飞行?飞剑怎么成长？龙镶飞剑具体怎么使用才能飞行?怎 </t>
  </si>
  <si>
    <t xml:space="preserve">首先，你要把飞剑装备到身上，其次，飞剑也需要法宝精力的，如果你飞不起来，有可能是因为你的法宝精力没有达到一定值。就像法宝天人合一一样，到达一定值才能启动，飞剑也是这个道理 烁光 出处：天地宝库99YB 品质：名品 龙骧 出处：抽奖一等奖（我们区，电信一问鼎现在卖到120YB） 品质：最差是灵宝，圣品出的也很多（我抽中两个，一个灵宝一个圣品） 附：飞剑的属性是按什么品级排的呢？ 名品--灵宝--圣器 </t>
  </si>
  <si>
    <t xml:space="preserve">绑定微博后如何取消？不知道在哪取消绑定 </t>
  </si>
  <si>
    <t>先点击右上方你的昵称，然后在点击“我的资料”，然后是基本信息后的“修改”。让后根据左边的目录选择你所要修改的时候手机绑定还是邮箱绑定</t>
  </si>
  <si>
    <t xml:space="preserve">上饶地区以前包括不包括景德镇和鹰潭？我看上饶地图上这两块好像是被? </t>
  </si>
  <si>
    <t>以前是,现在变了</t>
  </si>
  <si>
    <t xml:space="preserve">后缀为jar的文件怎么安装？？最近下了一些手机游戏，有些是SIS </t>
  </si>
  <si>
    <t xml:space="preserve">如何安装 -------------------------------------------------------------------------------- 作者:  来自:手机游戏 点击:344 时间:2006-5-11 一、如何安装手机游戏 若是通过手机上网下载以及使用短信定购的方式，直接在手机的个人文档或者应用程序中找到（根据手机各不相同），无需在安装，直接可以在类似“我的文件夹”之类的选项找到。 使用电脑下载就需要将文件传送到手机上。 传送到手机的方法有3种。 1.蓝牙传输 这个也非常简单，买个蓝牙适配器就能传。将蓝牙的驱动安装完毕后，直接用鼠标右键点击你想传的文件，选发送，然后再选通过BLUETOOTH就能传到手机。由于蓝牙的范围在5-10米内，所以只要将蓝牙手机的蓝牙功能打开，放在与电脑距离5-10米的范围都可以直接传输。蓝牙的驱动在任何系统都必须安装。 2.红外线 与蓝牙一样，也是可以使用鼠标来传输。只不过红外需要点对点，所以将手机红外功能打开后，与你所买的红外适配器对整齐，才能传输 。红外在XP、2K、2003的系统下无须驱动。 3.数据线 最麻烦的一种，需要通过软件才能传输，关键在于软件驱动之上，查找安装相当的麻烦，所以再此还是建议使用以上的方式。至于连接方法，就很简单了，大家多摸索摸索。 如果你下载的是JAVA游戏，后缀名为JAR，不要解压缩，将JAR文件直接传到手机。如果是MPN游戏，就必须解压缩，然后将里面的MPN文件全部按顺序传进手机。 二、安装问题-相关说明 一 如何安装Kjava游戏 JAVA平台的手机游戏一般有两个文件，一个是jar，一个是jad。 诺基亚等品牌的机器需要两个文件都传入手机中才能正常使用。 而索爱等品牌的手机只需要一个jar文件就可以用了。具体情况要根据你自己的手机来确定。目前在"继联网-下载频道"上下载的手机游戏.jad文件是通过程序网络化生成的.如果你是下载至电脑本地安装.而且你的手机需要用到.jad文件才能完成安装. 请参阅"关于生成本地.jad文件"以及"关于本地安装.JAD文件的问题" 文章中会有一个快捷方法教你生成所需的.jad文件.或如何自己修改.JAD文件完成本地安装. 1.用数据线，红外或蓝牙等方式把两个文件[.jar,.jad]存到手机上同一个目录中即可。 如果你会使 用pc suit5.0，不用修改，他会让你分别选择jad和jar文件 用PC套件中的 诺基亚应用程序安装器 安装游戏也可以 二 如何安装Symbian游戏 Symbian游戏/软件安装包通常是.sis的压缩文件，其中包含许多组件文件。 安装步骤如下 ： (1) 安装文件可以通过蓝牙连接或红外连接发送至手机 ,或一样可通过"无线硬盘". (2) 在手机收到信息后，打开新信息，选择打开-&gt;安装 (3) 按照提示一步一步操作下去，直到安装完成 </t>
  </si>
  <si>
    <t xml:space="preserve">Jason日收评（2.14）：权重情意似曾相识，放量收红烟花烂漫 </t>
  </si>
  <si>
    <t>楼市大资金或转战股市来了.</t>
  </si>
  <si>
    <t xml:space="preserve">请问各位法律人，在我国法律可以优先于基本法适用吗？问：“刑事案件 </t>
  </si>
  <si>
    <t>观点一--《律师法》在三个方面突破了刑事诉讼法的规定，规定了律师会见不需要经过批准，扩大了律师的阅卷权，赋予律师直接的调查取证权，解决了律师会见难、阅卷难和调查取证难的问题。这是一个很大的进步，意味着控辩双方的关系将逐步走向真正意义上的平等。但是由于《刑事诉讼法》没有修改，如何解决律师法与刑事诉讼法冲突？针对两个之间的冲突该如何进行解决呢？通过《立法法》的规定即可以妥善解决《律师法》和刑诉法的冲突问题。具体包括以下三个方面：1、从《立法法》规定的法律效力来看，宪法具有最高法律效力，宪法规定犯罪嫌疑人或者被告人有权获得辩护。《律师法》扩大了律师的会见权、阅卷权和调查取证权，都是为了保障犯罪嫌疑人或者被告人的辩护权，与宪法的精神是一致的，因此，并不违背宪法的规定。2、从《立法法》规定的基本法和一般法的关系来看，《立法法》只规定了法律高于行政法规，并没有规定基本法与一般法之间的效力问题。《刑事诉讼法》作为基本法，是由全国人大制定的，《律师法》作为一般法，是由全国人大常委会制定的。全国人大制定的基本法和人大常委会制定的法律应该有区别，但是《立法法》没有规定基本法和一般法之间的差别。《立法法》规定，同一机关制定的法律新法优于旧法。在大会闭会期间，人大常委会经过了法律授权，完全可以行使人大的权力，因此，人大和人大常委会应当被视为同一机关。那么，根据新法优于旧法，新律师法是新法，就应当依照《律师法》的规定执行。3、从《立法法》规定的解决法律冲突的方法来看，《立法法》规定，法律规定之间有冲突，不能解决的，要由人大常委会作出裁决。因此，应该用《立法法》来解决《律师法》和《刑事诉讼法》规定之间的冲突，以保证新《律师法》的顺利实施。观点二--2007年12月28日，全国人大常委会对《律师法》进行了一系列修改，修改后的新《律师法》已经于2008年6月1日起施行。新的《律师法》对律师在刑事诉讼中的权利加以完善和强化，对刑事诉讼中律师的会见权、阅卷权、调查取证权、法庭言论豁免权作出了一系列不同于《刑事诉讼法》的突破性规定，而这些与《刑事诉讼法》明显冲突的突破性规定究竟如何，尤其是在具体的办案实践中，律师在会见犯罪嫌疑人的时候，办案机关到底能不能派员在场等一系列棘手的问题使我们无所适从。一个是新颁布的由全国人大常委会制定的法律，一个是由全国人大制定的颁行了近十一年之久的法律，究竟该适用那部法律呢？现在主流的观点认为新《律师法》是刚刚修订颁行的，当两法发生冲突时，按照新法优于旧法的原则，应当优先适用新《律师法》的有关规定，当然也有少部分人坚持认为根据上位法优于下位法的原则，仍应当适用《刑事诉讼法》。 不错，在司法实践中，当产生法律冲突时，通常按照上位法优于下位法，特殊法优于普通法，特别法优于一般法，新法优于旧法等一系列的原则确定该如何适用。而单单就新法优于旧法这一原则而言，主要适用于同一机关就同一事项先后制定的规定不一致的情形，而新《律师法》和《刑事诉讼法》有关律师会见权、阅卷权、调查取证权和法庭言论豁免权方面不一致的规定，并非是同一机构制定，《刑事诉讼法》是由全国人大制定，而新《律师法》是由全国人大常委会制定的，所以，应当按照上位法优于下位法的原则，优先适用《刑事诉讼法》的有关规定。因为按照上位法优于下位法的原则，全国人大制定的《刑事诉讼法》效力当然高于全国人大常委会制定的《律师法》。此外，我国《宪法》第67条第三项明确规定：在全国人大闭会期间，全国人大常委会可以对全国人大制定的法律进行部分补充和修改，但是不得同该法律的基本原则相抵触。因此刚刚颁行的新《律师法》实际上处于非常尴尬的法律境地，只要《刑事诉讼法》不进行相关的修改，新《律师法》永远也不能理直气壮地“挺起腰杆”。 观点三--我的看法1、 尽管各种争论一直不休，但执法权在公检法手中。所以，广大的律师们目前只能尊重现实，翘首等待《刑事诉讼法》的早日修改调整或者全国人大的新的规定。否则，新《律师法》的相关内容仍是一纸空文。我承认这个现实，我们都必须承认这个现实。2、这其实是中国法律的悲哀。新《律师法》与《刑事诉讼法》之间的冲突其实是国家立法节奏失调的后果，本身就不应该出现这种状况。3、不可否认的是，新《律师法》中的突破性规定无疑是进步的、先进的，它使法庭上的控辩双方的法律地位更趋于平等，对维护犯罪嫌疑人、被告人的合法权益，保障人权，对公诉机关在法庭上天然形成的优势地位的削弱具有不可估量的价值。4、随着《刑事诉讼法》的及时修改完善，这一问题将迎刃而解，检察机关感受到“平等武装”后辩护方的冲击的那一刻将不可阻挡的到来，而中国的法制进程也将迈进一大步。</t>
  </si>
  <si>
    <t xml:space="preserve">郑州大巴租赁去哪租如题，哪的大巴车比较便宜，想找55座的，要新点 </t>
  </si>
  <si>
    <t>郑州金桥汽车租赁公司</t>
  </si>
  <si>
    <t xml:space="preserve">宠物进化的时候系统提示说进化成功潜力提升，可是潜力还是和原来一样? </t>
  </si>
  <si>
    <t>你搞错了`进化不是加潜力的``是随便机加属性的```潜力呢``最好是完美`我建议你找到一个完美的BB再进阶``因为第一次完美了``以后都是完美的了```其次``悟性要高````记得``进化成功``随机加属性`BB等级不变``进阶成功``BB等级归0``</t>
  </si>
  <si>
    <t xml:space="preserve">邓丽君多少岁死的 </t>
  </si>
  <si>
    <t xml:space="preserve">邓丽君 1995年5月8日,42岁的邓丽君因气喘病发猝死于泰国清迈,之后长眠台湾金宝山“筠园”。 名：邓丽君 半世纪，十亿个掌声的天籁女子 英文名： TERESATENG 生日：1953年1月29日 ：水瓶座 生肖：蛇 血型：O型 籍贯：中国河北省邯郸市大名县 出生地：台湾省云林县褒忠乡田洋村 身高：167cm 喜欢的颜色：紫色、桃色系列 喜欢的食物：猪脚、辣的食物 最感谢的人：家人，尤其是母亲 1953年1月29日出生于台湾省褒忠乡田洋村。 1958年至屏东市仙宫戏院附近学芭蕾舞。 1963年参加中华电台黄梅调歌曲比赛以《访英台》获得冠军。 1964年代表学校参加全县国语朗读比赛，获得第一名。 1966年参加金马奖唱片公司歌唱比赛，以《采红菱》夺得冠军。 1967年自金陵女中休学加盟宇宙唱片公司，九月推出第一张唱片，正式以歌唱为职业。 1969年演出第一部电影《谢谢总经理》。演唱中视开播首档连续剧《晶晶》主题曲及主持视《每日一星》节目。应新加坡总统夫人邀请首度出国赴约做慈善义演。 1970年获白花油义卖“慈善皇后”荣誉。随“凯声综艺团”到香港表演。在港拍电影《歌迷小姐》。 1973与日本“宝丽多”机构签约赴日发展。到香港演唱于“香港歌剧院”、“汉宫”及“珠城”，后前赴越南演唱 1974年以《空港》一曲当选1974年最佳新人歌星赏。 1977年成为“香港第一届金唱片颁奖礼”一位金唱片得主。 1978年个人大碟《邓丽君GREATESTHITS》及《岛国之情歌-第三集》同时获香港第三届金唱片奖。于日本 以《东京夜景》获得“正顽张中赏”。 1979年“香港第四届金唱片颁奖礼”上，同时有三张大碟获白金唱片奖，另有两张大碟获金唱片奖。赴美 进修日文、英文、生物及数学，四月首次在加拿大温哥华举行演唱会。 1980年荣获台湾金钟奖“最佳女歌星奖”。在美国纽约林肯中心、洛杉矶音乐中心登台。邓丽君身在美国，然而其歌声却响遍神州大地，大江南北的民众为邓丽君歌声而醉倒。据悉，连小平同志也甚为欣赏邓丽君独特的演绎方式。在香港推出第一张粤语大碟--《势不两立》，瞬即达到白金唱片数字。第四度踏足“利舞台”，举行一连七场个人演唱会。十月返台于国父纪念馆义唱，门票收入全数捐作自强爱国基金。年底赴东南亚作巡回表演。 1981年台新闻局颁发“爱国艺人”奖座，与李季准主持金钟奖典礼。在香港利舞台创下个人演唱会场次最多之记录六月于台湾义演，“台视”播出长达一百二十分钟《君在前哨》特别节目。参加“香港第五届金唱片颁奖礼”，她所灌五张个人大碟同时获白金唱片，勇破历届金唱片记录。 1982年于香港举办个人演唱会，推出《邓丽君演唱会》双唱片，面世即双双成为白金唱片。 1983年赴拉斯维加斯“凯撒皇宫”演唱，是首位在此签约演唱的华籍女歌手。当寻十大杰出女青年”。推出广东大碟《漫步人生路》，唱至街知巷闻。 1984年在东南亚各地举办十五周年巡回演唱会。重返日本推出《偿还》专辑，立即打入日本唱片流行榜，停留榜内接近一年，刷新日本乐坛历史记录。邓丽君也因此获得无数奖项，其中包括“年度有线大赏”、“最受欢迎歌曲赏”，更被提名角逐“日本唱片大赏”之“最优秀歌唱赏”。其卓越成就，为中华民族添上一抹缤纷艳丽的光彩。 1985年在日本凭借新歌《爱人》连续十四周蝉联日本广播“点唱流行榜”冠军，并再夺“有线放送大赏”，同时在日本乐坛创下两项历史记录。《爱人》一曲不费吹灰之力便入选日本“第36回红白歌合战”。首次参与电视剧演出《爱人》一曲更成为该剧主题曲。八月返台与张菲主持“反盗录、反仿冒”义演晚会。十二月在日本NHK大会堂举行演唱会。 1986年主持台视春节特别节目“与君同乐”。单曲《任时光从身边流逝》蝉联日本年度有线电视大赏。再度以大热门姿态顺利入选日本“第37回红白歌合战”。 1987年继续穿梭于香港、台湾、美加及法国等地，但已处于半退休状态，除参与慈善演出外，甚少于公众场合露面。赴纽约参加“国际公益金”义演。出席日本“第38回红白歌合战”。 1988年名作词家慎芝女士过逝专程返台吊唁。 1989年香港“亚洲电视”于农历年初二晚直播烟花汇演，邓丽君应邀出席，并演唱一曲《漫步人生路》。 1990年应邀出席“无线电视”直播之慈善节目，作表演嘉宾。 1991年赴港为“爱心献华东”赈灾筹款，作慈善表演嘉宾。 1992年推出《难忘的TERESATENG》专集。 1993年三月赴港作“亚洲电视”TALKSHOW“龙门阵”嘉宾。 1994年参加华视庆祝黄埔军校建校七十周年所举办的“永远的黄埔”晚会，为最后一次在台湾之公开演出。于日本推出《夜来香》唱片。1995五月八日因气喘病发猝逝泰国清迈，享年四十二岁，五月二十八日在国人及全球华人目送之下长眠金宝山“筠园”。 </t>
  </si>
  <si>
    <t xml:space="preserve">GM，电信一什么时候出个新区电信一空缺那么多，啥时候可以出个新区 </t>
  </si>
  <si>
    <t>那可说不定,人家想什么时候出就什么时候出,毕竟是人家的游戏嘛!哈,耐心等吧,都等了一年多了,何必在乎这一两个月呢</t>
  </si>
  <si>
    <t xml:space="preserve">狗狗昨天驱的虫今天能打针吗? </t>
  </si>
  <si>
    <t xml:space="preserve">这个现在还不可以要等半个月后你在看看  </t>
  </si>
  <si>
    <t xml:space="preserve">怀孕期间如何使用化妆品 </t>
  </si>
  <si>
    <t>怀孕了,快要做妈妈了,一定要让自己做一个漂亮妈妈,但是也一定要注意对自己和未来宝宝的健康.怀孕以后,可是护肤,但是不可以化妆.护肤也要选择那些温和的护肤品,至于化妆品(彩妆)里面大多含有铅汞,怀孕后更容易吸收,造成色素沉着,很容易生斑.所以还是不用为好.另外,也不能做精油类护肤.不要涂指甲油.不要做水晶甲.</t>
  </si>
  <si>
    <t xml:space="preserve">小时候的理想是:离开父母四处流浪。长大了才知道流浪不是浪漫。发题? </t>
  </si>
  <si>
    <t>小时候每次和父亲吵嘴后就想出去流浪，可一觉醒来后就好象啥事也没有了，现在只想出去游遍山山水水，不想流浪，流浪感觉无所依托，飘着没有分量了。</t>
  </si>
  <si>
    <t xml:space="preserve">银行大堂经理的职责是什么 </t>
  </si>
  <si>
    <t>xx分行大堂经理岗位职责 （一）服务管理。严格按照《中国工商银行服务工作规则》和《中国工商银行齐齐哈尔市分行大服务工作实施方案》的规定，协助网点负责人对本网点的优质服务情况进行管理和督导，及时纠正违反规范化服务标准的现象。 （二）迎送客户。热情、文明地对进出网点的客户迎来送往，从客户进门时起，大堂经理应主动迎接客户，询问客户需求，对客户进行相应的业务引导。 （三）业务咨询。热情、诚恳、耐心、准确地解答客户的业务咨询。 （四）差别服务。识别高、低端客户，为优质客户提供贵宾服务，为一般客户提供基础服务。 （五）产品推介。根据客户需求，主动客观地向客户推介、营销我行先进、方便、快捷的金融产品和交易方式、方法，为其当好参谋。 （六）低柜服务。有条件的营业网点依据个人客户提供的有关证明资料，办理个人客户的冻结、解冻和挂失、解挂等非现金业务。 （七）收集信息。利用大堂服务阵地，广泛收集市场信息和客户信息，充分挖掘重点客户资源，记录重点客户服务信息，用适当的方式与重点客户建立长期稳定的关系。 （八）调解争议。快速妥善地处理客户提出的批评性意见，避免客户与柜员发生直接争执，化解矛盾，减少客户投诉。对客户意见和有效投诉的处理结果在规定时间内及时回复。 （九）维持秩序。保持整洁的卫生环境；负责对网点的标识、利率牌、宣传牌、告示牌、机具、意见簿、宣传资料、便民设施等整齐摆放和维护；维持正常的营业秩序，提醒客户遵守“一米线”，根据柜面客户排队现象，及时进行疏导，减少客户等候时间；密切关注营业场所动态，发现异常情况及时报告，维护银行和客户的资金及人身安全。 （十）工作要求。大堂经理必须站立接待客户（可坐下与客户谈业务），做到眼勤、口勤、手勤、腿勤，穿梭服务于客户之间；要记载好工作日志（履行基本职责情况）和客户资源信息簿（重点客户情况）；因故请假，各行应安排称职人员顶替，不得空岗。 （十一） 定期报告。定期归纳分析市场信息、客户信息、客户需求及客户对本网点产品营销、优质服务等方面的意见，提出改进的建议，以书面形式每月向主管行长和网点负责人报告一次（遇重大问题随时报告）。对大堂经理反映的问题，行领导和网点负责人应及时研究，并采取有针对性的措施加以解决。(自百度）。</t>
  </si>
  <si>
    <t xml:space="preserve">lol用不用钱玩 </t>
  </si>
  <si>
    <t>lol 除去卖英雄和皮肤还有道具花钱之外其他都不用花钱全是免费的。ＷWＷ_ttkdV_CoM</t>
  </si>
  <si>
    <t xml:space="preserve">电信版三星手机i869能同时插移动和联通卡吗？ </t>
  </si>
  <si>
    <t>不能够的。（亲，如果觉得信息有用，能麻烦点击一下好评么，谢谢）</t>
  </si>
  <si>
    <t xml:space="preserve">我和我婆婆不合怎么办？我和我老公都是独子，我们是2边做新房，可结 </t>
  </si>
  <si>
    <t>我认为楼主你的想法和对你公婆的态度是一点也不对的，我也是儿媳，也有公婆。你这样是不对的，希望你好好想想。并不是教训你，你真的错了。可以分析一下你的话吗。。。。。希望你再换个想法。我和我老公晒的衣服那怕下雨了她也不给我们收，？？？？不收就不收呗，为什么要替你收哪？自己收嘛。你有什么理由指使老人为你做事。理所当然吗？？但如果是故意的，说明你让老人生气了，所以这样做的。你有什么理由生气那？？？？？穿我的鞋不说，？？？？？？穿就穿了呗，如果是我，高兴还来不及，为什么生气呀。说明喜欢你的鞋嘛，如果婆婆愿意，我会送一双新的给她，她也许会高兴的。真不明白你们怎么拉！送她拉。有时候把我买的东西吃个尽光，？？？？？吃就吃了呗，如果是我，高兴还来不及，为什么生气呀？说明喜欢吃你买的东西呀，我很担心自己买的东西婆婆不喜欢吃又不说！能吃光最好拉，身体好呀，下次还记得买回来。到底是怎么回事呀，为什么你不高兴吃你的东西，长辈吃你的东西是给你面子呀！！！你小气吗？不是吧。。。我不是不给她吃，可她吃的时候应该和我们打个招呼。等我去吃的时候早没了，有什么事也从来不和我说，？？？？？？为什么应该和“我们”打个招呼？在一起住，家庭成员，买的东西应该大家分享呀，比如我婆婆不好意思吃我买的东西，我每次都尽量避开让她多吃一点。在喜欢把我老公叫到他们自己的房里，然后偷偷的不知道说什么，也不让我听，我婆婆也这样，但很正常的事情，母子嘛喜欢有自己的空间，天伦之乐我知道他们无非聊一些陈芝麻烂谷子的闲话解闷，有时等他们聊一阵，我也去聊一会，很欢迎的。有一次我火了，我说大家是一家人有什么事情不可以当我的面说，不能发火呀！！！你悄悄观察一阵，其实没有什么事情在背着你。从这以后他们没有犯过这中错误，？？？？太可怕拉，他们还会犯错误，不能用这种词形容公婆的。大家很容忍你拉。我还讨厌我婆婆在我公公面前告枕头状《因为我公公长期在外工作》，然后把我和老公又是一顿说，公公说我们，我和老公又要吵了，我心里真的很气愤我婆婆，因为你不是好儿媳，所以挨说了。时间长了，老公会讨厌你的，关系也不好。因为你，总生气，家里气氛不愉快。儿子很难做的。前几天我公公在家，我公公提出要我们每天去买菜，说我婆婆早上起不来..........我正相反一直不想让婆婆去买菜，她年纪大了，想自己去买，不让她掏钱，但她不肯，习惯了，一要买菜二还要上班，已经头疼了，更应该休息了。公公说的对呀，很爱你婆婆的。爱睡懒觉？？？这样形容长辈，不可以的！！！注意自己的形象。现在每天要睡到7点，说明老人很辛苦，你可以提出不让老人在干了，在家休息吧，辛苦一辈子，该歇歇了，这样才是晚辈该做。婆婆只负责买菜，和烧一顿晚饭，其他的打扫啊什么的都是我在干，你勤快，老人会高兴的。会对你好的。暂时说这些,很同情你的烦恼,有机会就出去单过吧,会比现在好。也不要把婆婆当母亲，她毕竟不是。得不到母爱，也自寻烦恼。但象孝敬自己母亲一样，孝敬婆婆还应该做到。婆婆永远是长辈,是家里的女主人。你毕竟是晚辈，地位底一些，不是这个家里的女主人，付出肯定多一点。其实你也没有和婆婆不和，只是暂时事情想不通而已。你是独女，在娘家是中心，现在在婆家，是儿媳，伺候人的人。想通就好了。你和婆婆的关系会慢慢好起来的。祝你和老公生活幸福不要在家里浪费精力，为此苦恼。留更多时间对自己更好，让自己和别人都更快乐。</t>
  </si>
  <si>
    <t xml:space="preserve">请问开远市癫痫病医院有哪些 </t>
  </si>
  <si>
    <t>在治病的时候是要找到好医院的，因为好的医院是能够把病治好的，对于治疗癫痫这种病的时候，是更要找到好的医院的。癫痫病本来就很难治疗，而且癫痫病还容易反复的发作，所以在治疗癫痫病的时候一定要到正规的医院。正规的治疗癫痫病的医院是有很专业的医生的，而且这些医生也是有经验的，所以在治疗的时候是不会出现危险的。治疗癫痫病是要先找到正规的治疗癫痫病的医院，然后在看看医院里面有没有治疗癫痫病的很有效的方法。大家都知道癫痫病是很难治疗的病，而且癫痫病的发作的因素又有很多，所以在治疗癫痫病的时候是要有很有效的方法的。为了能好好的治疗癫痫病，癫痫患者是需要到根治癫痫的医院进行治疗的，这样癫痫患者的疾病才能及时的得到治疗的。癫痫患者在选择医院的时候要知道医院的治疗案例是不是很多，要是医院的治疗案例是很多的，这就表明这家医院在治疗癫痫病的时候是很有经验的，那么患者就可以选择这样的医院治疗。癫痫病是很难治好的疾病，而且生活中也是有很多的使癫痫病发作的因素的，所以癫痫患者要多多的了解这种病，而且患者也要及时的到医院治疗这种病，这样癫痫患者的疾病就可以得到很好的治疗了。治疗癫痫病的时候，患者要选好治疗的医院，这样患者才能恢复健康的。</t>
  </si>
  <si>
    <t xml:space="preserve">X^tanx怎么求导 </t>
  </si>
  <si>
    <t>a=tanx^xlga=xlgtanx对x求导a'/a=lgtanx+x*1/tanx*sec²x=lgtanx+2x/sin2xa'=tanx^x(lgtanx+2x/sin2x)b=x^tanxlgb=tanxlnxb'/b=sec²xlnx+tanx/xb'=x^tanx(sec²xlnx+tanx/x)所以y'=tanx^x(lgtanx+2x/sin2x)+x^tanx(sec²xlnx+tanx/x)亲，如果我的回答对您有帮助，请赐个好评吧。谢谢！</t>
  </si>
  <si>
    <t xml:space="preserve">勋章有什么作用 </t>
  </si>
  <si>
    <t xml:space="preserve">收集啊！！！！！！！！ </t>
  </si>
  <si>
    <t xml:space="preserve">紫色的叶的是什么花这是什么花?!?!?!!!!!! </t>
  </si>
  <si>
    <t xml:space="preserve">名称: 紫苏叶 来源: 品为唇形科植物回回苏Perilla frutescens(Linn．)  ispa Decne．的干燥叶。 出处: 实用中草药彩色图集. 第一册 介绍 Title 简介 来源 本品为唇形科植物回回苏Perilla frutescens(Linn．)  ispa Decne．的干燥叶。 原植物 回回苏为一年生直立草本，高常1米余；茎绿色或紫色，方柱形，有4钝棱，被长柔毛。叶对生，草质．阔卵形或近圆形．长7～13厘米，宽4.5～1O厘米，顶端短尖或骤尖，基部阔楔尖至圆，边缘有撕裂状粗锯齿，两面紫色．或仅下面紫色，上面紫绿色，被疏柔毛，下面被伏贴柔毛；叶柄长3～5厘米。花秋季开放．紫红色，排成腋生、密花、偏侧的总状花序；苞片阔卵形或近圆形．长约4毫米，生有红褐色腺点，无毛；花萼钟形．直伸．长约3毫米，1O脉，被长柔毛和腺点，萼檐二唇形，上唇3裂，中裂较小．下唇2裂．长于上唇；花冠长3～4毫米．冠管短，喉部近钟状，冠檐近二唇形．上唇微缺．下唇3裂，中裂特大；雄蕊4.几与花冠裂片等高。果萼明显增大．长1.1厘米，平伸或下垂，基部一边肿胀；小坚果球形，径1.5毫米，褐色，有网纹。 我国南北各省区均有栽培，间有逸为野生。广布亚洲东部和东南部。 采收加工 夏秋季开花前分次采摘，除去杂质，晒干。 药材性状 叶片多皱缩卷曲，常破碎，完整的叶片呈卵圆形，长4～13厘米．宽2.5～9厘米或过之．顶端急尖，基部阔楔形，边缘有撕裂状锯齿．叶柄长2～7厘米．两面紫色至紫蓝色或上面紫绿色，疏被灰白色毛，下面可见多数凹陷的腺点。质脆易碎。气辛香，味微辛．以叶片大、色紫、不带枝梗、香气浓郁者为佳。 性味和功用 辛．温。归肺、脾经。解表散寒，行气和胃。用于风寒感冒，咳嗽气喘，妊娠呕吐，胎动不安。又可解鱼蟹中毒。常用量5～1O克。 附注 ①紫苏Perilla frutescens(Linn．） Britt．常见有两种类型；一类叶绿色，花白色，习称白苏；一类叶和花均紫色或紫红色，习称紫苏。入药多取花叶紫色的。 ②紫苏在我国栽培很广,栽培历史也很长,因而形成多个变种。除本书记载的回回紫苏外.尚有野紫苏 ula(Thunb.)Kudo和耳齿紫苏 riculato-dentataC.Y.Wu,据报道(中国植物志六十六卷)这些变种也均可入药。附：紫苏梗 本种为回回苏的干燥茎，商品呈方柱形，角钝圆，长短不一，直径5～ 15毫米。表面紫棕色或暗紫色，四边均有直沟和直纹，节部稍膨大，有对生的枝和叶痕。体轻，质硬。以茎粗壮，紫棕色者为佳。辛，温。归肺、脾经。理气宽中，止痛安胎。 附：紫苏子 本品为回回苏的干燥成熟果实。商品为小球形或卵形颗粒，直径1～3毫米，表面灰棕色或灰褐色，有隆起的暗紫色网纹和圆形小凸点。果皮薄，硬而脆，易压碎。种子黄白色，种皮膜质，子叶2，油性，用手搓之有紫苏香气。以粒大饱满，色黑者为佳。辛，温。归肺经。降气消痰，平喘，润肠。 功用: 归肺、脾经。解表散寒，行气和胃。用于风寒感冒，咳嗽气喘，妊娠呕吐，胎动不安。又可解鱼蟹中毒。 性味: 辛．温 紫苏生姜红枣汤：鲜紫苏叶１０克，生姜３块，红枣１５克，先将红枣放在清水里洗净，然后去掉枣核，再把姜切成片。将鲜紫苏叶切成丝，和姜片、红枣一起放入盛有温水的砂锅里用大火煮，锅开以后改用文火炖３０分钟。然后将紫苏叶、姜片捞出来，继续用文火煮１５分钟。此汤具有暖胃散寒、助消化行气的作用。 </t>
  </si>
  <si>
    <t xml:space="preserve">MMC卡的问题~急！请问，双压1G的卡，NOKIA7610能用么 </t>
  </si>
  <si>
    <t>不能用。7610最大只能扩充到512兆。</t>
  </si>
  <si>
    <t xml:space="preserve">天堂2里现在哪个职业吃香本人以前玩过天堂2，后来由于个人原因离开 </t>
  </si>
  <si>
    <t>按照楼主的要求`首先第一时间`建议你玩一个`舞蹈`可以说是要求武器装备最低的职业`哪怕你是去龙岛烧烤`一般达到78+去`你穿套基本A装都没人说你`武器随便拿个双手武器就可以了`舞蹈去到那里都是那么的吃香`而且是比较好组队`混那里都可以`资金投入低`适合新手玩家`和回归的玩家`其次我还建议你玩个战狂`怎么说`战狂这职业`这一章改了`连去加个新手BUFF都是属于战士型的`战狂可以说是半打手半辅助的职业`有时候很多扫怪的都选择战狂`因为战狂本身带个CC的技能`3级的时候已经可以吸到8%的血了`4级就更多了`而74的舞蹈才是8%的血`玩战狂的话`前期你可以单练也可以`后期混团也很好`加BUFF也很轻松`可以群加`感觉比较好`我就是喜欢这种加BUFF的时候的感觉`呵呵`其实你不喜欢单练`打手系`你还有很多的选择`貌似现在比较多人玩的`是弓和巫师`巫师就不建议玩`比较烧钱的职业`没钱混不下去`感觉你可以尝试去练个弓`每个服务器`弓这职业都是很多的`什么PK啊`盟练啊`打BOSS`感觉都少不了弓的`弓其实也是个烧钱的职业`后期没BOSS的话`也是很难混的`刺客也很多人玩`刺客攻击高`速度快`爆击高`是个强力打手`后期要求装备武器也是要很高的`破坏也不错`天生攻击高`血多 防御一般`打BOSS`去那里`都很好组队`高攻击输出`人人都需要`说了点点`希望能帮到你`祝你游戏愉快`</t>
  </si>
  <si>
    <t xml:space="preserve">我有一个比较大胆的想法.可不可以说,美国现在进行的是一次有别于第 </t>
  </si>
  <si>
    <t>具体来说应该是说美国正在试行一种新的霸权主义手段。慢性战争。这种战争手段应该很独特很有创新！它不仅可以一步一步的实现他的野心计划！又可以使得任何一个国家的能力都不敢单独跟它斗，这种计划可以更进步的实现他们的大国野心！可以减轻国际对他的排视，更使这这些民心不能团结到一致。一个一个除是美国慢性计谋。 这样就不会很轻易暴露他们的军事扩张计划。提问人说得对，下个目标是伊朗再下个是朝鲜。再下一个呢或者是中国了。他每一次战争就可以得到非常厚重的赢利和战略优势从而是他慢慢强大加速他的侵权主义计划！</t>
  </si>
  <si>
    <t xml:space="preserve">有谁知道这是成都那个书店？在什么位置？希望各位大师帮帮忙，谢谢！? </t>
  </si>
  <si>
    <t>这个应该是天府广场那边的新华书店！</t>
  </si>
  <si>
    <t xml:space="preserve">闭上眼，肯定走不远！比如，你看到前方百米之内没有障碍物，但是，你 </t>
  </si>
  <si>
    <t>那是因为你可能随时睁眼，如果你的眼镜被蒙上，把手背过去，还是能够坚持走完那100米的。</t>
  </si>
  <si>
    <t xml:space="preserve">请帮忙翻译自我介绍大家好，我叫ZYY。我来自桂林。众所周知，桂林 </t>
  </si>
  <si>
    <t>How's everyone.  My name is ZYY, I am from Guilin. Everyoneknows that Guilin is a beautiful city.  If you have a chanceto visit, I would happy to give you a free tour.I like music, games, foreign language and cartoon.  BonJovi and Guns and Roses are my favorite bands, their rockmusic could always give me the chills.  For the next fouryears of my college life I wish to be able to get along well with everyone. That's all, thank you.</t>
  </si>
  <si>
    <t xml:space="preserve">过去的老板希望我回去，但我不想回过去的老板说人手不够，希望我回去 </t>
  </si>
  <si>
    <t>首先你是否有新的工作,如果没有的话,那你可以过去帮几天忙,等老板找到合适的人选,你把新人培训出来,完全可以交接.如果没有的话,首先你要很真诚的告诉老板,我现在有了新工作,如果人手不够,你可以请几天假过去帮他的忙,但是回去上班真的不行.对老板说实话,他其实也明白.现在的社会就是多元社会,人是应该多处发展,如果你不对他说实话,要让他从别人嘴里知道你现有的情况,他心里也会不高兴的!</t>
  </si>
  <si>
    <t xml:space="preserve">怎么消除黑眼圈？ </t>
  </si>
  <si>
    <t>少熬夜 用眼霜！</t>
  </si>
  <si>
    <t xml:space="preserve">数码相机的usb连接线对相机内的可充电池是否有充电功能？谢谢 </t>
  </si>
  <si>
    <t>多数品牌的数码相机的USB连线都没有充电功能，如：佳能索尼尼康富士松下等都没有。见过有这样功能的，好像是三星的。</t>
  </si>
  <si>
    <t xml:space="preserve">日语“熟女”是什么意思？ </t>
  </si>
  <si>
    <t>日语词汇，惯指40.50岁以上的女人。也泛指意识前卫，行为保守的女人，熟透了嘛，呵呵。</t>
  </si>
  <si>
    <t xml:space="preserve">不知道什么牌子的隔离霜比较好 </t>
  </si>
  <si>
    <t>3楼的是想说蝶妆吧，哪儿来的梦妆 -_-|||另外纠正一下4楼说的，隔离霜是帮助调节肤色，是皮肤呈现自然的亮度。它的作用当然不等同于粉底液。比遮盖力，那粉底液肯定高于隔离霜。如果你是坐办公室的，需要长期面对电脑的，那么隔离爽足够了。它能隔离辐射，脏空气和彩妆。另外，不管是用防晒霜还是隔离霜，都不要忘记晚上要卸妆。蝶妆海皙蓝系列的隔离霜就很不错，明星产品。绿色的很适合亚洲人偏黄的肤色。170元。买这个好象是送2用粉饼的小样。</t>
  </si>
  <si>
    <t xml:space="preserve">我的号被盗了号被盗了，时装和装备都没了，但怎么我还可以用本来的密 </t>
  </si>
  <si>
    <t>LZ大哥现在 盗号的不是偷了都改密码的 你的装备要是在800都没超过就别找了 就是你给客服打电话 他们告诉你 找当地的网络警察开一份网络虚拟都是证明 前提是你开通了他们的密码保护功能就是你的密报 然后呢东西不一定能找回啊 因为盗号的早已经把你的东西倒手N回了 完美心底善良的话能赔你星点损失 我朋友就被盗过 1000多的东西 挂失之后封号7天 最后也没找回 完美也没给答复 ；来来回回弄了1个月呢 早知道都不找了 劝楼主以后在玩完美的时候弄个360保险箱软件  就不容易丢</t>
  </si>
  <si>
    <t xml:space="preserve">MDS难治吗济南血液病医院能看好吗 </t>
  </si>
  <si>
    <t>你好，可以的。骨髓增生异常综合症是一组克隆性造血干细胞疾病，其特征为血细胞减小，髓系细胞一系或多系病态造血，无效造血及高风险向白血病转化。是一种很顽固的血液疾病，不及时治疗，会有生命危险。建议采用中西医结合的方法。济南血液病医院就是采用中西医结合清水净化治疗的，效果很好。这种病是挺难治的，而且治疗不及时容易转为白血病，需要及时去正规的医院进行治疗。济南血液病医院看这种病很有经验，也治好了很多患者，还是很可靠的。</t>
  </si>
  <si>
    <t xml:space="preserve">甄?执锎径趺此赖? </t>
  </si>
  <si>
    <t>淳儿去河边捡风筝时，看到华妃和宫外人来往，被华妃淹死了</t>
  </si>
  <si>
    <t xml:space="preserve">如何用英语表达"我中午去外婆家吃饭" </t>
  </si>
  <si>
    <t>我中午去外婆家吃饭"I'm going to grandmother home for lunch this afternoon</t>
  </si>
  <si>
    <t xml:space="preserve">鸟鸣涧中的王维怎么会夜里跑到山上人闲桂花落夜静春山空月出惊山鸟时 </t>
  </si>
  <si>
    <t>诗是王维题友人皇甫岳所居的云溪别墅所写的组诗《皇甫岳云溪杂题五首》之首。五首诗每一首写一处风景，接近于风景写生，而不同于一般的写意画，或许是一处景点。《鸟鸣涧》，侧重于表现夜间春山的宁静幽美。《鸟鸣涧》中，不仅可以看到春山由明月、落花、鸟鸣所点缀的那样一种迷人的环境，而且还能感受到盛唐时代和平安定的社会气氛。 于是可以推测，王维应该是夜间在住所旁散步，见此景致有感，而后成诗。貌似没啥确切原因。。。希望对你有帮助</t>
  </si>
  <si>
    <t xml:space="preserve">淘米水的妙用有哪些? </t>
  </si>
  <si>
    <t>人们在做饭的时候往往把淘米水倒掉，认为淘米水没有什么用，其实淘米水在日常生活中有很大的用途：　　    1．淘米水中有不少淀粉、维生素、蛋白质等，可用来浇灌花木。做为花木的一种营养来源，既方便又实惠。    2．淘米水中沉淀的白色粘液多半是淀粉，因此，可将淘米水煮沸以后用来浆洗衣服。    3．新油漆的家具，有一股油漆的臭味。用淘米水擦4～５遍，臭味就可去掉。    4．铁制的炊具如菜刀等，切过蔬菜之后容易生锈，如果放在淘米水中，可避免生锈。    5．用淘米水洗手可以去污，经常用淘米水洗手还可使皮肤滋润</t>
  </si>
  <si>
    <t xml:space="preserve">600050中国联通，后市如何操作？ </t>
  </si>
  <si>
    <t>600050调整已经到位，可以进场。不怕慢就放心持有，适合上班族。</t>
  </si>
  <si>
    <t xml:space="preserve">有没有关于狂犬病的科学解答现在关于狂犬病的问题有许多危言耸听的说 </t>
  </si>
  <si>
    <t>狂毒是一种嗜神经病毒，主要宿主有狗，狼，狐狸，蝙蝠及猫等也可感染人类。病毒侵犯中枢系统，引起狂犬病，死亡率近于100%。    存在于组织内的病毒在室温条件下可保持传染性1~2周 。加热，紫外线，强酸强碱，乙醇，乙醚，碘及肥皂水等均可灭活病毒。     狂犬病毒存在于病兽唾液中，病兽发病前五天唾液开始排毒人被病兽（主要是疯狗，也有被猫抓伤后感染的）咬伤后病毒到达中枢神经并在其细胞内增殖引起细胞损伤，病毒不断随唾液排出。人的发病潜伏期可短至一周，也偶见长达10余年之久，一般为1~3个月伤口距头部越近，潜伏期越短。发病的前驱症状有发热，头痛，不安，伤口周围刺痛感。继之出现典型的兴奋性增高，表现为出汗，流涎，流泪，吞咽或饮水时发生喉肌痉挛，甚至听见水声或受到光，声等轻微刺激均可引发极其痛苦的痉挛，故又名“恐水症“。最后病人 转入麻痹，昏迷，因呼吸和循环衰竭而死亡，病程约一周。给你吃个定心丸。将咬人动物捕获观察一周后仍不发病的可认为咬人时唾液尚未带病毒。防治原则：1。给他注射兽用狂犬疫苗。2．被咬伤后立即用肥皂水或清水反复冲洗，再涂以碘酒，70%酒精或季胺盐类化合物。必要时用狂犬病毒免疫血清或人狂犬病毒免疫球蛋白作局部浸润注射。3．特异性预防可接种狂犬疫苗。由于本病潜伏期较长，应于咬伤后及早接种，接种时间越早，免疫效果越好。                                                                  你不必惶恐，因为虽然狂犬病的死亡率极高，但是得病的几率却是很低的，平时多注意就是了，如果被他咬到还是到防疫站打个疫苗吧这样你心里也踏实</t>
  </si>
  <si>
    <t xml:space="preserve">创刊词署名吗?报纸创刊号所发的创刊词一般署不署作者名？ </t>
  </si>
  <si>
    <t>[Newspapers]是以刊载新闻和时事评论为主的定期向公众发行的印刷出版物。是大众传播的重要载体，具有反映和引导社会舆论的功能。它和杂志［Magazine］一样，都属于国家新闻出版专业的产品，是商品。但它们又不同于一般的商品，而是受国家政治舆论监督、控制，起着社会舆论导向的有着特殊使命的一种特殊商品。同时，国家只准三级办报刊，即国家级、省级和市级。县团级一般没有公开向社会发行报刊的权利。鉴于上述情况，楼主问：“创刊词署名吗？”回答是情况可分两种：一、不署名。这类报刊“创刊词”大多是由主办单位的领导所写。由于总编或社长官职不大（比如地市级报刊，其领导最大也只能安排一个正处级干部担当社长或总编，局级干部很少见），编辑部又往往设在所主管单位（主办单位的上级）的党委宣传部内，而且“创刊词”又是代表编辑部向广大读者介绍本刊宗旨之要务的话。这类报刊的“创刊词”多数不署“作者名”。 换句话说，不好意思署名，官微言轻啊。二、署名。又有两种类别。其一，这类报刊“创刊词”署名，多数是由主管单位的领导所撰。即使署名，也只署“本报编辑部”之类的集体名，而不是楼主所说的“作者名”。其二，为了本报刊的创刊能争取到更大上级的支持和更重视的目的；下级的刊物又想借用领导的名份壮威，这时就要请当地主管领导前来讲话，简曰“创刊词”或“代发刊词”。举个例子。1987年，省委宣传部门创办《文明》杂志（办刊18年后，又是因为响应党的号召，减轻基层单位负担，机关不得办刊而停刊），当时为了更好地贯彻党的方针政策，面向全省乃至全国搞好发行工作，经省新闻出版局批准，获得国家正式出版刊号后，我们就请了当时的省长侯捷（时任省精神文明建设委员会的主任，后任国家建设部部长）写的代发刊词。如图。</t>
  </si>
  <si>
    <t xml:space="preserve">如何看到图层？？？？有些是PS做成的图片,把它放进PS里如果可以 </t>
  </si>
  <si>
    <t xml:space="preserve">你 做的图片合并了就看不到图层了 ~你要是想看到图层的话就去网上下载一些PSD格式的分层图片 就可以了 </t>
  </si>
  <si>
    <t xml:space="preserve">请问：怎么才能统计软件被下载的次数？ </t>
  </si>
  <si>
    <t>请看下面的实现代码： a、先建一数据表download （后端用MySql) download表中含有下列两个字段： id　　　　下载的文件的唯一标识 downnum 下载次数，默认值为0 b、实现 假设已经从数据库取出：描述文件名 五笔字型 ；下载文件名：wbzx.zip ；标识号id值为2 处理后生成的超级链接代码为： t五笔字型t 下面的代码download.php处理下载次数累计及根据传递的文件名定位下载文件。//连接Mysql数据库代码略 $res=mysql_query("update download set downnum=(downnum+1) where id=$id" ,$db); header("location:$filename"); ?&gt;t</t>
  </si>
  <si>
    <t xml:space="preserve">蛋几时能有声宠物啊 </t>
  </si>
  <si>
    <t xml:space="preserve">你要是问的是新诛仙蛋几时能有声宠物啊 （谁叫最近分类错误的太多） 那个好像要12天孵化 每天记得呵护照顾 </t>
  </si>
  <si>
    <t xml:space="preserve">性欲强可跟女朋友做爱，可还想手淫，怎么办？ </t>
  </si>
  <si>
    <t>我觉得可以让你女朋友爱抚解决一下，尽量满足你，不要让你存在性饥渴，这样会使你对你女友产生排斥心灵，长期会造成你们的关系恶性化，如果你女友真不想要，那应该聊聊天，消减一下这些刺激。</t>
  </si>
  <si>
    <t xml:space="preserve">谁有中央电视台公益广告“心有多大舞台就有多大”的视频？或者给我下? </t>
  </si>
  <si>
    <t>在中央一套中午播人鱼小姐广告时有。</t>
  </si>
  <si>
    <t xml:space="preserve">落榜了我今年高考就考了432分，只达到了一专的线，我该怎么办 </t>
  </si>
  <si>
    <t>不想上专科就参加下半年的成人高考,上个本科</t>
  </si>
  <si>
    <t xml:space="preserve">美国在二战时在日本两颗原子弹；在城市丢了那么多烧夷弹造成无数人伤? </t>
  </si>
  <si>
    <t>这就是人的理智性和背景问题。凡是了解过美国国情的人都知道，美国的人权和自由是有目共睹的，我们的人权和自由属于有权人和有钱人，大多数老百姓是不敢奢望的。美国的一切法律、政策和决策机制是建立在“以人为本”的基础上的。我国的经济一直保持8%以上的高速增长，GDP也年年大幅度增长，而老百姓并没有因为经济增长得到相应的福利和实惠；屡见报端的是各级高官大肆贪污受贿、携巨款潜逃、领导者决策失误造成重大损失等事件。作为经济晴雨表的股市处于长期低迷状态，90%以上的股民被套牢。相当一部分百姓买不起房、看不起病、子女上不起学，被强行拆迁的人利益被侵占而在冤无处申有苦无处诉，因为他们付不出律师费而请不起律师。。。。。。。而美国政府领导下的普通民众，靠吃政府的救济金照样住洋房、开汽车、虽卡拉OK；中国人是“考大学”，很多人将在残酷的应试竞争中惨遭淘汰，有的人即使过得了考试这一关，也可能过不了“学费”这一关而放弃深造的机会；美国人是“读大学”，人人享有平等的教育权，一年有七次考大学的机会、课程可以根据自己的能力、兴趣、爱好，在老师的指导下自己选课程攻读，我们是教育部规定什么就学什么，学完后能不能派用场、对今后的工作是不有帮助就根本不管。。。。。。美国领导人思维方式是“人本位”，中国领导人的思维方式是“官本位”，这样的文化不仅是日本人喜欢，只要是正常人应该都喜欢。日本曾经给我国人民制造了很大的灾难，我们很愤恨，但是我们很多人讨厌日本的人，有多少人是真正了解日本的？？</t>
  </si>
  <si>
    <t xml:space="preserve">关于打疫苗的问题最近学校要打甲肝和乙肝的疫苗，但我上小学时得过甲 </t>
  </si>
  <si>
    <t xml:space="preserve">  需要再打加强针,以保证有足够高的抗体水平.</t>
  </si>
  <si>
    <t xml:space="preserve">火影忍者什么时候完结？追了好几年了，到底什么时候会完结？ </t>
  </si>
  <si>
    <t>估计快了吧，毕竟五大国已经统一战线，佐助和鸣人的对决也马上就要登场了。岸本说今年会完结不过估计够呛。大概再有个两年就差不多了吧。同样追了很多年，希望快点完结！</t>
  </si>
  <si>
    <t xml:space="preserve">打开QQ时输入密码，登陆是离线，点击上线，上不了！～我开Q时，输 </t>
  </si>
  <si>
    <t>你的QQ被盗了，我也有同样的遭遇，出现“我开Q时，输入密码后，打的开Q界面，见的到我Q丽的朋友～～但是就是和开着Q离线一样，要是点击让其上线，就会提示密码错误～”是因为你在那个机器上上过那个号，机器已经将你的密码记录过了，但是你 QQ被盗，在其他机器上改了密码，所以你上不了线，而且那个离线状态显示的也是你最后下线时的状态。~~你上你的号时，随便输个密码，会提示错误，点击“验证”，便会取消掉你机器上那个QQ的原密码，当你再输入密码，就再也上不去了。也不会说“等我登陆了（登陆是离线状态），点击上线，才提示密码错误了。简单的说：你那个号已经被盗了!!!!</t>
  </si>
  <si>
    <t xml:space="preserve">11月16日月经，什么时候作功课啊我上个月是10月18月经，这次 </t>
  </si>
  <si>
    <t>月经周期为28天,平时准吗?那你的排卵期大概是11月29~30间,易孕期是11月26~12月2日这七天可以合理安排性生活隔天一次就好(因为太多会影响精子的质量)可以用排卵试纸确定一下排卵情况,同时要观察白带的变化(在将近排卵时,白带会变多,变湿滑)祝福你!</t>
  </si>
  <si>
    <t xml:space="preserve">仙剑三外传厥阴心包一层到底怎么走？ </t>
  </si>
  <si>
    <t>那儿的机关是可以开多次的，再去找机关把平台升或降就可以过了…………</t>
  </si>
  <si>
    <t xml:space="preserve">总是不能静心怎么办我做什么事也不能完全投入,看书的时候总在想别的 </t>
  </si>
  <si>
    <t>克服这个毛病需要耐心和毅力。首先你在潜意识里要愿意学习，而不是强迫自己去学习。其次要有耐心慢慢改。要达到学习起来专心致志也是需要锻炼的。先从坚持5分钟不走神儿练起，一段时间后5分钟没问题了，再渐渐加长时间，当专心成为一种习惯后就好了。我现在也在上学，我试过这种办法，很管用的。</t>
  </si>
  <si>
    <t xml:space="preserve">房产的认定？我朋友五年前买了一套二手房，因一些原因没办理过户手续 </t>
  </si>
  <si>
    <t>由于我国对房地产类不动产采取登记确权政策，即谁登记谁拥有。因此，你朋友五年前买的这套二手房，虽“有相关的买卖合同、交款收据和登记仍是原出让方名字的房产证（也就是原卖方手中已没有房产证给了他）等其它包括重新装修、安装电话、电视宽带的一些相关证据。”但“因一些原因没办理过户手续”，实际上产权并没有转移，你朋友仍然不属于该房屋的真正所有人。综上，从法律上讲，你朋友不能“以他现有的资料，证明那套房子是他的。”应尽快办理产权变更，再以自己为合法产权所有人身份出售该房。</t>
  </si>
  <si>
    <t xml:space="preserve">怎么提升信用卡的额度？求解啊！！！ </t>
  </si>
  <si>
    <t>提升信用卡的额度，首先需要你有良好的用卡记录，没有逾期不还款的情况，然后交易流水多一些，使用掉的额度达到你总的授信额度的80%，这样你再给银行客服人员打电话要求提升额度，成功率会高些哈。如果对您有帮助的话，给个好评吧，谢谢</t>
  </si>
  <si>
    <t xml:space="preserve">哥用弓弩射死了一只狗，狗主人天天叫骂，要不要连他也射死？哥弓弩射 </t>
  </si>
  <si>
    <t>现在养狗的主人都把狗当作自己的孩子来养，狗也是有灵性的动物，狗死了当然主人是很伤心的，你们要予以理解，安抚一下对方，不要把事态扩大了，冤家宜解不宜结，何况你们射死人家的狗是有过错的，你们应该妥善处理，不要跟对方再发生争吵。</t>
  </si>
  <si>
    <t>这道选择题怎么做？Theirlargefeet</t>
  </si>
  <si>
    <t>答案为“c”.</t>
  </si>
  <si>
    <t xml:space="preserve">男人是怎么对待感情与事业的？难道为了事业什么都可以不要，那为了事 </t>
  </si>
  <si>
    <t xml:space="preserve">看你怎么遇见什么的人了。成功的人，比如领袖，他们一生换了多少妻子，你可以一个个的查。我看刘德华演的 三国之龙卸甲，刘德华饰演赵子龙，里面就穿插了赵子龙一小段爱情故事，赵子龙对女孩说，你要等我，等我助主公平定天下，我就回来，女孩说，我一定等你， 结果这一等，直到主公刘备死了，天下也没有太平，像这样的爱情悲剧总从古至今无数次的重复上演。 你的问题，我全部解答完毕，一个个的对。 当然赵子龙没有这样的事业心，女孩也不会爱上他。所以找个什么样的，自己选择，后果自己承担。其实关于事业和爱情，困扰的不应该是你们。 </t>
  </si>
  <si>
    <t xml:space="preserve">小中4串1从来没传过中奖单，今天遇见美女了就贴一下，哈哈！单场下 </t>
  </si>
  <si>
    <t xml:space="preserve">    豪门兄！    长跟长赢！</t>
  </si>
  <si>
    <t xml:space="preserve">下列最近接50的数字是:42还是52 </t>
  </si>
  <si>
    <t>是不是在编程中遇到这种问题的，你所调用的函数不同，得出来的结果就不同，这个答案两个都有可能。</t>
  </si>
  <si>
    <t xml:space="preserve">任务夜哭岛上的傅青雷坐标是多少 </t>
  </si>
  <si>
    <t>79门口的左边点任务提示，有箭头指示的。。。</t>
  </si>
  <si>
    <t xml:space="preserve">输让人感觉是光荣的，1比1倒觉得很可耻 </t>
  </si>
  <si>
    <t>不是中国队有多好的实力拼个平局。而是德国并没有全主力上场而且整场球也没尽全力去踢怕踢段腿。对手的不经意反而中国队练不了兵一个平局不代表什么。</t>
  </si>
  <si>
    <t xml:space="preserve">研究进展这样的论文该怎么写啊？写论文啊~~ </t>
  </si>
  <si>
    <t>是写你自己的研究还是这个方向的研究？如果写某一方向的研究进展的话，就是你多多的阅读该方面的最新论文，然后把这些论文所讲述的主要意思集合到你的论文中；要是让写你自己的研究进展，就把自己做的什么写一下，还有就是自己最未来即下一步工作的计划等写一下就可以了！</t>
  </si>
  <si>
    <t xml:space="preserve">怎么长高？我17岁了，是男孩，我才1.66左右～～我想长到1.7 </t>
  </si>
  <si>
    <t xml:space="preserve">长高因素 合理营养 加强体育锻炼 足够的睡眠 良好的情绪 保证健康 青少年的合理膳食 1、 粮食400－600克 2、 鱼、肉、禽类150－175克 3、 蛋类50－75克，牛奶或豆浆250克 4、 大豆或豆制品（干豆）50克 5、 蔬菜300－500克，水果50－100克 6、 烹调油10－20克，食糖10克 在生长期不适合做那些剧烈运动， 比如举重、力量型运动等活动是不利于孩子长高的。 一套有助长作用的锻炼方法： 旁白：这种方法随时随地都可以做，而且很简单。仰卧伸展运动：仰卧在软垫上，两臂弯曲放置胸前，食指交叉，下肢伸直，边吸气两臂同时用力伸向头顶，脚尖同时绷直，身体尽量伸展，轻轻呼气，身体放松，还原。运动次数视年龄大小做10－25次。俯卧收蹬腿运动：双手撑地呈俯卧撑状，然后收腹收双腿，上体不动，两腿伸直，同时单腿用力伸直后蹬。双腿车轮运动：仰卧在床上，双腿犹如蹬自行车一样，不停来回转动，并时快时慢变换速度，连续做2－3分钟。再来教给您几种露天环境下的助长运动，第一种方法就是摸高，要尽可能摸自己身体够不着的地方。 另外就是原地跳远，尽量伸开手臂。还有跳绳，尽量保持每一秒跳两次，一分钟大约120下，坚持3－5分钟。做这些锻炼一定要坚持。(以上供你参考） </t>
  </si>
  <si>
    <t xml:space="preserve">学什么技术能赚钱？学什么技术能赚钱？ </t>
  </si>
  <si>
    <t>学##厨##师非常赚钱，以后可以自己开店，不用给别人打工，你呀是不会，你可以去山##西新##东##方学一下</t>
  </si>
  <si>
    <t xml:space="preserve">跪求！！！！贴水让球贴水胜平负1.96平手.53周五1.78平手 </t>
  </si>
  <si>
    <t>周六1.78平手 .75看好主队不败。。。。</t>
  </si>
  <si>
    <t xml:space="preserve">谁给我介绍下笔记本电脑？ </t>
  </si>
  <si>
    <t>1 联想的Y400系列。（i5 3230M+GT650M，目前最火热的游戏本，娱乐系列最强机） 4800元 2 华硕VivoBook S400EI3317CA（4GB/500GB/SSD）加有SSD固态硬盘，开机，玩游戏，载入程序反应更快。 4600元3 戴尔Inspiron 灵越 14R（Ins14RD-2528）戴尔品质保证，最新GT730M显卡。  4600元4 惠普Envy 4-1236tx（D7N02PA）HD8750超强显卡 4500元5 索尼F15217SCP（粉）（I5+最新的GT740显卡） 4700元6 三星370R4E-S01（I5+超强A卡8750M） 4400元这个几个机子都是比较主流价位的机子，如果对你有帮助请选择对我有用宏基E1-571g。</t>
  </si>
  <si>
    <t xml:space="preserve">看看看看看看！怎样下载免费的、能玩的仙剑III </t>
  </si>
  <si>
    <t>你可以在百度里面找,如果没有的话.还可以在"华军软件园"中搜索,我为你提供的只有这些.他的域名是"太平洋网站"直接在网址栏中搜索以上五个字体就够了.</t>
  </si>
  <si>
    <t xml:space="preserve">欧冠首回合，皇马必斩巴塞于马下！！！！！！！！　皇马(02)04 </t>
  </si>
  <si>
    <t>要看临场赔率,不可盲目乱猜!!!</t>
  </si>
  <si>
    <t xml:space="preserve">NOKIA的N96和N85哪款手机的性能好？ </t>
  </si>
  <si>
    <t>水货和行货都是一样的，N85和N96都是智能机，只要是N系的都是智能的。 N96是诺基亚的顶级配置，目前诺基亚系统当中没有一款的整体配置比N96高，当然N85也没有，但是手机的性能却不是有配置所决定的，因为N96的CPU频率严重的影响了它的运行速度，所以也有了许多的后遗症，比如搜星速度的减慢，游戏时比较卡，容易死机等等，这就是N96无法回避的毛病。      下面是N96和N85的全面对比： 1.反应速度：N85的反应速度明显快于N96，这个是千真万确的，说实话N96的反应速度不快，和N85比起来差距非常的明显，所以反应速度N85&gt;N96； 2.拍照：N85和N96都是500W像素的卡尔-蔡司摄像头，而且都配置了双LED补光灯，从拍摄这个方面来讲这两款手机都差不多，所以N85=N96； 3.屏幕：屏幕是N85最大的亮点，N85的OLED屏幕非常的华丽，而且比较节能也非常的亮，出了这三个方面N85的屏幕还会自己发光，就是在光线不好的环境里N85的屏幕可以自己发光，这样你就可以很轻松的看到手机的时间了，这个就类似于手表上的“夜光模式”一样；所以在屏幕这一点上N96虽然是2.8的屏幕大于N85的2.6的屏幕，但是从实际效果上来说N96的屏幕远比不了N85； 4.导航：N85的导航功能也强于N96，主要是搜星的速度快于N96，而且N85可以免费使用2332天的诺基亚地图和语音导航，这一点N96也是无法比的，所以这一方面N85&gt;N96； 5.做工：真的不是我有意倾向于N85，不过这也没办法，N85的做工不论是滑盖的严丝合缝，还是表面的处理，都是N85远远强于N96，这个就不多说了，如果你看过真机就什么都明白了，所以这方面也是N85&gt;N96； 6.娱乐：娱乐性也是N85强，首先N85的音质比N96更加的出色，我个人认为N85的音质绝不亚于当年的N91，而且N96的声音里杂音比较明显，这一点也是N85强（本人是用了UE TF10 PRO测得音）；N85的外放声音比N96小一点，不过杂音确没有N96大，所以从外放这一方面N85和N96算是打了个平手；接下来就该游戏了，N85和N96都是完美支持N-GAGE平台的，因为N85的屏幕和CPU的速度都快于N96，所以N85在运行游戏时不会像N96那样的卡，所以N85在娱乐性方面也是完胜N96； 7.待机时间：待机时间就不说了，N85强； 8.按键手感：手感方面其实是差不多的，N96因为机身比较宽，所以按键是比宽大的，N85的手感虽然不错，但是毕竟没有N96那样宽的机身，所以按键方面就算是平手吧。 N85在，反应速度、屏幕、导航、做工、娱乐、待机时间，这6个方面都完胜N96，所以N85的可用性和性价比绝对超过了诺基亚今年的旗舰N96,这也怪不得各大网站的测评都不约而同的说N85在性能上完胜N96呢！</t>
  </si>
  <si>
    <t xml:space="preserve">向大家请教一个关于QQ密码保护的问题我有本人有两个QQ号，第一个 </t>
  </si>
  <si>
    <t>没有关系的啊！可能是系统繁忙吧！</t>
  </si>
  <si>
    <t xml:space="preserve">我的会计证和身份证都掉了，怎么补办会计证啊？ </t>
  </si>
  <si>
    <t>不知道你的身份证是否补办成功了，要想补办会计证的话，最好等身份证补办好之后，因为补办会计证需要身份证。并且要带上你的毕业证等相关证件，到当地的财政局或会计人员服务中心进行办理！具体可以问问当地的财政局或会计人员服务中心，具体需要什么证件，这样会保险一点！</t>
  </si>
  <si>
    <t xml:space="preserve">周杰伦和蔡依林就这样完了吗 </t>
  </si>
  <si>
    <t xml:space="preserve">对真正喜欢的歌手，是喜欢他的才华，他的音乐，他的人品，不是去探究他的绯闻，爱情，家事，我喜欢周杰伦比蔡依林多一点，他们两个都是实力派的歌手，而且周杰伦给蔡依林写过歌，楼主如果你当明星你就知道，当你的爱情被媒体知道了，被大多数人知道了，你会发现这是一种折磨，最终没有好结果。明星实际上跟普通人一样，也有隐私的，那些探究隐私的记者想方设法要当周杰伦《四面楚歌》里的狗，说白了，就是像楼主这样想法的人太多了，他们在经济利益的驱动下，不得不这样做。 我说的可能有些重，请你原谅，但事实就是这样的。爆强！这是周杰伦和蔡依林的结晶 </t>
  </si>
  <si>
    <t xml:space="preserve">为什么社会上把处女看得那么重，而把处男看得那么轻？ </t>
  </si>
  <si>
    <t>对这个问题一向争论很多,观点是不要离开了责任和道德去谈这个问题!好多人以为这仅仅是处男和处女的第一次的问题,纯粹是性的问题,其实,这反映了一个人对和婚姻的观念和态度问题!是性道德的取向问题!恋爱和婚姻都是两相情愿的事,也是物以类聚的结合!自己喜欢找哪类人,完全是个人的事,不必一定要认为只有自己的生活方式,对性的态度就一定是唯一正确的!重视第一次的男女生,是把自己的性和责任和道德看的很重,在他们眼里,一切都要对自己的婚姻幸福和爱人负责!起码对方不是对性很随便的人!是个有一定之规的人!不太重视对方是第一次的人,也要具体分析,有的是对对方有深厚感情和有一颗善良的宽厚之心!有的只是对自己性随便的一种借口而已!纯粹是为性而性!和爱无关!总之,无论你接受哪种观念,最后就看你是否有幸福美满的婚姻,那才是唯一正确的!而婚姻是否幸福还和性和爱情以外好多因素有关的!婚姻幸福那才是每个人都所要的美好结果!现实中，更多的男人是非常看重女孩的第一次的！好多人只是嘴上不说而已！好多恋爱和婚姻问题都是由婚前性行为引起的！受伤最重的还是女孩！婚后男人的出轨，和男人的报复心理也有关系！所以我始终是不太赞成有婚前性行为的！因为那不利于婚姻关系的稳固！</t>
  </si>
  <si>
    <t xml:space="preserve">多少个核弹能够毁灭地球？我们有义务把地球的核弹限在这个数下，以防? </t>
  </si>
  <si>
    <t>毁灭地球并不是要将地球炸成几块，如果是那样的话，估计要把全球的核弹都送入地心引爆才有可能。毁灭地球主要是指核战过后的核冬天。导致日光不能穿透核爆后形成的密集的云层，加上放射性污染，绝大多数生物将被灭绝。同时臭氧层被破坏，这需要非常非常漫长的时间才能恢复。物种大灭绝之后，文明也将一同消失。整个地球将一些单细胞生物或者非常简单的多细胞生物开始新一轮的演化。按照目前公布的一些较为可信的数据和分析来看，2000枚左右的千万吨级的核弹就足以毁灭地球。而自1945年以来，地球上一共生产了12.8万枚核弹。经过多年的核裁军现在虽然减少到3万余枚，但仍然足以毁灭地球十次以上。核弹的发射程序相当复杂，但是一旦像希特勒这样的疯子掌握了核权力，什么程序都是狗屁。因为意外产生核战的情况很小，但是也不是万无一失。总之，随着科学技术的进步，人类掌握的力量越来越大，自我毁灭的可能性也就越来越大。</t>
  </si>
  <si>
    <t xml:space="preserve">汽油对发动机有什么腐蚀性?汽油成分是什么? </t>
  </si>
  <si>
    <t>含有有害物质--硫</t>
  </si>
  <si>
    <t xml:space="preserve">请问为什么寄件箱中没有已发出的信件 </t>
  </si>
  <si>
    <t>在写信筐下面有“保存一份到寄件夹”勾上就可以了</t>
  </si>
  <si>
    <t xml:space="preserve">大家说从麦网买东西，怎么样呢？网购的平台各位会不会选择到麦网呢， </t>
  </si>
  <si>
    <t>网购的话，每个人都希望选择到最实惠性价比最高的网站，麦网就是其中的一个。到麦网可以买到很多生活中的用品，包括了服装、化妆品、食品等等，因此这里也就成为网上购物最好的选择了。</t>
  </si>
  <si>
    <t xml:space="preserve">战士学了破击减法和破盾斩后是在同时用的还是只是破盾啊？两者都是持 </t>
  </si>
  <si>
    <t>1. 按F12；可以同时选持续破击，持续破盾2. 从外观效果上看；加了破盾后，你原先打破击时白色的攻击效果变成金黄色了3. 打怪，主要时破击的效果，加了破盾没有增加多少攻击；不过，聊胜于无吧；呵呵！</t>
  </si>
  <si>
    <t xml:space="preserve">给未来宝宝起名字我老婆的预产期是9月25号，我姓：刘，我老婆姓： </t>
  </si>
  <si>
    <t>男叫刘嘉祥,女叫刘雅婷.</t>
  </si>
  <si>
    <t xml:space="preserve">今天在电子城见的长虹智能手机采用的是虹金智能技术，跟别的技术比他? </t>
  </si>
  <si>
    <t>HONPhone智能手机最大的与众不同的地方就是将传统的贵重金属加工工艺和现代智能科技完美融合，虹金智能科技是以“科技艺术品”的理念研发设计产品平台，其最终的目的是在行业和中高端精英消费群中宣导出一种低调奢华的手机消费新主张。引导新潮流，支持国货哦！！</t>
  </si>
  <si>
    <t xml:space="preserve">相亲的“回头草”问题男的比较忙，疏于恋爱，但是人不错，相貌不错， </t>
  </si>
  <si>
    <t>青草阳阳,本身你自己是个爱情专家啦,怎么还发贴问自己的问题呢.哈.我说过了嘛,我相信这个男的喜欢温柔的女孩,因为他自己的事业不错,职场上的女性没有这个女孩率真!没听说过吗?向天真的女孩投降!哇哈哈哈!!完了,今晚还没有给老婆打个电话.我得打电话了,表示想好她哈.其实我真的挺想她的.嘿!_______________________________________________________呵呵.因为本身这个女孩是个好女孩呀.而且男的还被女的拒绝过,说明男的一开始就喜欢女孩的哦!男的在这半年中因为条件优秀,也许又相了好多次亲吧.而后来相的这些女孩都比不上这个女孩.随着时间的流逝,男人心中的相亲也早就感到厌烦了,谁不想有个温柔的她,有个温柔的家!男人条件优秀,他所需要不是那种很强很伟大的女孩,只要一个温柔的女孩,像一个温柔的像猫一样的女孩就可以了.而这个女孩就是.还有这个女孩就是你-----青草阳阳 呵呵!</t>
  </si>
  <si>
    <t xml:space="preserve">谁能告诉我（风雪夜归人）的女主角是谁演的 </t>
  </si>
  <si>
    <t>剧雪</t>
  </si>
  <si>
    <t xml:space="preserve">持有600769，如何操作？ </t>
  </si>
  <si>
    <t>抛出买入中国联通</t>
  </si>
  <si>
    <t xml:space="preserve">放量下跌.什么意思都说天量.天价,可量来了.价却下了.怎么回事 </t>
  </si>
  <si>
    <t>主力洗盘进货,然后会拉升</t>
  </si>
  <si>
    <t xml:space="preserve">上海普陀区shiquan路的中文是什么？ </t>
  </si>
  <si>
    <t>石泉路</t>
  </si>
  <si>
    <t xml:space="preserve">银根放宽(象棋手) </t>
  </si>
  <si>
    <t>金 松</t>
  </si>
  <si>
    <t xml:space="preserve">汽车消声有关问题请问一下:我的雅阁车在不久前,三元催化器坏了,我 </t>
  </si>
  <si>
    <t>你好！于汽车排放出来的尾气质量有关，但不影响汽车动力和其他方面，排气声音（噪音）会有所增加，但不大。没关系的，祝你好运！一路顺风！拥有爱车幸福一生！阖家幸福！</t>
  </si>
  <si>
    <t xml:space="preserve">DELLD600笔记本接上USBHUB2.0后，提示不能识别使用 </t>
  </si>
  <si>
    <t>你说的问题  好像是USB接口供电不足造成的，只能带一些 用电量小的USB设备，比如说优盘，  移动硬盘的电流 一般都在1000毫安以上 所以需要单独供电 比如说外接电源 其它接口取电等等</t>
  </si>
  <si>
    <t xml:space="preserve">两个问题问下龙脊草在什么地方?娜塔沙的项链(就是那个防御项链,名 </t>
  </si>
  <si>
    <t>娜塔沙的项链 任务在刀锋接的,是后续  任务 你那个草是 任务的吧</t>
  </si>
  <si>
    <t xml:space="preserve">喝油高手请指教如何把武器喝到幸运6幸运7在什么地方喝的怎样喝的有 </t>
  </si>
  <si>
    <t>推荐一个比较笨的办法，通过找幸运值喝油。你拿上要喝的武器去虫洞砍怪，遇到至少连续5个大爆就喝油，一次3个，不加就小退再喝，12个为一组，如果还不加就等 下次大爆，注意一定是连续大爆，中间间隔1，2个小怪也可以，但最好在5分钟以内有5个以上大爆。我就是这么喝的，把37裁决喝到6了，一共用了100多个油</t>
  </si>
  <si>
    <t xml:space="preserve">牙齿流脓第一个牙齿牙龈肿大那会，以为上火。没想到落下以后，经常有 </t>
  </si>
  <si>
    <t>这是“齿槽脓肿”，速去正规医院口腔科就诊，不知牙齿能否保留，明确诊断后，针对性处理。我是内科医生，请你放心，口腔科手术用麻药，不痛的。</t>
  </si>
  <si>
    <t xml:space="preserve">怎样计算房间的的刷漆的面积我的房子是建筑面积110平米的，今天刷 </t>
  </si>
  <si>
    <t>有的乘以3，有的乘以2.5，不一定的，这种计算方法不准确的，因为和 卫生间一般不要刷漆（贴墙砖），所以你可以不采用这种计算方法，以实际测量面积为准，而测量刷的面积也很简单的！以套房为例：（先算天花）你量一下每一个房间的长和宽（就是房间两条成90度角的边），然后相乘得出房间的面积所有的房间面积相加就是天花（或地板）的面积了，别忘了量过道、阳台如果你厨房和卫生间做吊顶那面积就不能重复计入算天花油漆面积了（再算墙壁）你先量一下你房间的层高是3米还是2米8（一般是这两种）然后你量一下每堵墙的宽，宽乘高即得墙的面积最后你把所有墙的面积相加就得出你套房的墙面积同时以此方法计算出门和窗的面积大门宽一般是1米2、房门宽一般是0.9米、厨房和厕所门宽一般是0.8或0.6米，窗宽和高你就得实测了（深圳有很多是圆弧窗）然后把窗和门的面积从你套房的墙面积里扣出去就行了另外，你可以给人家多抛几个平方米，来弥补那些角角边边要刷的面积算好以后你尽可能去复核，工程量就是这么算的    ：）</t>
  </si>
  <si>
    <t xml:space="preserve">2个关于厄运的任务第1个是职业任务:在厄运打到的职业任务书,要到 </t>
  </si>
  <si>
    <t>1.迦罗娜：潜行与诡计研究  54级触发任务,任务饰品拿到后就绑定,54级就能用.2.不用.</t>
  </si>
  <si>
    <t xml:space="preserve">孕期感冒咳嗽对胎儿有影响吗？怀孕40天的时候开始感冒咳嗽，没有发 </t>
  </si>
  <si>
    <t xml:space="preserve">  没有关系的，只要没有发烧就问题不大。很多孕妇在怀孕的时候感冒，所以你放宽心，并不是你一个人遇到这样的事，至于你吃了什么中药，能不能告诉我？因为有些中药孕妇是不能吃的，我可以帮你看一下。好吗？  现在，你只需要好好休息，多喝开水！</t>
  </si>
  <si>
    <t xml:space="preserve">纤维瘤问题请问乳腺纤维瘤做手术的话多久才能痊愈呢？能不能给我做这 </t>
  </si>
  <si>
    <t>手术半个小时搞定，如果做皮内美容缝合不用拆线，一般缝合要拆线，7天就可以了，手术不影响右手活动，飞机肯定是不能在伤口愈合前座的，另外强调一点，纤维瘤的确诊还要等到手术后的病例结果，现在的诊断只能是高度怀疑，所有肿瘤的诊断只有病检才是金标准。</t>
  </si>
  <si>
    <t xml:space="preserve">大家怎么看“佛莱堡：美因兹”这场？请高手指点 </t>
  </si>
  <si>
    <t>首选  3, 次选 0, 出3的机会很大!</t>
  </si>
  <si>
    <t xml:space="preserve">为什么第二大区山东网通一直上不去?现在山东网通(第二大区)一直都 </t>
  </si>
  <si>
    <t>请问是山东大区的第几个小区，请您详细说明下，谢谢。</t>
  </si>
  <si>
    <t xml:space="preserve">我想问下我爸的病！！！他今年66，原来计划生育让结扎，本来没有什 </t>
  </si>
  <si>
    <t xml:space="preserve">你好！你说的症状如腿疼，屁股也疼很可能是坐骨神经痛，病因是受寒引起的。治疗可用针灸、贴伤湿止痛膏等方法。至于附睾炎的治疗，可以参考以下材料。因附睾炎有急性与慢性之分，所以治疗也有所侧重。 对于急性附睾炎主张患者卧床休息，托起阴囊，以减轻疼痛。 早期可将冰袋放在附睾处，防止肿胀。晚期可用热敷，以促进局部血运，加速炎症消退。因属于感染，故应进行抗感染治疗，临床上多选用广谱抗生素及对革兰氏阴性菌效果较佳的抗生素。对于疼痛、发热等全身症状，应用解热镇痛药对症处理。如果附睾疼痛较重可请专科医师予1％利多卡因10～20毫升由睾丸上端处行精索局部封闭，可起到止痛、解除坠胀作用。如果附睾炎性包块增大，阴囊皮肤红肿且有波动感，形成脓肿则须行切开引流。因留置导尿管招致本病者，应拔除尿管。另外，急性期期间要避免性冲动和重体力活动，以免加重感染和症状。对少数顽固病人且病情控制不理想，可行附睾甚至包括睾丸切除术。 因慢性附睾炎常与慢性前列腺炎同时存在，所以治疗时二病同治。 (1)注意规律化，劳逸结合，忌烟酒及辛辣刺激。 (2)保持大便通畅。 (3)避免长时间久坐。 (4)性生活不宜过频。 (5)温水坐浴，2次／日，水温控制在42℃～50℃，每次20～30分钟。 (6)黄连素或新霉素离子透入。 如果慢性附睾炎有多次反复发作者，可考虑做附睾切除。值得重视的是，无论急性还是慢性附睾炎，如为双侧发生，均有导致不育的可能，故发生附睾炎应及时治疗。 </t>
  </si>
  <si>
    <t xml:space="preserve">两三个月大的小宝宝感冒，有什么症状？感冒了怎么办啊？可能妈妈感冒? </t>
  </si>
  <si>
    <t>宝宝感冒，会出现流鼻涕、鼻子堵塞、咳嗽、嗓子疼、疲倦、没食欲、发热等症状。此时，您可以采取如下措施帮宝宝缓解感冒症状： 　　1、如果宝宝鼻塞了，你可以在孩子的褥子底下垫上一、两个毛巾，头部稍稍抬高能缓解鼻塞。　　2、照顾好宝宝的饮食，让宝宝多喝一点水。充足的水分能使鼻腔的分泌物稀薄一点，容易清洁。如果用母乳喂养宝宝，要经常喂奶，因为乳汁是一种非常珍贵的，感冒患儿需要喂奶的时间更长，这样他们才能从中获取更多的舒适感，补充更多的养分。让宝宝多吃一些含维生素C丰富的水果和果汁。尽量少吃奶制品，它可以增加粘液的分泌。此外，食物以易消化、少油腻、富含维生素的流质或半流质食物为主，应少食多餐。慎用补剂以及其它滋腻性食品。　　3、帮宝宝擤鼻涕。因为宝宝还太小，不会自己擤鼻涕，让宝宝顺畅呼吸的最好办法就是帮宝宝擤鼻涕。你可以在宝宝的外鼻孔中抹上一点凡士林油，往往能减轻鼻子的堵塞；如果鼻涕粘稠，你可以试着用用吸鼻器或将医用棉球捻成小棒状，沾出鼻子里的鼻涕；如果鼻子堵塞已经造成了吃奶困难，你可以在吃奶前15分钟用盐水滴鼻液滴鼻，过一会，用吸鼻器将鼻腔中的盐水和粘液吸出，宝宝的鼻子就通畅了。　　4、增加室内湿度也相当重要。你可以用加湿器增加宝宝居室的湿度，尤其是夜晚能帮助宝宝更顺畅地呼吸。别忘了每天用白醋和水清洁加湿器，避免灰尘和病菌的聚集。　　当然，宝宝感冒要及时带去看医生，不要私自到药房买药给宝宝吃。</t>
  </si>
  <si>
    <t xml:space="preserve">眼霜没了可用什么代替 </t>
  </si>
  <si>
    <t xml:space="preserve">A：眼霜的使用并不是根据年龄去判断的，要根据个人的肤质、身处的气候、环境等情况去决定使用那种眼部护理产品。如在设有空调的办公室里工作，不但令面部肌肤容易缺水，眼部皮肤更是首当其冲；又或是经常对着计算机工作，令眼部肌肉极度疲劳，导致眼部周围的皮肤皱纹过早出现。因此，眼霜对于大部分人来说，都是必需的。　　　Q：面霜可以代替眼霜使用吗？　　A：很多人都以为眼霜和面霜是同一样的东西，眼霜大不了就是更细腻，其实这是错误的。事实上，眼部皮肤和面部皮肤完全不同，眼睛周围的皮肤是面部皮肤角质层最薄、皮脂腺分布最少的部位，同时，眼部皮肤是一个人肌肤活动最频繁的部位，也是中最复杂、拉扯皮肤次数最多的部位。其次，面霜一般含有较多油分，油脂过剩便会沉积在皮下，形成油脂粒。因此，眼霜以不干不腻、容易令眼部肌肤吸收为最佳的选择。　　Q：使用过量的眼霜是否会造成眼部皮肤的负担？　　A：眼部皮肤极薄，用量过多不但不能吸收，反而会造成负担，加速衰老。所以，每次只需用绿豆般大小的分量便足够。此外，要注意手部的卫生，尤其是指甲缝要保持干净。谨记眼霜不可抹到眼睑、睫毛或眼内，以免对眼睛造成刺激。　　Q：是否只在晚上睡觉前才使用眼霜？　　A：眼霜的用法和面霜一样，应该早晚使用。眼霜应该在彻底洁面后，先使用化妆水，然后再涂抹眼霜，最后才使用面霜。注意面霜不要再覆盖眼霜。 </t>
  </si>
  <si>
    <t xml:space="preserve">国际救援电话是多少 </t>
  </si>
  <si>
    <t>国际救援中心紧急电话 紧急求助电话：112、119- 无区号也可拨通- 用手机拨打时，无需加区号也可拨通112、119- 使用公共电话的紧急通话时，不使用硬币或电话卡也能拨通- 因为拨打112或119时是计算机处理的，因此比向派出所和警察局申报还要迅速。•  发生事件、事故时，请拨打112 o  接到举报电话后，离得最近的112巡逻车和派出所警力将出动。o  目击犯罪行为或被侵犯时，请立即拨打112o  举报时说明的内容包括时间、地点、被侵犯经过、嫌疑犯特征、人数、逃跑方向及犯罪手段、姓名、手机号码等。•  火灾、救助时，请拨打119 o  具有最快时间内向现场派遣消防车和救助车的紧急救助系统。o  接到119救助电话时，管辖地区的消防所将会在最快时间内派遣消防人员。o  发生电梯事故、大楼倒塌、煤气爆炸等大型事故时，请拨打119。</t>
  </si>
  <si>
    <t xml:space="preserve">李白素有“斗酒诗百篇“之称？但是李白酒后到底做过多少诗阿？ </t>
  </si>
  <si>
    <t xml:space="preserve">　　李诗 月下独酌花间一壶酒，独酌无相亲。举杯邀明月，对影成三人。月既不解饮，影徒随我身。暂伴月将影，行乐须及春。我歌月徘徊，我舞影凌乱。醒时同交欢，醉后各分散。永结无情游，相期邈云汉。将进酒君不见黄河之水天上来，奔流到海不复回；君不见高堂明镜悲白发，朝如青丝暮成雪。人生得意须尽欢，莫使金樽空对月，天生我才必有用，千金散尽还复来，烹关宰牛且为乐，会须一饮三百杯。岑夫子，丹丘生，将进酒，君莫停。与君歌一曲，请君为我颂耳听，钟鼓馔玉不足贵，但愿长醉不复醒。古来圣贤皆寂寞，惟有饮者留其名。陈王昔时宴平乐，斗酒十千恣欢谑。主人何言为少钱，径须沽取对君酌。五花马，千金裘，呼儿将出换美酒，与尔同销万古愁。客中行兰陵美酒郁金香，玉碗盛来琥珀光。但使主人能醉客，不知何处是他乡？ 李白酒诗令人醉        李白好酒，但不可思议的是他醉中撰文或吟诗，却从来未出过差错，即便与别人议事，竟也能应对如常。因而人们称他为“醉圣”。      “醉圣”的酒量有多大？李白在诗中自有解说：“百年三万六千日，一日须饮三百杯。”（《襄阳歌》）酒与诗有缘，“醉圣”与“诗仙”融为一体，传有“斗酒诗百篇”的佳话。      《将进酒》一诗，视为为“醉圣”的宣言书：“人生得意须尽欢,莫使金樽空对月”，这是“欢”在酒中；“钟鼓馔玉不足贵，但愿长醉不复醒”，这是“愿”在醉中。那种与生俱来的酒神精神，把李白活生生地“酵”成了一个狂士。       李白醉卧长安街市，“天子呼来不上船，自称臣是酒中仙”（杜甫）。他对着夜空长饮，忽发奇想：“北斗酌美酒，劝龙各一觞”（《短歌行》）；“醉看风落帽，舞爱月留人”（《九日龙山欢》）；“举杯邀明月，对影成三人”（《月下独酌》）。他寻访名山大川，常常是“醉来卧空山，天地即衾枕”（《友人合宿》），更有神来之思——“此江若变作春酒，垒曲便筑糟丘台。”（《襄阳歌》）李白在流放夜郎的途中，仍然整日饮酒。最终，他泛舟当涂湖上，“醉中捞月”而溺死于水中，还引出了许多美丽的神话。读李白的诗，总能闻出浓郁的酒香呢！      然而，李白是人醉心不醉。有人如此评论过：李白总在醉时最清醒，而他没醉时却最糊涂。这又是“醉圣”的一个绝妙注释。       酒，被称为“忘忧物”与“扫愁帚”，可李白心里很清楚：“抽刀断水水更流，举杯消愁愁更愁。”（《宣州谢口楼饯别校书叔云》）但他又实在离不开酒，酒就是他的保护神，让他总处于“我醉君复乐，陶然共忘机”（《下终南山斛斯山人宿置酒》）的境地。 </t>
  </si>
  <si>
    <t xml:space="preserve">这个游戏可以赚钱吗？ </t>
  </si>
  <si>
    <t>应该不能的把..</t>
  </si>
  <si>
    <t xml:space="preserve">请问一下,月经期为什么不能性交啊?我的男朋友就不知道这一点 </t>
  </si>
  <si>
    <t>　　月经期是指月经持续的天数，一般为３－７天。妇女个体之间有较大差异，但每个妇女本人基本一致。 　　月经是妇女的正常生理现象，经期一般无特殊症状，但受内分泌影响，盆腔充血，部分妇女可有轻度不适感，如下腹胀、腰酸、乳房胀痛、腹泻与便秘等。 　　月经期妇女的身体抵抗力往往比平时低，子宫内膜此时又形成创面，子宫颈口松弛，此时如有感染容易上升至盆腔器官，因此一般学者认为，月经期夫妇双方均应克制自己，避免性交。 　　避免性交主要有以下原因： 　　（1）月经期受内分泌的影响，大脑兴奋性降低，常伴有轻度疲倦、郁闷或烦躁的情绪，一般女性在此期间也不愿性交。即使性交，由于情绪影响，往往不易得到快感，时间长了，也是引起女子性冷淡的原因之一。 　　（2）行经的时候，子宫内膜广泛充血，如果发生性行为，加上性的刺激冲动带来的一系列神经反射，会引起子宫不同程度的收缩，更加重了性器官的充血，月经会变得不规则，表现为经血量增多，月经延长或月经滴沥不尽，还会加重经期的不适现象，例如烦躁不安、乳房肿痛，腰酸也会更显著。 　　（3）平时，子宫颈管内有宫颈粘液，能防止阴道中分泌物进入子宫，起到自卫作用。若行经期间，子宫口开放，此种粘液随经血充出，子宫内膜也处于脱落的过程，使子宫内膜形成一个新创面，性交可能难免会将细菌带入女性生殖道，如果细菌长驱直入子宫腔后，遇上有创面的子宫内膜，则有利于细菌繁殖，有可能发生子宫内膜炎，甚至引起不易治愈的盆腔炎等，造成女方的痛苦，损害妻子的健康。 　　（4）由于月经期时盆腔脏器广泛充血，抗病御病能力也会随之下降，所以月经期性生活时，诱发泌尿系感染的机会也会增加，细菌混杂在经血、白带、精液或尿液中，逆行侵犯尿道后，便出现尿频、尿急、尿痛或尿血等现象。 　　（5）在经期性交，对男性身体也有不良影响，可发生尿道刺激症状，这是月经分泌物进入男性尿道所致。经期性交多有不便，因此，即使是初婚或探亲相会时，以及个别性欲强的男子，也要在女方月经期节制性冲动。 　　（6）在性生活规律，月经期较短的妇女，月经期避免性交自然是件好事，这也是一种性生活假日，此时夫妻都可以使身心两方面得到放松和调整。而某些妇女在月经期会表现出情感脆弱，甚至易发脾气，更多人表现在来月经之前，故称为经前期紧张症，那么此时丈夫应尽量宽慰妻子，即使不能性交也应增加身体的爱抚，使妻子不因月经期不能性交而受到冷落。</t>
  </si>
  <si>
    <t xml:space="preserve">600005武钢怎么办?一个月了.成本价12.85.一个月了,一 </t>
  </si>
  <si>
    <t>成本价太高了，控制仓位，做一下高抛低吸，尽可能降低成本。如果一直捂着不动，不是最好的方法，如果这样的话下半年就算牛市，相对你来说牛市也就此结束了。600005中报预绩还是不错的，大盘配合的话，下半年有望走强，但根据你的实际成本价估计有点难度。成本价12.85根据此股套的还是蛮深的。</t>
  </si>
  <si>
    <t xml:space="preserve">公牛和森林狼打了几场，胜负如何？各队近况怎样？ </t>
  </si>
  <si>
    <t>12月10日森林狼92:81公牛12月27日公牛98:100森林狼,两支都是很不稳定的球队.是好时坏,一会儿连胜,一会儿连败</t>
  </si>
  <si>
    <t xml:space="preserve">五万两白银等于多少钱?人民币乍一看题目,知道我说啥呢么? </t>
  </si>
  <si>
    <t>据说不关公款什么事。永兴县县委书记陈方敏说，用纯银打造“中国第一银楼”，是为了让各界人士领略“没有银矿的银都奇迹”；是该县铸造旅游亮点的一个举措；也为了向外界展示永兴“变废为宝”，运用技术从废渣、废料、废液中回收金银的高超技艺。 记者了解到，永兴县当地没有银矿，银楼所耗费的白银，全部来自于全国各地的“三废”回收。永兴从“三废”中提炼再生白银的技术，始于明末清初，至今已有300多年历史。 投资建设银楼的民营企业湖南省鑫达银业有限公司，则是百余家冶炼企业中最大的一家。 “鑫达银业打造这个‘中国第一奢华银楼’，可能还有一个目的，就是为其计划上市造势。”一位当地人士透露。——潇湘晨报</t>
  </si>
  <si>
    <t xml:space="preserve">空军报废战斗机可能由民间废品站处理么?见到一张这样的照片,不知道 </t>
  </si>
  <si>
    <t>市场经济社会，这类事就不太好说了，请看两段相关报道，究竟是怎么回事，自己悟一下吧。第一段：“路边堆放着一堆废弃的飞机翅膀，看起来像是军用飞机，不知道是怎么回事！”武功县城的一些读者昨日向本报反映了这一情况。 　　昨日下午4时许，记者在西宝中线武功县城段的马路边看到，路边胡乱堆放着两大堆形状看似机翼的飞机零部件。机翼的外壳为白色，机翼内侧为黄绿色。据一店铺老板介绍，这些机翼是路边一家废品收购站的，据说是从一家军工单位买来的报废军用飞机。记者在这家名为武功县昌泰工贸有限责任公司的废品收购站院内看到，院内堆放着一架飞机的机身和机头等零部件，部件内部已被拆空。机身上印有“八一”以及“30515”等字样。 　　据收购站负责人讲，这些飞机是陕西省物资再生有限责任公司从某军工厂购买的报废飞机。他们受陕西省物资再生有限责任公司委托，负责飞机零部件的运输、分解、整理等业务。该负责人向记者出示了陕西省物资再生有限责任公司给他们签定的委托书。 　　随后，记者从出售报废飞机的军工厂了解到，这些飞机确属退役装备，按照有关规定，他们在对飞机进行了严格毁形，使其变成废品后，才将其交给了陕西省物资再生有限责任公司负责处理。因此，这些飞机部件已没有什么军事秘密。至于“昌泰公司”有没有资质来处理这些飞机零部件，该军工厂负责人说那是陕西省物资再生有限责任公司的事。第二段：近日前往房山区周口店附近游玩的刘先生在路边的废品收购站内突然发现了多架被拆解的战斗机。根据辨认，这里的飞机大多是强5和歼5等老型号系列的报废战机，尽管废品收购站是合法企业，负责人也出具了部队的相关证明，但是据中国航空博物馆的相关人士称，军用战机是有严格的报废程序的，此类军用装备不应流入民间。　　昨天下午，在房山区周口店大于路口附近，记者发现了读者所说的“战斗机坟场”。“坟场”其实是一家废品收购站的大院，大院约有四分之一个足球场大，数架被肢解拆分的战斗机散落在院内各处。三名工人正在用电焊切割那些沾满淋漓雨水的飞机部件，十余个或完整或零散的飞机翅膀被摆放在一旁。院内的南侧角落里三架飞机残破的头部一字排开，旁边还停着一架比较完整的“强5”型战斗机机身，两侧的翅膀和一些机身外部零件已被拆下。　　其余已支离破碎的战斗机，只有依稀几个相对完整的部分，根据几位军事爱好者的辨认它们属于“歼5”系列的型号，被切割的飞机残骸散满院落各处，整个废品收购站就好像一座战斗机的坟场。　　正在对飞机部件做电焊切割的一位工人告诉记者，他已经亲手“肢解”过几批战斗机了，这些飞机都是被拆下翅膀，用拖车运来，然后在他们手中切割成一块块，最后被收购冶炼材料的厂家买走。　　-工人前往部队拆解运回　　采访中，废品收购站的一位工人介绍了将一架战斗机变成“废铜烂铁”的整个流程。在老板联系好发卖退役飞机的部队后，他们便一起带上工具前往，在部队里将这些“宣布死亡”的战斗机拆分，拆除的部分包括动力系统、武器系统和一些重要电子部件等等，直到拆到符合部队的要求，他们才可以将这些大家伙装上拖车运回来。　　“我们全天开工，把一架飞机拆成方便收购方运走的大小，要一星期左右。”一位工人介绍，“从去年6月到现在，我们一共运来过三批二十多架飞机，现在还没拆的那架(强5)是老板交代的，可能还有用。”　　采访中工作人员介绍，他们的废品收购站有正规的经营资质，也是附近经营规模较大的一家，虽然附近还有数家废品收购站，但他们没有门路买到这些退役战斗机，目前做这生意的，这里只有他们一家。　　-战斗机多来自河南、河北　　这个“战斗机坟场”的所有者是北京昱河益民物资回收有限责任公司，2000年6月注册成立。据大院里的工人介绍，公司的主要业务是收购生产废旧金属，销售五金、钢材和有色金属材料等。　　昨天下午，记者在办公室里找到了公司的杨会计，对于飞机的来路，她说：“飞机是从部队用挂车直接拉到大院的，有部队出具的调配单。”随后，杨会计从保险柜里拿出一沓票据，里面夹着一张粉色的“综合计划处退役装备调配通知单”，但这张单据上字迹模糊，难以辨认盖印章的单位。　　“二十多架飞机从不同的地方运过来，主要是河南、河北的部队。”杨会计介绍，公司从去年6月起引进退役飞机，主要将机身拆解后卖铝，“不过曾有人来打听过整机的价格，但至今尚无成交纪录。”　　-老板可牵线购买整机　　据了解“进货过程”的工人介绍，即使是退役战斗机，也要在初步拆解后才能进入废品收购站。　　大院内堆满了已被拆解的零件，但有一架折断机翼的强5型战斗机相对完整。记者以采购员的身份，提出欲购买“强5”用作展览。杨会计说，“这个要问我们老板，他比较有路子。”　　公司的梁老板在电话里介绍：“院子里那架整机是部队的，我们不能卖。你可以买拆解的零部件，每吨一万五。”这架属于部队的整机，为何会出现在废品收购站里？梁老板说，“这个你不要管了。” 　　记者坚持要买整机，梁老板在电话里犹豫了一会儿说，“如果你要整机，我下次进货时试着帮你弄吧。下次进货的时间可能是一个月后，也可能要等半年。”　　网上遍布收购信息多数用来提取金属　　“收购军事装备，回收坦克，回收飞机，收购大炮……”在网上输入收购报废飞机等字样可以找到很多回收军事装备的网页，有些甚至宣称收购卫星和航天飞船。记者随机找了几家收购站，对方均表示收购这些其实就是看中了这些报废装备上面金属的重量。“别人从我们这里收来的材料零零散散买走，也就是拿回去重新回炉提炼点儿金属。”河北一个回收废旧金属的厂家代表李先生表示，他们以前曾经收过报废飞机，不论是飞机还是坦克大炮，全都不论型号按吨卖。记者询问的其他收购站也均是这种回答。　　收购价格每吨千元到万元材料没有铝锅贵　　“说白了，飞机就是不如做饭用的铝锅。”李先生说，都是按照重量计价，飞机材料的价格一吨也不过几千元到1万元不等。“飞机材料多是铝镁合金，熔的时候，镁就自燃了，剩下的铝就很少了。”沈阳的一家废品回收单位这样解释了飞机材料价低的原因，他们认为报废的飞机回收价格应该不到其他纯铝材料的三分之一。尽管价低，而且还有长途运输和拆卸的费用，这些回收站听说有飞机要卖依然显得非常感兴趣，“毕竟一次走的量大，一架飞机怎么也能拆出几吨来。”专家说法航空博物馆：　　军用飞机有严格的审批报废程序　　昨日下午，记者致电中国航空博物馆进行咨询，一位姓刘的工作人员在听说有市民发现报废飞机残骸后，一再追问具体的发现地点，并对报废军用飞机出现在废品收购站表示“照例不可能”、“不应该”。他表示，国家有关部门对报废军用飞机的处理有严格规定，按理不会出现流入民间的情况，更不应该出现在废品收购站。　　据这名工作人员介绍，我国报废军用飞机的处理方式主要有两种：一是由军队相关部门送至博物馆，主要用于展览和陈列。另一种方式就是向国家有关部门提交报拆申请，在获得允许后，由专门的部门将报废的军用飞机进行分拆，再将零部件等回炉重炼。“按照正规的处理流程，报废的军用飞机的处置有严格的审批程序，不可能流入民间，更不应该被当作废品卖到废品收购站”。这名工作人员说，即使报废的军用飞机也是不能随便买卖的。　　当记者提出有人认出废品收购站里的报废军用飞机是“强5”型战斗机时，这名工作人员说：“那就更不应该了。”他表示，如米格15这类仿前苏联式老型号的报废军用飞机流入废品收购站还有点可能，强5等型号的军用飞机报废后的处置是有严格规定的。</t>
  </si>
  <si>
    <t xml:space="preserve">才出生一个多月的宝宝舌苔很厚很白怎么办 </t>
  </si>
  <si>
    <t>小月龄的宝宝舌苔发白可能与奶液残留有关，建议每次喝完奶后给宝宝适当喝点温开水，以达到清洁口腔的作用。若舌苔发白且口腔有异味等情况，考虑宝宝消化不好，可遵医嘱使用有益菌调理。</t>
  </si>
  <si>
    <t xml:space="preserve">我是07年专科毕业生请问可以考考公务吗？像我这样的考需要什么条件 </t>
  </si>
  <si>
    <t>可以，但是一般只能在本省内考试，看具体职位的要求，只要专业对口，且要求是专科以上的就能报考，建议最好事先给用人单位打个电话咨询一下，从报志愿一刻起就争取最大的机会</t>
  </si>
  <si>
    <t xml:space="preserve">《横冲直撞》是侠盗猎车手的什么版本？我记得在一家网吧看到过“侠盗 </t>
  </si>
  <si>
    <t>这个游戏在97年刚出来的时候，台湾人把它翻译成横冲直撞，大陆翻译成汽车大盗。从3代开始才有侠盗猎车这个名字。你看到的横冲直撞多半是圣安地列斯。如果是粉红色的图标，那只不过是罪恶都市的一个MOD。侠盗LCS自由城前传也是圣安地列斯。故事时间背景是罪恶都市（1986），圣安地列斯（1992），自由城（2001）GTA一共有4代，6部作品1代是97年出的，以美国堪萨斯城为背景1代有一个资料片叫伦敦19692代也是2D的3代就是自由之城，以纽约为背景，罪恶都市是3代的资料片，以迈阿密为背景4代是去年出的圣安地列斯，但官方并没有明确说明是4代，看来好戏还在后面。此外在手机上还有一个《侠盗车手A》，是自由之城后传。就这么多。</t>
  </si>
  <si>
    <t xml:space="preserve">29F！B武器卷要多少一个啊！麻烦告诉哈！还有就是为什么引导书这 </t>
  </si>
  <si>
    <t>200万以上.导引书很好打,只精灵谷就能打到</t>
  </si>
  <si>
    <t xml:space="preserve">关于北京落户手续办理中的档案转递单问题在北京落户办理过程中，有问 </t>
  </si>
  <si>
    <t>如果你怕麻烦，你可以说你爱人没有工作，没有工作自然也就没有档案了。另外，户口和档案同时办理是指有正式工作和正式人事关系的人员。我爱人原来是有正式工作的，不过在原单位办了病退，我在往北京迁我的户口和档案时，我在表上填写的是爱人没工作，户口同样落了。特别是私营企业，档案有没有都可以。如果是随调的话，那你只有到北京的接受单位开商调函了，单位同意接收应该给你开商调函的。祝 你顺利！</t>
  </si>
  <si>
    <t xml:space="preserve">如何让灵巧到100?高手指点一下 </t>
  </si>
  <si>
    <t>利用制作技能到5级后每升一级都会+4灵巧的特点来做，俗称“洗灵巧”。就职一个比较好冲技能的制作类职业，把本职技能冲到5级（中间要一转），然后删了再学来冲到5，这么反复直到你有了你希望的灵巧值，然后在就职你要就职的制作类职业就可以了。</t>
  </si>
  <si>
    <t xml:space="preserve">义务兵服役2年后补多少钱？退伍后有没有其他待遇？ </t>
  </si>
  <si>
    <t xml:space="preserve">大家好我是今年刚退伍的战士,我是上等兵就是你们所说的二年兵我是在新疆(南疆)当兵.我是陕西的战士所以回来的时候的退伍费只有1482,但是别的退伍费想上面与狼共舞的着位同志所说的一样是按照地区分待遇的,但是现在我们边防的士兵退伍费比较高一些比其他地方都高,因为我们是属于高原地区,是属于昆仑山上的,所以我们的退伍费是比别的地方退伍高一倍.也就是说内地发2000我们发4000.如果有什么问题可以与我 </t>
  </si>
  <si>
    <t xml:space="preserve">郁闷到了极点今天什么不好的事都让我碰上了，我是DDP，自己拿镜子 </t>
  </si>
  <si>
    <t>那也不算什么坏事。我是37周才发现肚脐下面有些纹的，当时真吃惊，有点曾经一叶障目的感觉，因为肚肚大看不到下面。不过同意楼上的说法，现在抓紧时间涂油油就可以长的少些。这就是为宝宝要付出的代价之一呀。下面的红是一种生理现象充血的缘故，以后就会好的。很难看吧，我都不敢看。</t>
  </si>
  <si>
    <t xml:space="preserve">目前怎么样啊厦门信达 </t>
  </si>
  <si>
    <t>明天报复反弹。</t>
  </si>
  <si>
    <t xml:space="preserve">我想买一台17寸的液晶显示器,不知道什么牌子的好,请大家指点一下? </t>
  </si>
  <si>
    <t>菲利浦 三星 LG都是不错的选择，需要注意的是，液晶显示屏幕在业内销售时是有规矩的，有的液晶面板有亮点（1个、2个、最多3个）是正常的合格品，如果超过3个才算质量问题，所以购买时最好和销售商谈妥保证无亮点的价格。还有一个指标是非常重要的就是液晶的反映（响应）时间，当然是越快越好拉，最优秀的是8豪秒吧。在这里，我强烈请您主要不要购买拼装杂牌液晶显示器，虽然同是液晶，但因为做工不同，液晶屏来源不同（有厂商专门从事2手液晶翻新的制作），您极有可能购买到质量低劣（如响应时间24豪秒）的产品。最后祝您能购买到称心的产品。</t>
  </si>
  <si>
    <t xml:space="preserve">钥匙怎么用？我买了万能钥匙可还是打不开我的十字锁 </t>
  </si>
  <si>
    <t>不知你买的是哪一种“万能钥匙”，所谓的“万能钥匙”，是指一把“万能钥匙”可以打开同一类型的所有的“锁”，而不是这一类型的“锁”也是打不开的。我对“锁”略知一些，对于普普通通传统的那种“锁”，只要用一钢丝，在钢丝前搞一小直角钩也就行了，它就能打开所有的普普通通传统的那种“锁”。而他不能用于打开“十字锁”。而“十字锁”的“万能钥匙”是什么样的呢？也很简单，它与普通的差不多，而它是“U”字形的，直角钩是向外的有弹性。不是所有的人有了“万能钥匙”，就都能打开“锁”，正象一楼所说的那样是专业性很强，又有一定技术的。就是专业人员有时也要花上一定的时间，才能打开。</t>
  </si>
  <si>
    <t xml:space="preserve">和女孩做爱的时候，怎么样才能使她感觉到兴奋啊，让她喜欢和我做爱，? </t>
  </si>
  <si>
    <t>首先不能着急慢慢来要让她感觉到你是爱她才和她做的其次就是要让她感觉到你的温柔不要太粗暴之后要尽你所能的让她感到舒服先不要在意自己的感觉等到她喜欢和你做爱的时候这个问题她会主动的替你想到那个时候她会主动的让你快乐</t>
  </si>
  <si>
    <t xml:space="preserve">电脑配置方案双核4000+(510)主板:顶星NF520(600 </t>
  </si>
  <si>
    <t>4000+的性价比不行啊，加点钱直接4800了，贵不了多少的你玩大型游戏1G内存只能说是刚刚好，667的内存不贵，2G很容易实现的别的就都OK了，感觉显卡的价钱可以买7600了，换7600好了</t>
  </si>
  <si>
    <t xml:space="preserve">民谣吉他怎么样保养好？ </t>
  </si>
  <si>
    <t>下面为大家普及一下弦乐保养的基础知识：1.拉琴之前一定要记得洗手，每年定期将爱琴送至修琴师之处做检查。2.保持放置乐器的地方的湿度，尽量维持在55度左右。3.每次换弦时，顺便用铅笔笔心来润滑弦枕上的弦沟，小、中提琴要常检查肩垫的脚，定期更换橡皮部分。每次使用完弓，一定要记得以软质的布料擦拭干净，以免松香会黏着而造成更难处理的情况。4.当指板有下列情形，需要带去修琴师之处修护乐器指板：手指按弦造成许多小凹陷，琴弦本身压到指板而造成沟槽指板有弯曲的现象，在琴桥高音弦的沟槽上，以马鞍般的方式贴上一小块皮纸，防止琴弦切割进琴桥。5、如果不是对吉他的构造和原理很了解，最好不要自己动手，那样很容易损坏吉他，建议到正规的琴行去做清洁保养。</t>
  </si>
  <si>
    <t xml:space="preserve">各位大大。帮我排下阵容和打法。别人的号给我了。。迭戈洛佩斯门迪罗 </t>
  </si>
  <si>
    <t>442阵型：迭戈 洛佩斯 门迪 罗兰多 斯塔克 帕雷西 哈格里夫斯 梅西 赫尔南内斯 伊捏斯塔 阿内尔卡 亚昆塔 442阵型没有了中场，因此在比赛过程中，你的中场球员不仅要进攻，还要兼顾防守。442的阵型位置都站的很开，因此如果你对长传没有把握和认识的话，几乎想通过这个阵型打出彩头来是很难的。另一方面，442阵型因为传球距离过长容易造成失球。。。433阵型：迭戈 洛佩斯 门迪 罗兰多 斯塔克罗斯 帕雷西 哈格里夫斯  赫尔南内斯 伊捏斯塔 梅西 阿内尔卡 亚昆塔 进攻方式：就是以三前锋猛攻，或是由后卫长传，借助前锋速度上的优势，拉开对方防守，找空挡直取禁区。4321阵型：迭戈 洛佩斯 门迪 罗兰多 斯塔克罗斯 帕雷西 哈格里夫斯  赫尔南内斯 伊捏斯塔 梅西  亚昆塔阿内尔卡 此阵型又被称为“圣诞树”阵型。强调的仍然是中场的组织和防守 。如果注重进攻那么首选433  如果自己防守比较弱 那就用4321  如果进攻防守并重，且比较注重打配合组织，可以眼光六路那么就选422.</t>
  </si>
  <si>
    <t xml:space="preserve">如何补气补血呢？？？ </t>
  </si>
  <si>
    <t xml:space="preserve">气血不足应责之脾胃,脾胃是气血生化之源,根据理论,应调气为先,调血为次,用红枣炖党参,(党参20克,红枣10枚)平时还可吃些动物的肝脏,关键要提高脾胃运化功能,平时应注意饮食结构,该吃的吃,不该吃的就不要吃.(根据自已的身体状况) 一入冬就手脚冰凉、头发长得比别人都慢、怎么睡觉都睡不够，吃东西容易塞牙……很多人已经对这些生活小细节习以为常，但其实，这些症状都是气血不足的表现。因而，专家提醒大家，如果你有上述的症状，千万不要马虎哦！要正确对待，当出现了上述症状的时候就要为身体及时补充气血。气血不足怎么补好呢，想要从根源上解除气血不足的症状，必须要气血双补！在补血的同时健脾补气，才能标本兼顾。气血是互生互根的，补血当先补气，气血的生化又需要靠脾的运作，而且补血之品多粘腻，有碍吸收。所以，健脾益气还能够疏通肠胃，帮助吸收。因此，气血同补，健脾助消化，补不碍滞，是润之尔康膤彦?獾骼硌榈幕。岢褂谌娴骼砥蛔愕氖贾铡?科学研究表明，润之尔康膤彦?饨寡氩蛊岷显谝黄穑梗痈瓷喜寡愿纳破蛔恪⑶可斫√迥懿掳牍Ρ兜男Ч诓寡Ч某ぞ贸中Ｆ梗瘫菊础?另外如果时间允许的话，还可以在饮食方面多下功夫，有一定的辅助作用吧。 【方一】太子参15克，薯蓣、白术各10克、生黄芪15克，麦冬、黄芪各10克，黄精、鸡血藤各15克。水煎服，每一周服1剂。 【方二】黑黄豆10阗克，荤油适量。黑黄豆如作酱法，取黄捣末，调入荤油熬炼成膏。每一次1匙，开水冲服，逐日2次。 【方三】黑驴肉500克，豆豉、黄汤、盐巴各适量。驴肉冲刷干净，切块，放入锅中，加豆豉、黄汤、盐巴、清水，旺火烧沸后改用文火，煮至熟烂即成。 【方四】人参10克，大枣5枚。人参切片备用。大枣洗净备用。人参放入砂锅中，加清水浸泡半天，加大枣，煮约1钟头即成。 </t>
  </si>
  <si>
    <t xml:space="preserve">一吨柴油等于多少升?一吨等于多少加仑?一吨柴油等于多少升?一吨柴 </t>
  </si>
  <si>
    <t>柴油密度：在标准状态下，气温22O°C。 气压：100kPa。 柴油密度：0.830g/mL 所以一吨柴油即1000千克换算成升就是1204819.28ml,也就是1204.82升一加仑等于4.5461L。一升等于0.22加仑。一吨柴油等于265.02加仑</t>
  </si>
  <si>
    <t xml:space="preserve">GIF图片怎么修改字体如图，GIF图片怎么修改他的字体呢，我喜欢 </t>
  </si>
  <si>
    <t>颜色确实不太好调，我试了半天也没有找到一模一样的，我做了一个近似的颜色，字改成了“夏季女装”，楼主看看满意不？</t>
  </si>
  <si>
    <t xml:space="preserve">我是新手，不知道什么叫（胜者螺旋转折日）胜者螺旋转折日 </t>
  </si>
  <si>
    <t xml:space="preserve">股市中有这么一句术语：胜者螺旋转折日。意思是指股票在由下调或平走而转向上升的日子现象，反之则谓于“负者”。“胜者螺旋转折日”是期待中的指望，而“负者”是无论如何都不愿看到和想到的。 </t>
  </si>
  <si>
    <t xml:space="preserve">完美国际的传送付怎么来的？怎么用 </t>
  </si>
  <si>
    <t>你说的是传送石吧？哪个东西只能自由传送到你已开通的传送点，右键单击然后弹出个地图你在点击你要去的哪地方就传过去了。那东西用起有点贵，用一次大概三毛钱左右。</t>
  </si>
  <si>
    <t xml:space="preserve">还让不让人玩了天天这么卡靠天天延迟500+怎么搞的让不让人玩了 </t>
  </si>
  <si>
    <t>据说SEC将服务器分点给了魔力碰碰牌</t>
  </si>
  <si>
    <t xml:space="preserve">求40MS加点~~~高手请进朋友说40级的MS可以加到暗影形态， </t>
  </si>
  <si>
    <t>暗影 天赋 (31 点)精神分流 - 5/5 点使你有100%的几率在杀死一个敌人并因此获得经验值之后精神属性提高100%。在这段时间里，你的法力值可以在施法时仍保持50%的回复速度。持续15秒。(前期练级时期你主要是要求打怪快,所以建议你加精神分流)强化暗言术：痛 - 2/2 点使你的暗言术：痛的持续时间延长6 秒暗影集中 - 5/5 点使目标抵抗你的暗影法术的机率下降10%精神鞭笞 - 1/1 点以暗影能量攻击目标的灵魂，在3秒内对其造成总计75点暗影伤害，并使其移动速度降低到普通速度的50%。强化尖啸 - 2/2 点使你的心灵尖啸的冷却时间减少4 秒强化心灵震爆 - 2/5 点使你的心灵震爆的冷却时间减少1 秒暗影延伸 - 3/3 点使你的暗影系伤害性法术的射程提高20%沉默] - 1/1 点使目标沉默，在5秒内不能施法。吸血鬼的拥抱 - 1/1 点暗影魔法的能量笼罩你的目标，使你对其造成的暗影伤害总量的20%转而治疗所有队友。暗影之波 - 5/5 点你的暗影系伤害性法术有100%的机会使你的目标在受到暗影系攻击时更脆弱，受到的伤害提高3%，持续15秒。此效果最多可叠加5次。黑暗 - 3/5 点使你的暗影法术伤害提高6%暗影形态 - 1/1 点进入暗影形态，使你能造成的暗影伤害提高15%，受到物理攻击时承受的伤害降低15%。但是在这个形态下，你不能施放神圣系的法术。不要把5点全加到黑暗上,加到三点40级就会出暗影形态.然后再加黑暗.补回那两点</t>
  </si>
  <si>
    <t xml:space="preserve">我喜欢上了一个男生,请问我该怎么做?我喜欢上了他,我们在一起看玩 </t>
  </si>
  <si>
    <t>只有表白,你不说人家怎么会知道呢?给我你和他出生日期和出生地,我帮你们查一下.看看你们有没有可能，合盘好不好</t>
  </si>
  <si>
    <t xml:space="preserve">请教:赈灾义卖的帐务处理我们公司前段时间拿了公司自产的一批产品举 </t>
  </si>
  <si>
    <t>借：营业外支出贷：应交税金--增值税（销项税额）贷：产成品（或库存商品）</t>
  </si>
  <si>
    <t xml:space="preserve">飞龙在天的气势是不是很壮观？天龙八步半，那半步到底有没有修炼成功 </t>
  </si>
  <si>
    <t>谢谢大家的关心，因为太累，本来想休息一段时间，看到大家这么关心俺，只好坚持下去了。呵呵。</t>
  </si>
  <si>
    <t xml:space="preserve">电脑运行问题,疑难问题?怎样才能大大提高电脑登陆桌面的速度?我的 </t>
  </si>
  <si>
    <t>重新设置启动时的项，去掉一点你不需要的，具体你可以先：开始---运行---输入msconfig---打开“系统配置实用程序”在启动项中选择，这样弄好后，再重起一下电脑就好了</t>
  </si>
  <si>
    <t xml:space="preserve">求最终幻想的赏金任务攻略在网上找了下，也没找到..哪位帮我找找哈 </t>
  </si>
  <si>
    <t xml:space="preserve">《最终幻想12》的专题攻略: </t>
  </si>
  <si>
    <t xml:space="preserve">DZ的大事啊各位大哥们关于DZ是穿敏装好还是直接穿暴击装好啊还有 </t>
  </si>
  <si>
    <t>如果你是17/34天赋的战斗贼暴击还是很重要的.直接穿暴击装可以弥补没有冷血的缺陷.但如果是21/8/22天赋的匕首贼来说还是穿平衡一些的装备吧.毕竟控制贼没有一定的敏捷而且天赋加不到5点命中是很容易MS的.而且对于盗贼来说29敏=1致命.所以不要只看暴击加多少.而要看实际物品的平衡属性.也就是说你暴击再高也不可能秒同等级的怪.而你所说的暴击高的物品又没有很好的敏耐属性.会很容易死的.黑下的那把匕首说实话真的不好.匕首的名字是祖尔塞拉克之刃.具体属性是:单手 匕首  49 - 93伤害 速度 1.80 （每秒伤害39.4）  需要等级 55  击中时可能： 每2秒对目标造成10点自然伤害，并使其攻击速度降低10%，持续10秒。 带DOT.估计现在出的匕首还好我几乎都用过.那把匕首DOT发动的几率虽然比98小但控制贼最好还是不要用那把匕首了.因为DOT会打断你的凿击和致盲.在你用5秒规则的时候会带来很大的不便.建议去刷大战场的(如果是BL就是冰川之刃)我现在玩的是联盟名字是电能匕首.如果是刷队的话几天就能拿的到.崇拜了是一把紫色的匕首 剥夺者.都是上手非常容易的匕首.而且属性是都还可以的主手匕首.下边是2把匕首的属性电能匕首 拾取后绑定  唯一  单手 匕首 53 - 100伤害 速度 1.80 （每秒伤害42.5）  +10 敏捷  需要等级 60 剥夺者  拾取后绑定  唯一  单手 匕首 59 - 111伤害 速度 1.80 （每秒伤害47.2）  需要等级 60  击中时可能： 使目标受到200到300点伤害，并使其智力降低25点，持续30秒。 最后.比斯巨兽之皮是很多职业史诗任务所需要的物品.盗贼的是衣服.都在冬泉谷来做.建议最好不要把挖矿技能删除.盗贼有潜行毕竟挖矿是最容易的一个职业.ADD了可以消失.深渊还可以挖到很多黑铁.东西瘟疫很多富瑟.暗影峡谷的富瑟基本都是盗贼潜行进去挖.比斯巨兽的皮能拨出来几率真的不大.</t>
  </si>
  <si>
    <t xml:space="preserve">99年的桑塔纳2000能值多少钱99年的桑塔纳2000跑了有30 </t>
  </si>
  <si>
    <t>99年的桑塔纳2000有4款，不知您说的是哪一款？如 桑塔纳2000GLS-1.8-MT(化油器) ，无大事故，无大碰撞，发动机运转正常的情况下，此车目前北京市场行情价格在4.9-5.2万元左右，具体车价视车况而定，此价格仅供参考。</t>
  </si>
  <si>
    <t xml:space="preserve">利润率和毛利率有什么不同？ </t>
  </si>
  <si>
    <t xml:space="preserve"> 利润：各项收入-总支出（含销售成本、各项费用、营业外支出等） 毛利：销售收入-销售成本 利润率=利润/各项收入*100%（利润占各项收入的百分比） 毛利率=毛利/销售收入*100%（毛利占销售收入的百分比）</t>
  </si>
  <si>
    <t xml:space="preserve">23F的现在谁在线,借个三两万不会被人骂吧那个方便的借我两万,我 </t>
  </si>
  <si>
    <t>楼主叫什么</t>
  </si>
  <si>
    <t xml:space="preserve">现在有什么好看的电影吗？请大家推荐一下！！ </t>
  </si>
  <si>
    <t>哈利.波特（经典）情癫大圣</t>
  </si>
  <si>
    <t xml:space="preserve">房事做多了，女人也会肾虚吗？我女朋友也腰痛，不知道是不是肾虚 </t>
  </si>
  <si>
    <t>女人也会肾虚，而且女性肾虚的比例相当高，并不低于男性。女性受生理、病理因素影响也容易发生肾虚，且女性肾虚的比例相当高，并不低于男性。在现代社会中，多数女性都是快节奏地工作和生活着，长期精神紧张、超负荷工作，在不知不觉中将人体代谢平衡打破，出现精力透支的状况。这时，也许繁忙的事务，紧张的工作状态，使人感觉不到体内的这种渐进的变化，事实上，透支了的健康状况早已为病魔悄悄打开了大门——肾虚随之而来。中医所指的肾虚，有很多种类，其中最常见的是肾阴虚、肾阳虚。肾阴虚，表现为口干舌燥、皮肤瘙痒、失眠多梦、心情烦躁、腰酸膝软、手足心热、耳鸣头晕等症状。另外，女子会出现便秘、经少甚至经闭等表现。肾阳虚，表现为面色白或黝黑、腰膝酸疼、精神不振、手足冰冷、畏寒怕风、腹泻、身体浮肿等。此外，女子会出现不孕、遗尿、浮肿、性欲低下等症状。</t>
  </si>
  <si>
    <t>一道数学应用题n为100以内的自然数，那么能令2n</t>
  </si>
  <si>
    <t xml:space="preserve">题目应为：n为100以内的自然数，那么能令2^n-1被7整除的n有多少个？答：n为100以内的自然数，那么能令2^n-1被7整除的n从0、3、6……到99，共有34个。证明：当N = 3K 【K为自然数】时，2^N-1必能被7整除。当N = 3K 时，2^N-1 = 2^3K - 1 = 8^K -1= (7+1)^K - 1按二次项展开式得= 1*7^K + P1*7^(K-1)+ P2*7^(K-2) + …… + PK*7 + 1] - 1每项均含因数7,必能被7整除。同理N = 3K+1、N = 3K+2时，一样写成关于(7 ± X)^K*2^M - 1的形式，并证得不能被7整除。因此，n为100以内的自然数，那么能令2的n次-1被7整除的n从0、3、6……到99，共有34个。 </t>
  </si>
  <si>
    <t xml:space="preserve">军人婚姻 </t>
  </si>
  <si>
    <t>军嫂都是伟大滴`~`~`~</t>
  </si>
  <si>
    <t xml:space="preserve">姐妹们,叶酸与月经的关系你们知道吗,在线等待我一直未准,在这里看 </t>
  </si>
  <si>
    <t>你有可能是怀孕的现象，你的月经时间一直很准的。祝好孕！最好的办法就是拿早早测试一下啊！</t>
  </si>
  <si>
    <t xml:space="preserve">UltraEdit编辑器在哪里？哪们朋友有UltraEdit编辑 </t>
  </si>
  <si>
    <t>UltraEdit-32 v12.00a 中文版 注册信息  com 建议你这种软件最好不要用绿色版本的.因为绿色版本有的也会向系统文件夹放入一些DLL文件的,还有注册表也会有相关改动的.你以后删除那些的时候就非常麻烦,不过有些纯绿色的软件就非常好.不向给系统改动任何东西的!只是个人经验.</t>
  </si>
  <si>
    <t xml:space="preserve">32块的小单还幸存着！(实图)大伙看看有机会没 </t>
  </si>
  <si>
    <t>约旦“1”面很大</t>
  </si>
  <si>
    <t xml:space="preserve">请问清泉老师000158未来走势 </t>
  </si>
  <si>
    <t>目前位置的震荡蓄势完成后,将向6.30元附近区间发动攻击.</t>
  </si>
  <si>
    <t xml:space="preserve">美国股市周日开不开盘?同上. </t>
  </si>
  <si>
    <t>全世界的股票市场周日都停市！</t>
  </si>
  <si>
    <t xml:space="preserve">爱和性，男人与女人的表达上是否差异很大？有个不错的女性朋友，通过 </t>
  </si>
  <si>
    <t>1、你们认为男人的这种表现正常吗？她应该接受他吗？回答:男人的这种表现正常,既然在一起了,拉拉手也没有关系.至于是否就接受他,再观察吧.2、男人与女人在爱和性上表达是否差异很大-一个快一个慢？回答:男人的表现更快,甚至是迫不及待,巴不得一天就和姑娘上床;而女方反映要慢一些,谨慎一些,被动一些.3、女人在表达上是否该改变以往的传统方式，应该也主动些？回答:顺其自然.随着社会的向前发展,女性该主动自然会主动的,这是强求不来的.</t>
  </si>
  <si>
    <t xml:space="preserve">如果有吃有喝，家里条件还可以，家人对自己也不错，就是找不到自己喜? </t>
  </si>
  <si>
    <t>每个人对幸福,有不同的认知,别人的幸福观并不一定通用于你,同样,你的幸福观也不一定适用于别人.我的幸福观就是:自由+自律,知足常乐.音乐,上网,影视,江滨大道两岸散散步.</t>
  </si>
  <si>
    <t xml:space="preserve">想在女朋友生日那天给她一个惊喜，刺激一点的最好了， </t>
  </si>
  <si>
    <t>送个玉手镯吧，应该会喜欢。银质手镯 珍珠项链帮她把最近一直想买但没有买的东西偷偷的买来送给她，希望能帮到你你可以买个整蛊小玩具。那就得先约好朋友，在某一个地方突然放飞一堆气球，上面写着XXX我爱你其实有一个特殊的记忆就挺浪漫特别的，至于惊喜，完全可以通过礼物体现。一般的女生都喜欢好玩,新奇的东西,所以选这些就可以了,但是要注意下,如果不想追人家的话还是注意下礼品象征的意义哦,最好不要送首饰.根据你对她的理解，想想她的性格，爱好，兴趣等各种特点挑选礼物，另外你要考虑你所承受的价格，礼物最好可以携带，并且容易被她的朋友发现，朋友的夸奖会使 她开心，你也有面子。你也可以想她最近有什么需要，或者心仪很久没舍得买的。送鲜花要选对场合，当着很多人，另人羡慕</t>
  </si>
  <si>
    <t xml:space="preserve">我表姐去香港回来买了美肌之志的面膜，我偷了片哈密瓜的用了，补水效? </t>
  </si>
  <si>
    <t>这牌子确实不错的说！他好像是分台湾原厂和大陆产的。。原产的当然会好用点啦。我也在淘宝找过，发现原来有授权店了。买回来用过后和香港的一样。你淘宝直接搜美肌之志就可以了。。授权店销量都是最高的。。</t>
  </si>
  <si>
    <t xml:space="preserve">在实况9里编辑球员怎么输入中文？谢谢！ </t>
  </si>
  <si>
    <t>这首先需要有个游戏修改器,一共两个附件,下载地址:1.  2.  1.首先在游戏中新建一个球员~~~~2.打开pesofeditor修改器~3.选择修改器上球员那项~利用姓名，数值等参数找到所要修改的球员~4.修改~把输入法设置成中文输入就可以改球员的名字了5.最后注意保存修改好的存档，不然就功亏一篑了~6.完成了，再进入游戏时你会发现球员名字已经是中文的了~</t>
  </si>
  <si>
    <t xml:space="preserve">3档的和0档的差距有多大？今天冲稳了一只3档的改鲨，掉1血1防1 </t>
  </si>
  <si>
    <t>2楼的老大别太夸张,哪只宠血+1BP都是+8血,120级来说3当单对血影响是1血40+1防(3.6*5)18+1敏(3.6*5)18=76血比满当的少76点对这宠来说,3当的120级跟满当的118级总BP差不多吧,影响不大</t>
  </si>
  <si>
    <t xml:space="preserve">女朋友告诉我那件事后,我好痛苦,我应该怎么办?我和女朋友拍拖已经 </t>
  </si>
  <si>
    <t xml:space="preserve">    相信你也是很爱她的,她也是很爱你的,至于她做了那种事,只是一时的冲动,她想找个地方发泄,但没有,想找个人诉说,也没有,恰在那时侯是你跟她分手的日子,痛苦加怨恨,在她面前刚好有个男孩进入他的世界,所以发生一些不该发生的事.    想想她又回到你的身边,她是想换成任何一个男人都替代不了你对她的爱,因为她始终爱的还是你一个啊,跟你在一起她觉得比什么都幸福,在那个人面前她发现了一些你所没有的习惯当然会不喜欢他了,结果还是回到你的身边    她既然回到你身边了,你何不给她一次机会呢,你爱她吗?爱~就给她机会~~~    如果你还不能接受她跟那个男的做了一些你不想看到的事.那就去坦白的跟她说明你不能跟她结婚的理由,     相信你做的选择让彼此都很看的堪,祝你好运</t>
  </si>
  <si>
    <t xml:space="preserve">如果一个人死了，他的存折密码只有他自己知道，那存折里的钱怎么办？? </t>
  </si>
  <si>
    <t>这个比较麻烦，家属要凭死者的死亡证、户口本，去公证处办理公证，然后再将这些资料提交银行，才可以领出原先属于死者的存款。</t>
  </si>
  <si>
    <t xml:space="preserve">06年老凯越，在4S店更换火花塞要多少银子 </t>
  </si>
  <si>
    <t>凯越更换火化塞：材料费156元（30*4）；人工费84元（42*2）；总计：240元</t>
  </si>
  <si>
    <t xml:space="preserve">dll文件有什么用 </t>
  </si>
  <si>
    <t>DLL文件即动态链接库文件，是一种可执行文件，它允许程序共享执行特殊任务所必需的代码和其他资源。Windows提供的DLL文件中包含了允许基于Windows的程序在Windows环境下操作的许多函数和资源。 DLL多数情况下是带有DLL扩展名的文件，但也可能是EXE或其他扩展名。它们向运行于Windows下的程序提供代码、数据或函数。程序可根据DLL文件中的指令打开、启用、查询、禁用和关闭驱动程序。 DLL的全称是Dynamic Link Library, 中文叫做“动态链接文件”。在Windows操作系统中, DLL对于程序执行是非常重要的, 因为程序在执行的时候, 必须链接到DLL文件, 才能够正确地运行。而有些DLL文件可以被许多程序共用。因此, 程序设计人员可以利用DLL文件, 使程序不至于太过巨大。但是当安装的程序越来越多, DLL文件也就会越来越多, 如果当你删除程序的时候, 没有用的DLL文件没有被删除的话, 久而久之就造成系统的负担了。 DLL是动态连接库。使用动态连接库的一些好处是： 1.多个应用程序共享代码和数据：比如Office软件的各个组成部分有相似的外观和功能，这就是通过共享动态连接库实现的。 2.在钩子程序过滤系统消息时必须使用动态连接库。 3.动态连接库以一种自然的方式将一个大的应用程序划分为几个小的模块，有利于小组内部成员的分工与合作。而且，各个模块可以独立升级。如果小组中的一个成员开发了一组实用例程，他就可以把这些例程放在一个动态连接库中，让小组的其他成员使用。 4.为了实现应用程序的国际化，往往需要使用动态连接库。使用动态连接库可以将针对某一国家、语言的信息存放在其中。对于不同的版本，使用不同的动态连接库。在使用AppWizard生成应用程序时，我们可以指定资源文件使用的语言，这就是通过提供不同的动态连接库实现的。 VC++、C++ Builder、Delphi都可以编写DLL文件。Visual Basic 5.0以上版本也可以编写一种特殊的DLL，即ActiveX DLL。 DLL不是独立运行的程序，它是某个程序的一个部分，它只能由所属的程序调用。用户不能，也不需要打开它</t>
  </si>
  <si>
    <t xml:space="preserve">凭啥不给我发博文 </t>
  </si>
  <si>
    <t>可能是你的文章里含有比较敏感的词语，我知道新浪的博客会审核的，还有外语文章也会暂时发不了。</t>
  </si>
  <si>
    <t xml:space="preserve">关于手机下载手机没有下载线，怎样才能下载喜欢的手机铃声，请指教。 </t>
  </si>
  <si>
    <t>1.不需要下载线，在网上下载，下载时，直接输入手机号就OK了。不过，每下载一首都有2-5元不等的人民币。如果是彩铃，每月还会收5元的费用。2.用手机线通过电脑下载MP3铃声，必须有专门的设备(80-200多元不等)，光有线是不行的。我就有数据线，但我却下不下来，打电话一问，才知是要专门的设备才行。</t>
  </si>
  <si>
    <t xml:space="preserve">感冒怎么治对身体伤害小?准备怀孕了,怎样降低感冒机率?有些人说吃? </t>
  </si>
  <si>
    <t>小的感冒尽量不要吃药,严重的症状可以在医生的指导下用药,天气转凉,注意保暖,现在是流感高发期,避免去人多的地方,多喝温开水.怀孕前三个月和怀孕头三个月要补充叶酸片.</t>
  </si>
  <si>
    <t xml:space="preserve">绝对中不了9场会中8场！！！实图！！！！今年R9没有赚多少钱，但 </t>
  </si>
  <si>
    <t>改一场吧，维拉利尔3，或者热那亚0，那就领奖就行了，明天，利沃诺3，改改吧</t>
  </si>
  <si>
    <t xml:space="preserve">上火，长了好多痘痘，怎么办呢？ </t>
  </si>
  <si>
    <t>首先，长了痘痘，我们要勤洗脸，用温水洗，不过一天不要洗太多，洗多了皮肤会很干燥。最好可以配合硫磺皂去洗，可以消炎控油。怎样更好洗完脸之后，在红肿的痘痘上擦些芦荟膏或者芦荟胶，芦荟膏可以清热下火，并且有消炎的作用。新鲜的芦荟也可以。怎样祛痘更好保证睡眠，这里说的保证睡眠不是一天睡十几个小时。俗话说“早睡早起身体好”睡觉是个双刃剑，不是说睡得越多越好的。尽量晚上9点半-10点上床，10点30左右就要入睡。早上7点左右起床最好，因为10点过后人体各个器官就要开始排毒了，并且要在熟睡的状态下才可以进行，这个时候，你熬夜，那么身体长期积累毒素排不出去，导致上火，内分泌失调等多种问题，自然就会痘痘不断了。而早上早起是因为早上这段时间肠胃蠕动非常快，去厕所把一晚上的毒素排泄出来是最好的时候了。怎样祛痘更好还有可以看一下中医，小翔很多朋友读初中时满脸都是痘痘，但是看了中医敷了中药真的效果非常好，慢慢都消去了。不过小翔也不知道秘方哈！怎样祛痘更好5可以配合一些祛痘产品使用，比如祛痘洗面奶，祛痘水之类的。不过尽量选择植物提取的，要温和，不要选刺激性大的。</t>
  </si>
  <si>
    <t xml:space="preserve">这3个数，前面加个1，后面的减2加1，这个数是多少 </t>
  </si>
  <si>
    <t>是2  123</t>
  </si>
  <si>
    <t xml:space="preserve">问题严重了,在线等~我的目标是别人可是上状态却是自己..然后决斗 </t>
  </si>
  <si>
    <t>你是不是用插件了把插件还原成默认状态,在重新设下就好了这个我也前也是出过这问题.我用的是大脚我无意点了个什么功能好像是自动师法的好像．给别人加buff总是给自己．用魔法打人总说对方不存在或无效的目标．我是气的把所有插还是设置都还原了后就好了．来了才明白是怎么回事．</t>
  </si>
  <si>
    <t xml:space="preserve">有感于金融危机发展中国家：为什么受伤的总是我？ </t>
  </si>
  <si>
    <t>发展中国家：为什么受伤的总是我？ 在一个动如脱兔，静若处子的格局之中，因为心性的浮躁，急功近利，自然总是成为最终的受伤者。</t>
  </si>
  <si>
    <t xml:space="preserve">怎样提高bt下载速度 </t>
  </si>
  <si>
    <t>上传改最小 1～3 速度就能维持在120左右 当然如果下的人少 又没种子 哪速度也是上不去的！</t>
  </si>
  <si>
    <t xml:space="preserve">色欲书和嫉妒书是什么？为什么有人好几百W收~！~？？？？有什么用? </t>
  </si>
  <si>
    <t xml:space="preserve">一等勋章任务"7罪书"其中的2本色欲的罪书 击倒勋五追加露比有一定几率获得嫉妒的罪书 击倒改造阿鲁巴斯有一定几率获得由于这两本书所需要打的BOSS有一定的难度,因此价格比较高.7罪书的获得方法参见一等勋章任务  </t>
  </si>
  <si>
    <t xml:space="preserve">农历九月二十八出生的是什么星座？ </t>
  </si>
  <si>
    <t>不同年份的农历对应不同的阳历日期，请先核实阳历日期，再对应下表按阳历划分星座        白羊座：3月21日 - 4月20日    金牛座：4月21日 - 5月21日    双子座：5月22日 - 6月21日    巨蟹座：6月22日 - 7月22日    狮子座：7月23日 - 8月23日    处女座：8月24日 - 9月23日    天秤座：9月24日 - 10月23日    天蝎座：10月24日 - 11月22日    射手座：11月23日 - 12月21日    魔羯座：12月22日 - 1月20日    水瓶座：1月21日 - 2月19日    双鱼座：2月20日 - 3月20日亲，你好…看星座是按你出生当年的阳历日期的… 摩羯座[12月22-1月19]水瓶座[1月20-2月18]双鱼座[2月19-3月20]白羊座[3月21-4月19]金牛座[4月20-5月20]双子座[5月21-6月21]巨蟹座[6月22-7月22]狮子座[7月23-8月22]处女座[8月23-9月22]天秤座[9月23-10月23]天蝎座[10月24-11月22]射手座[11月23-12月21]望设为好评 谢谢</t>
  </si>
  <si>
    <t xml:space="preserve">什么时候给宝宝添加辅食最好？我的宝宝2个多月大了，请问什么时候给 </t>
  </si>
  <si>
    <t>6个月当你奶水不足的时候就给他喂最好，　孩子在６个月以后母乳的量及营养已经不能满足孩子生长的要求了，就要开始添加辅助食品。添加辅食的原则是从一种到多种，适应了一种食品以后再添加另一种，以易消化、富营养、不易过敏为主，少吃油榨食品。　　常见的辅食有蔬菜泥，其富含维生素及母乳中没有的纤维素并且不易引起过敏。　　适应了蔬菜泥之后可以添加肉类及蛋类，如肉松、蛋花汤，量宜由少到多，逐渐增加，可以参夹在蔬菜泥中慢慢适应。　　　　食物的烹调形式先以汤粥为主，不放味精及调味油，依次添加水果泥直至整个水果，荤菜也以粉末的形式加入菜粥中，不要切成块状避免呛入气管，堵塞呼吸道造成严重后果。</t>
  </si>
  <si>
    <t xml:space="preserve">为什么我坚持跑步跑了一个月，没瘦反胖？我每天早上到家附近的操场跑 </t>
  </si>
  <si>
    <t>快走或者慢跑、同时控制饮食是减肥的好方法，你现在虽说体重是长了一斤，但并不代表这种方式没起效果，最大的原因可能是你身上的肥肉少了，而肌肉多了，体形更为匀称了。长此以往，你的赘肉会大大减少，而体重减少到一定程度上不再发生变化。坚持就是胜利，别放弃啊！运动需要持之以恒，否则一停就容易长赘肉，尤其是到了一定年龄以后。你也可以试试练瑜珈，使身体既柔软又匀称，很不错的。</t>
  </si>
  <si>
    <t xml:space="preserve">电算化需要什么证明呢 </t>
  </si>
  <si>
    <t>电算化不需要什么证明，财务软件和其他办公软件一样，只是工具。只要做出来的书面凭证、帐簿符合会计档案管理的要求就行了。</t>
  </si>
  <si>
    <t xml:space="preserve">关于ZUG物品的几个问题ZUG掉落的打孔的巫毒娃娃有什么用?ZU </t>
  </si>
  <si>
    <t>ZUG掉落的打孔的巫毒娃娃有什么用?答:自己职业的恶毒娃娃 + ZG的神像可以给头/腿FM(在TBC没开,是较好的FM)，地点在ZG内血领主后到老5路上的一高台上，有个巨魔NPC。ZUG掉落的宝石有什么用?答:在荆棘谷南野人海岸西南的岛上,可以领取任务,冲ZG声望;ZG声望崇拜时候,15个宝石换取15个徽记给肩膀FM,这好象是唯一的肩膀FM,比较好.ZUG掉落的神像有什么用?答:配合恶毒娃娃使用.</t>
  </si>
  <si>
    <t xml:space="preserve">从上海外国语大学怎么去复旦大学?上海外国语大学（虹口校区）去复旦 </t>
  </si>
  <si>
    <t>线路1：车程4.2公里(起点步行约5分钟上车,下车后步行约1分钟到达终点)从854路(虹口足球场站)上车,坐5站至(复旦大学站)下车 相关公交 854路 |时刻表 --------------------------------------------------------------------------------线路2：车程4.3公里(起点步行约3分钟30秒上车,下车后步行约4分钟到达终点)从139路(虹口足球场站)上车,坐5站至(复旦大学站)下车 相关公交 139路 |时刻表 139路在西江湾路上，虹口足球场旁边--------------------------------------------------------------------------------线路3：车程3.9公里(起点步行约5分钟30秒上车,下车后步行约4分钟到达终点)从942路(广中路站)上车,坐5站至(复旦大学站)下车</t>
  </si>
  <si>
    <t xml:space="preserve">精卫填海这个故事说明了什么道理? </t>
  </si>
  <si>
    <t>精卫填海这个故事说明了什么道理?  答:说明了做任何事都要坚持不懈，勇往直前，永不言弃；面对厄运要知难而进，要对自己抱有信心，做到问心无愧。</t>
  </si>
  <si>
    <t xml:space="preserve">小外甥过周岁生日，送什么礼物好呢？ </t>
  </si>
  <si>
    <t>送书,现在一岁多的孩子就可以自己翻布书了,还撕不坏,再穷也不能穷了教育,而且现在的布书都挺有档次的,还拿得出手</t>
  </si>
  <si>
    <t>初中数学若（a+15)的平方+2b</t>
  </si>
  <si>
    <t>依条件式(a+15)^2+|2b-9丨+|2c+5|=0易得，a=-15，b=9/2，c=-5/2，所以-a-b+c=15-9/2-5/2=8，|a|+(1/b)-(-c)=15+2/9-5/2=229/18。</t>
  </si>
  <si>
    <t xml:space="preserve">请问报名确认里的资料问题请问报名确认里，考生的资料里显示的是“专 </t>
  </si>
  <si>
    <t>你说的是最高学历右边那栏吧，现在是空的，不过不用我们考虑的吧。</t>
  </si>
  <si>
    <t xml:space="preserve">手机锂电点白光LED需要串接限流电阻吗？多大为宜？ </t>
  </si>
  <si>
    <t>需要。锂电池电压（3.7V）-3V÷白光LED电流=电阻。如果电流大，计算一下电阻功率。</t>
  </si>
  <si>
    <t xml:space="preserve">劳动保护公司没有按规定为员工买各种社会保险，员工辞职后要求补齐， </t>
  </si>
  <si>
    <t>你好！按照相关规定，用人单位应负责为劳动者办理养老保险、医疗保险等社会保险、并缴纳公司应该缴纳的部分。如果单位没有为你缴纳，单位是违法的，其中医疗保险可以补缴，但是养老保险却无法补缴，但单位应该承担相应的责任，赔偿你的损失，建议通过当地的劳动与社会保障局解决，必要时可以通过劳动仲裁委员会仲裁或者到法院起诉。</t>
  </si>
  <si>
    <t xml:space="preserve">农行哪个基金好？ </t>
  </si>
  <si>
    <t xml:space="preserve">农行基金中富国天益最好。此基是一只的老牌明星基金，历史业绩表现较好，最近业绩表现突出，而且抗跌性较好，近三个月的业绩在所有开放式基金中排名第1，它重仓高成长型股票，未来潜力较大，值得长期持有。供参考。 </t>
  </si>
  <si>
    <t xml:space="preserve">我喜欢火影里的佐助,很想要有关他和卡卡西的图片. </t>
  </si>
  <si>
    <t xml:space="preserve">      希望你喜欢。。呵呵。。。</t>
  </si>
  <si>
    <t xml:space="preserve">以后人物的模型是不是能翻到第二页？如果国内公测了那么可能只有第一 </t>
  </si>
  <si>
    <t>人物的角色在选择时 都是在一个界面的..如下图..这已经魔力1的所有角色 而且还多了几个 不可能会增加页数的</t>
  </si>
  <si>
    <t xml:space="preserve">武器鉴别，重机枪还是火箭筒？逛博物馆时候拍的，看着很疑惑，这到底 </t>
  </si>
  <si>
    <t>渥太华加拿大战争博物馆拍的？这是著名的刘易斯（Lewis）轻机枪，轻机枪使用弹盘很普遍啊，47发容弹量也够用了。“枪管”粗大是因为它采用气冷原理，粗大的是散热套筒；目的是增大散热面积，与枪管上装暖气式的散热片、开孔有异曲同工之妙。里面的枪管可是正常尺寸的哦，看看附图你就明白了。</t>
  </si>
  <si>
    <t xml:space="preserve">疑难单选题目（答案D）请问这个句子是不是定语从句?如果是怎么不用 </t>
  </si>
  <si>
    <t>因为这个句子表述的是时间上的定语从句，所以需要用表述时间的" when".这句话的意思是 jane 5 月份回来，在那时（by when) 新房子也应修好了。</t>
  </si>
  <si>
    <t xml:space="preserve">冰箱冷藏室漏水怎么办？我家冰箱是美菱的，买了3年了，最近发现冷藏 </t>
  </si>
  <si>
    <t xml:space="preserve">这是一个常见的现象，在冰箱冷藏室内后壁有个排水孔，正常停机时融化的水可以从这里排出的，使用久了被少量的杂物（或轻微）堵住了，造成水不能排出箱外，保鲜层就会积水（或结冰）。小孔通到下面是有弯度的管，用东西捅不能解决的，你可打开冰箱后面的小盖子，就能看到排水的管头，对着管子用力吹（或用气筒吹）就可以把杂物吹出！然后再从冰箱内的排水孔内倒些清水（加少量的洗洁净）冲几次即可！很有效果！就不会出现积水的现象了。 </t>
  </si>
  <si>
    <t xml:space="preserve">怎样练英语口语？我的英语口语还需要提高，如何处理好英语口语中的辅 </t>
  </si>
  <si>
    <t>我之前是这样做的：连贯讲英语时 , 在同一个意群( 即短语或从句 )中 , 如果相邻的两个词前者以辅音音素结尾 , 后者以元音音素开头 , 就要自然地将辅音和元音相拼 , 构成一个音节 , 这就是连读。连读时一般不要重读音节,只是很自然地一带而过。连读只发生在句子中的同一个意群中,所以在两个意群之间即使有两个相邻的辅音和元音出现 , 也不可连读。怎样练英语口语啊?其实没有什么捷径，多学多练，听同事说恩京英语不错，专业英语口语培训，一对一培训恩京电话英语挺好的，恩京英语通过电话来进行上课的，没有时间的限制，随时随地都可以上课，不用担心迟到或缺勤，上课更加方便。而且他还采用英语口语一对一培训的教学模式，能对你的专业英语口语进行具有针对性的授课，让你的专业英语口语提高的更快，很好的应对职场英语学与用，应对商务、工作中遇到的各种情景，效果超好啊！</t>
  </si>
  <si>
    <t xml:space="preserve">有谁家用过雅阁这个品牌的淋浴房的，质量怎么样 </t>
  </si>
  <si>
    <t>雅阁的不锈钢淋浴房非常不错，我家就用的雅阁不锈钢淋浴房，产品质量挺好的！！听说现在雅阁淋浴房已经是中国不锈钢淋浴房第一品牌了，实至名归啊！雅阁不锈钢淋浴房的设计也蛮时尚的。楼主买淋浴房可考虑下雅阁不锈钢淋浴房。</t>
  </si>
  <si>
    <t xml:space="preserve">美团上退钱是退到支付宝上还是退到美团账户啊？ </t>
  </si>
  <si>
    <t>都是可以的，可以选择的，推到美团账户比较快</t>
  </si>
  <si>
    <t xml:space="preserve">血蓝灵机90的战场里在哪买找不到 </t>
  </si>
  <si>
    <t>豪血加上修元到天机左使那换血魔</t>
  </si>
  <si>
    <t xml:space="preserve">宁可笑着累也不要哭着享受下一句怎么押韵 </t>
  </si>
  <si>
    <t>宁可两个人苦难相守，也不要一个人在风雨里等候。满意回答请好评吧~~O(∩_∩)O谢谢啦</t>
  </si>
  <si>
    <t xml:space="preserve">泥闷快给我推荐几个好看的韩剧[求关注][求关注] </t>
  </si>
  <si>
    <t>来自星星的你  超好看的Two Weeks 继承者们，来自星星的你，九回时间旅行，主君的太阳 未来的选择</t>
  </si>
  <si>
    <t xml:space="preserve">600000可介入否?近期热点,可介入否? </t>
  </si>
  <si>
    <t>只宜短炒</t>
  </si>
  <si>
    <t xml:space="preserve">最近总是腰酸腿疼，去医院医生说是更年期症状，还说什么时间窗补充雌? </t>
  </si>
  <si>
    <t>我姐就吃的这个药，你试试吧</t>
  </si>
  <si>
    <t xml:space="preserve">燃烧的远征中有那些任务值得法师做外域中有那个任务奖励法系的装备6 </t>
  </si>
  <si>
    <t>难道你不想做任务，外域任务有G有声望，看的就是声，有做就做吧，我是部落的，我看见的FS前期都喜欢拿某个阵营崇拜剑</t>
  </si>
  <si>
    <t xml:space="preserve">电源适配器给畜电池充电我有一只不知道是什么仪器上用的小电源，外壳 </t>
  </si>
  <si>
    <t>1）12V的蓄电池最终需要充到14.4V左右,用你说的第一个电源充电，完全可以，因为它不是稳压电源，它输出的峰值电压可以达到17--18V,另外，几个小时才有微温，说明功率也能承受。2）充电时间长短，与充电电流大小有关，所以你应该测量一下充电电流。并且用限流电阻将充电电流限制在500毫安以下。7 安时除以充电电流=充电时间。或者监测电池电压，大约14.4V即可断电。3）如果实在没有测量手段，只好估计时间了，根据你说的几小时内电源略微有温升估计，大概充电电流在300--400毫安左右， 按此估算，充电时间大约20--24小时。</t>
  </si>
  <si>
    <t xml:space="preserve">与亲人相处问题我在家和老爸相处得很糟。以前老爸有些生活习惯我看着 </t>
  </si>
  <si>
    <t>每个人都有自己的生活习惯，有的人是这样的，牵就一下，毕竟是你的父亲嘛，你如果有个生活习惯，别人突然要改变你的习惯，你能接受吗</t>
  </si>
  <si>
    <t xml:space="preserve">街头篮球进不去我家前几天安的电脑,才装了街头但为什么我双击之后游 </t>
  </si>
  <si>
    <t>防火墙 和杀毒软件会影响到游戏 所以玩游戏前 关闭这2项就行了希望能帮助到你还有visia系统也不支持 街头</t>
  </si>
  <si>
    <t xml:space="preserve">复习到现在了，还要背单词么？ </t>
  </si>
  <si>
    <t>到这个时候, 可以翻一翻大纲的词汇表, 对照自己还有那些没有掌握. 背可能有点来不及了.</t>
  </si>
  <si>
    <t xml:space="preserve">关于选择最佳答案的问题如果提出问题,虽有网友解答,但一眼看上去即 </t>
  </si>
  <si>
    <t>选择无满意答案分不会有变。本想评论一下，想起来你用手机应该是看不到评论的。不明白你说的啥叫刷分，是不是掉分呢？不要太看重分数嘛，反正本来就是个精神奖励机制。还有我的处理方法一般是采纳，因为不采纳分也不会还给你了么，如果答案很草率让你比较冒火呢，就只给一颗星，然后评价里面写两句话，或纠正或教育两句就是了。</t>
  </si>
  <si>
    <t xml:space="preserve">巡扑野兽和巡扑灵兽有什么区别吗?????????????巡扑野兽 </t>
  </si>
  <si>
    <t>据说灵兽的攻击是野兽的三倍</t>
  </si>
  <si>
    <t xml:space="preserve">NEO公主三色美瞳怎么样？这款美瞳的舒适度怎么样啊？ </t>
  </si>
  <si>
    <t>我个人觉得NEO公主三色棕很好看 在“魅眼网”买的哦，我带过好久隐形眼镜了 给你一点小小的建议 不知道你平时是怎么打扮的 要是很卡哇伊的那种 就带比较彩色 直径大大的 在画上眼妆 很漂亮的 如果是穿着很大方的那种 但是还是很想带彩色镜片的话 我建议你带深色的彩色的 像巧克力色 棕色啊 希望能帮到你</t>
  </si>
  <si>
    <t xml:space="preserve">为什莫我的笔记本在待机时间长了之后不能启动（有时候出现该故障，c? </t>
  </si>
  <si>
    <t xml:space="preserve">这个原因可能有很多。请你按下开机键。看看是不是休眠了？如果不是，你是不是好久没重装过系统了（表现是，平时运行WINDOWS时很慢） </t>
  </si>
  <si>
    <t xml:space="preserve">请问有没有关于伟人的英语小故事150字左右，谢谢！ </t>
  </si>
  <si>
    <t>岳飞Yue Fei is famous national hero in china. He lived in Chinese Song Dynasty. Song Dynasty was be invaded by Jing nationality which was north nomad then. Yue Fei leaded his army to attack Jing's army. He was often win. Later he was be killed by lurcher of Song Dynasty.</t>
  </si>
  <si>
    <t xml:space="preserve">行棉棉衣是什么性质的棉衣棉应该是怎样的棉,含量是怎样的? </t>
  </si>
  <si>
    <t>行棉棉衣是指晴纶棉被缝纫成格子形状的棉衣，优点是外观不臃肿且怎么洗也不会变形。</t>
  </si>
  <si>
    <t xml:space="preserve">如何治疗筋膜炎谁hi知道一些？我觉得筋膜炎还蛮难好的 </t>
  </si>
  <si>
    <t>筋膜炎又称为纤维织炎，具体病因是指肌肉和筋膜的无菌性炎症反应，当机体受到风寒侵袭，疲劳或者外伤、睡眠位置不当时，可诱发肌肉筋膜炎的急性发作。肩颈腰部的肌肉、韧带、关节囊的急性或者慢性损伤、劳损等是本病的基本原因。目前治疗方法最好的是外敷膏药治疗。比方说筋膜膏，治疗效果很不错。</t>
  </si>
  <si>
    <t xml:space="preserve">计算机键盘常见故障操作系统常见故障 </t>
  </si>
  <si>
    <t>键盘常见故障？？？最多就是键盘没反应打不出字罢了？？还有什么？</t>
  </si>
  <si>
    <t xml:space="preserve">物流专业到底可以从事哪些工作 </t>
  </si>
  <si>
    <t>物流管理专业从事运单的开具，业务的发展，运价的制定，成本的核算，服务的水平，客户的维护，配送的到位，运输的跟踪，信息的反馈．看你是从事哪个职位，还有具体的划分．</t>
  </si>
  <si>
    <t xml:space="preserve">什么是光电流光子照在金属表面会是金属发生光电效应，是金属激发出电 </t>
  </si>
  <si>
    <t>把金属铯喷镀在银片上，制成各种光电管。光电管受光线照射，便会产生光电流，光线越强，光电流越大，成了自动控制中的“眼睛”。例如，人们在炼钢炉中装了它，随着炉里火焰的明暗不同，光电管的光电流的大小也不同，从中可以算出温度的高低，进行自动控制。另外，在电影、电视、光度计以及许多通讯、自动控制设备中，都要用到光电管。</t>
  </si>
  <si>
    <t xml:space="preserve">法甲:里昂VS巴黎圣日尔曼 </t>
  </si>
  <si>
    <t xml:space="preserve">  2:0</t>
  </si>
  <si>
    <t xml:space="preserve">猜地名“大楼入口处”打一地名 </t>
  </si>
  <si>
    <t>厦门！~~~</t>
  </si>
  <si>
    <t xml:space="preserve">4服的勋章现在都什么价钱啊？卖掉好吗？谢谢了。 </t>
  </si>
  <si>
    <t>在12000左右,要看你有好多了!如果多,有10000的话就去换东西哦!!</t>
  </si>
  <si>
    <t xml:space="preserve">经常腿上青一块紫一块是不是病呀？也没有碰过，无缘无故就会出现。是 </t>
  </si>
  <si>
    <t>不一定是紫癜的，就是中医说的气血不通畅所导致的。让有经验的中医把脉调理一下就会好的。</t>
  </si>
  <si>
    <t xml:space="preserve">语文课前三分钟演讲我该讲什么？？请大家赐教 </t>
  </si>
  <si>
    <t>3分钟，300字，讲你最想讲的，一二三，要有序。</t>
  </si>
  <si>
    <t xml:space="preserve">请问普莱达在哪啊别人都说在仙魔的三叉路口附近,我把那里转了好多遍 </t>
  </si>
  <si>
    <t>哈哈哈哈！！！同命人呀！我在茉莉安服，我从夜里找到2点半没看见结果无奈的睡了。说正题啦：那个MM在你发现狗的位置一直像西走（就是正左方）走不远在地图将将可以看到道路的位置有个特别大的坑，他就在大坑的旁边，建议你用CTRL键找。同命人祝福你`~呵呵</t>
  </si>
  <si>
    <t xml:space="preserve">宝宝长头发要长多久最近两天总是烧心的好难受，听他们说是胎儿在长头 </t>
  </si>
  <si>
    <t>烧心是怀孕的正常反应,和孩子长头发没关系.主要是饮食调理一下,我当时一直到生时都是这种反应.</t>
  </si>
  <si>
    <t xml:space="preserve">高分求意见终于以锅牛的速度爬到135了，想飞但宝宝才132，好想 </t>
  </si>
  <si>
    <t>合欢建议还是飞合欢的好，虽说PK时是需多花的红，但别的职业也一样的啊，拿魔鬼来讲，猛火2+聚灵2同样的费蓝，完美能出飞升这系统目的就是想方设法圈玩家的钱，所以不可能让你不投入就能成为王者，想省钱就别玩或别飞，升到150后没事做就打打天将带带小号好了，呵呵！</t>
  </si>
  <si>
    <t xml:space="preserve">我抑郁很久了，请问抑郁怎么治疗？成都哪家医院治疗抑郁效果好些？ </t>
  </si>
  <si>
    <t>朋友，你好，抑郁症的治疗方法很多，而且针对不同的病情，用的方法肯定也有所差别，成都那边治疗的话，我觉得那个成都南亚生物医学研究所还挺牛的，听说他们采用的是中医三位一体平衡疗法，效果还不错的，需要的话可以去试试，就在金牛区永陵路那边的。</t>
  </si>
  <si>
    <t xml:space="preserve">异地的爱情怎样挽回？2.A继续给他短信，电话，不间断3.B偶尔短 </t>
  </si>
  <si>
    <t>采取你们之间适合的方式.多注意培养共同的志趣和爱好.不在电话和短信中沟通重要的问题.</t>
  </si>
  <si>
    <t xml:space="preserve">相对论的正确性有几何?相对论的成立是有一定条件的，比如光速不变且 </t>
  </si>
  <si>
    <t>光速不变原理假设没错，但也不是凭空想出来的，麦克斯韦方程组就可以求出来，并且不需要指明在那个参照系中，这可以当作是一个证据，另外相对论得出的很多不可思议的推论都已经在很多实验观测中得到证实，包括在爱因斯坦那个时代的实验手段无法观测到的现象。比如光线在经过太阳这样大质量物体时会发生弯曲；比如放在绕地球转动的卫星上的铯原子钟会比地面上的铯原子钟走得慢，等等。这方面资料很多，你可以去查一下。</t>
  </si>
  <si>
    <t xml:space="preserve">看到语言栏里总有"要的速M我",这个M是什么意思? </t>
  </si>
  <si>
    <t xml:space="preserve">M就是回复的意思 这句的意思就是 要的速回复我  现在很多人为了方便才用M这个字母代替的 </t>
  </si>
  <si>
    <t xml:space="preserve">防战问题我之前防御技能是470+多时，由于用的是S1盾，所以三围 </t>
  </si>
  <si>
    <t>没得到满意答案</t>
  </si>
  <si>
    <t xml:space="preserve">西安妙桃丰胸手术大概需要多少钱？ </t>
  </si>
  <si>
    <t>桃假体是目前面上较受求美者欢迎的假体隆胸材料之一，其用度的波动和很多因素都有关系。　　1、妙桃隆胸多少钱与选择医院有很大关系　　妙桃隆胸多少钱与手术的治疗是格外高的，在无菌室内进行较好，好的医院可以提供无菌室等好的治疗环境，用度相对来说会略微高一些。选择好的整形医院一定要看医生的技术与对此整形项目的熟习程度，医院是否正规，咨询师与护士的术后调理是否耐心。　　2、妙桃隆胸多少钱与手术方式有关　　整形专家介绍，妙桃假体丰胸手术方式主要有美国妙桃隆胸假体桃面圆形凝胶胸部植入体(一般型)、妙桃隆胸假体光面圆形凝胶胸部植入体(一般型)、妙桃隆胸假体桃面自然形凝胶胸部植入体(自然型)妙桃隆胸假体桃面圆形凝胶胸部植入体(中高型)、妙桃隆胸假体桃面圆形凝胶胸部植入体(高型)，所以不同的手术方法妙桃隆胸用度也是不同的。　　3、妙桃隆胸多少钱与治疗的选择有关　　经验丰富，口碑好的，是供不应求的，手术用度自然也就高。　　4、妙桃隆胸多少钱与爱美者自身条件有关　　经过专家对爱美者胸部的测定和对假体的制定，根据爱美者胸部的实际情况，选择适合自己的丰胸方案。</t>
  </si>
  <si>
    <t xml:space="preserve">又要大家帮我解答？请问一个股票在分红后买还是在分红前买好？ </t>
  </si>
  <si>
    <t>预测计算份额日净值下跌，则分红前买好，因为相对便宜预测计算份额日净值上涨，则分红后买好，因为相对便宜如果预测未来长期下跌，不买好，因为容易被套如果预测未来肯定上升，分红前买后买都好，都会有收益。</t>
  </si>
  <si>
    <t xml:space="preserve">2008年9月25日11点半生的男孩是什么命叫景明什么才好 </t>
  </si>
  <si>
    <t>你可以代开搜狐主页，点击星座即可详细查看</t>
  </si>
  <si>
    <t xml:space="preserve">房地产中介代理机构前景如何？ </t>
  </si>
  <si>
    <t>前景还是不错的。国际通行的判断房地产市场是否成熟的标准就是看一手房和二手房成交之比，如果达到1:5就是成熟市场，我国大多数城市还没有达到1:1。目前的房地产开发市场已经进入衰退期，由于房地产开发投资巨大，动辄几个亿十几亿的投资，使得开发商在市场不景气的情况下会减少投资，而人们不能不买房，所以只能选择购置二手房。二手房的交易空间还是很大的。至于从业机构的数量我觉得还是处于不饱和状态，现在的房地产经纪企业数量最多只占到饱和状态的50%，只是由于市场还没有迎来放量增长的时机所以从业者会感觉有一些吃力。</t>
  </si>
  <si>
    <t xml:space="preserve">上海欢乐谷夜场是几点到几点，锦江乐园夜场又是几点到几点 </t>
  </si>
  <si>
    <t>　上海欢乐谷夜场营业时间：17：30-22：00　　上海欢乐谷夜场项目开放时间　　设备夜场开放时间　　设备名称 设备夜场开放时间 所在主题区域　　天地双雄 17:30——21:00 欢乐时光　　欢乐风火轮 17:30——21:00　　梦幻陀螺 17:30——21:00　　双层转马 17:30——21:00　　欢乐对对碰 17:30——21:00　　旋转摇摆伞 17:30——21:00　　异度空间 17:30——21:00　　完美风暴 17:30——21:00 飓风湾　　神奇草帽 17:30——21:00　　暴风之旅 17:30——21:00　　西部追忆 17:30——21:00 金矿镇　　骑警训练营 17:30——21:00　　金银岛 17:30——18:00　　魔幻剧场 17:30——21:00　　北极探险 17:30——21:00 蚂蚁王国　　弹跳袋鼠 17:30——21:00　　跳跳蛙 17:30——21:00　　转转杯 17:30——21:00　　泡泡大战 17:30——21:00　　迷你漂流 17:30——21:00　　虫虫跳伞队 17:30——21:00　　城堡影剧院 17:30——21:00　　浪花飞舞 17:30——21:00　　能量风暴 17:30——21:00 上海滩　　夜场演出　　19:00游艇表演 19:30-20:30亚瑟宫 异国风情表演(啤酒节主会场)　　20：35滨湖广场 水上表演 　　上海欢乐谷啤酒狂欢节夜场表演时间表（7月2日——8月28日）夜场演出 1 摇滚乐队 18：00—18：30 水上舞台 　 2 苏格兰风笛迎宾  18：00—18：20 街 　 3 变形金刚真人秀7月19日-8月28日 18：15—18:45 商业街 　 4 水上特技 18:30—18:45  阳光港湖面 主持 5 大转轮 18:45—19:00（周一休演）                  湖滨广场 　 6 狂欢大巡游  19:00—19:30    主环道 主持 7 摇滚乐队  19:30—20:10   水上舞台 　 8 杂技力量、晃圈 20：10--20：20 水上舞台 　 9 《狂欢之夜》 19:45—20:30 亚瑟宫 啤酒宝贝、啤酒pk、街舞、天使服饰、爵士舞、恰恰舞、扣篮秀等 10 啤酒PK 20：20--20：30 水上舞台 主持 11 《水上梦幻秀》 20:30—21:00  阳光港湖面 水上特技、激光秀、钢花表演主持 交通指南：　　欢乐谷 位于上海市西南部的松江佘山国家旅游度假区内，距上海市中心区40公里，离虹桥国际机场25公里、浦东国际机场68公里。地铁：　　地铁：(开园后)地铁九号线佘山站下车，过街至欢乐谷接驳站搭乘公园班车。自驾车：　　A8松江出口沿嘉松公路向北到沈砖公路向西行百米;　　A9赵巷佘山出口沿嘉松公路向南走到沈砖公路向西行百米;　　A5莘砖公路出口沿莘砖公路向西行至嘉松公路口继续西行百米上海锦江乐园7月16号到8月31日每晚18点到22点其实无论你什么时间进园，都可以呆到22点，中间是不清场的，只是在17点到18点之间一些项目因为检查而不营业</t>
  </si>
  <si>
    <t xml:space="preserve">小D武器问题!我想知道,小D拿的武器有附加属性,在小D变身之后, </t>
  </si>
  <si>
    <t>有几率触发的特效没有了所以小D装备还是追求属性高不灭生命之锤　野兽狂怒　ＡＱＬ任务奖励的锤子是野德的最好武器典狱官法杖也不错 现在也不贵 我们区200G左右</t>
  </si>
  <si>
    <t xml:space="preserve">79期冷门在哪里哪位朋友告诉我谢了又谢 </t>
  </si>
  <si>
    <t>01 俄罗斯(0) 10-10 23:00 德　国 02 爱沙尼(0) 10-11 00:00 波　黑 1003 亚美尼(0) 10-11 00:00 西班牙 1004 卢森堡(0) 10-10 23:45 瑞　士 005 丹　麦(0) 10-11 02:00 瑞　典 06 列支敦(0) 10-11 02:00 阿塞拜 07 捷　克(0) 10-11 02:30 波　兰 3108 奥地利(0) 10-11 02:30 立陶宛 3109 塞尔维(0) 10-11 02:30 罗马亚 3110 比利时(0) 10-11 02:45 土耳其 11 爱尔兰(0) 10-11 03:00 意大利 1012 葡萄牙(0) 10-11 03:45 匈牙利 313 委内瑞(0) 10-11 06:00 巴拉圭 14 墨西哥(0) 10-11 06:01 萨尔瓦 31</t>
  </si>
  <si>
    <t xml:space="preserve">兵荒马乱～～（打一生肖）谢谢！！ </t>
  </si>
  <si>
    <t xml:space="preserve">答案是：狗。 </t>
  </si>
  <si>
    <t xml:space="preserve">关于怀孕我想问在行房多久后才能有怀孕的征兆？17号今天21号 </t>
  </si>
  <si>
    <t>这个很难说，每个人情况不同，好多人整下孕期也没有什么反应。不过一般也要怀孕一个月左右才会有征兆。</t>
  </si>
  <si>
    <t xml:space="preserve">读大学迁户口问题我就要去杭州读书了,但是迁不迁户口我犯难了.哪位 </t>
  </si>
  <si>
    <t>此问题我曾问过，现把“木月”仁兄的答案转告你：如果以后打算在学校所在地工作和发展，迁过去还是有一定帮助的到毕业的时候再办转户手续比较方便，而且找工作也相对容易些；如果没有在学校所在城市发展的打算，就没什么必要迁户了。</t>
  </si>
  <si>
    <t xml:space="preserve">卡位得问题为什么别人说卡位是背对着人可以我怎么在进攻的时候按了W </t>
  </si>
  <si>
    <t>卡位要在别人投篮以后才能卡，而不是在队员手上的时候。还有就是如果对方的PF或者是C用卡位顶死你的话也是不能放的，空间不够卡位，所以要卡位要早点按W</t>
  </si>
  <si>
    <t xml:space="preserve">请问东来先生我是1976年7月2日生的女巨蟹,请问我的姻缘.我于 </t>
  </si>
  <si>
    <t>帖主：谢谢你对东来的信任！可是不知你到底要问什么？问你的婚姻没有你的时辰，问女儿的名字，又无姓氏，东来茫然！请把资料备齐再问，好吗？</t>
  </si>
  <si>
    <t xml:space="preserve">烦啊，我身高才1.60米，体重已经135斤了，而我又怕运动，请问? </t>
  </si>
  <si>
    <t>想都不敢想，简直太不可思议了！才5天就减了整整7斤！现在生活工作节奏那么快，没有时间做做运动，工作的时候又整天坐着，不长肉才怪了，这不，满身的肉摸起来心里就不舒服！看着别人的窈窕身姿，心里真是憋气！服用“俐.宝姿瘦身”，不用节食，感觉皮下脂肪在燃烧，工作精力充沛；慢慢地腰陷了下去，脸变窄了，肌肤绷紧，身材更好了!真是太神奇了。吃到半个月的时候，和以前真是不一样了！“俐.宝姿瘦身”燃烧并消耗体内多余的脂肪，以比平时快38倍的c今天的我去逛街，可以购买到以前从未穿上去过的衣服，我再也不用羡慕别人了，帮我找回了自信，帮我拥有了好身材！！原来，我也是那么漂亮！</t>
  </si>
  <si>
    <t xml:space="preserve">6月初去兰州旅游，最近兰州敦煌是不是在修？嘉裕关也在修？ </t>
  </si>
  <si>
    <t>嘉峪关到敦煌的路是正在修，可以搭乘汽车，约需八个小时左右的时间，当然也可乘火车前往的，T295是半夜2：48从嘉峪关发车的，到敦煌是早上6：00，时间也比较合适。</t>
  </si>
  <si>
    <t xml:space="preserve">“我那时真是聪明过分”运用了哪种修辞手法？怎样理解这句话的意思？ </t>
  </si>
  <si>
    <t>运用了反语的修辞方法，这句话表达出了成年后的朱自清再回首往事时，对当初自己的的无知或者是懵懂而自责，那时的他并没有理解父亲的艰难，时至今日，他才深深领悟到父亲的艰辛与伟大。反语 故意使用与本来意思相反的词语或句子来表达本意，这种辞格叫反语。分为以正当反和以反当正。 以正当反：用正面的语句去表达嘲弄、讽刺、憎恶、蔑视等感情。如：A、有几个“慈祥”的老板到菜场上去收集一些菜叶，用盐一浸，这就是他们（包身工）难得的佳肴。B、清国留学生还将脖子扭几扭，实在标志极了。 以反当正：用反面的语句去表达喜爱、亲切、赞誉戏谑等感情。如：A、几个女人有点失望，也有些伤心，各人在心里骂着自己的“狠心贼”。B、我用儿童狡猾的眼光察觉，她爱我们。</t>
  </si>
  <si>
    <t xml:space="preserve">请问一般的情况下，一个排有几个人员，一个连有几个排？一个营有几个? </t>
  </si>
  <si>
    <t>国际没有很准确的规定,一个部队需要多少人.每个国家可以根据自己国家国情需要,来安排自己国家一个部队的人数.但最基本排制为:一个班:10人~15人一个排:30人~45人一个连:90人~135人一个营:270人~405人一个团:1080人~1620人一个师:4320人以上</t>
  </si>
  <si>
    <t xml:space="preserve">厦门房价有可能下跌吗？我想买一套80—90平米的住房，可厦门房价 </t>
  </si>
  <si>
    <t>房价如果特别高，超出老百姓的承受的话，一定会跌，但是在一定时间内，仍然会走高。</t>
  </si>
  <si>
    <t xml:space="preserve">什么人冬天最不怕冷？ </t>
  </si>
  <si>
    <t>活人中,就属热恋的人最不怕冷!我就试过,在零下二三十度,站在冰天雪地里,不知时间转换,从天亮站到天黑,心里除了恋人,不知寒冷为何物!但现在落下毛病了,在南方的冬天,还胳膊腿疼呢!----过去谈恋爱时得的关节炎发作了!但即使如此,我也愿时光倒流,回到和他天地之间物我两忘的那一刻,只可惜,除了为他得的关节炎还在我身边,他却已经再难寻觅了......所以,珍惜吧!朋友,当你还拥有他或者她的时候,要想到,明天,即使大家还活着,也可能是一种永远不能再见的决别呢......</t>
  </si>
  <si>
    <t xml:space="preserve">怎么样在局域网中将文件在自己家中打开就是学校局域网中有个蓝机灵成 </t>
  </si>
  <si>
    <t>没办法，只有用存储设备拷贝了</t>
  </si>
  <si>
    <t xml:space="preserve">最近有没有好看的电影？恐怖片神马的 </t>
  </si>
  <si>
    <t>致命ID，恐怖游轮，沉默的羔羊</t>
  </si>
  <si>
    <t xml:space="preserve">扁桃体切除要住院吗？本人自小体弱，最经常得病是上呼吸道感染，鼻炎 </t>
  </si>
  <si>
    <t>你不是已经做过了吗?不需要问了。费用也差不多。需要住院的，是为了防止大出血。住院1个星期。小手术怎么做都是一样的。</t>
  </si>
  <si>
    <t xml:space="preserve">佛教总共分几派？ </t>
  </si>
  <si>
    <t xml:space="preserve"> 中国汉传佛教1、中观宗      释迦牟尼死后百余年间，佛教发生分裂：一派称为“上座部”，主要由一些长老组成；另一派称为“大众部”，拥有广大的僧侣，公元前一世纪前后又由大众部的一些支派组成“大乘佛教”，并且称呼非大乘佛教的教派为“小乘”。大乘宣称自己这个教派是“普渡众生”的，说小乘是只管自己修行得道，得了道就当“罗汉”，不管别人，所以很不可取。他们把罗汉称之为“自了汉”，是带有一点轻蔑的意思的。大乘打着普渡众生的招牌，宣称自己宁愿入地狱渡人，也不愿自己先解脱。　　大乘佛教中又有“空宗”和“有宗”的不同派别。空宗（又称“中观宗”）是公元三世纪，由龙树、提婆创立的一个派别。空宗宣扬“一切皆空”的教义，很有导致把佛自身也否定掉了的嫌疑，所以遭到了另一些佛教徒的反对。后来世亲、无著才创立了“有宗”。有宗又称“瑜珈宗”是针对空宗来的，认为不能象空宗那样讲，不是一切皆空，佛还是真的、有的。有宗宣扬“万法唯识”的教义，认为一切客观事物都是佛性的表现，最终也都要归到佛性一来。2、天台宗 天台宗是佛教在中国的一个宗派。名字来源于其创始人智?。智?常住浙江天台山。天台宗是中国佛教最早创立的一个宗派并于9世纪初被日本僧人最澄传到日本。天台宗学统自称有九祖：龙树、慧文、慧思、智?、灌顶、智威、慧威、玄朗、湛然。慧思在慧文的理论基础上发展了“一心三观”的理论：一切事物都由因缘所生，没有固定不变的实体，这是观空；但虽然如此，一切事物都有自己的像貌，这是观假；然而空与假是同一的，此谓观中。在这个基础上智?认为世上有3000种世间，但这3000种世间都出于一念心中，因此称之为“一念三千”。能将这一切都领会，那么人就达到了顿断三惑，圆证三智的境界。这是天台宗的中心思想。天台宗的宗旨是《妙法莲华经》，指南是《大智度论》，扶疏是《大般涅??经》，观法是《大般若经》。因为它的宗旨是《妙法莲华经》，因此也被称为法华宗。9世纪初，日本僧人最澄将此宗传到日本，在平安时代（784～1192），与真言宗并列发展，史称“平安二宗”。13世纪由此宗分出日莲宗。当今，日本天台本宗、日莲宗都很兴旺，而日莲宗在20世纪又分出几个新兴教派。3、贤首宗 因为此派以华严经为该总教义的依据，故也称为华严宗。实际创始人是[[法藏]]，但传统上以[[龙树菩萨]]为初祖。在判教上尊《[[华严经]]》为最高经典，并从《华严经》的思想，发展出法界缘起、十玄、四法界、六相圆融的学说，发挥事事无碍的理论。此派从盛唐立宗，至[[武宗灭佛]]后，逐渐衰微。因法藏受封贤首国师，故此宗或称为贤首宗。4、禅宗&lt;1&gt;起源据佛经《大梵天王问佛决疑经》中载，佛陀在灵鹫山为大梵天王说法时，闭口不言，拈花而立。摩诃迦叶尊者见状，破颜含笑。此时佛曰：“吾有正法眼藏，涅盘妙心，实相无相，微妙法门，付嘱与摩诃迦叶”。于是传法于摩诃迦叶尊者，为西天第一代祖师。据称禅宗在印度历经二十八代，传到菩提达摩大师。 &lt;2&gt;在中国的传播菩提达摩于中国南朝梁武帝大通元年（公元520年），乘商船到达广州。达摩闻说梁武帝信奉佛法，于是至金陵（今江苏南京）与其谈法。由于当时在南朝主要流行的是小乘佛教，与达摩理念不合，达摩遂“一苇渡江”至嵩山少林寺，于寺中面壁九年，将衣钵历传二祖慧可（公元487年——593年）、三祖僧璨（公元？——606年）、四祖道信（公元580年——615年）、五祖弘忍（公元602年——675年）、六祖惠能（公元638年——713年）。唐高宗凤仪二年（677年），六祖到曹溪宝林寺（今广东韶关南华寺），弘扬禅宗，影响渐大。唐玄宗开元二年（730年），在洛阳的明定南北总是非大会上，惠能弟子神会辩倒其余宗派，使得禅宗树立了全国性的影响。此后禅宗在中国又分成“五家七派”，在中国佛教各宗派中流传时间最长，影响甚广，至今仍延绵不绝，在中国思想上有着重要的影响。8世纪，禅宗传入朝鲜。12世纪末传入日本。东南亚各国也受到了禅宗的影响。（山猫短评：交流较多，影响不大，东南亚各国均以小乘佛教为主。）&lt;3&gt;禅宗门派㈠沩仰宗。沩山灵佑及其弟子仰山慧寂创立，慧寂治所在栖隐寺（今江西宜春的太平兴国寺）。㈡临济宗。由黄檗希运禅师住持宜丰黄檗寺（今江西宜春境内宜丰县）初露端倪，义玄从希运学法33年之后往镇州(河北正定)滹沱河畔建临济院创立。因临济义玄住镇州（治所在今河北正定）临济院而得名。 ㈢曹洞宗。由洞山良价与其弟子曹山本寂创立，良价禅师治所在今江西宜春境内宜丰县洞山，良价的弟子本寂(840－901)在洞山学法数年，后到曹山(今江西宜黄境内)统扬师法，遂使宗风大举。由于良价住洞山，本寂居曹山，所以禅林中把师徒两人创立、弘扬的新禅宗称为“曹洞宗”。 ㈣云门宗。文偃创立。因文偃住韶州云门山（在今广东乳源瑶族自治县北）光泰禅院而得名。 ㈤法眼宗。文益创立。南唐中主李璟赐谥其为“大法眼禅师”而得名。 ㈥黄龙派。慧南创立。因其住黄龙山（在今江西南昌市）而得名。 ㈦杨岐派。方会创立。因住杨岐山（治所在今江西萍乡县北）而得名。5、密宗（真言宗）密宗也称真言陀罗尼宗、真言宗、瑜珈宗、金刚顶宗、毗卢遮那宗、开元宗、秘密乘、密乘，是佛教的一个支派，源自金刚乘。7世纪兴起于东印度的波罗王朝。密法在公元前20年，就传入了中国。密宗通称密教，以显自宗所诠教理，最为尊密，深妙奥秘，故以秘自称，对称于显教；密宗认为法身佛大日如来所说的金刚界、胎藏界教法，方为佛自内证境界，故不得对未灌顶行者，宣示其法。公元8世纪，善无畏、金刚智、不空来华，史称?开元三大士?。三位密宗大师，在大唐皇室的扶持之下，创立中国密宗。后来密宗又传入日本。密宗在藏传佛教得到了很好的保留。现在密宗宗派的类别大致分为藏传密宗、东密（真言宗）以及唐密。6、净土宗 净土宗是佛教在中国的一个宗派。也是各宗派里取得最多数信仰，获得最普遍流传，势力最为宏深的宗派。此宗派专教人发愿往生极乐世界清净佛土，故称净土。净土二字，是一个统称，可以次序区分为四种：常寂光土 实报庄严土 方便有余土 凡圣同居土 这四者中，又细分为九品，高下不同；皆由修行人念佛功行浅深的不同，而各往生净土。所得之品位，亦有高下阶级之殊，但若能不断功用，自然日有胜进。(注：往生后以四土九品区分，并不是佛陀有分别心，而是类似因材施教的性质。因为往生西方的众生程度参差不齐，所以阿弥陀佛把这些众生依程度区分成九种，并给予不同方式的教学。净土宗学统自称有十三祖：慧远、善导、承远、法照、少康、延寿、省常、袾宏、智旭、行策、实贤、际醒、印光7、律宗 &lt;1&gt;起源相传释迦牟尼在世时，为约束僧众，制订了各种戒律。第一次佛教结集时，由优婆离诵出律藏。后因各派对戒律的理解不尽一致，所传戒律也有所不同。&lt;2&gt;在中国的传播三国魏嘉平（249 － 254）中，中印度昙柯迦罗来洛阳，译摩诃僧祗部戒本，作为持戒的准绳。正元（254 － 256）中，安息国沙门昙谛来洛阳，译法藏部羯磨，从此中国僧从即依此受戒。其弟子法聪讲《四分律》，口授道覆《四分律疏》，被认为是四分律师。及至慧光造《四分律疏》，删定羯磨，始奠定该宗基础。后经道云、道洪、智首，传至道宣。道宣著《四分律比丘含注戒本》、《四分律删补随机羯磨》、《四分律删繁补阙行事钞》、《四分律拾毗尼义钞》、《四分比丘尼钞》，并在终南山创设戒坛，制订佛教受戒仪式，正式形成宗派。因道宣住终南山，又有南山律宗或南山宗之称。与此同时弘扬《四分律》的有相州（今河北临漳境内）日光寺法砺和长安西太原寺东塔怀素。法砺和慧休合撰《四分律疏》、《羯磨疏》等，创相部宗。怀素曾入法砺、玄奘门下，撰《四分律开宗记》，较对法砺《四分律疏》的错误而为新疏，后又撰《新疏拾遗钞》、《四分僧尼羯磨文》等，开创东塔宗。南山宗、相部宗和东塔宗后被称为律宗三家。律宗以《十诵律》、《四分律》、《摩诃僧祗律》、《五分律》和《毗尼母论》、《摩得勒伽论》、《善见律毗婆沙》、《萨婆多论》、《明了论》，为基本经典，通称四律五论。律宗由道宣三传弟子鉴真于754年（唐天宝十三年）传至日本当时的都城奈良，是为日本律宗之始。8、法相宗     因剖析一切事物（法）的相对真实（相）和绝对真实（性）而得我。又因强调不许有心外独立之境，亦称唯识宗。由于创始者玄奘及其弟子窥基常住大慈恩寺，故又称慈恩宗。创始人玄奘曾游学印度17年，回国后先后译出瑜伽学系的“一本十支”各论，并糅译了《成唯识论》，奠定了法相宗的理论基础。其弟子神?P、嘉尚、普光、窥基等对该宗典籍竞作注疏，在理论上各有发挥。特别是窥基，直绍玄奘所传，融会贯通，加以发扬，有“百部疏主”之称。窥基之后，慧沼、智周传承两代，各有阐扬。自智周弟子如理支后，即逐渐衰微。主要奉古印度大乘佛学瑜伽一系学说，其所依经典，即以《瑜伽师地论》为本，以《百法明门论》、《五蕴论》、《显扬圣教论》、《摄大乘论》、《杂集论》、《辨中边论》、《唯识二十论》、《唯识三十颂》、《大乘庄严经论》、《分别瑜伽论》等十论为支的所谓“一本十支”为主要典籍。《成唯识论》为其代表作。    此宗的判教，依据《解深密经》、《瑜伽师地论》等，判释迦一代教法为有、空、中道三时。第一时有教。为破异生实我之执，于鹿野苑说阿含经等，昭示四谛、十二因缘、五蕴等法，是为初时我空之说。第二时空教。为破除诸法实有之执，在灵鹫山等说《摩诃般若波罗蜜多经》等，开示诸法皆空之理，令中根品，悟彼法空，舍小取大，是为第二时法空之说。第三时中道教。为破除执着有空，于解深密等会，说一切法唯有识等，即心外法无，破初有执；内识非无，遣执皆空；离有无边，正处中道；是为第三时识外境空之说。此三时教的说法，有依释迦说法年月先后来区分的，称年月次第；有依了义与不了义来区分的，称义类次第；还有兼年月次第与义类次第来区分的。    理论：    1、三性说。    三性即遍计所执性、依他起性、圆成实性。无著世亲等瑜伽行派认为，诸法实相应有两方面，既不是有自性，如名言诠表所说，也不是一切都无所有，而是远离有无二执以为中道。这样即有虚妄分别与空性两面：依分别的自性说为“依他起性”（相对真实）；依分别的境说为“遍计所执性”（妄想）；又依空性说为“圆成实性”（绝对真实）。法相宗继承此说，且结合唯识说，以为三性也不离识，谓诸识生起之时，现似见分与相分两分是依他；意识从而周遍计度，执为“能”、“所”二取，则是遍计所执。该宗又用唯识所现来解释世界，认为世界现象都由人的第八识即“阿赖耶识”所变现，而前七种识再据以变现外境影像，缘虑执取，以为实在。又认为在阿赖耶识中蕴藏着变现世界的潜在功能，即所谓种子。其性质有染有净，即有漏无漏两类。有漏种子为世间诸法之因，无漏种子为出世间诸法之因。从而说明未来出世者种姓有声闻、独觉与菩萨三乘之别，又有不定为何乘之“不定种姓”与三乘也不得入的“无种姓”，因而建立五种姓说。这与向来所说一切众生皆有佛性之说不同，是该宗中心思想之一。    2、五重观法。为与唯识说相适应，主张用唯识观。窥基在《大乘法苑义林章》的《唯识章》中特别提出从宽至狭、从浅至深、从粗至细的五重唯识观。    五重观是：    (a)遣虚存实识。此观有情的遍计所执性法，纯属妄情臆造，毫无事实体用，故应遣除；至于依他性法仗因托缘依他而有事实体用，是“后得智”之境，又圆成性是诸法之理，为“根本智”之境，均不离识而应留存。是为唯识观的初步。    (b)舍滥留纯识。虽观事理皆不离识，而此内识有所缘相分和能缘见分。相分为内境，见分心仗以起，摄境从心，并简别有滥于外境，所以只观唯识，为第二步。    (c)摄末归本识。摄见相二分之末，归结到自心体分之本。因见相分皆识体所起，识体即为其本。今但观识体，为第三步。    (d)隐劣显胜识。隐劣心所，显胜心王。心王起时必隐劣心所，为第四步。(e)遣相证性识。心王犹属识相，今遣相而证唯识性，得圆成实之真，为唯识观最究竟之阶段，即第五步。     3、因明学说。因明原为瑜伽行派所创。世亲门人陈那有更大发展。玄奘在印度游学时，曾到处参问因明，造诣极高。临回国前，在戒日王所主持的曲女城大会上，立了一个“真唯识量”，书写在金牌上，经过18天，无一人能驳倒它，创造了因明光辉的典范。回国后，先后译出商羯罗主的《因明入正理论》和陈那的《因明正理门论》。门人竞作注疏。其中以大庄严寺文轨和慈恩寺窥基所作最为流行。窥基对因明作法，多有发展，主要有：区别论题为“宗体”与“宗依”；为照顾立论发挥自由思想，打破顾虑，提出“寄言简别”的办法；立论者的“生因”与论敌的“了因”，各分出言、智、义而成六因，正意唯取“言生”、“智了”；每一“过类”都分为全分的、一分的，又将全分的一分的分为自、他、俱；推究了有体与无体。     此宗所传唯识因明之学对后世影响很大。律宗道宣专事四分律的宣扬，在理论上也吸收了玄奘新译唯识学的观点，以阿赖耶识所含藏的种子（功能）思心所为戒体，称为心法戒体论（戒弟子从师受戒时，在精神上构成一种防非止恶的功能，称戒体）。晚明思想家王夫之著有《相宗络索》一书，对法相宗的基本概念，分析颇精。清代思想家龚自珍曾在其著作中运用因明三支比量。谭嗣同在所著《仁学》一书中，也引用有关唯识思想。资产阶级革命家章炳麟，曾运用因明与西方逻辑、中国墨经作比较研究，并有《齐物论唯识释》之作。近代欧阳竟无、韩清净和太虚等也曾对法相唯识之学竞相研习，并撰有不少专门著作。    法相宗在日本亦有流传。唐永徽四年（653）日僧道昭从玄奘学法相宗义，回国后以元兴寺为中心传法，称南寺传。开元四年（716），日僧玄?P从智周学法，归国后以兴福寺为中心传法，称北寺传。新罗智凤、智鸾、智雄亦从智周学法相而弘传于日本。法相宗是日本奈良、平安时代最有影响的宗派之一，至今流传不绝。9、成实宗 成实宗主依《成实论》。; 《成实论》，是印度诃梨跋摩（Harivarman）所著。诃梨跋摩刘宋时称?师子铠?。由姚秦鸠摩罗什（Kumaarajiiva　334年－413年，一说350年－409年）大师由梵译汉。《成实论》旨在阐述一代如来教法，经、律、论三藏中的?真实义?，故名《成实论》。 ·鸠摩罗什七岁时，就随生母蓍婆出家修行。古印度小乘圣者，对妇女的修行，有天然歧视的倾向。从鸠摩罗什随母出家的记载和《蓍婆传》、《鸠摩罗什传》评判祂们的一生行持事绩。鸠摩罗什和祂的母亲，是密教中人。·鸠摩罗什修行时，在青少年，就出现圣通力。这并非是祂追求神通所得，而是修学佛法悉心内证的成就。由是，圣通的经验，对祂一生译经，深刻理解佛祖显密经教，有重大的影响力。·姚秦弘始14年(公元412年)，鸠摩罗什翻译完成《成实论》，师在翻译的同时，边对祂的门人，作诠释讲解。因此，由他的门人僧睿宣讲给其他的门人学习。由昙影整理《成实论》，分列诸品，屹立?成实五聚?。·鸠摩罗什大师得僧睿、昙影?左右手?的帮助，翻译《成实论》的过程得心应手，畅快淋漓。鸠摩罗什大师又得门人僧导和道亮，根据鸠摩罗什大师讲疏《成实论》笔记，分别造述，制作《成实论义疏》和《成实论疏》。鸠摩罗什大师，在诸位高足的鼎力帮助之下，《成实论》教法在神州上下，普遍推广。·成实宗，是中国八宗之一，成实宗是日本八宗之一。·南北朝时，中国的高僧大德和?成实学者?有专弘此《成实论》者，遂成《成实论》一宗。唐代成实宗，由中土传至日本，而中土之成实宗，却渐归隐没。 中国藏传佛教的派别1、宁玛派    也称红教，藏传佛教中最古老的教派。在11世纪时形成宗派体系。宣称由莲化生大士创建。它所传承的教法主要是前弘期传译的密法，故称为“旧派”。宁玛派的教法传承，主要有三种：一远者经典传承，二近者埋藏传承，三甚深净境传承。在以上诸传承教法中，宁玛派最注重的是大圆满教法。宁玛派判释佛法为九乘，一声闻，二独觉，三菩萨，四事乘，五行乘，六瑜珈，七大瑜珈乘，八阿努瑜珈，九阿底瑜珈。2、萨迦派    藏语：sa-skya-pa，又名花教，是藏传佛教当中的四大派的其中之一。萨迦的藏语是灰白色的意思，因为此派主寺萨迦寺建立之处土色灰白，故名。因寺墙上有红白黑三色（分别代表象征智、悲、力的三怙主——文殊、观世音和金刚手），又被称为‘花教’。萨伽派在11世纪时由昆·贡却杰布肇始，由其子贡噶宁布弘扬广大。从贡噶宁布开始的五位教主，被称作萨迦五祖。五祖中最有为有名者除贡噶宁布外，为第四祖萨班·贡噶坚赞和第五祖八思巴（本名罗追坚赞曾为忽必烈灌顶，受封国师与‘大宝法王’）。萨伽派当时统治全藏，开西藏政教合一之先河。其教主并不一定由出家人担任，往往是在家居士身份。后期历史上萨迦大德最为著名者为仁达瓦·宣奴罗追，是宗喀巴大师的最主要上师。宗大师祈祷文，原本就是宗大师所作向仁达瓦大师祈祷所用。3、噶举派 噶举派是公元十一二世纪佛教后弘时期发展起来的，属于新译密咒派①。开始创立者先后有两人：一是穹布朗觉巴（９９０－１１４０）,一是玛巴罗咱瓦(玛巴译师)（１０１２－１１９７）。他们两人曾多次到过尼婆罗和印度等地，依止了很多名师，学习了不少的密法，主要是得到《四大语旨教授》。《语旨》是佛语的意旨，由祖师口语相承，血脉不断遂称为语传，藏名叫噶举。后来香巴在后藏发展形成为一个传承系统，称为香巴噶举，玛巴在前藏发展也形成一个传承系统，称为达布噶举。虽然门户不同，但由于他们两人的大法均出自一个来源，又都亲领语旨传授②，所以都称噶举巴。（</t>
  </si>
  <si>
    <t xml:space="preserve">把夏天下雨的场景写下来.下雨的场景:雨前,雨中,雨后. </t>
  </si>
  <si>
    <t>前：时间一般是午后，天色阴沉，空气凝重，原本燥热的空气，变得又闷又热。大街上，听不见以往的人们喧嚣，变得安静起来。动物也变得格外安静，蝉不叫了，鸟雀也停止歌喉。中：没有征兆的，大雨倾盆而下。匆匆赶路的行人似乎连包里的伞都来不及拿出，就被淋了个湿透。闪电划破长空，雷鸣伴随如注的大雨，倾泻下来。豆大的雨点，抚摸着每一片树叶，每一朵鲜花，每一颗小草。大自然的一切，都在静静享受着这夏日里的清泉。后：雨势逐渐减小，大街上，又渐渐恢复了以往的喧嚣，汽车喇叭，自行车铃声，小贩叫卖的声音。。。。。打开窗户，阳光已经渐渐取代乌云，轻柔地抚摸大地。空气，不再沉闷，变得格外清新。微风拂过，带来的是夏日最活泼的空气，夹带着泥土，青草，鲜花的味道，这是大自然的芬芳。打开房门，去旁边的公园，享受下这夏日最美好的时光。</t>
  </si>
  <si>
    <t xml:space="preserve">家教费用咨询一对一基础英语家教老师，一小时家教费用多少钱啊？ </t>
  </si>
  <si>
    <t>25-30元。和你所在的城市有很大的关系。还要考虑请的什么人。</t>
  </si>
  <si>
    <t xml:space="preserve">爱是什么爱能让人付出一切吗? </t>
  </si>
  <si>
    <t>爱是什么啊! 是啊!当她在你的生活中昙现时是对人一种什么样的畅想啊！不懂得爱不见得你就完全了解女人因为女人是为了爱而来的这爱情的话题和人类岁月一样长久她的疆土也是一样的无限广阔人们因为她而产生故事太多了你看得懂,还是不懂,只有相爱了,你才会懂得:爱是相恋的人碰撞出的火花爱是男人和女人的生命得到延续的保证爱是人的一种灵魂的交融而产生的心神的升腾爱是生命得到绚丽多姿的体现爱更是人的独到之处，虽然生物都会，但是人是高智商的。这就是人和动物的区别爱是一种符号,一个眼神,一个微笑,便让你倾倒爱情的故事就是地球的历史的一部分她时时演义新的现在,当代进行史当人类消亡了，也还有爱的光盘在宇空中游荡 所以只有面对现实把握好自已情感的深浅不错过自已的那一份缘份也就不枉来地球一趟鑀?ィ?你一定是一位长得酷的帅哥你是那么聪明你这生命的一趟一定活的美丽活的精彩活的自在活的潇洒祝你幸福祝你好运</t>
  </si>
  <si>
    <t xml:space="preserve">：#爱问知识人#如何得勋章？ </t>
  </si>
  <si>
    <t>勋章馆里你可以看到的每一枚勋章都有相应的任务规则，完成指定的任务即可领取勋章。 不过有的可能比较麻烦,需要审核阿什么的,所以可能要过一会才能获得</t>
  </si>
  <si>
    <t xml:space="preserve">电脑我的老显示屏17寸，平刷多少合适？ </t>
  </si>
  <si>
    <t>是屏幕刷新率吧？CRT显示器最好在75~85之间，太低了伤眼，太高了伤显示器。</t>
  </si>
  <si>
    <t xml:space="preserve">我偶尔头疼,开始是眼前有光在闪，看不清东西,呕吐我最近在家里呆着 </t>
  </si>
  <si>
    <t xml:space="preserve">头痛康搭档的药物成分 源于30余味草本植物精华，由鼎 佳生物科技投入巨额资金，采用 美国生物制药工程协会D---2S超 微膜核提纯技术提纯，由38位国际著名医学专家六年精心研制而 成，经过20余国家100000余例临 床实践证明，产品的药物成分能 促进与作用体结合物质增多，能有效发挥协调血管舒缩的作用，纠正脑动脉血管舒缩紊乱和痉挛，消除因血管舒缩紊乱、痉挛牵拉产生的剧烈疼痛，对各种原因引起的头痛、偏头痛均具有显著的效果。所以只要按正确的方法坚持按疗程使用，并注意日常的保养和禁忌，就可以彻底治疗。同时年龄大、病使长、症状重的患者一定要保持一份好心情，相信产品，相信自己，按疗程使用，就可终生远离头痛的困扰。头痛康搭档消除头痛就这三招（1）解除痉挛：组方中的川芎、赤芍、绿茶使大脑中5-HT受体结合物增多，消除因血管舒缩紊乱、痉挛牵拉产生的剧烈疼痛，从根本上治愈头痛。（2）改善微循环：组方中的羌活、绿茶、柴胡等可改善人体的微循环系统，快速调整神经递质在合成代谢方面的紊乱，双向调解交感和副交感神经协调功能。（3）活血祛瘀，行气止痛：组方中的藏红花、川芎、赤芍、荜茇、藁本均有抗血小板凝集的作用。改善微循环、活血祛瘀，行气止痛。中国著名相声演员，春节联欢晚会导演汪洋先生郑重代言世界卫组织头痛康疗法，真情献给头痛患者。头痛康搭档对各种原因（气候变化、头部受风、情绪不佳、过度劳累，月经期前后、精神紧张、情绪异常、不规律、烟酒无度、睡眠不足、神经衰弱）引起的头痛、偏头痛（偏头痛、经期头痛、紧张性头痛、神经性头痛、血管性头痛、更年期性头痛、周期性或发作性头痛、高血压性头痛、神经衰弱性头痛）均具有显著的效果。本文转自健康一生网头痛偏头痛治疗康复专区： </t>
  </si>
  <si>
    <t xml:space="preserve">哪里有各个省区的赋役档册资料想讨论税收制度与乡村社会结构关系，问 </t>
  </si>
  <si>
    <t xml:space="preserve">爱问知识人的共享资料内有很多网友传的资料，内容非常多，您可以去共享资料页搜索下看看，祝您好运 </t>
  </si>
  <si>
    <t xml:space="preserve">你国庆黄金周怎么过了?喔看朋友和朋友过了大部分时间去图书馆.上网 </t>
  </si>
  <si>
    <t>在家照看孩子了。</t>
  </si>
  <si>
    <t xml:space="preserve">身上起癣是什么原因，身上牛皮癣怎么回事 </t>
  </si>
  <si>
    <t>身部牛皮癣的发病比较快，病程迁延，比较难治。因此，在治疗牛皮癣的过程中，患者的面部可出现皮疹，或由头皮损害扩展而来。有时头、面部损害也可单独发生。多见于额、頰、颓、眉及后、耳窝、外耳后处，皮损大多呈点滴状的斑丘疹或指甲盖大小的红斑，有时也可表现为脂溢性皮炎样或红斑狠疮样皮损常伴有瘙痒。如果皮肤瘙痒，患者一定不要太用力的去抓。牛皮癣长在身上的症状多种多样，表现复杂。一般多好发于头皮、四肢伸侧及背部。男性多于女性。牛皮癣春冬季节容易复发或加重，而夏秋季多缓解。牛皮癣虽不直接影响生命，但是对身体健康和身心健康有直接影响。据调查发现,牛皮癣患者在逐年增多，而此病对患者的日常生活造成了严重的影响。银屑病明显的症状当中会发现一些鳞屑，表面被覆着多层疏松的银白色云母状鳞屑的丘疹、斑丘疹、斑块等，境界明白，炎症明显。皮疹形状不规则，可呈现有如点滴状、钱币状、花瓣状、带状、疣状、蛎壳状、地图形、蛇形等;而且大小不等，多少也不一致;最少时只有局限性一两块皮损，多者又犹如满天星辰，难以数计。</t>
  </si>
  <si>
    <t xml:space="preserve">射频除皱一般多少钱？射频除皱整形的费用 </t>
  </si>
  <si>
    <t>你好，如果你选择的是注射除皱的话，还是建议你到正规的三级整形医院，这样效果和安全比较有保障。如果皱纹比较浅，用黄瓜片就可以了。如果深一点的话，我还是建议你做注射除皱，效果好又快，价格大概在2～5万大城市的正规医院。如果是面部除皱，建议到正规的整形医院，因为毕竟是在脸上做的，对容貌有很大影响。</t>
  </si>
  <si>
    <t xml:space="preserve">ID客服677怎么不上线啊，你不上怎么给我商品，急昨天购买的青云 </t>
  </si>
  <si>
    <t xml:space="preserve">尊敬的客户:    您好！5173客户服务001很高兴为您服务！非常抱歉，由于ID客服677是晚班客服，晚班客服上班时间是：16：30至00：30，请您在16：30在联系交易；请您登陆您的5173用户名，您在点击鼠标把网页拉到中间，有5173客服名单公布出来的，您可以查看下您联系的客服是否在线，如客服的头像是亮的证明是在线的；如客服的头像是暗的，证明客服是不在线的，请您在客服上班时间内在与客服联系。感谢您对5173的支持!!!                                                                                                                    </t>
  </si>
  <si>
    <t xml:space="preserve">我能通过什么才能长高？中药有用吗？ </t>
  </si>
  <si>
    <t>怎么样才能长高怎样才能长高个子？一般的人，男的过了18岁就不长了，女的16岁以后也停止长了。而长高的欲望，在增高中很有用，加上长高的欲望，就形成了有意识的增高。有意识的增高，再加上之元高一点的作用相信可以很快长高的。因为之元高一点以刺激脑垂体自然分泌生长素，在增高因子和生长素释放因子发挥作用期间，充分地补充脑垂体、骨骼、骨骺线发育所需的多种维生素和钙质等全部营养素。一方面，之元高一点能刺激脑垂体分泌生长激素，并迅速补充发育过程中所需的营养物质，促进身高在短期内取得突破性的增长；另一方面之元高一点延缓骨骺线提前闭合的时间，给青少年的骨骼留有充分生长发育的时间。此外，再介绍一套增高体操辅助在平时可以予以辅助。在运动结合之元高一点定会达在短期内看到效果的。增 高 体 操：这套体操归纳起来有12个字：热身、行走、跑步、伸拉、垂吊，跳跃。 1、热身：身体保持正直，然后上体前倾，双臂伸直用力向后上方挥动。 2、行走：大幅度摆臂，有力地向前走。 3、跑步：先小步跑，同时双手放在肩上，双臂屈肘向前转动；然后快速跑跳25－50米。重复4－6次，每次之间稍事休息。 4、伸拉：踮起脚后跟，双臂伸直向上伸拉，然后向各方向伸拉。重复6－8次，中间稍事休息。 5、垂吊：在单杠上悬垂（20秒到1分钟），双腿并拢。身体先向左、右转动，再向前、后摆汤，最后做引体向上（女孩做此练习双脚可以不离地）。每次做4－6分钟，每个动作重复6－8次。还有一种方法是，上体保持正直，深蹲，然后向上跳起时抓住单杠，并利用惯性做引体向下（单杠的高度和双手之间的距离应根据个人情况而定），重复数次。 6、跳跃：向上跳，争取每次跳得比上一次高，或力求达到某一规定高度。向下跳，从稍高的地方向下跳，落地时尽量弯屈双腿，然后双脚用力蹬地，再向上跳起，各做30－60次。 注意事项：认真做好热身运动。循序渐进，可先选择部分练习，一段时间后再进行全套练习。从一开始就要注意按照规定数量做好动作。不可随心所欲。每做完一节操，要稍事休息，让呼吸平稳、肢体充分放松。做完全套操后，平躺在地板上，绷紧背部和臀部肌肉，腰略挺。每周做操不少于3-4次，持之以恒，必有佳效。药物尽量不要相信哦。</t>
  </si>
  <si>
    <t xml:space="preserve">我报的陕西国税，不知道有希望没？我报的是陕西省一地级市下面一个区 </t>
  </si>
  <si>
    <t>陕西省整个的成绩已经公布全省最高分才132.4好像所以你有希望。</t>
  </si>
  <si>
    <t xml:space="preserve">猫活一年就是一岁吗?能活多少年呢? </t>
  </si>
  <si>
    <t>东芝动物乐园，有一只活了30多年的老猫，牙都掉了，走路都有些费尽了，但我们养的猫一般能活到15年左右，如果养得好的话，能活到20年，好好养它，你家猫猫还能活个十年八年的</t>
  </si>
  <si>
    <t xml:space="preserve">攻速30%，冰84，1暗大风，还有3空没镶，问个价 </t>
  </si>
  <si>
    <t>这个看你们服刀天的数量而定了,如果刀天凤毛麟角,那么好可惜,这把刀就不值什么钱了,7000-8000W吧.</t>
  </si>
  <si>
    <t xml:space="preserve">我发现个问题诛仙新坐骑金毛狮王没有牙啊！！多么俊美勇猛的野兽短粗? </t>
  </si>
  <si>
    <t>唉!完美就是这样  一天到晚吹自己画的动物是神兽,却不知自己画的坐骑其实是多么的失败。就拿完美画的冰龙和火龙    没见过前 我以为肯定很帅    真抽到个骑上了 却觉的有点像骑在小泥鳅身上。还有那个凤凰   嘴和舌头都打架了。。。。。。。。。。。</t>
  </si>
  <si>
    <t xml:space="preserve">法师15级任务，高手请进！！！！请问打食尸鬼的牙齿和指甲是不是非 </t>
  </si>
  <si>
    <t>随便用什么打都能出，出的几率小，别的职业也能打出来，去偶瑞古战场，可以拣的到的</t>
  </si>
  <si>
    <t xml:space="preserve">数学含根号的积分求∫（1+x^2）^(1/2)dx，换种写法就是 </t>
  </si>
  <si>
    <t>解：I=∫√(1+x²)dx=x√(1+x²)dx-∫xd√(1+x²)=x√(1+x²)-∫x[x/√(1+x²)]dx=x√(1+x²)-∫[(x²+1)-1/√(1+x²)]dx=x√(1+x²)-∫√(1+x²)dx+∫dx/√(1+x²)=x√(1+x²)-I+ln[x+√(1+x²)]=(x/2)√(1+x²)+(1/2)ln[x+√(1+x²)]+C还可以用三角代换来求，设x=tant，则dx=sec²tdt代入即可。</t>
  </si>
  <si>
    <t xml:space="preserve">猎人和小德哪个好些？PVP,战场，什么的哪个好玩？时间长了不会腻 </t>
  </si>
  <si>
    <t>德鲁伊，起码3系天赋都有很大变化</t>
  </si>
  <si>
    <t xml:space="preserve">女生问题？自己一个人能达到高潮吗？女生几岁月经？月经痛吗？ </t>
  </si>
  <si>
    <t>看样子楼主还未成年，一个人当然可以达到高潮的，只要你想就可以，方法可以通过器具或手月经一般12岁以后开始出现，部分女性15岁有的可以还更迟出现，第一次月经来潮就初潮，月经来潮与卵巢和子宫膜的周期性变化有关。从开始，卵巢内的卵子陆续发育成熟并排出。与此同时卵巢分泌雌激素和孕激素，促使子宫内膜增厚和血管增生，为受精卵在子宫内发育成熟和种植创造条件。排出的卵子如果没有受精，卵巢的雌激素和孕激素的分泌会很快减少，引起子宫内膜组织坏死脱落，血管破裂出血。脱落的子宫内膜碎片连同血液一起由阴道排出称为月经。　在月经初潮时，卵巢重量仅为成熟时的40％。以后卵巢继续发育长大。由于卵巢的功能和调节机能不稳定，在月经初潮后的半年到一年时间内，月经不一定按规律每月来潮，初潮后，有的隔几个月、半年甚至一年才第二次来潮，这不是病理现象，以后会逐月按时来潮。每次月经出血持续5天左右，为月经期。一般每次月经量为10－100亳，平均为50亳，出血量以第二、三天最多。行经期间由于盆腔充血，有时会出现轻微腹痛、腰酸以及乳房胀、食欲差等，属于正常现象。一般情况月经是不会　痛的，如果有也是很轻的，不影响生活和工作，如影痛得影响了生活，则为痛经，是异常的</t>
  </si>
  <si>
    <t xml:space="preserve">发动机形式和变速器形式指什么什么是发动机形式？什么是变速器形式？ </t>
  </si>
  <si>
    <t>发动机形式是指发动机的排列形式比如V6是指V型排列六缸发动机；变速器形式有手动，自动和无级变速。</t>
  </si>
  <si>
    <t xml:space="preserve">我想一单应能搞定本期任9[07]阿森纳VS富勒姆[08]=310 </t>
  </si>
  <si>
    <t>沙尔克过了你就中了,</t>
  </si>
  <si>
    <t xml:space="preserve">地球上的水总量不少，为什么会缺水？难道水能跑到太空中不成？ </t>
  </si>
  <si>
    <t xml:space="preserve">地球上的水很多很多，据估计水的总体积约为13．8亿立方公里。如果将这些水平均分布于地球表面，相当于地球整个表面覆盖着一层平均深度为2650米的水。但是十分可惜，这些水98％是咸水，主要分布在海洋中。淡水只占地球水总量的2％，约有3000万立方公里，而这2％的淡水也不能全为人类所应用，因为它的88％被冻在两极的冰帽和冰川里，剩下的12％即河流、湖泊和能开采的浅层地下水才可为人类应用，其中绝大多数又为地下水，不开采不能应用，可直接应用的河流湖泊中的水，只占淡水总量的0．04％。地球上的水，总是处在变化之中，海洋和陆地上的水蒸发到大气中，再形成雨或雪落回大地，滋养万物，补充河流、湖泊或注入大海。水还会渗入地下，汇入地下蓄水层。极深的地下水不能补充，也不能开采，被称为原生水，因而不能再生。正因为水资源的这种流动性质，因而形成陆地的水涝或干旱，造成水资源分布不均衡，世界上每年约有65％的水资源集中在10个国家里，而人口共占世界总人口的40％的80个国家（其中9个国家在近东和中东）却严重缺水，另26个国家（共有2．3亿人口）的水资源也很少。我们称这些国家为缺水国家。国际上对缺水国家的标准是依据瑞典水家马林、法尔肯马克所下的定义：如果一个国家所拥有的可更新的淡水供应量在每人每年1700吨以下，那么这个国家就会定期或经常处于少水的状况；如果每人每年水供应量在1000吨以下，那就会感到水紧缺。目前平均年每人供应水1000立方米以下的国家有15个。在这些国家中马耳他年人均只有82立方米，其缺水情况位居缺水国家之首。除马耳他外，最缺水的国家还有卡塔尔（年人均占有91立方米）、科威特（95立方米）、利比亚（111立方米）、巴林（162立方米）、新加坡（180立方米）、巴巴多斯（192立方米）、沙特阿拉伯（249立方米）、约旦（318立方米）、也门（346立方米）、阿尔及利亚（527立方米）、布隆迪（594立方米）、佛得角（777立方米）、阿曼（874立方米）、阿联酋（902立方米）、埃及（936立方米）。预计到21世纪中，这些国家的水将比石油还贵，如马耳他年人均将为68立方米。   </t>
  </si>
  <si>
    <t xml:space="preserve">研究生毕业论文被定为抄袭怎么办？　　因研究生要毕业，学校要求必须 </t>
  </si>
  <si>
    <t>　　一、你之作品是否已涉侵权。建议将你之论文与涉袭论文原作相互对照，抄袭，是把别人的作品抄来当作自己的作品的一种侵权行为。抄袭的认定，不以抄来的作品作何用处为其成立的条件，也不以是否完全相同为其成立的条件，其认定成立的条件仅是作品内容的具体表达形式相同。因此，两个作品在具体表达形式上有明显区别的，一般不应认定有抄袭的问题存在，存在的可能是创作上的借鉴、引用、融合的问题，而这些正是创作上允许和客观上必需的。抄袭的实质要件在于作品是否是作者自己独创的，而不是照抄照搬他人的。既是两个作品完全相同，只要是各自独立创作的，就不构成相互抄袭。只有在作品相同，又能证明又不属作者独立创作的(作者间又存在接触关系)，才构成抄袭行为。　　如果经判断二者存在明显的抄袭，则放弃抗辩，否则可据理以争。　　二、对于基本可以确认为侵权的行为，但仍有一定模糊点时，可以先试探取得对方的谅解，争取双方和解，除最后达成的协议之外，整个和解过程要考虑不要留下痕迹，被录音或达成阶段性调解意见等。　　三、由于牵涉毕业论文之人生大事，无论理胜理亏，最好的方式仍然是建议通过私下和解方式解决，不要诉诸途径解决，公之于众势必造成被动，孰重孰轻，要谨慎对待。　　山东科创律师所　　张蕾律师　　二○○八年十一月二十日</t>
  </si>
  <si>
    <t xml:space="preserve">你是胡歌、杨幂的忠实粉丝吗我很喜欢杨幂和胡歌，希望你是同道中人。 </t>
  </si>
  <si>
    <t>当然啦！很喜欢他们！！！</t>
  </si>
  <si>
    <t xml:space="preserve">推荐几本好看的小说比较冷门的。比如先婚后爱，弯掰直。。。。怎么冷 </t>
  </si>
  <si>
    <t>请高手们修改一下！~~01土耳其04</t>
  </si>
  <si>
    <t>01 土耳其 04-02 02:00 西班牙31 02 捷　克 04-02 02:30 斯洛伐31 03 奥地利 04-02 02:30 罗马尼 004 希　腊 04-02 02:30 以色列 31 05 威尔士 04-02 02:45 德　国 10 06 波　黑 04-02 02:45 比利时 307 意大利 04-02 03:50 爱尔兰31 08 英格兰 04-02 03:00 乌克兰3 09 苏格兰 04-02 03:00 冰　岛30 10 法　国 04-02 03:00 立陶宛3 11 巴　林 04-01 22:15 卡塔尔 3012 沙　特 04-02 01:30 阿联酋 3 13 玻利维 04-02 03:30 阿根廷 10 14 厄瓜多 04-02 05:20 巴拉圭 1</t>
  </si>
  <si>
    <t xml:space="preserve">超氧化物有什么物理性质化学性质？ </t>
  </si>
  <si>
    <t>超氧化物的物理性质：熔点低，密度小超氧化物的化学性质：非常活泼，容易与二氧化碳，水等反应</t>
  </si>
  <si>
    <t xml:space="preserve">癫痫病患者如何科学用药？最近吃了很多治癫痫的药，还是会复发，是不? </t>
  </si>
  <si>
    <t>首先，不要随意更换药物或者是治疗方法，这是患者要特别注意的，不要感觉自己病情好了就随便停药，或者是觉得治疗没有效果就私自换药，这样不但对疾病没有效果，还会造成更大的伤害。最后，癫痫病前期要采用单一用药，在单一用药效果不好的话，可以在医生的指导下，采用联合用药。千万不要根据自己的意识治疗。</t>
  </si>
  <si>
    <t xml:space="preserve">豹子????題?槭颤N到晚上12點後放??隻有33萬??聽說好像 </t>
  </si>
  <si>
    <t>我每天晚上刚过12点放，然后喂饱了寄养，到第二天过12点的时候有时候豹子还是饱的，先放了下一般就几万，然后喂饱了再放，每次55w，有5次，接下去就只45w了如果领回来已经微饿了，喂一个第一次开始放的时候就有55w，还是5次，第六次只有45了</t>
  </si>
  <si>
    <t xml:space="preserve">EVA剧场版最后一部什么时候在日本上映 </t>
  </si>
  <si>
    <t>11.17号EVA最新剧场版Q在日本上映，国内估计等明年。</t>
  </si>
  <si>
    <t xml:space="preserve">微博达人选定兴趣后可不可以重新更改爱好？ </t>
  </si>
  <si>
    <t>可以，求最佳</t>
  </si>
  <si>
    <t xml:space="preserve">四会最出名特产是什么 </t>
  </si>
  <si>
    <t xml:space="preserve">十月桔 一、特点：　　十月桔又叫沙糖桔，是我市面积较大，果农喜欢种植的一个优良品种。果扁园形，平均果重58克，可食率71%，全糖12.05%，可溶性固溶物12.9%，果酸0.41%，果核15粒左右，味甜化渣，果皮极易剥离，色泽鲜红。11月上旬开始成熟，11月下旬至12上旬收获。 蜜桔 该品种果实吃起来有蜂蜜味，故名蜜桔，11月下旬开始成熟，12月中旬为适收期，属中熟品种，果实椭园形，成熟时仍带浅绿色，熟后才能转绿黄色，肉质细嫩化渣，蜜味芳香，果实单果重25—35克，可食率77.8%，可溶性固形物11—14%，每100毫升含全糖12.1克，含果酸0.063克，是高糖低酸的柑桔品种之一。 八月桔 属早熟品种，10月上旬开始成熟，10月底至11月初收获，果实个体比十月桔稍大，果重平均65克，可食率72%，可溶性固溶物12—13%，味甜酸少，果核13—18粒，果皮粗糙而颜色比十月桔微红，叶色浓绿. 河口吕宋芒 河口镇盛产芒果。全县境芒果树8000株，河口约占7000株。地方上惯称为河口吕宋香芒. </t>
  </si>
  <si>
    <t xml:space="preserve">特洛伊战争是什么?我想知道特洛伊战争的事情. </t>
  </si>
  <si>
    <t xml:space="preserve">特洛伊战争：    十万军队，两个国王，一个女人。这是神话和历史上最着名的一场战争——特洛伊战争。在希腊神话之中，特洛伊城本来是宙斯在人间的后裔做了国王之后，才出现在河流与大海之间的平原上的都城，这块平原后来被称为特洛伊平原。传说在特洛伊城即将动工之前，智慧女神雅典娜的神像从天而降，这暗示特洛伊城将处于宙斯和他女儿的保护之下。与此同时，宙斯的儿子太阳神阿波罗与海神波塞冬，由于反抗了万神之父宙斯而被放逐到尘世，因而他们将根据宙斯的旨意，来修建特洛伊城，以重获他们父亲的欢心。于是，他们俩变形为人，波塞冬为国王指导特洛伊城的修建，而阿波罗则为国王放牧牛群以提供肉食，一年过去了，特洛伊城雄伟壮丽的巍峨城墙终于耸立在了特洛伊平原之上。当阿波罗与波塞冬离开特洛伊城的时候，失信的国王拒绝付给他们俩报酬，于是雄辩的阿波罗开始与国王进行论争，而国王却要赶走他们，还威胁说要将他俩捆起来，并且割掉他俩的耳朵。阿波罗与波塞冬满怀愤怒地离开了特洛伊城，心中对国王乃至所有的特洛伊人都充满了敌意。雅典娜也放弃了对于特洛伊城的保护，因而在宙斯的默许之下，特洛伊城在刚刚建造起来的时候，就使自己的居民们陷入了一场注定要被诸神毁灭的灾难之中。国王之子帕里斯一来到人世间，就由于这个孩子将导致特洛伊城毁灭的可怕预言，而被母亲丢弃在了荒野之中，最后被一个奴隶养大，成为英俊勇武的青年，奋力保护牧民们不受强盗的祸害，因而被尊称为人类的救护者。阿喀琉斯的父母举行盛大婚礼时，邀请了所有的神，单把争吵女神厄里斯遗漏了。厄里斯来到席间扔下一个“不和的金苹果”，上写着“给最美的女人”。赫拉、雅典娜和阿佛洛狄忒三位女神果然争夺起来，争持不下就去找宙斯，宙斯要她们找特洛伊王子帕里斯评判。在万神之母赫拉、智慧女神雅典娜、爱情之神阿芙洛狄忒三人之间，帕里斯选中了爱情之神，于是将金苹果交给了阿芙洛狄忒！这就使得赫拉与雅典娜非常愤怒，发誓要向帕里斯，以及所有的特洛伊人进行报复。果然，爱情之神也实现了自己的诺言，让帕里斯得到了“世界上最美丽的妇人”海伦来作为妻子。然而，三位女神的金苹果之争，却使凡人卷入了神的赌局，继之而起的美女海伦之争，又使诸神投入了特洛伊战争的。帕里斯来到斯巴达，受到国王墨涅拉俄斯的款待，但是却对墨涅拉俄斯的妻子——天下第一美女海伦起了非分之想。于是在阿佛洛狄忒的帮助下，劝诱了海伦同他私奔，并抢走了大批财物，把她带到了特洛伊，这样就造成了长达十年之久的特洛伊战争。战争中希腊联军死伤无数，而特洛伊人也失去了唯一的家园。得知海伦被拐走后，希腊各地的国王和首领们认为是最大的耻辱，于是意欲进兵特洛伊，夺回海伦。舰队汇聚奥利斯，由迈锡尼国王阿伽门农统领。经过一番周折，希腊联军登岸特洛伊，兵临城下，但一连九年不得破获。在第十年里，阿伽门农和联军中最好的战将阿喀琉斯发生争执，后者由此罢兵不战，使特洛伊人（由赫克托耳统领）节节获胜，兵抵希腊人的海船和营棚。赫克托耳杀死阿喀琉斯最好的朋友帕特罗克洛斯后，阿喀琉斯重返战场，逼回特洛伊军伍，杀死赫克托耳，阿喀琉斯也战死。最后，希腊联军将领奥德修斯设计把一具内藏兵将的巨大木马丢在城外，假装撤兵，木马被特洛伊人作为战利品拖进城内。晚上，希腊人从木马中出来，打开城门，里应外合攻下了特洛伊城。这个故事为希腊诗人荷马提供了巨大的素材，伟大的史诗《伊利亚特》和《奥德赛》就此产生。关于特洛伊城的由来：在很久很久以前，天神宙斯与海洋女神普勒阿德斯所生的儿子——伊阿西翁和达耳达诺斯统治爱琴海的撒摩特剌岛。伊阿西翁自以为是神?的儿子，以狂热的感情追逐女神得墨忒耳。为惩罚他的胆大妄为，宙斯用雷电把他击死。达耳达诺斯对兄弟的死十分悲伤，因此离开了家乡，前往亚细亚大陆，来到密西埃海湾——西莫伊斯河和斯康曼特尔河入海的汇合处。此处的国王透克洛斯热情地接待了他，赏赐给他一块土地，并把女儿许配给他。这块地方以他的名字而得名，称为达耳达尼亚。达耳达诺斯死后，他的儿子厄里克托尼俄斯继承了王位，后来特洛斯又继承了厄里克托尼俄斯的王位。从此以后，特洛斯统治的地区则称为特罗阿斯，特罗阿斯的都城称为特洛伊。 </t>
  </si>
  <si>
    <t xml:space="preserve">金银铜铁（打中国地名一） </t>
  </si>
  <si>
    <t>无锡.......................</t>
  </si>
  <si>
    <t xml:space="preserve">请求明师什么是“水日”、“火日”很多择日的解说上都有“水日”易搬 </t>
  </si>
  <si>
    <t>金日、木日、水日、火日和土日，不是能否搬家的依据。金日、木日、水日、火日和土日，是日子的干支的花甲子纳音的五行。金日，日子的干支的花甲子纳音：甲子乙丑海中金，壬申癸酉剑锋金，庚辰辛巳白腊金，甲午乙未沙中金，壬寅癸卯金箔金，庚戌辛亥钗钏金。木日，日子的干支的花甲子纳音：戊辰己巳大林木，壬午癸未杨柳木，庚寅辛卯松柏木，戊戌己亥平地木，壬子癸丑桑拓木，庚申辛酉石榴木。水日，日子的干支的花甲子纳音：丙子丁丑涧下水，甲申乙酉泉中水，壬辰癸巳长流水，丙午丁未天河水，甲寅乙卯大溪水，壬戌癸亥大海水。火日，日子的干支的花甲子纳音：丙寅丁卯炉中火，甲戌乙亥山头火，戊子己丑霹雳火，丙申丁酉山下火，甲辰乙巳覆灯火，戊午己未天上火。土日，日子的干支的花甲子纳音：庚午辛未路旁土，戊寅己卯城头土，丙戌丁亥屋上土，庚子辛丑壁上土，戊申己酉大驿土，丙辰丁巳沙中土。</t>
  </si>
  <si>
    <t xml:space="preserve">刚生产完的母狗要怎么照顾呢？母狗今天生了6只小狗，要给母狗喂什么 </t>
  </si>
  <si>
    <t xml:space="preserve">    首先，恭喜了，母子平安就是福！以下的母犬生产后护理的注意事项：1、母犬的外阴部、尾部及乳房等部位要用温水洗净、擦干；更换被污染的褥垫及注意保温。 2、母犬产后因保护仔犬而变得很凶猛，刚分娩过的母犬，要保持8—24小时的静养，陌生人切忌接近，避免母犬受到骚扰，致使母犬神经质，发生咬人或吞食仔犬的后果。 3、刚分娩过的母犬，一般不进食，可先喂一些葡萄糖水，5—6小时后补充一些鸡蛋和牛奶，直到24小时后正式开始喂食。此时最好喂一些适口性好、容易消化的食物。最初几天喂给营养丰富的粥状饲料，如牛奶冲鸡蛋、肉粥等，少量多餐，一周后逐渐喂给较干的饲料。 4、注意母犬哺乳情况，如不给仔犬哺乳，要查明是缺奶还是有病，及时采取相应措施。泌乳量少的母犬可喂给牛奶或猪蹄汤、鱼汤和猪肺汤等以增加泌乳量。5、有的母犬母性差，不愿意照顾仔犬，必须严认为告戒，并强制它给仔犬喂奶。对不关心仔犬的母犬，还可以采取故意抓一只仔犬，并使它尖叫，这可能会唤醒母犬母性本能。此外，仔犬此时行动不灵，要随时防止母犬挤压仔犬，如听到仔犬的短促尖叫声，应立即前往察看，及时取出被挤压的仔犬。6、狗妈妈产后2－3天内，喂食量为怀孕期的三分之一，食物可少而精（狗妈妈的食欲也不会太好），4天后可逐渐增加，10天可恢复原来的食量。 7、狗妈妈喂乳期间，注意食物营养要丰富，以满足泌乳的需要。每日要喂狗妈妈3－4餐，如果奶水不足，可在食物中添加红糖水或牛奶。平时喂些肉汤效果也很好。 8、此期间还要加强狗妈妈的梳理和清洗，每周要洗一次澡。 9、天气暖和时，要领狗妈妈到室外散步，每天最少两次。每次半小时，以后可相应延长。但不能做剧烈。 10、注意搞好产房卫生，每天坚持清扫，及时更换垫料，产房要每月消毒一次。（不知道有几个人能坚持如此） 11、最后要注意保持产房及周围的环境的安静。避免较大的声响或噪音、强光等强烈刺激，使狗妈妈母子都能休息好。注意：为了刺激仔犬排泄，母犬必须用舌舔仔犬臀部，如母犬不舔，要在仔犬肛门附近涂以奶油，诱导母犬去舔。     另外哺乳期狗宝宝的日常管理工作也要面面俱到：　　哺乳期的仔犬，身体比较脆弱，若营养不足，环境条件不良，很容易引起疾病和死亡。因此，除搞好哺乳外，加强日常管理是十分重要的。产后头4天，主人要经常察看母犬的有否压伤仔犬和授乳情况。     出生5天以后，可利用风和日暖的好天气，把仔犬抱到室外与母犬一起晒太阳，一般每天两次，每次半小时左右使其达到呼吸新鲜空气；利用阳光中的紫外线，杀死仔犬身上的细菌；促时骨骼发育，防止骨软症的发生。当仔犬能行走时，可放到室外走走，开始时间要短，以后逐渐延长。     出生后13天左右，小狗才能睁开眼睛，此时要避免强光刺激，以免损伤小狗眼睛。    在9－12天开始睁眼后，就可将奶倒在食盘里供舔食。（有些小狗虽然睁眼了，但还是不会自己舔的。） 20天左右，可在奶中加入少量米汤、稀饭。    在20天左右可给小狗剪一次趾甲，以防止小狗在吃奶时抓伤狗妈妈的乳房。    20天以后，遇晴朗天气，可让母犬带着仔犬在院内活动，时间不限，到晚上或阴雨天再搬进产房内；如果仔犬被雨淋湿，则要马上用干毛巾擦干，放回窝内，注意保温，防上感冒。     25天以后，小狗狗的奶粉可以再掺入一些肉汤、菜汤，量可逐渐增加至200毫升左右。     30天时，用驱虫净驱虫，以后每月1次。仔犬身上易粘污物，初期母犬可随时去掉，但以后就不管了，需要主人经常给仔犬进行刷拭和洗澡，2—3天1次，以保持身体的清洁。总之，哺乳期仔犬饲养管理要做到：营养充足，保证睡眠，适当活动，搞好卫生。    30天以后，食物中可以加入碎的熟肉，每次15－20克。35天以后，量还可以增加。    一般1个半月－－2个月断奶。 小贴士：1、补充的食物可用奶粉（牛奶绝对不可以用）、蛋、碎肉和面食或米等混加在一起成为半固体状食物，同时补充适量鱼肝油、骨粉。每日4－5次。 2、小狗身上容易沾上脏的东西，开始狗妈妈会随时舔去，但大一些以后就不管了，需要有人经常给他们擦拭，2－3天一次。3、幼犬一定要在注射过疫苗后10天左右才可以洗澡。    好好照顾狗狗们，希望它们健康！！</t>
  </si>
  <si>
    <t xml:space="preserve">Playboy国际中文网站的网址是什么？ </t>
  </si>
  <si>
    <t xml:space="preserve"> 就这个</t>
  </si>
  <si>
    <t xml:space="preserve">登陆边锋游戏时，老是弹出有人IP地址相同，是不是有人在盗用我的宽? </t>
  </si>
  <si>
    <t>重设置IP地址，在IP最后的数字改一个数字即可。如不懂设置在爱问中发信息给我，我会帮你的！！！</t>
  </si>
  <si>
    <t xml:space="preserve">半夜哭闹我家宝宝2周半了,最近总是半夜睡觉时突然就哭就闹,是受到 </t>
  </si>
  <si>
    <t>我儿子以前半夜睡觉，有时也会出现这种情况，后来他奶奶用香在头上绕来绕去，给他说了“压惊语”（土方法）和大罩烧饭的时候，叫三声“***屋里来”的话，就好了，乡下人说法，就是“小魂灵”逃出去了。</t>
  </si>
  <si>
    <t xml:space="preserve">孩子尿多有什么办法?我家孩子现在已经８个月零１８天了，最近几天， </t>
  </si>
  <si>
    <t xml:space="preserve">天气凉了  ，出汗少了 ，体内水份只能通过尿的形式排除体外。如果不是特别多，那不是病。建议到医院小儿科问问 </t>
  </si>
  <si>
    <t xml:space="preserve">1000万拿来干吗？如何赚钱 </t>
  </si>
  <si>
    <t>赌球,2个小时你就可以在赚1千万了,但是弄不好你就是穷光蛋了,这是最快的捷径吃利息,虽然慢,但是保险的很,如果你对生活标准一般,吃利息就够了股票,建议做短线,这么大的资金，进去1-2天有赚头就一定出来,没赚也要出来,因为你有1000万,涨一点那都是非同小可的    D-依扬</t>
  </si>
  <si>
    <t xml:space="preserve">脚抽经是怎么回事 </t>
  </si>
  <si>
    <t xml:space="preserve">病情分析：您好！根据您的描述，晚上睡觉脚抽筋，是缺钙的表现，另外也不排除是外界环境的寒冷刺激，如冬季夜里室温较低，睡眠时盖的被子过薄或腿脚露到被外。指导意见：建议您可以到医院做一下微量元素的检测，可以选择钙尔奇补钙，平时可以多吃些含钙量高的食物，如骨、虾皮、骨头汤、鲜鱼、活虾、海带、蛋黄、紫菜、牛奶和豆制品等。以及多晒太阳。小腿正抽筋时，可把痉挛的小腿肌肉拉直、揉搓，并且把往下抽筋的脚板往上扳。并在抽筋过后注意小腿肌肉的保暖。祝您身体健康！ </t>
  </si>
  <si>
    <t xml:space="preserve">什么叫浪漫主义，还有大浪漫主义。他们有什么不同 </t>
  </si>
  <si>
    <t>作为创作方法和风格,浪漫主义在表现现实上,强调主观与主体性,侧重表现理想世界,把情感和想象提到创作的首位作为文艺思潮,浪漫主义产生并风行于18世纪末～19世纪初的欧洲。</t>
  </si>
  <si>
    <t xml:space="preserve">女生在酒吧或夜总会作歌手危险吗？我是一名在校大学生，想在暑假里找 </t>
  </si>
  <si>
    <t xml:space="preserve">  现在你的经验还不足，最好不要往那边发展，毕竟那不是你展现舞台的地方啊。你想把自己优势绣出来，那也要给自己一个好环境，环境也会“创造”一个人。这样的社会是现实的，它不会因为你的想法而去等待，而且那是工作的地方，你去了随时都要适应。虽然很有挑战性但是风险也是不可低估的。那样乱的地方你还是不要去的好，真实的建议，我的朋友之前有去过酒吧工作，不正经的人倒是满多的，不去为妙。  并不是一定要找那分工作，其实你还有很多优点：比如你的胆识，你的沟通能力也会给你酿造更多的机会啊。你可以去找其他的工作做也是一种锻炼，你可以把其他的工作当成是你的爱好或者与你的歌有牵连的工作，这样你同样可以做得很好。。  希望你可以明白，用另一种方式看待你的梦想。加油喔！！</t>
  </si>
  <si>
    <t xml:space="preserve">有没有中文版的美国《时代》周刊 </t>
  </si>
  <si>
    <t xml:space="preserve">国内没有，只有热心博客翻译成中文，同步更新—— </t>
  </si>
  <si>
    <t xml:space="preserve">清泉老师000930掉了下来000100现可介入吗?请老师指教/ </t>
  </si>
  <si>
    <t>低吸高抛操作.</t>
  </si>
  <si>
    <t xml:space="preserve">口腔溃疡是怎么回事? </t>
  </si>
  <si>
    <t xml:space="preserve">口腔溃疡几乎每个人都遭遇过，往往是因为吃东西时不小心，咬伤了口腔黏膜而引起的，有时则可能是因为病毒感染所致。开始是口腔内莫名其妙地出现白色的斑点，三四天后疼痛明显或加剧，严重时可伴有全身症状，如低热、局部淋巴结肿大等，吃咸、辣、酸等刺激性食物可加重疼痛；四五天后疼痛逐渐缓解；8—14天后溃疡可自行愈合。虽然多数口腔溃疡能自行愈合，但它带来的不适，着实令人。而且有些时候，更不能对之掉以轻心，其后可能隐藏着更为可怕的病变。 口腔溃疡跟心理有关系 口腔溃疡的发病原因可能与内分泌障碍、胃肠功能紊乱、变态反应、局部刺激和微量元素、维生素B1缺乏等有关，总结起来原因有三：一是口腔不卫生，受到病毒或细菌感染；二是人体内环境紊乱，内分泌失调，免疫功能降低，导致发生自身免疫性病变；三是人的情志不遂，如精神刺激、精神压力加重、疲劳过度和顽固性失眠，都能造成体力不支，免疫力降低，病邪乘虚而入。 最近医学界经过临床及免疫学研究，认为导致口腔溃疡的两种病毒分别为人类巨细胞病毒和EB病毒。它们先是潜伏在血液里的B淋巴细胞中，一旦感冒、心理压力大、身体疲倦，人的免疫力就会降低，这时病毒就揭竿而起、攻城掠地，出现口腔溃疡，严重者久治不愈。现代社会伴随着经济快速发展，生活节奏加快，人们的心理压力增大，精神紧张。由环境污染及心理因素导致的口腔溃疡也非常多，因而称其为现代社会的“文明病”也不为过。某医院调查了214例口腔溃疡患者，经过心理量表测试，发现其中有165名患者有不同程度的焦虑、紧张等情绪变化。 查查是不是白塞氏病 有的口腔溃疡是由于体内缺乏维生素，引起口腔发炎上火，这些都无需大惊小怪。口腔溃疡也有很多类型，其中一种最为常见的叫复发性口疮，可发生于任何年龄段，最常见于儿童、青壮年，女性患此病的比例较高。但如果无任何原因，在一年内至少发生3次口腔溃疡，应引起高度重视，警惕白塞氏病、扁平苔藓等病的造访。复发性口疮有自愈性和周期性，不经特殊治疗，一般7—10天可逐渐愈合，间歇期长短不等，几天到数月，此起彼伏。反复发作的口腔溃疡再伴有复发性生殖器溃疡、眼损伤等，则可能患上了白塞氏病。白塞氏病是一种以血管炎为基本病变的慢性、进行性、复发性的多系统损害疾病，常常以口腔、眼部、外阴炎症和溃疡为主要表现，还可引起胃肠道、脑部、大血管以及皮肤等多脏器损害。 扁平苔藓是一种非感染性、慢性炎症性疾病，其特点是口腔黏膜上出现由白色珠光的小丘疹构成的条纹，它们相交织成网状、树枝状，部分患者可发生癌变，据统计有12.7‰的患者会转化成口腔癌、咽喉癌和鳞状细胞癌。白塞氏病、扁平苔藓是非常危险的，以往人们把它们作为口腔病、皮肤病、眼病等独立治疗，治疗不当就会损及肝脏或肾脏，甚至抑制骨髓造血功能，发展成再生障碍性贫血或白血病等。 反复发作要注意 不少人认为口腔溃疡吃点消炎药就会好的。但结核性溃疡、梅毒性溃疡等是不会自愈的。有些口腔溃疡在一定条件下还可能恶变，或一开始就是某种恶性肿瘤的信号。这类溃疡如被忽视或用自己的经验当作炎症来治疗，必然延误病情，加速其扩散，后果是不堪设想的。 口腔溃疡的癌变多见于老年人，这种溃疡的特点是：直径一般在1厘米以上，像个火山口，边缘隆起、不整齐，中央凹陷，凹陷的表面有颗粒状的小疙瘩，在溃疡的周围和底部可摸到硬块。口腔内经久不愈的溃疡，经常受到咀嚼、说话的刺激，也可能会癌变。与牙齿经常接触的部位，由于不断受破损的牙齿、或者制作得不合适的假牙的锐利边缘的刺激，容易刮破黏膜，产生溃疡。如果反复发作、长期不愈合，就应及时到医院检查，必要时做病理检查，以明确诊断。 治疗不如预防 目前对口腔溃疡的治疗基本是对症治疗，只能减轻疼痛或减少复发次数，所以预防尤为重要。为防患于未然，应养成良好的生活习惯，如注意保持口腔清洁、常用淡盐水漱口、戒除烟酒、生活有规律、保证充足的睡眠、坚持体育锻炼等。此外饮食调节也很重要，尽量吃清淡的饮食，多吃蔬菜、水果可以清理肠胃，有助于保持大便通畅；少食辛辣、厚味的有刺激作用的食品。蜂蜜、西红柿、柠檬、海带、萝卜、芝麻、梨、荸荠、西瓜、甘蔗等食品，具有清热去火，润肺养阴的作用，可以经常吃一些。 口腔溃疡也是身体虚弱的信号，所以在治疗的过程中，也应注意改善体质，增强免疫功能。还要把自己的生活节奏稍微放慢一些，减轻紧张、焦虑的情绪。西瓜霜、意可贴、华素片等药物对口腔溃疡均有较好的疗效。 口腔溃疡虽不是什么重病，但却给患者的生活时时带来不便与痛苦。这里为大家介绍简方14则： 鸡蛋 鸡蛋打入碗内拌成糊状，绿豆适量放陶罐内冷水浸泡十多分钟，放火上煮沸约1.5分钟(不宜久煮)，这时绿豆未熟，取绿豆水冲鸡蛋花饮用，每日早晚各一次，治疗口腔溃疡效果好。 六神丸 取六神丸1支(30粒)碾碎成粉，加2毫升凉开水浸透成稀糊液备用。用前先清洁患者口腔，然后用细长棉签蘸上六神丸液涂于溃疡面，以餐前1~15分钟用药为佳，每天3次，睡前加用1次。一般用药5分钟即可起到止痛效果。小溃疡1。2天可痊愈，溃疡面较大者5天痊愈。 云南白药 用云南白药外敷口腔溃疡创面，一日2次，一般2~3天痊愈。 全脂奶粉 选用全脂奶粉，每日2至3次，每次一汤匙，加少许白糖，开水冲服，晚间休息前冲服效果更佳。一般2天溃疡症状即可消失。 西瓜 西瓜半个，挖出西瓜瓤，挤取汁液，瓜汁含于口中，约2～3分钟后咽下，再含新瓜汁，反复数次。 维生素C将维生素C药片1~2片压碎，澈于溃疡面上，闭口片刻，每日2次。 甲氰咪胍 服将甲氰咪胍1～2片研成细末，用棉签蘸药粉涂于溃疡面上，10分钟内不要饮水，每日2次。 六味地黄丸 口服六味地黄丸每日2～3次，每次6～8克。 浓茶 我国明代药典《本草纲目》称：“茶苦而寒，最能降火……火降则上清矣，”据研究，茶含单宁，具有收敛作用，浓茶漱口可促使口腔溃疡愈合。 庆大霉素 用消毒棉签蘸取庆大霉素4万单位2毫升注射液轻涂口腔内溃疡面，数分钟后再涂一次，每日4次，即三餐后和睡前，漱口后涂上药液，一般2～3日即愈合。 西红柿西红柿汁含口中，每次含数分钟，一日多次。 柿霜 从柿饼上取柿霜，用开水冲服或加入粥中服用。 芭蕉叶 采鲜芭蕉叶适量，将其用火烤热贴敷于口腔溃疡处，每日2～3次。 95％乙醇 用棉签沾上95％乙醇，轻压口腔溃疡点，并轻轻转动棉签除去溃疡面上的腐败组织，每天2～3次，每次20～30秒。治疗口腔溃疡，绝大多数在2—3天愈合。 </t>
  </si>
  <si>
    <t xml:space="preserve">英格丽.褒曼获得过几次奥斯卡最佳女主角的桂冠最近看了她的电影《卡 </t>
  </si>
  <si>
    <t>1944年的《煤气灯下》、1957年的《真假公主》、1972年《东方快车谋杀案》为她赢得了三次奥斯卡金像奖。</t>
  </si>
  <si>
    <t>演员谢幕</t>
  </si>
  <si>
    <t>该下台了</t>
  </si>
  <si>
    <t xml:space="preserve">原来的内测帐号玩新区用不用重新注册激活啊？ </t>
  </si>
  <si>
    <t>您好：　　内测帐号是不需要进行激活的．您可以直接登陆游戏体验游戏．　　祝您游戏愉快！</t>
  </si>
  <si>
    <t xml:space="preserve">四个月的宝宝拉黑绿色大便怎么回事都一个多月了宝宝是喂奶粉 </t>
  </si>
  <si>
    <t>病情分析：您好，这个宝宝大便绿色一般都是消化不良导致的，你这个药物还可以，基本对症指导意见：这个大便青绿色和药物关系不大，建议可以继续吃一些鞣酸蛋白酵母散和婴儿健脾散来调理一下，饮食上母乳喂养的话，妈妈不能吃油腻的食物，奶粉的话，不能太浓也不能放糖</t>
  </si>
  <si>
    <t xml:space="preserve">永不过时的问，嫁给爱你的人还是你爱的人好呢假如她爱的人也不会很讨 </t>
  </si>
  <si>
    <t>依你说的这种情况，最好的解决办法，是相互互补，单独成立，都不会幸福。其实问题的关键还是在你自己身上，如果你选择了你爱的人，那么你就要提高自己，争取让你爱的人同时爱上你，这样你才会有幸福的家庭。如果你选择了爱你的人，那么你就要学会感谢爱，用自己得体的方式感谢对方的付出，对方的付出得到回应时，他会加倍的付出，这样你也可以拥有一个幸福的婚姻。爱情如果只有一次，那么无论你选择什么，都要忘记另一个选择，因为比较是自卑的根源，是一切痛苦的根源。祝好！</t>
  </si>
  <si>
    <t xml:space="preserve">怎么样选择洗发皂？WOWMOM品牌的洗发皂好吗？ </t>
  </si>
  <si>
    <t>可以选用皂角洗发 应选择秋后的晒干的皂角，无虫蛀过的当然最好了，偶尔有几个小洞，也没事，挑出来，或者切掉一些。一般长皂角会比牙皂更好，气味更宜人。2、弄碎皂角越碎煮出来的浓度就越好，不过本人比较懒，就把它折断，一片皂角折成四五节，放进锅里。3、参考配料 如果有条件，可以加点其它材料，比如首乌，生姜之类的。首乌可以让头发更黑，变的强劲。生姜可以促进头发生长，加快血液循环，可以让头发长的更密更多。当然这些配料不要太多，生姜切薄点，放三四片就行了。4、配水比例 一般男士的话，用一片皂角就够了，配2~4升水。头发稀短的半片也行。女士的话，头发较多，可以放个两片皂角，4~6升水。4、慢火慢熬太大的火力，烧不出药材的浓度和药性，所以用慢火久熬更好。锅盖一定要盖上。时间尽量在一小时以上。5、过滤碎末 水烧好后，先端下来凉一会，估计头皮能够接受的水温时，就开始过滤，否则洗后头皮会沾很多碎末。有的人是在烧水时，就拿毛巾或布包裹着皂角煮，这样也行。如果事先没包，就拿一块毛巾摊开放在脸盆上方，再将水缓缓倒入，透过毛巾后，基本渣滓都留在毛巾上了，底下的水就可以用来洗了。 洗头时，要注意的是不要让水流入眼睛了，会有些刺激，特别浓度高的水，眼睛会发红刺疼。</t>
  </si>
  <si>
    <t xml:space="preserve">ps中怎样对圆形路径运用矩形画笔描边？描边的画笔是按照路径的形状 </t>
  </si>
  <si>
    <t>你好，用一个矩形画笔，大小可以根据你的圆形的大小来定，效果自己设置，然后进入工作路径，点下面的描边就ok了。</t>
  </si>
  <si>
    <t xml:space="preserve">GGJJDDMM:我是个新手我练的是SS我想看看传说中DD的视频? </t>
  </si>
  <si>
    <t>前５０级练痛苦ＳＳ，５０级后连恶魔ＳＳ练级快，７０后野外毁灭ＳＳ瞬间输出高，副本痛苦ＳＳ不用意ＯＴ．</t>
  </si>
  <si>
    <t xml:space="preserve">1600治疗QS该去哪？我治疗QS现在没BUFF1600治疗，是 </t>
  </si>
  <si>
    <t>楼上的.35%法爆???啥装备能说下吗?最好能贴个图.谢谢.楼主无BUFF1600+说明KLZ能拿的都拿了.荣誉+牌子装把治疗效果在提高一点到1900+~2100左右.哪么风暴毒蛇.ZAM就都能进了,没一点问题.黑暗和海山也能进.1600+是风爆和毒蛇及ZAM的入门准标准.ZAM要求的最好底标准就是1600+所以,现在去也行,不过最好在刷刷公正.换装备.都强的很.</t>
  </si>
  <si>
    <t xml:space="preserve">晚上,有人在山上念经文,也不是咒语.问下,我今晚和朋友在山上溜达 </t>
  </si>
  <si>
    <t>没事的  如果你确定你听到的是念经的声音，那也没什么，知道海市蜃楼吧，这是因为空气，压强，使光折射，散射引起的。    这个原因也差不多，确实有人在那个时间念经，不过不在那个地点，声音的传播受益些媒介影响，空气的温度，压力使声音的传播改变，造成这个效果</t>
  </si>
  <si>
    <t xml:space="preserve">咋可以增加自己的积分啊咱可以增加自己的积分啊，我是新手 </t>
  </si>
  <si>
    <t>知识人积分可以问；问题时奖励对方，还可以换奖品，还可以升级你的级别，发挥你的特长，多回答问题，你就可以多得分。知识人积分上升的方式 注册成为爱问知识人用户 20分 成功激活邮箱 20分 每天登陆爱问知识人 5分 每天5分封顶 成功提交提问或者回答 1分 采纳回答时，填写感谢语和答案星级 1分 回答被提问人采纳 10分+问题悬赏分（第一个回答问题的多加3分） 成功提交投票或者评论一次 1分，每天10分封顶 问题被设置为推荐问题 10分共享积分获得（多上传好的资料，别人下载你就可以得分）获得积分的途径 积分增加值 注册成为爱问共享资料用户 20分 成功激活邮箱 20分 每天登录爱问共享资料 5分，每天5分封顶 资料被人下载 每次获得设定的分数。每条资料30分封顶(如果您将资料无偿共享给别人，用户每下载一次，我们将奖励您1个积分)共享积分可以下载资料时用，就是说有些资料是免分的，有些好的资料是需要共享积分的。</t>
  </si>
  <si>
    <t xml:space="preserve">大家来看看怎么取名字?有一个房地产住宅区项目,占地200多亩,是 </t>
  </si>
  <si>
    <t>《御墅临枫西岸山庄》或《锦绣西岸御水山庄》，不知可否，仅供参考。或者简单点，就叫——《御墅临枫》或《西岸御水山庄》</t>
  </si>
  <si>
    <t xml:space="preserve">法宝后面的部件任务那里接的啊放弃了还可以接吗我有次不知道那里接了 </t>
  </si>
  <si>
    <t>晕，那是随机接的|！！！！！</t>
  </si>
  <si>
    <t xml:space="preserve">何为槛外人?宝玉生日之时妙玉上一拜帖,自称"槛外人".什么样的人 </t>
  </si>
  <si>
    <t xml:space="preserve">以前当官的和有钱人家的大门都有比较高的门槛，地位越高，门槛也就越高。有些人为了让自己家的这种形式保留的更久，就以门槛作为象征，门槛不坏，家族不败。所以就有人将自己家的门槛用铁皮包起来，以求永远的富贵。所以就有千年铁门槛的说法！纵是真的有千年铁门槛，到头来还不是一掊净土掩风流，只落的一个土馒头（坟头）！以门槛为界，妙玉自称槛外人，而邢邮妍让宝玉自称槛内人方可称妙玉之心。槛内人就是俗世中为功名利禄而奔波的人，槛外人就是不计较功名利禄，看破凡尘之人，未必信佛。  </t>
  </si>
  <si>
    <t xml:space="preserve">复印机用什么物质把字印在纸上？打印机是用墨水，那复印机呢？ </t>
  </si>
  <si>
    <t>墨粉，应该是带胶的碳粉，靠具有感光性的硒鼓传递到纸上，通过热处理固定在纸上。</t>
  </si>
  <si>
    <t>求函数的导数3已知0＜x＜1，求y=[(1</t>
  </si>
  <si>
    <t>解:y=[(1-x)/(1+x)]^(1/2)---&gt;lny=1/2*[ln(1-x)-ln(1+x)]---&gt;y'/y=1/2*[-1/(1-x)-1/(1+x)]=-1/[(1-x)(1+x)]---&gt;y'=-y/[(1-x)(1+x)].此表达式即可;也可以将y=[(1-x)/(1+x)]代入上式进一步化简.</t>
  </si>
  <si>
    <t xml:space="preserve">芝麻酱吃多了有什么不好？每天吃一勺，用盐和水调匀，蘸着蔬菜吃好不 </t>
  </si>
  <si>
    <t xml:space="preserve"> 芝麻酱含有极为丰富的铁、钙、蛋白质，是身体生长发育最需要的营养要素。　　·每100克纯芝麻酱含铁58毫克，比猪肝的含铁量高1倍，比鸡蛋量的含铁量高6倍。在平常的膳食中，给儿童增加点芝麻酱，不仅提高了他们吃东西的胃口，也是预防缺铁性贫血的重要措施，同时具有易于吸收的优点。　　·每100克纯芝麻酱中含有870毫克，仅次于虾米和虾皮的含钙量。食入10克芝麻酱相当于摄入30克豆腐或140克大白菜所含的钙。芝麻酱所含有钙要比豆类和蔬菜都高。所以经常给儿童吃点芝麻酱，对预防佝偻病以及对骨骼，牙齿的发育，都有极大的好处。　　·芝麻酱所含优质蛋白质，比瘦猪肉的蛋白质含量还要高。</t>
  </si>
  <si>
    <t xml:space="preserve">一道选择题小明在一片草原上，草原燃起大火，问小明是顺风跑，还是逆 </t>
  </si>
  <si>
    <t xml:space="preserve">草原上着火了你肯定不能和火拼速度。真遇到这种情况就是拿出火柴烧出一片空地来，烧得越干净，越空旷越好，等火扑过来了，趴在空地里，不然你肯定挂。     这种题也能叫物理题？做多了如果真碰上这种情况那你不是完了。现在的题目啊……       </t>
  </si>
  <si>
    <t xml:space="preserve">gm，帮帮我下了《诛仙》这个游戏，但是更新程序是18，我觉得下太 </t>
  </si>
  <si>
    <t>那只能是你自己的问题了   我们下的都挺快,你下的慢网络问题呀</t>
  </si>
  <si>
    <t xml:space="preserve">请问怎么样把rmvb和rm格式的视频文件转化成ASF格式的文件? </t>
  </si>
  <si>
    <t xml:space="preserve">首先请注意，rm格式是微软不支持的，而asf格式是微软制定的，也就是说现在很少有软件可以直接转换。如果你不怕麻烦，我建议你先将rm转换为wmv，然后再将wmv转换为asf。1.WinAVI Video Converter 2.ASF Converter 2.68 汉化版 </t>
  </si>
  <si>
    <t xml:space="preserve">请问任老师，我该怎样复习才能最充分的利用剩下的时间任老师，您好！ </t>
  </si>
  <si>
    <t>您好,最后一个月的时间对于政治很重要，如果还没有看过政治那就更加重要了。在看我之前回复的一些提问应该能看出我的一些建议。你现在最主要的是选择一个可靠的资料，尽量节约时间最有效的复习。大纲、我的三本序列书必备。做好最坏的准备，放轻松备考。</t>
  </si>
  <si>
    <t xml:space="preserve">上投公司让我们基民伤心一回记得五一节前，上投公司还不承认唐建有老 </t>
  </si>
  <si>
    <t>我们的知情权啊，我们应该知道真像。唐建是原上投先锋经理，并不代表公司所以的基金。虽然我没有买这个公司的基金，但是我对这个公司的业绩还是肯定的。希望你也不要太伤心了。5月16日下午，上投摩根基金公司以总经理王鸿嫔答记者问形式(见附二)发布信息称，该公司将正式免去唐建担任的成长先锋基金经理及其他一切职务，并予以辞退。该声明透露，唐建对其过去的个人行为违反了公司规定及相关法律法规承认不讳。　　紧随该声明后发布的上投摩根基金管理公司公告证实：“近日，我公司收到中国证券监督管理委员会的正式通知，对我公司员工唐建个人涉嫌利用内幕信息从事违规投资活动进行立案调查。”　　这一声明和公告印证了《财经》杂志网络版“证监会终出辣手 上投摩根‘老鼠仓’现形”一文的有关内容。　　5月16日上午10时，《财经》记者来到上投摩根基金公司要求采访，被告知目前唐建不方便直接与媒体见面，且目前唐的一切言论与公司无关。唐建的手机也整天处于无人接听状态。上投摩根有关人士向记者表示，目前公司暂不便接受媒体采访并发表意见，“现在需要等证监会的最终调查结果。”　　4月18日，该公司曾针对当时的媒体报道发表声明(下称“4·18声明”)称：“到目前为止，我公司并未收到关于成长先锋基金经理的任何举报，我公司也未受到监管机构的任何调查。” 对于上投摩根成长先锋基金今年初出现的人事调整，“4·18声明”中称：“我公司调整成长先锋基金经理，属于公司内部业务的正常调度。”　　5月16日，王鸿嫔在声明中称：“今年4月16日和18日媒体披露相关事件后，公司管理层高度重视，并在公司能力范围内对唐建立即展开详尽的内部调查。近日，中国证监会正式对唐建个人立案调查，并告知了唐建涉嫌违规操作的初步调查结果。据此，我公司在配合证监会调查的同时，做了进一步查核。”　　该公司声明中还提到：“我公司在积极配合监管机构调查的同时，对唐建的问题作了进一步查证，发现唐建涉嫌利用掌握的信息进行违规投资活动，也未按照我公司制度如实申报个人及家属的投资行为，欺骗公司，严重违反了公司制度。”　　王鸿嫔的谈话中更透露了4月18日声明未曾公布的一些事实：去年9月中国证监会基金部曾对公司做过提醒，希望能进一步完善对基金经理的权限管理；同年10月，上海证券交易所曾对成长先锋基金经理的投资行为给予了电话提醒；同年12月，投资决策委员会在例会上严肃总结与批评了唐建的投资风格。　　王鸿嫔表示，此前，公司发现基金经理本人在投资上有一些不成熟做法，例如在宏观布局上缺乏明确理念、过于强调个股投资、价值投资重视不够、买卖较为频繁等现象。公司监察稽核部与投资决策委员会等多次提醒过唐建，敦促其尽快纠正与改善。为确保成长基金的稳健运作，今年2月公司管理层经过讨论，决定增聘公司研究总监赵梓峰为基金经理。此后，公司又增派杨安乐为该基金的基金经理助理。　　5月16日上午记者在现场还注意到，上投摩根公司的会议室中，外资方人士正在为该公司员工进行一年一度的职业道德讲座。而且，上投摩根近期正由外方主导进行新的内部审计工作，并增加了稽核部门的人数。-　　附一： 上投摩根基金管理有限公司关于对唐建的处理决定　　近日，我公司收到中国证券监督管理委员会的正式通知，对我公司员工唐建个人涉嫌利用内幕信息从事违规投资活动进行立案调查。我公司在积极配合监管机构调查的同时，对唐建的问题作了进一步查证，发现唐建涉嫌利用掌握的信息进行违规投资活动，也未按照我公司制度如实申报个人及家属的投资行为，欺骗公司，严重违反了公司制度。唐建原任上投摩根成长先锋股票型证券投资基金基金经理。根据相关法律法规以及我公司制度，我公司已于昨日免去唐建担任的成长先锋基金经理及其他一切职务，并予以辞退，公司并保留进一步追究其法律责任的权利。　　从唐建目前涉嫌的违规行为来看，其作为虽属于个人行为，与成长先锋基金的投资管理没有任何联系，但性质是恶劣的。唐建无视法规和公司制度，严重违反了基金从业人员应有的行为操守和职业道德，违背了对公司的承诺，严重损害了公司声誉，我公司予以严厉谴责。我公司将虚心汲取教训，认真总结经验，进一步加强和完善对从业人员的管理，公司将继续履行诚实信用、谨慎勤勉义务，努力为广大投资人利益服务。　　目前，成长先锋基金由赵梓峰先生全面负责，并在公司投资团队支持下保持平稳运作。　　特此公告。　　上投摩根基金管理有限公司　　2007年5月17日　　附二： 员工个人行为不会影响公司整体发展　　——上投摩根总经理王鸿嫔专访　　今日，上投摩根基金公司发布公告，决定正式免去唐建担任的成长先锋基金经理及其他一切职务，并予以辞退。公司总经理王鸿嫔女士接受记者专访，对此事件作出回应和全面说明。　　记者：上投摩根最终解除了成长先锋基金经理唐建的劳动合同，请问其具体原因是什么？　　王鸿嫔：上投摩根成立以来，矢志不移勤恳经营品牌、业绩与投资者服务，并赢得市场鼓励与认同，社会各层面也因此比较关心公司动态。前期国内有关媒体报道引自市场传闻，我们在今年4月18日公司正式声明中强调，我公司“调整成长先锋基金经理，属于公司内部业务的正常调度。到目前为止，我公司并未收到关于成长先锋基金经理的任何举报，我公司也未受到监管机构的任何调查。”　　近日，我公司收到监管机构的正式通知，对我公司员工唐建个人涉嫌违规行为进行立案调查。我公司在积极配合监管机构调查的同时，对唐建的问题作了进一步查证，发现唐建涉嫌利用掌握的信息进行违规投资活动，也未按照我公司制度如实申报个人及家属的投资行为，欺骗公司，严重违反了公司制度。根据相关法律法规以及我公司制度，我公司已于昨日免去唐建担任的成长先锋基金经理及其他一切职务，并予以辞退。　　从唐建涉嫌利用内幕信息进行违规投资活动的行为来看，其作为虽属于个人行为，但性质与影响恶劣，严重违反了基金从业人员应有的行为操守和职业道德，损害了公司声誉，我公司予以严厉谴责。鉴于目前唐建一事证监会仍在调查之中，我公司会予以全力配合。在此期间依据相关法律，我们不便于发表任何意见，还有待证监会的最终调查结果。　　记者：我们注意到，上投摩根基金公司比较早的调整了成长先锋基金经理权限，请问当时调整的依据是什么？对基金业绩产生什么影响？　　王鸿嫔：今年3月20日，公司公告决定增聘一名成长先锋基金的基金经理，并与现任基金经理唐建共同管理基金。正如公司在4月18日声明中指出，“我公司增加成长先锋基金经理、调整相关基金经理权限，完全是从确保基金的稳定运作和业绩角度出发，保证投资人利益而做出的决定。”　　对于成长先锋基金经理调整，公司决定最早始于2006年末，调整的依据完全是公司所掌握的所有客观事实。2006年9月成长先锋基金成立以来，基金规模迅速增长，最高曾超过150亿元人民币，为基金运作带来较大压力。同时，公司发现基金经理本人在投资上有一些不成熟做法，例如在宏观布局上缺乏明确理念、过于强调个股投资、价值投资重视不够、买卖较为频繁等现象。公司监察稽核部与投资决策委员会等多次提醒过唐建，敦促其尽快纠正与改善。去年9月中国证监会基金部曾对公司　做过提醒，希望能进一步完善对基金经理的权限管理；同年10月，上海证券交易所曾对成长先锋基金经理的投资行为给予了电话提醒；同年12月，投资决策委员会在例会上严肃总结与批评了唐建的投资风格。　　为确保成长基金的稳健运作，基于以上连续事件，更坚定了公司进行相应调整的决心。今年2月公司管理层经过讨论，决定增聘公司研究总监赵梓峰为基金经理。此后，公司又增派杨安乐先生为该基金的基金经理助理。　　短短几个月时间内，我们及时发现并解决了大规模基金运作管理中的潜在问题。事实表明，第二位基金经理到位之后，成长先锋的业绩表现有了明显提高。根据晨星统计数据，截止到2007年5月11日，成长先锋基金的单位净值为2.0214元，自去年9月设立以来的总回报率达到102.14%，今年以来的总回报率为57.70%。可以说，公司的人事变动对于基金操作产生积极正面影响，特别是在公司投研团队强力支持下，成长先锋基金业绩继续保持业内的领先地位。　　记者：员工个人行为对基金、公司会产生什么影响？未来公司会做出哪些措施进一步控制此类风险产生？　　王鸿嫔：事件发生前后，社会各层面都比较关注。我们相信所有的建议与批评都是善意的，也相信其中包含了对上投摩根更多的信任，并期待公司整体发展与个别人行为做合理区隔。我们一直强调充分地沟通，对公司所能掌握的全部材料与信息，我们每次都是在第一时间主动和各位交流，做好信息的沟通。　　今年4月16日和18日媒体披露相关事件后，公司管理层高度重视，并在公司能力范围内对唐建立即展开详尽的内部调查。近日，中国证监会正式对唐建个人立案调查，并告知了唐建涉嫌违规操作的初步调查结果。据此，我公司在配合证监会调查的同时，做了进一步查核。唐建承认其过去的个人行为违反了公司规定及相关法律法规。　　实际上，根据唐建向公司坦承的内容中，我们了解到唐建涉嫌的违规行为仅仅属于个人性质，投资者不用担心基金的业绩会受到影响。但我公司将从中虚心汲取教训，认真总结，进一步加强和完善对从业人员的管理，从各个方面完善加强业务流程和制度建设，特别是要进一步完善三套体系，即科学的估值体系、系统的交易体系与统一制衡的交易执行体系，充分发挥团队的力量，防止和减少个人的道德风险。同时，公司将进一步加强监控管理，严防类似事件发生。在任何时候，任何人员如果发生违规行为，我公司一定会遵照法律法规及公司制度进行严肃处理，决不姑息。　　从中国证监会对唐建立案调查看，中国证监会维护市场秩序、保护投资者利益和查处违规行为的决心是坚决的，我们对资本市场的健康发展充满信心。　　“智者不惑，仁者不忧，勇者不惧。”上投摩根成立3年来，市场给我们的掌声很多，但我们一直告诫自己在发展过程中会有不足，一直欢迎社会各方的指教、批评。我们相信，时间是优秀基金公司的最好见证。在监管机构、投资者和社会各方面的监督和鼓励下，我公司将秉持投资人利益至上的经营理念，通过提供更优异的基金业绩、更卓越的客户服务，为投资人创造更多价值来回报投资人的真诚期待。</t>
  </si>
  <si>
    <t xml:space="preserve">汉语用韩国语怎么说 </t>
  </si>
  <si>
    <t>汉语用韩国语怎么说？中国语。</t>
  </si>
  <si>
    <t xml:space="preserve">慢性胃炎。慢性胃炎是不是要长期疗养啊，用什么药物和食物可以治疗或 </t>
  </si>
  <si>
    <t>请问有没有胃镜或者相关的检查，有没有什么症状，如果仅仅是慢性胃炎是不需要特殊治疗的，平时在饮食方面注意注意就行了</t>
  </si>
  <si>
    <t xml:space="preserve">宝宝为什么总是这个姿势睡觉?宝宝现在一岁一个月,最近几天晚上睡觉 </t>
  </si>
  <si>
    <t>宝宝睡觉还伴有撩衣蹬被\两颧发红\烦躁\惊恐不安等症状,翻来覆去,反复折腾,1~2小时就醒一次. 这个情况有可能是缺钙，如果还盗汗，那肯定是缺钙，应该去医院做一个微量原素的测试。</t>
  </si>
  <si>
    <t xml:space="preserve">photoshop中的自定义图案，怎么我就填充不了呢？如图：(這 </t>
  </si>
  <si>
    <t xml:space="preserve">你先把你做好的图案复制（ctrl+c),再ctrl+n新建一个文件，背景色改为透明，其他不变。ctrl+v粘贴，在“编辑-定义图案”。。。这样就行了，现在你要在哪填充就“编辑-填充”就可以了。还有什么不明白可Q我。本人 </t>
  </si>
  <si>
    <t xml:space="preserve">什么是钢琴线？我喜欢看侦探小说，其中很多吊死人或勒死人时会用钢琴 </t>
  </si>
  <si>
    <t>你知道钢琴的发音原理吗?是敲打一根根拉得或松或紧的钢丝绳,那就是钢琴线,钢做的,当然牢固.不要买了去作案啊.抗拉强度可达3000MPA,也就是最高可达300公斤/MM^2 钢琴属弦击类乐器，的确有弦，非常坚固，而且据说曾在某一时期作为军用暗杀工具，较高音的弦很细，的确可以轻而易举的切断人类的皮肤、喉咙、气管以及血管。不过真正使用起来有一定难度。我没乱说,我是弹钢琴的.</t>
  </si>
  <si>
    <t xml:space="preserve">头晕恶心目眩四肢无力腹胀怎么回事？ </t>
  </si>
  <si>
    <t>病情分析：你好，你所说的这些症状与精神紧张和心理压力大等因素有关，建议请中医辨证服用中药调理一下。</t>
  </si>
  <si>
    <t xml:space="preserve">关于CS的身形问题~~求助高手，对于CS里面的身形问题，有什么独 </t>
  </si>
  <si>
    <t>下蹲，手中持雷，比较老土的一个BUG。可以这样试试看。</t>
  </si>
  <si>
    <t xml:space="preserve">包皮垢很多怎么办？最近不知道什么原因，包皮垢怎么那么多，每天洗澡 </t>
  </si>
  <si>
    <t>包皮垢一般有清水清洗就可以了，千万不能使用香皂和沐浴露！这样不但不会清除包皮垢，还会因为香皂和沐浴露的强碱性刺激包皮和龟头的皮肤加快分泌包皮垢。造成这种情况的原因有很多：比如感染性的常由于不洁性交，感染了葡萄球菌，链球菌，大肠杆菌，白色念珠菌、滴虫、衣原体、支原体、真菌、淋病双球菌或其他细菌都可引起；或是由于包皮过长，清洁不够，包皮和龟头之间的不洁之物，即包皮垢，便会堆积起来，刺激局部的包皮和粘膜发生炎症。</t>
  </si>
  <si>
    <t xml:space="preserve">冲刺高考求点子姐要加油了。高考向前冲 </t>
  </si>
  <si>
    <t>点子就是刻苦刻苦再库克</t>
  </si>
  <si>
    <t xml:space="preserve">当神驱水和热痱粉不管用时我一直用青蛙王子的神驱水和强生的热痱粉给 </t>
  </si>
  <si>
    <t>可以用十滴水试一下，不必兑水，直接涂搽就可以了，效果不错的。</t>
  </si>
  <si>
    <t xml:space="preserve">利物浦！！利物浦被点球与乌龙反超。。。太戏剧了吧！ </t>
  </si>
  <si>
    <t>哎  导演安排的比赛！</t>
  </si>
  <si>
    <t xml:space="preserve">齿条的齿距有误差，到机床配件商店里买了丹东产6150车床的导轨下? </t>
  </si>
  <si>
    <t>如果是齿距有2mm的误差那就不能用，如果是长度有2mm的误差，可以与原来的齿条调整一下即可，（可把接头处按齿距调整）。加工螺纹是用的丝杆，与齿条无关，所以对螺距不会造成影响。</t>
  </si>
  <si>
    <t xml:space="preserve">网页怎么维护？ </t>
  </si>
  <si>
    <t>这些你都知道你还问什么？问下你妈贵姓？</t>
  </si>
  <si>
    <t xml:space="preserve">各位妈妈，生完宝宝后，皮肤是比以前好了还是差了？ </t>
  </si>
  <si>
    <t>差了啊！但是可以调养的啊！平常注意不要吃刺激性的食物！多吃蔬菜瓜果！</t>
  </si>
  <si>
    <t xml:space="preserve">急!!!!电脑起不开机我的电脑昨天晚上玩的时候还好好的今天早上就 </t>
  </si>
  <si>
    <t xml:space="preserve"> 既然已经不能开机，那么修复安装是最稳妥的解决方法，因为修复安装不会影响你电脑中的任何资料具体方法详见上传的附件</t>
  </si>
  <si>
    <t xml:space="preserve">现在蔬菜,水果农药特别多,在橙屋尚品网店购买的果蔬解毒清洗机,对? </t>
  </si>
  <si>
    <t>清洗机主要是用臭氧消毒的原理。果蔬的农药残留并不只在表面，所以达不到消毒的目的。而且，目前国家还没有相关的法律法规，所以果蔬解毒清洗机并没有得到规范。个人认为只是营销上的一个炒作概念，水果还是削皮吃比较安全，买水果尽量避免买又大又漂亮的。</t>
  </si>
  <si>
    <t xml:space="preserve">想买个收银机不知啥牌子好，网上太多乱牌子了朋友一个日化超市，里面? </t>
  </si>
  <si>
    <t>一家便利店，尤其是私人的便利店选择个兼容机或者小牌子的就OK了，如果真是要大品牌的话，国产一线品牌是桑达和海信，但是市场价格没有低于5000的，但是质量是肯定没问题的，监控随便淘宝买一套就行，录像机200多，摄像头100多，足够了，扫描枪也有便宜的，淘宝都有自己搜搜就都明白了！</t>
  </si>
  <si>
    <t xml:space="preserve">茯苓和土茯苓有什么联系区别 </t>
  </si>
  <si>
    <t xml:space="preserve">茯苓，来源为多孔菌科真菌茯苓的干燥菌核。因其产地不同，故商品又有云苓、茯灵、松薯、安苓之称。主要成分：菌核含B-茯苓聚糖和三萜类化合物乙酰茯苓酸,茯苓酸,3B-羟基甾三烯酸。性状：呈类球形、椭圆形、扁圆形或不规则团块，大小不一。外皮薄而粗糙，棕褐色至黑褐色，有明显的皱缩纹理。体重，质坚实，断面颗粒性，有的具裂隙，外层淡棕色，内部白色，少数淡红色，有的中间抱有松根。无臭，味淡，嚼之粘牙。功能主治：治小便不利，水肿胀满，痰饮咳逆，呕哕，泄泻，遗精，淋浊，惊悸，健忘。茯苓皮用于水湿外泛、皮肤浮肿之症。茯神用于心神不安、惊悸失眠。1.利水渗湿：主治脾虚湿停，水肿胀满，小便不利，及痰饮眩悸等证。2.健脾：可治脾胃虚弱，运化失职，症见食少健忘等证。土茯苓，攀援灌木。根茎成不规则块状，多分枝，有结节状隆起。 根茎含多种甾体皂苷、生物碱、挥发油、鞣质、淀粉等；药用，能清热解毒、除湿、舒筋利关节，治梅毒、钩状螺旋体病、恶疮、风湿筋骨痛、皮炎等，一般秋末冬初采挖。 根茎富含淀粉，可酿酒；含鞣质，可提制拷胶。由此可见茯苓和土茯苓根本就不是同一种东西。 </t>
  </si>
  <si>
    <t xml:space="preserve">来点高难度的足彩学习,希望对你有所帮助其实足彩无外乎数和型数代表 </t>
  </si>
  <si>
    <t>学习学习值得自己去以你的方法看看情况祝福有心人高中</t>
  </si>
  <si>
    <t xml:space="preserve">什么牌子的MP4比较好400~~700之间,太贵的偶买不起... </t>
  </si>
  <si>
    <t>魅族超薄m 元。魅族的不错哦,音质好。外表也好。具体你也可能上官网看看:</t>
  </si>
  <si>
    <t xml:space="preserve">请问"痛恨吧.憎恨吧"的写法 </t>
  </si>
  <si>
    <t xml:space="preserve">憎め怨め这句话已经不只一次在动画片里出现过了～ </t>
  </si>
  <si>
    <t xml:space="preserve">智力问答:杜甫是怎么死的?杜甫是怎么死的? </t>
  </si>
  <si>
    <t>杜甫字子美（肚子美）撑死的</t>
  </si>
  <si>
    <t xml:space="preserve">解答股市操作系统技术分析有很多种图形，请问一般看什么图比较能准确 </t>
  </si>
  <si>
    <t>一般都是看K线图，MACD和KDJ的综合分析</t>
  </si>
  <si>
    <t xml:space="preserve">运动会前紧张怎么办?100米的比赛就要开始了,心里很紧张 </t>
  </si>
  <si>
    <t>我想跑前紧张是很正常的，我当时在学校运动会总是班级主力，基本跑的项目我都是第一名，但是我跑前一样会紧张，我紧张的感觉就是想上厕所，上完厕所，还是紧张觉得有尿但是没事，在开跑前小范围的走走，轻轻的跳几下，其实开跑之前的紧张是很爽的，不会影响发挥的，感觉腿都不着地像是失去了知觉，脚很轻很轻，感觉不到累，等你感觉到累的时候就没有紧张感了。你要记住你不可能是最后一名就好了。祝你有个好成绩</t>
  </si>
  <si>
    <t xml:space="preserve">苏联一五计划二五计划的成就有什么 </t>
  </si>
  <si>
    <t>1. 苏联的工业化 背景：国民经济恢复基本完成后，苏联仍然是一个只能输出农产品、输入机器装备的落后农业国。 目的：为了用现代技术改造落后的工业农业，为了增强国防力量以维护民族独立，为了给社会主义建立强大的物质技术基础。 情况： 1925年12月召开的联共（布）“十四大”通过了社会主义工业化的方针，决定把苏联从农业国变为工业国。这次大会，标志着有计划、大规模实现社会主义工业化时期的开始。 社会主义工业化是在十分艰难困苦的历史条件下进行的。国际上苏联受到帝国主义的包围和威胁，国内原有的经济和技术基础十分落后，资金又十分短缺，而且社会主义工业化在人类历史上是史无前例的事业，没有成功的经验可供借鉴。苏联党和人民在社会主义工业化的道路上勇于探索，开拓前进。 从1928年至1985年，除1941年苏联卫国战争爆发，第三个五年计划被迫中断外，完整地执行了10个五年计划，取得了巨大成就。1932年，“一五”计划完成时，苏联的工业产值在国民经济中的比重已达到70％，已从农业国变成了工业国，建立了独立的国民经济体系。同时，工业的社会主义成分占了99％以上。据苏联官方统计， “二五”计划的完成，苏联的工业总产值跃居欧洲第一位，世界第二位。</t>
  </si>
  <si>
    <t xml:space="preserve">exo中毒练习室mv是什么时候泄露出去的 </t>
  </si>
  <si>
    <t>大概5天前吧现在还没有哟，因为sm公司把《中毒》的练习室版mv泄露出来了，听说sm有内鬼，专门调查泄露视频这件事，所以还是期待15号exo的回归吧~望采纳~</t>
  </si>
  <si>
    <t xml:space="preserve">介绍一下格人物我准备玩魔兽世界,,内存是512的,,CPU是1. </t>
  </si>
  <si>
    <t>CPU偏低，但也可以了你是一个初学者，这个问题一俩句话说不清，建议你去看看各个网站的介绍就行。官网：WWW.WOWCHINA.COM</t>
  </si>
  <si>
    <t xml:space="preserve">请教一个摩擦问题见附图 </t>
  </si>
  <si>
    <t>有类似的解法！</t>
  </si>
  <si>
    <t xml:space="preserve">大众CC离地多高？ </t>
  </si>
  <si>
    <t>CC的离地间距有点小，只有104mm</t>
  </si>
  <si>
    <t xml:space="preserve">在聚会中怎么样热场？每次聚会时我总是那个最沉默的人，真是太窘了． </t>
  </si>
  <si>
    <t>1、首先是个性格问题，是先天的外向型，自然善于表达，这个学不来的。没办法。他们天然对于周围的人气敏感，知道那些话题适合现场情况。任何人都不是什么场合都恢热场的，一般只适应某些场合。所以你要找适合你发挥的场合。2、其次是环境问题，你熟悉某种环境之后，恐惧与紧张就会消除，放松了就活跃了，所以必须学会尽快适应环境，放松自己。3、关乎知识和自信，一个人见识广了，胆子自然就大，应对中就不怕自嘲。自嘲需要知识、底气和智慧。幽默大都与自嘲有关，因为嘲笑自己之外的任何人都是危险的。4、最后才是技巧，但是同样广院的才子们还是良莠不齐，所以锻炼以获得经验很重要，但更重要对是前三个方面。</t>
  </si>
  <si>
    <t xml:space="preserve">鲜贝是什么海鲜加工成的？如何做？ </t>
  </si>
  <si>
    <t>传统的是栉孔扇贝,现在多是海湾或虾夷(个大).做法先煮后晒.一般海鲜干货做法.不难得.</t>
  </si>
  <si>
    <t xml:space="preserve">每个男人都在乎自己的老婆不是处女吗？我和男朋友第一次那个没有落红 </t>
  </si>
  <si>
    <t>第一次不一定就会落红但是我觉得婚亲性行为应该杜绝。男人是很在乎他的女人是否是处女。</t>
  </si>
  <si>
    <t xml:space="preserve">该配何种尼康数码相机机身我有一款尼康F60传统相机,镜头为尼康A </t>
  </si>
  <si>
    <t>最简单的办法是带上你的尼康AF ZOOM-Nikkor镜头去相机店内实际安装一下。</t>
  </si>
  <si>
    <t xml:space="preserve">做耳钉的材料？请问：耳钉上面那个挂钩的材料是什么？是铝丝吗？请问 </t>
  </si>
  <si>
    <t>银的也可以现在价格都不是很贵哦一般的卖耳饰的地方都有和老板说你要什么材料的，一般都能买到</t>
  </si>
  <si>
    <t xml:space="preserve">祝大家元宵节快乐！目前情况看虽然不确定因素仍很多，但从管理层的护 </t>
  </si>
  <si>
    <t>谢谢，也祝福您工作顺利！身体健康！投资快乐！多多收获！</t>
  </si>
  <si>
    <t xml:space="preserve">我下个星期想去衡山旅游，大家有什么好的建议吗？ </t>
  </si>
  <si>
    <t>注意防晒哦</t>
  </si>
  <si>
    <t xml:space="preserve">超声描述附件：左侧附件区探及一个类圆形无回声液性暗区，大小约35 </t>
  </si>
  <si>
    <t>有可能是卵巢禳肿，还是去医院看看吧，别耽误了．不然你心里老是有疙瘩．</t>
  </si>
  <si>
    <t xml:space="preserve">是不是下载了DirectX9.0在重新下在官方啊？ </t>
  </si>
  <si>
    <t>不用,直接安装就可以了</t>
  </si>
  <si>
    <t xml:space="preserve">华安物流从浙江温州发货到济南天桥区多长时间 </t>
  </si>
  <si>
    <t>一般正常的时间是三天就能到达，如果有意外情况可能是四到五天才有可能达到。</t>
  </si>
  <si>
    <t xml:space="preserve">西安报摊有哪些报纸？不知西安有哪些地方特色报纸，比如晚报之类，都 </t>
  </si>
  <si>
    <t>华商报：零售0.8元，带晚报或三秦1元，订阅198一年三秦都市报：零售0.5元。订阅150元一年（有礼品）西安广播电视报：零售1.5元，订阅72一年当代女报：零售1元，订阅48一年。西安晚报：零售0.5元，150元一年。</t>
  </si>
  <si>
    <t xml:space="preserve">口语翻译我不知道如何开口说和你说。（用语和某人说件不大好意思的事 </t>
  </si>
  <si>
    <t>I don't know how to start it.</t>
  </si>
  <si>
    <t xml:space="preserve">姐姐的公公、婆婆我该怎么称呼？ </t>
  </si>
  <si>
    <t>按传统叫法,应该是:亲家爷\亲家娘,但现在一般就根据他们和你的父母比较谁的年龄大,而称呼叔叔和阿姨或伯父和伯母.</t>
  </si>
  <si>
    <t xml:space="preserve">请问下：同款单反相机，一个是全新，一个是8成新，但价格相差：12? </t>
  </si>
  <si>
    <t>买新不买旧......数码产品的寿命都不是很长的。钱不多的话，建议关注微单：机身体积小+高画质+高性价比。如索尼NEX-5N/5R/6等。</t>
  </si>
  <si>
    <t xml:space="preserve">谁有治疗白发的好方法，请告诉我。朋友35岁时偶见白发，5年后白发 </t>
  </si>
  <si>
    <t>可能缺铁，用铁锅炒菜</t>
  </si>
  <si>
    <t xml:space="preserve">白癜风遗传给下一代的几率大吗？ </t>
  </si>
  <si>
    <t xml:space="preserve"> 黑龙江省公安消防总队医院专家提醒你：白癜风是有一定的遗传几率，但多与环境有关，如生活，饮食等多方面.另外要加强日常防护也是很重要，少吃辛辣刺激性食物如酒，辣椒，生蒜，羊肉，鱼虾等海产品，富含维生素C的水果如桔子，橙子，柚子，猕猴桃，西红柿，山楂，杨梅等也要少吃，可以多吃花生，黑芝麻，黑豆，核桃，豆制品及动物肝脏等对病情有好处，祝早日康复 </t>
  </si>
  <si>
    <t xml:space="preserve">防止股市大起,大落!是这样说的? </t>
  </si>
  <si>
    <t>这个标点符号加的好啊，你很有才啊</t>
  </si>
  <si>
    <t xml:space="preserve">86的人可以去GBL要塞练吗好不好呢? </t>
  </si>
  <si>
    <t>可以是可以,不过经验可能没有在风穴多吧,应该在GBL要塞里的怪是50-100的,如果出93以上的你就没啥经验了,如果出50-70的,你也不是很多经验,而且GBL要塞前两个阶段的怪杀了也是没经验的,所以还是建议在风穴练级好.觉得说得不错的请采纳,谢谢!</t>
  </si>
  <si>
    <t xml:space="preserve">如何防紫外线 </t>
  </si>
  <si>
    <t xml:space="preserve">  （1）有皮炎的人，可适当外用防晒剂，如二氧化钛霜、素配洗剂等。　　　　（2）选择含油性的护肤品，如有条件可每周做一次面膜。　　　　（3）谨防一次性大量强烈日光曝晒，如在郊游时，要戴上宽边遮阳帽或伞。　　　　（4）洗脸用水不可过热，不用碱性肥皂洗脸，不用粗糙毛巾使劲擦脸。　　　　（5）每天洗脸后可进行5分钟的穴位按摩，也可用蒸气浴面，以增强血液循环，改善皮肤的环境，有利于皮肤的保温。　　　　（6）在日常饮食中，多食富含维生素A的食物和新鲜蔬菜、水果。注意每天饮水量要充足。 </t>
  </si>
  <si>
    <t xml:space="preserve">大连营业员上岗证请问在大连哪里有办理营业员上岗证，怎么办理，需要 </t>
  </si>
  <si>
    <t>可以到大连兰迪职业培训学校办理，网址是 ，没有户口限制，也没有学历限制，要参加考试，不是直接发证，是商场里要的这个上岗证，很简单，我每天晚上背背理论，上了2次操作课就完事了，然后参加考试，再发证书</t>
  </si>
  <si>
    <t xml:space="preserve">现在学习的物理学人不去教书还能干嘛？找怎样类型的工作？ </t>
  </si>
  <si>
    <t>得看是什么物理啦,物理也分好多咱啊,量子物理,理论物理...你学核物理怎么样?没准儿哪天就叫你去做原子弹了.</t>
  </si>
  <si>
    <t xml:space="preserve">怀孕是否正常　　我在怀孕41天时去医院做B超,当时因为看不到孕囊 </t>
  </si>
  <si>
    <t>　　因你月经不准，故胎儿发育情况在初期不好决定。如现在怀孕情况一切正常，建议在孕中期做B超检查，看胎儿发育情况。应进行正规孕期检查，根据检查情况，咨询产科医生。</t>
  </si>
  <si>
    <t xml:space="preserve">亚硫酸钡与稀硫酸是否反应亚硫酸钡与稀硫酸是否反应 </t>
  </si>
  <si>
    <t>这要看是什么情况。如果是粉末状的BaSO3与稀硫酸混合并不断搅拌的话会有如下反应的：BaSO3+H2SO4=BaSO4+H2O+SO2↑因为生成的BaSO4比BaSO3更难溶。但是如果是块状的BaSO3与稀硫酸反应开始也能发生如上反应，但反应进行了一会后生成的BaSO4覆盖在BaSO3固体表面，阻止了反应的进一步进行。</t>
  </si>
  <si>
    <t xml:space="preserve">兰州无痛人流医院我的月经一项都挺准的，但这个月都超过了十几天还没 </t>
  </si>
  <si>
    <t>我的一个朋友情况和你差不多，她是去兰州生殖保健院做的，费用不高，而且恢复的很快，建议你可以去看看。</t>
  </si>
  <si>
    <t xml:space="preserve">主板温度54度正常么我的电脑是TRAVELMATEP243开机运 </t>
  </si>
  <si>
    <t>这个温度真的不高了，新电脑的散热都没话说，尤其还是Acer TRAVELMATE 系列的笔记本，散热更是没话说了。当然了用的时候还是要注意以下，比如说尽量不要在灰尘多的地方使用，注意爱护自己的笔记本还是很重要的。保护要做好，TravelMate 8481也不例外哦！</t>
  </si>
  <si>
    <t xml:space="preserve">衣服起了很多小球,怎么去掉?怎么去除衣服起球? </t>
  </si>
  <si>
    <t>屈臣氏和千色店都有卖剪毛球的小机器.很好用!大概三四十一个.你也可以去网上买吧.</t>
  </si>
  <si>
    <t xml:space="preserve">春晚霍尊唱的歌什么名 </t>
  </si>
  <si>
    <t>《卷珠帘》</t>
  </si>
  <si>
    <t xml:space="preserve">少年包青天3（邓超版的）中的小蛮的真正身份是什么详细点啊~还有怎? </t>
  </si>
  <si>
    <t>小蛮的身分是柴郡主未来的皇后后来他们又回到那个客栈快乐的在一起小蛮是皇帝安排在包拯身边的间谍是来监视他的因为天芒几年前因为包拯破译了天芒的秘密为了不告诉皇帝逃跑不甚掉入悬崖皇帝派小蛮去试探他是否真的失去记忆后来小蛮爱上了包拯所以就在一起了</t>
  </si>
  <si>
    <t xml:space="preserve">痛风的症状有哪些痛风的主要的症状痛风的症状痛风的症状，痛风的症状? </t>
  </si>
  <si>
    <t>痛风的症状确切来说可分为：一、最开始，是无症状期，这时只是尿酸高，一般无疼痛感，所以很容易被人忽略；二、接着就是急性发作期，发作时间通常是下半夜。该阶段的痛风症状表现为脚踝关节或脚指，手臂、手指关节处疼痛、肿胀、发红，伴有剧烈疼痛。使用显微镜观察，会发现患处组织内有松针状尿酸盐沉淀。就是尿酸盐沉淀引起的剧烈疼痛。请注意，发病期的血尿酸由于已经生成沉淀，所以尿酸值比平时最高值低；三、痛风症状间歇期，该阶段的痛风症状主要表现是血尿酸浓度偏高。所谓的间歇期是指痛风两次发病的间隔期，一般为几个月至一年。如果没有采用降尿酸的方法，发作会频繁，痛感加重，病程延长。四、慢性期的痛风期，该阶段的痛风症状主要表现是存在痛风石，慢性关节炎、尿酸结石和痛风性肾炎及并发症。此时痛风频繁发作，身体部位开始出现痛风石，随着时间的延长痛风石逐步变大。因为痛风的特殊性，疼几天，可能就不疼了，所以很多患者开始容易忽视该疾病，到后期严重了，就认为不能治好，容易产生误区，所以建议及早到专科医院进行系统的治疗。</t>
  </si>
  <si>
    <t xml:space="preserve">父母双亡留下的房产，朋友还有个弱智的姐姐生活不能自理，我朋友应该? </t>
  </si>
  <si>
    <t>如果您朋友的父母只有一个儿子、一个女儿，那么他们享有平等的继承权，这处房产您朋友有50%的继承权。您可以让您朋友的姐姐到医院做一个鉴定，证明她无法行使民事权，然后通过律师出具证明，由您朋友代为负责处理一切事务。</t>
  </si>
  <si>
    <t xml:space="preserve">关于墙漆的问题我家马上开始刷墙漆了，打底已经结束，装修公司说只要 </t>
  </si>
  <si>
    <t>我觉得你找的这家装修公司有点是诚心的，如果你坚持刷底漆，无疑就是加钱。但是一般的家装都是一遍底漆两遍面漆。而且你得小心他在你不注意的时候把涂料给换了，因为好多公司收购了空桶然后在里面装上次的涂料充数，把我们自己买的换走。我觉得你们合同都签了，要想在这方面想办法不太多，只能在工程上多挑毛病，想办法扣他的装修款</t>
  </si>
  <si>
    <t xml:space="preserve">关于东汉东汉是谁建立的? </t>
  </si>
  <si>
    <t xml:space="preserve">是光武帝刘秀汉光武帝（公元前6～公元57）中国东汉王朝的开国皇帝。刘秀，南阳蔡阳（今湖北枣阳西南）人。汉高祖刘邦九世孙，父钦曾任南顿令。公元25～57年在位。赤眉、绿林起义爆发后，地皇三年（公元22年），刘秀与其兄刘縯为恢复刘姓统治，起事于舂陵（今湖北枣阳南），组成舂陵军。地皇四年，刘秀在昆阳之战中建立大功。更始帝刘玄北都洛阳后，刘秀被派往河北地区镇抚州郡。河北地区的豪强地主率宗族、宾客、子弟先后归附刘秀，成为他的有力支柱。此后，刘秀拒绝听从更始政权的调动。同年秋，又破降和收编了河北地区的农民起义军，扩充了实力，因此，关西称刘秀为铜马帝。不久，与更始政权彻底决裂更始二年(公元24年)，刘玄立刘秀为萧王，派使者召他去长安。耿?m对刘秀说：“如今刘玄当皇帝，山东(指崤山以东)诸将各干各的，刘玄的皇亲国戚在长安横行霸道，百姓反而怀念王莽，由此可见刘玄必败。应当由您来定天下。”刘秀很欣赏这一建议，于是托词河北未平而不去长安，从此同刘玄分手。随后，耿?m协助刘秀镇压铜马、青犊等农民起义军。刘秀称帝后，授建威大将军、封好畴侯，率部击败邓奉、延岑等割据势力。建武二年(公元26年)，耿?m向光武帝请求攻齐，并保证平齐。五年，奉命讨伐齐地的张步。以剧县(今山东昌乐西)为都城的张步命其将费邑率军驻历下(今山东济南)，分一部驻祝阿(今济南西)，在泰山至钟城(今泰山北)一线列营数十，准备迎击耿?m。耿?m避开张步的泰山防线，渡过黄河，进攻祝阿，破城前网开一面，让守军逃向钟城。钟城守军也跟着溃逃，费邑命其弟费敢退守巨里(今属济南)。耿?m兵临巨里城下，命令加紧准备攻城器械，扬言三日后攻下巨里。又在从历下至巨里的道路旁坡地设伏兵，准备围城打援。三日后，费邑果然来援。耿?m闻讯大喜，率部居高临下袭击援军，阵斩费邑，取其首级向巨里城内示威。费敢及其部属吓得弃城逃归剧县。耿?m将守军四十余营垒全部攻占。张步令其弟张蓝率精兵两万守西安(今山东淄博东北)，另派万余人守临淄(今山东淄博东北) 。耿?m进军西安和临淄之间的画中。西安城小而坚，临淄大而难守。耿?m扬言五日后攻西安，到时却突然袭击临淄，半日而下。张蓝弃西安而撤回剧县。张步见临淄一失，剧县难守，便集中 20万军队进行反攻，想乘耿?m立足未稳，收复临淄。耿?m闻讯后上书已到达鲁(今山东曲阜)的光武帝说：“臣据临淄，深沟高垒。张步从剧县来攻，疲劳饥渴。欲进，诱而攻之，欲去，随而击之。臣依营而战，精锐百倍，以逸待劳，以实击虚，旬日之间，步首可获。”随即派一支部队到淄河引诱张步来攻。张步追至临淄东门外，耿?m乘其与守军激战时，自率精兵侧击张步营垒，予以重创。战斗中，有流矢射中耿的大腿，耿挥刀断矢，继续战斗。第二天，耿?m得知张步要撤，事先设伏兵于张步的退路，掩杀张步军，一直追到钜洋水(今山东寿光西)。此时，光武帝来到前线慰劳，大会群臣说：“过去韩信破历下，现在耿将军攻祝阿，这都是齐地的西面，功劳相当。但韩信袭击已降，耿将军独拔劲敌，其功又难于韩信。三年前耿将军就下此决心，可谓有志者事竟成。”会后，耿?m继续追击张步，迫使张率10万人投降。耿?m战功卓著，先后攻克46郡300余城。建武元年（公元25年）六月，刘秀在群臣的拥戴下称帝于鄗（今河北柏乡北），重建汉政权，不久定都洛阳，史称东汉。东汉王朝建立的第三年，刘秀打败了赤眉农民军，控制了整个黄河中下游地区。建武六年统一了关东，使河西的窦融归附。建武九年和十二年又先后平定天水、巴蜀。经过12年时间，刘秀终于完成了统一事业。善于识人的光武帝将运筹帷幄的邓禹比喻成张良，将秉公执法、长期镇守后方的寇恂比喻成萧何，将性格刚毅、文武双全的贾复比喻成曹参，将忠勇无敌与杀罚果断的吴汉比喻成周勃，而在他心中，功高盖主的战神将军韩信的位置非耿?m莫属了刘秀建立东汉王朝后，首先致力于整顿吏治，加强专制主义中央集权。他虽封功臣为侯，赐予优厚的爵禄，但禁止他们干预政事。对诸侯王和外戚的权势，也多方限制。在行政体制上，刘秀一方面进一步抑夺三公职权，使全国政务都经尚书台，最后总揽于皇帝；另一方面，又加强监察制度，提高刺举之吏，如御史中丞、司隶校尉和部刺史的权限和地位。又令全国共并省400多个县，吏职减省至1／10。与此同时，刘秀还采取了不少措施来安定民生，恢复残破的社会经济。建武六年下诏恢复三十税一的旧制。东汉初年的封建租赋徭役负担，比起西汉后期和战争期间有所减轻。他前后九次下诏释放奴婢，或提高奴婢的地位，使大量奴婢免为庶人，使流民返回农村，促进生产。他统治的时期，史称中兴。建武十五年，刘秀针对当时“田宅逾制”和隐瞒土地户口的严重现象，下令全国检核土地户口。郡县守、令不敢触动贵戚官僚和世家豪族，反而在清查过程中“多为诈巧，不务实核”，“优饶豪右，侵刻羸弱”。结果，激起各地农民的反抗，郡国的豪强大姓也乘机作乱。对此，刘秀采取了不同的对策。对于农民的反抗斗争是进行分化和镇压，对于大姓兵长，则在处死度田不实的十几名郡守之后，即下令停止度田，向豪强地主让步。光武帝在其统治末年还“宣布图谶于天下”，企图以儒家学说与谶纬神学的混合物作为思想武器，加强对人民思想的统制。------------------------------统一政权的重建东汉政权建立后，立即出动大军渡河南征。首先是扫荡更始政权在各地的残余势力，然后集中主力镇压赤眉军。建武元年八月，攻取洛阳。这年十月，刘秀由河北至洛阳，遂定都于此。建武二年（公元26年）春天，邓禹率部到达关中地区，趁赤眉军撤离长安到扶风（今陕西兴平）的时机进入长安。不久，赤眉军复还长安，击败邓禹军，迫使其撤出关中。但这时赤眉军也遇到了很大的困难：一方面，关中地区的豪族地主结成营垒，负隅顽抗；另方面，关中又接连发生灾荒，粮草供应非常困难。赤眉不得已再度撤离长安，决意引兵东归。不料在东归途中陷入汉军的重围之中。建武三年（公元27年）正月，光武以邓禹屡战败绩，乃命偏将军冯异为征西大将军，代邓禹总统诸军；又命邓禹率军与冯异会合，在崤山（今河南渑池以南）一带布防，狙击赤眉军。崤底（今河南渑池西南）之役，赤眉军大败，损失八万余人。余众十余万人南走，在宜阳（今河南宜阳县西）附近陷入重围。光武“自将征之”，赤眉忽遇大军，非常惊震，乃遣刘恭乞降。 镇压农民起义后，东汉采取各个击破的战略方针进攻南北各地的封建割据势力。从建武五年至十二年（公元29—36年）之间，陆续消灭掉渔阳的彭宠，南郡的秦丰，梁地的刘永，齐地的张步，卢江的李宪，东海的董宪，汉中的延岑，夷陵的田戎，陇西的隗嚣，安定的卢芳和巴蜀的公孙述，重建统一的刘汉封建政权。 为了巩固新建的东汉封建政权，光武汲取历史的经验教训，先后采取了一系列加强皇权和缓和阶级矛盾的政策措施。 集权于尚书台 光武以优待功臣贵戚为名，赐以爵位田宅，高官厚禄，而摘除其军政大权。光武鉴于西汉前期三公权重，权柄下移，虽设三公之位，而把一切行政大权归之于设在中朝由皇帝直接指挥的尚书台。尚书台设尚书令一人，秩千石，尚书仆射一人，六曹尚书各一人，秩皆为六百石，分掌各项政务。以下设有丞、郎、令史等官，所有一切政令都由尚书台直接禀陈皇帝，由皇帝裁决。从此，“天下事皆上尚书，与人主参决，乃下三（公）府”；“虽置三公，事归台阁”，“三公之职，备员而已”。但是到了东汉后期，有权势的大臣多加“录尚书事”的职衔，从而权柄再度下移，尚书台又蜕变为权臣专政的工具。简化机构，裁减冗员 建武六年（公元30年）下诏令司隶州牧各实所部，省减吏员，县国不足置长吏可合并者，上大司徒、大司空二府。于是“条奏并有四百余县，吏职省减，十置其一”。同时，废除西汉时的地方兵制，撤销内地各郡的地方兵，裁撤郡都尉之职，也取消了郡内每年征兵训练时的都试，地方防务改由招募而来的职业军队担任。但是，到了东汉后期，州牧刺史逐渐权重，兼有军政财大权，地方兵力又逐渐兴起。 提倡儒学，表彰气节 光武继承了西汉时期独尊儒术的传统，东汉建立后，即兴建太学，设置博士，各以家法传授诸经。光武巡幸鲁地时，曾遣大司空祭祀孔子，后来又封孔子后裔孔志为褒成侯，用以表示尊孔崇儒。特别是对儒家今文学派制造的谶纬迷信更是崇拜备至。早在东汉建立之初，光武就仿照王莽、公孙述等人利用谶书作为其承受天命的依据，指使他过去的同学强华伪造了一个叫做“赤伏符”的谶语：“刘秀发兵捕不道，四夷云集龙在野，四七之际火为主”，表示他继承了西汉的火德，是“上当天地之心，下为元元所归”的真命天子。东汉统一全国后，更“宣布图谶于天下”，把谶纬迷信尊为“内学”，作为其维护封建统治的思想工具。在提倡儒学神学的同时，光武鉴于西汉末年一些官僚、名士醉心利禄，依附王莽，乃表彰气节，对于王莽代汉时期隐居不仕的官僚、名士加以表彰、礼聘，表扬他们忠于汉室、不仕二姓的“高风亮节”，企图养成重名节的社会风气，为巩固东汉封建统治服务。 注意民生，与民休息 第一，释放奴婢、刑徒。自西汉后期以来，农民之沦为奴婢、刑徒者日益增多，成为西汉末年阶级矛盾日益尖锐化中的一个重要问题。王莽末年，不少的奴婢、刑徒参加起义；同时在一些割据势力的军队中也有不少的奴婢、刑徒。光武在重建刘汉封建政权中，为了瓦解敌军，壮大自己的力量，也为了安定社会秩序，缓和阶级矛盾，曾多次下诏释放奴婢，并规定凡虐待杀伤奴婢者皆处罪。诏令免奴婢为庶人的范围，主要是，王莽代汉期间吏民被非法没收为奴的，或因贫困嫁妻卖子被卖为奴婢的；在王莽末年因饥荒或战乱被卖为奴婢的；在战乱中被掠为人下妻的。另外，还规定不许任意杀伤奴婢以及废除“奴婢射伤人弃市律”，说明奴婢的身份地位较之过去有所提高。同时，在省减刑罚的诏令中，还多次宣布释放刑徒，即“见徒免为庶民”。 第二，整顿吏治，提倡节俭。光武鉴于西汉后期吏治败坏、官僚奢侈腐化的积弊，即位以后，注意整顿吏治，躬行节俭，奖励廉洁，选拔贤能以为地方官吏；并对地方官吏严格要求，赏罚从严。因而经过整顿之后，官场风气为之一变。故《后汉书·循吏传》有“内外匪懈，百姓宽息”之誉。 第三，薄赋敛，省刑法，偃武修文，不尚边功，与民休息。东汉初年，针对战乱之后，生产凋敝，人口锐减的情况，光武注意实行与民休养生息政策，而首先是薄赋敛。建武六年（公元30年），下诏恢复西汉前期三十税一的赋制。其次是省刑法。再其次是偃武修文，不尚边功。光武“知天下疲耗，思乐息肩，自陇蜀平后，未尝复言军旅”。建武二十一年（公元45年），西域鄯善、东师等十六国“皆遣子入侍奉献，愿请都护。……帝以中国初定，未遑外事，乃还其侍子，厚加赏赐”。建武二十七年（公元51年），功臣朗陵侯臧宫、扬虚侯马武上书：请乘匈奴分裂、北匈奴衰弱之际发兵击灭之，立“万世刻石之功”。光武下诏说：“今国无善政，灾变不息，人不自保，而复欲远事边外乎！……不如息民。” 第四，欲抑制豪强势力，实行度田政策。东汉政权本是在豪强势力支持下建立起来的。但豪强势力的发展，土地兼并的逐渐严重，既威胁皇权，也影响百姓生活，以及为了加强朝廷对全国垦田和劳动人手的控制，平均赋税徭役负担，于建武十五年（公元39年）下诏“州郡检核垦田顷亩及户口年纪，又考察二千石长吏阿枉不平者。”就是令各郡县丈量土地，核实户口，作为纠正垦田、人口和赋税的根据。诏下之后，遇到豪强势力的抵制。光武下令将度田不实的河南尹张?臣捌渌羁ぬ厥嗳舜λ溃硎疽侠髯凡橄氯ァ＝峁鸶鞯睾狼看笮盏姆纯梗械牡厍醵⑽渥芭崖遥扒唷⑿臁⒂摹⒓剿闹萦壬酢薄９馕渲坏貌涣肆酥Ｓ谑牵忍镆允О芨嬷铡?因各项政策措施，都不同程度地实行，为恢复发展社会生产创造了有利的条件，使得垦田、人口都有大幅度的增加，从而奠定了东汉前期八十年间国家强盛的物质基础。 中元二年（公元57年），光武病逝于洛阳南宫，终年六十三岁，在位三十三年（建武三十一年，中元二年），葬于洛阳城北之原陵。 光武帝评论 汉光武帝刘秀是我国历史上著名的封建皇帝之一。史称其才兼文武，豁达有大度。他长于用兵，善于以少胜多，出奇制胜。在昆阳之战中，他知人善任，中兴二十八将大都拔擢自小吏、布衣、行伍之中。他对待臣僚“开心见诚”，不念旧恶，但赏罚严明，虽仇必赏，虽亲必罚，如重用有宿怨的朱鲔。 光武在战争中所以能够克敌制胜，还在于他注意讲求策略，具有敏锐的政治眼光。他在统一战争中，善于采用政治攻势，如宣布释放奴婢、刑徒，减免赋税刑法，用以瓦解敌军，壮大自己的势力。他还注意整饬军纪。早在他担任更始政权的将军时就注意约束部下遵守军纪，这就有利于取得更多的支持。 在统一全国之后，光武仍能兢兢业业，勤于政事，“每旦视朝，日仄乃罢，数引公卿郎将议论经理，夜分乃寐”。他所实行的各项政策措施，既维护了东汉封建统治，也维护了国家统一，与民休息以促进社会经济的发展。《后汉书》作者范晔论曰：“虽身济大业，竞竞如不及，故能明慎政体，总揽权纲，量时度力，举无过事，退功臣而进文吏，戢弓矢而散马牛，虽道未方古，斯亦止戈之武焉。”司马光也说：“帝每旦视朝，日昃乃罢……虽以征伐济大业，及天下既定，乃退功臣而进文吏，明慎政体，总揽权纲，量时度力，举无过事，故能恢复前烈，身致太平。”他们对于光武帝在统一全国后的政绩都作了充分的肯定。光武晚年，虽因迷信图谶，宣布图谶于天下；贬逐了桓谭、冯衍等直言敢谏之士，有拒谏之失；但大体说来尚能始终保持谨慎，兢兢业业，勤于政事，在封建帝王中还是难能可贵的。 以上这些评论，对于评价汉光武帝都具有一定的参考价值。近世著名史学家范文澜评光武帝说：“这个以南阳豪强为主体的刘秀军，在政治上有优势，在军事上有谋略，再加上禁止虏掠，争取民心，这就决定了它的必然胜利。刘秀既是地主阶级的代表，自然是农民起义军的死敌；但是他也代表着社会的共同要求，完成了国家统一的伟大事业。他在推倒王莽的战争中，在削平割据的战争中，都起了极大的作用，因之，他是对当时历史有重要贡献的历史人物。” </t>
  </si>
  <si>
    <t xml:space="preserve">在哪里能下街头霸王4 </t>
  </si>
  <si>
    <t xml:space="preserve">我已下了，简体中文版的在电驴上 网页上有最新的电驴下载,本人已试用过没问题,电驴是人越多,速度越快,请耐心下载. </t>
  </si>
  <si>
    <t xml:space="preserve">一般传真机多少钱? </t>
  </si>
  <si>
    <t>单单传真机一般就几百，便宜的200多，好点的500多，3合1和4合1那种大概1000多。</t>
  </si>
  <si>
    <t xml:space="preserve">Americansdon'tliketowastetime___? </t>
  </si>
  <si>
    <t>应填　to have　　　动词不定式表目的。　　整个句子翻译为：美国人不喜欢浪费太多时间在吃午餐上。应这样考虑：他们不想浪费太多时间所做的事是什么？吃午餐。因此这是他们的目的，用to作不定式，表示目的。　　　</t>
  </si>
  <si>
    <t xml:space="preserve">急！！2个月的男宝宝在刚出生的时候洗胃对今后的胃消化是否有影响？ </t>
  </si>
  <si>
    <t>我不是专业人士,但是应该没有影响.现在好多小孩子出生后医院都给洗胃,个别很有必要,有些则是医院为了赚钱.孩子在产出的过程,多少都会呛入一些羊水,但随着孩子日渐发育,他自己会慢慢吐出或排出这些东西.表现是在新出生的几天,孩子有些呕吐,是黄色的东西,看上去有些痛苦.我儿子出生时也呛了,我也想赶紧给他洗了胃这样好的快一些,但因为认识那个医生,她没让洗,说有两三天就会好的.洗胃只是会造成孩子一时的痛苦,对以后没有影响.至于宝宝2个月还吐奶,你也不必太担心.我儿子吐奶一直吐到六个月,当时我甚至怀疑他有脑病,也查了大量的资料,看了几次医生.最后,我只深信一位老儿科医生的话:孩子的精神状态好,眼睛有灵气,吐过不痛苦,能吃能睡,体重增长正常,那就让他吐去吧.有些孩子就是爱吐的,男孩儿多于女孩儿,特别是在孩子半个月以后.平时的护理,注意尽量不要压孩子的肚子,不必急于练习俯卧抬头;可以选择少食多餐;注意拍嗝.</t>
  </si>
  <si>
    <t xml:space="preserve">提分最快的高考复习书是什么我想我们高三的学生都很关心这个问题．本 </t>
  </si>
  <si>
    <t xml:space="preserve">我是一个过来人,希望我说的能够对你有所帮助! 你现在已经步入高三了 处理许多事情不能再象高1高2 了!首先你现在上网是不对的! 高三需要的是把所有的精力放到学习上! 我把我总结的经验给你说下吧~ 第1,多做题目!你高2的时候应该把高三的东西基本上学完了吧!对!现在需要的是巩固这些知识!别听现在所谓的素质!素质教育是说给那些贵族家庭的!我们就是要多做题目!先把分数提上去!到大学了!你什么素质又不能学呢?你说是吧!所以!多做题目!不要挑很难的(个别情况觉得手上的东西都做完了可以做下),把一般的题目的解决办法拿到手!特别是数学!学理科的,主要区分成绩的就是数学和英语了!英语多背单词!数学多做题目!至于背单词你自己可以做个规划!比如1天背20个,最好背大学4级的单词!因为我相信你高中的单词基本能记住吧!能就背4级的!不能还是得先把高中的单词背完! 第2,注意安排自己,规划自己!你每天可以自己给自己布置任务!比如今天我要背20个单词!做2张物理试卷!礼拜2,我要背20个单词1张数学试卷,1张化学试卷~而且每天自己规定的一定要做到!不然你1次没做到,就会有第2次,第3次,,,,,, 第3,要合理注意休息,我说合理注意休息不是说很早就睡觉!不是!到高三了,你睡眠时间绝对不能多于7个小时!我高三的时候一般是12点睡觉,6点半起床!如果你睡多了!人家就用功了!你就相对落后了!时时刻刻要做好紧张的学习气氛! 第4,要给自己定1个目标!目标不要太大!但是你一定要有个终极目标!比如全班前3,但是你可以一步一步向前!先进前10,前5,前3---一直到拔尖!但是,如果付出了也没达到目标也不要灰心!你要记住我能!我一定能! 第5,不要轻信别人的话!班上总会有这么点人!老是说自己睡觉睡的早啊!平时上课啊也不是很听!当时考试就能考好!这种人的话不能信!你要意识到!只有付出才有收获!人家能考好!绝对不会少花工夫的! 第6,要善于自勉自己!给自己加油!时时刻刻有很坚强的斗志! PS:我觉得比较好的参考资料!(就是不知道你那有没有卖) 天星教育的试题调研 和金考卷~~都瞒好的! 天骄之路不要买!很简单!做了没什么意思~~ 另外!祝你在07年高考取得好成绩! </t>
  </si>
  <si>
    <t xml:space="preserve">检查出类风湿已好几年。近段四肢感觉酸软，双手抓握无力。甚为懊恼。? </t>
  </si>
  <si>
    <t>治疗类风湿性关节炎？类风湿性关节炎的治疗    治类风湿性关节炎的药目前唯一比较疗效比较显著的是德国的沃卡恩聚能离子风湿骨痛贴，但有效率只有83%，治愈率在72%左右。其它的治疗方法仍停留于对炎症及后遗症的治疗，采取综合治疗，多数患者均能得到一定的疗效。现行治疗的目的在于：①控制关节及其它组织的炎症，缓解症状;②保持关节功能和防止畸形;③修复受损关节以减轻疼痛和恢复功能。类风湿性关节炎除了治疗，也要注意一些事项，才能防止病症复发或是恶化：   1、加强锻炼，增强身体素质。　　经常参加锻炼，如保健体操、练气功、太极拳、做广播体操、散步等，大有好处。凡坚持体育锻炼的人，身体就强壮，抗病能力强，很少患病，其抗御风寒湿邪侵袭的能力比一般没经过体育锻炼者强得多。　　2、避免风寒湿邪侵袭。　　要防止受寒、淋雨和受潮，关节处要注意保暖，不穿湿衣、湿鞋、湿袜等。夏季暑热，不要贪凉受露，暴饮冷饮等。秋季气候干燥，但秋风送爽，天气转凉，要防止受风寒侵袭。冬季寒风刺骨，注意保暖是最重要的。　　3、注意劳逸结合　　饮食有节、起居有常，劳逸结合是强身保健的主要措施。临床上，有些类风湿性关节炎患者的病情虽然基本控制，处于疾病恢复期，往往由于劳累而重新加重或复发，所以要劳逸结合，活动与休息要适度。类风湿性关节炎应注意的饮食饮食营养，不要忌口和偏食。一些食物应限量，但不是忌食。1.要少食牛奶、羊奶等奶类和花生、巧克力、小米、干酪、奶糖等含酪氨酸、苯丙氨酸和色氨酸的食物，因其能产生致关节炎的介质前列腺素、白三烯、酪氨酸激酶自身抗体及抗牛奶IgE抗体等，易致过敏而引起关节炎加重、复发或恶化。2.少食肥肉、高动物脂肪和高胆固醇食物，因其产生的酮体、酸类、花生四烯酸代谢产物和炎症介质等，可抑制T淋巴细胞功能，易引起和加重关节疼痛、肿胀、骨质脱钙疏松与关节破坏。3.少食甜食，因其糖类易致过敏，可加重关节滑膜炎的发展，易引起关节肿胀和疼痛加重。4.少饮酒和咖啡、茶等饮料，注意避免被动吸烟，因其都可加剧关节炎恶化。5.可适量多食动物血、蛋、鱼、虾、豆类制品、土豆、牛肉、鸡肉及牛“腱子”肉等富含组氨酸、精氨酸、核酸和胶原的食物等。</t>
  </si>
  <si>
    <t xml:space="preserve">∑是什么意思 </t>
  </si>
  <si>
    <t>∑表示后面的累加, 比如∑(1/n)=1/1+1/2+1/3+.....+1/n再比如∑(1/i)=1/1+1/2+.....+1/50i=1到50</t>
  </si>
  <si>
    <t xml:space="preserve">进来瞧瞧向各位新老朋友问好！我来了！ </t>
  </si>
  <si>
    <t>龙哥好，好久不见了</t>
  </si>
  <si>
    <t xml:space="preserve">存货计价方法的讨论通货膨胀的情况下，先进先出法发出货物的成本会偏 </t>
  </si>
  <si>
    <t>你的理解刚刚反过来了。个人理解是：假设通货膨胀前，存货的金额为100、数量也是100、单价为1.通货膨胀时，购入存货金额400，数量也是100，单价为4.而发出的存货数量是100。  先进先出法，由于发出的存货价格是前期的可供销售金额，也可以理解为通货膨胀前的存货先发出，则发出的存货金额100*1=100，但是存货的市场价格应该100*2=200，所以发出的存货成本价格偏低。加权平均发，计算的存货的加权平均单价应该是（100+400）/（100+100）=2.5，发出的存货金额=2.5*100=250，因此发出的成本价格偏高。</t>
  </si>
  <si>
    <t xml:space="preserve">我朋友跟我一起注册的号,一起升的级,他55有送10000水晶,为? </t>
  </si>
  <si>
    <t>。。他可能参加了什么活动，这个你要问问他的</t>
  </si>
  <si>
    <t xml:space="preserve">原来在"开始"里的东西拖到桌面上后怎么拖回去?同上,不小心把"画 </t>
  </si>
  <si>
    <t>■右击桌面图标——→附到【开始】，即可！■删除桌面图标。</t>
  </si>
  <si>
    <t xml:space="preserve">天津人力资源管理师考证？证书有用么？那颁发的呢？前景如何？ </t>
  </si>
  <si>
    <t>人力资源和社会保障部的证书要是考下来还挺有用的，好多单位都很认可，对找工作很有好处，要是有工作的还可以为了之后升值加薪用，呵呵，我在艾德教育报考的，现在成绩还没有下来，等待中，呵呵</t>
  </si>
  <si>
    <t xml:space="preserve">家里到处是蚂蚁怎么办?家里到处是蚂蚁,蚁洞又不知道在哪,怎么解决 </t>
  </si>
  <si>
    <t>首先你要看是什么蚂蚁，如果是黑蚂蚁，你就可以稍微松一口气，那可能是你家里有什么甜食，或者是其他吸引它的东西，你首先最好先大扫除，然后杀虫，将房子闷一天，先这样试一下！如果是白蚂蚁，那你就很惨了！你们家所有的有关木的家私会全部被它蛀光，你也没有办法找出它的巢穴，所以你只有找专家解决，而且绝对是大手术！所以你最好小心!</t>
  </si>
  <si>
    <t xml:space="preserve">我想去研究量子力学，目前中国哪所大学量子力学系比较好？ </t>
  </si>
  <si>
    <t>没有量子力学系,一般是在物理系下面设力学校验室或研究所就物理系来说,北京大学最好.</t>
  </si>
  <si>
    <t>整理它，有谁会公司是做网络工程，想分开每个项目来核算，工程施工</t>
  </si>
  <si>
    <t>整理好了，看看吧。4104  工程施工410401  1项目41040101      直接人工费41040102      直接材料费41040103      机械使用费41040104      其他直接费41040105      间接费用41040106      分包费用410402  2项目41040201      直接人工费41040202      直接材料费41040203      机械使用费41040204      其他直接费41040205      间接费用41040206      分包费用410403  3项目41040301      直接人工费41040302      直接材料费41040303      机械使用费41040304      其他直接费41040305      间接费用41040306      分包费用</t>
  </si>
  <si>
    <t xml:space="preserve">胡军首次尝试的演了一部喜剧片。，谁知道叫什么名子？。 </t>
  </si>
  <si>
    <t>机器侠主演还有孙俪</t>
  </si>
  <si>
    <t xml:space="preserve">男性生殖健康某男有自慰的习惯总爱用头发刺激阴茎的口但不小心把毛发 </t>
  </si>
  <si>
    <t>正常情况,应该能随尿液排出体外,应该不会有什么问题,有不适感也许是你心里作用,但下次一定要注意,不能这么玩法了,那样是会伤害生殖器官的.如果真的有不适感,去医院咨询一下医生吧,不过,一般不会有什么问题.</t>
  </si>
  <si>
    <t xml:space="preserve">怎样写好校团委秘书部的工作计划 </t>
  </si>
  <si>
    <t>上 范文网！</t>
  </si>
  <si>
    <t xml:space="preserve">现在的孩子几岁上一年级呢? </t>
  </si>
  <si>
    <t>每年开学时的九月一日满六周岁就可以</t>
  </si>
  <si>
    <t xml:space="preserve">问道的配方问题请问神兽丹的配方是什么啊？还有其他丹药的配方~知道 </t>
  </si>
  <si>
    <t xml:space="preserve">神兽的配方是 5级丹+5丹+4丹+狗尾+猴耳+柳根  配方地址： </t>
  </si>
  <si>
    <t xml:space="preserve">如果我在萧山机场,哪条路去余杭最近要多长时间如果我在萧山机场，哪 </t>
  </si>
  <si>
    <t>坐出租车,不到半小时到余杭区政府所在地--临平.</t>
  </si>
  <si>
    <t xml:space="preserve">不小心把硬盘全格了能恢复吗？ </t>
  </si>
  <si>
    <t>分区、格式化后数据恢复方法：在实际操作中，重新分区并快速格式化、快速低格式化，都不会把数据从物理扇区的数据区中实际抹去。重新分区或快速格式化只不过重新构造新的分区表和扇区信息，都不会影响原来的数据在扇区中的物理存在，直到有新的数据去覆盖它们为止。而快速低格式化，是用DM快速重写盘面、磁头、柱面、扇区等初始化信息，仍然不会把数据从原来的扇区中抹去。因此可以使用数据恢复软件轻松地把误删分区或误格式化后的数据找回来。在硬盘被误分区或格式化后，可以使用“EasyRecover” 或“FinalData”等数据恢复工具进行恢复。不过需特别注意的是，在准备使用恢复软件时，不能直接在本机安装这些恢复工具，因为软件的安装可能恰恰把刚才的文件覆盖掉。最好使用能够从光盘直接运行的数据恢复软件或者把硬盘挂在别的机器上进行恢复。由于硬盘已经整个格式化，你需要将此硬盘挂到其他电脑上作为从盘，然后用下面的软件进行恢复，注意：不要再对磁盘进行装入什么东西了。EasyRecovery Professional 6.10.07┊超强数据恢复工具┊全功能企业汉化绿色版。 一款威力非常强大的硬盘数据恢复工具。能够帮你恢复丢失的数据以及重建文件系统。EasyRecovery 不会向你的原始驱动器写入任何数据，它主要是在内存中重建文件分区表使数据能够安全地传输到其他驱动器中。你可以从被病毒破坏或是已经格式化的硬盘中恢复数据。该软件可以恢复大于 8.4GB 的硬盘。支持长文件名。 被破坏的硬盘中像丢失的引导记录、BIOS 参数数据块；分区表；FAT 表；引导区都可以由它来进行恢复。 硬盘数据修复软件EasyRecovery使用教程  如果是重要数据，建议到电子市场找专业恢复数据的帮助恢复。</t>
  </si>
  <si>
    <t xml:space="preserve">怎么自动喊话的??出售或收购能自己喊黄色的字吗? </t>
  </si>
  <si>
    <t>打！之后，说出来的话，，然后点一下在左边一竖排排的，，好象是最后一个，，鼠标一放上，就有说明，是自动喊话，，点上，就可以自动喊了，，不过老是感觉自动没有手动喊的快啊</t>
  </si>
  <si>
    <t xml:space="preserve">中国为什么要办足球运动？中国国家队是堆屎！！ </t>
  </si>
  <si>
    <t>因为有人看！</t>
  </si>
  <si>
    <t xml:space="preserve">这两天真见鬼了不带这么玩的(图)连续的搞受不了心痛痛的 </t>
  </si>
  <si>
    <t>兄弟，我最近也总是错一，不妨可以休息几天，或者春节前再选择一期买买，别坏了过节的心情！</t>
  </si>
  <si>
    <t xml:space="preserve">字与字什么字能同时与（从，一，口，寸，火，又，广，日，月，莫）组 </t>
  </si>
  <si>
    <t>土坐，王，吐，寺，灶，圣，庄，里，肚，墓</t>
  </si>
  <si>
    <t xml:space="preserve">发微博的时候，怎样去除照片水印呢？我想发表无水印图，谢谢[熊猫] </t>
  </si>
  <si>
    <t xml:space="preserve"> 新浪微博上传照片如何去掉水印方法如下：首先在新浪页面顶端 横栏的最右边的“账号”点出“账号设置”，然后在左边一栏找到“个性设置” 下拉到“图片水颖一栏 把3个选项前面的勾去掉，保存 就可以了。</t>
  </si>
  <si>
    <t xml:space="preserve">魔兽世界什么时候开80 </t>
  </si>
  <si>
    <t>99说2月9号，看吧</t>
  </si>
  <si>
    <t xml:space="preserve">一条射线绕它的端点旋转一周，所成的角180°。对吗 </t>
  </si>
  <si>
    <t>360度</t>
  </si>
  <si>
    <t xml:space="preserve">合肥有哪些成人高考补习班？ </t>
  </si>
  <si>
    <t>中山学校，在四牌楼育新小学内</t>
  </si>
  <si>
    <t xml:space="preserve">请问有什么方法能在最短的时间得到红米手机的F码？ </t>
  </si>
  <si>
    <t>你好，第二批红米抢购即将开始，请你再耐心等待！（亲！如果，你满意我的回答，请将他设为有用，感谢你的支持！——新浪帮帮团）</t>
  </si>
  <si>
    <t xml:space="preserve">男性方面问题今年22岁前次发生关系时候都是放进去几十秒就射了玩了 </t>
  </si>
  <si>
    <t>你如果是新手的话，可能是正常现象，性经验不足、易兴奋几十秒就射了不会是"早泄"的！</t>
  </si>
  <si>
    <t xml:space="preserve">我是新手。请指教！最近在玩街头篮球的游戏。在嘻哈部落的区域里创建 </t>
  </si>
  <si>
    <t>有几个游戏没有外挂?!看那些个数据就不用了新人刚玩的话就多练习吧.多和人切磋,多看看别人是怎么跑位的,怎么进攻和防守的/自己能力再强也得有网速/</t>
  </si>
  <si>
    <t xml:space="preserve">股权登记日后买的股票还会分红吗? </t>
  </si>
  <si>
    <t>股权登记日后买的股票不会分红了,但这时他已经除权了.如看好他买入也应该没什么大的差价</t>
  </si>
  <si>
    <t xml:space="preserve">为什么我想出售ID点不了下一步我都弄过很多次了。客服人员也不给我 </t>
  </si>
  <si>
    <t xml:space="preserve">尊敬的客户:    您好！5173客户服务015很高兴为您服务！请您登陆您的5173用户名,您到最上方的咨询投诉查看我们的联系方式后进行咨询投诉（遇到紧急情况需要立即沟通的，请致电我们的客服热线：4007115173，　0579-83225173 ，免费电话：8008579173 (请用固话或小灵通拨打)，我们会及时处理您的问题。感谢您对5173的支持!!!                                                                                                                    </t>
  </si>
  <si>
    <t xml:space="preserve">这样的门该如何装饰？我的卧室门的左中部和左下部各有一个破洞，为了 </t>
  </si>
  <si>
    <t>那还不简单，补几块铁艺的东西就可以了。</t>
  </si>
  <si>
    <t xml:space="preserve">男生有没有生活小方法去除脸部毛或减轻 </t>
  </si>
  <si>
    <t>男生脸上长毛是美男子的特征。完全没必要除掉。要除掉方法多多，如用退毛液、物理方法用线绳等。女人脸上为什么没有毛？那是女人体内有雌激素的影响。所以，男生没必除去脸上的毛。</t>
  </si>
  <si>
    <t xml:space="preserve">请教：我公司付的装卸费怎么账务处理？ </t>
  </si>
  <si>
    <t>如果属于购进材料时发生的装卸费，装卸费用计入材料采购成本中。即借：原材料贷：银行存款等如果属于其它装卸费，可以计入相关的成本费用中。</t>
  </si>
  <si>
    <t xml:space="preserve">成都用电信宽带进网星1区为什么那么卡？有什么方法可以解决？用的电 </t>
  </si>
  <si>
    <t>一区是北京的服务器，三区才是重庆的，如果你去三区，保证不会卡。</t>
  </si>
  <si>
    <t xml:space="preserve">肺癌的晚期如何治疗最好？肺癌的晚期 </t>
  </si>
  <si>
    <t>由于癌旁综合症所表现出的全身症状，例如关节疼痛，特别是有一部分小细胞肺癌患者在发病的时候，可能会引起体内的激素渗出或者代谢发生变化，这个时候引起的关节疼痛，甚至说关节肿痛，要解决肺癌的局部疼痛，就要根据患者不同的分化程度来决定。一般来说，肺癌患者晚期可能有多处的转移，如何治疗还需视情况而定。手术治疗适用于原发癌症的患者，但当癌症已经转移时，就不宜手术了。严格地讲，手术应切除体内所有的癌细胞，在手术前会使用X射线、CT之类的方法寻找转移的癌细胞，但在大的病灶周围会有大量小的癌灶蔓延到周边器官，由于体积小，无法被观察到，也无法被切除。另一方面，肺部的手术是大手术，术后几周内患者都无法进食，体力消耗大，对癌症的抵抗能力变弱，这样会给癌细胞的肆虐带来机会，反而起不到治疗的效果。癌症晚期的患者应当谨慎化疗，尤其是身体衰弱的晚期癌症患者，进行化疗往往只能让病人多活一两个月，而代价是承受巨大的痛苦。此时患者的身体已经很衰弱，使用化疗药物只能使血液检测等相关的指标下降，化疗药物的毒副作用却会毁坏患者最后的免疫力，这样的化疗甚至会加快患者的死亡。。总而言之，应该在不带来额外痛苦的前提下予以治疗，达到延长生命、提高生存质量的目的。</t>
  </si>
  <si>
    <t xml:space="preserve">转生提升熟练度5000是什么啊是法吗？ </t>
  </si>
  <si>
    <t>楼上说的不对，没转之前法术上限是10000 1转15000 2转20000 3转25000每转生一次提升熟练度5000，是指你所有15种法术熟练度都提升5000</t>
  </si>
  <si>
    <t xml:space="preserve">怎样和别人聊天？我想问的是..突然想和某人聊天（不是很熟的人）， </t>
  </si>
  <si>
    <t>你可以问下他最近忙不忙呀。都忙了些什么呀，然后就你就说自己最近忙点什么。有什么烦恼之类的，他一定会跟你分析或者说说什么的，然后话就搭上了。。如果他不怎么理睬你，证明他不想跟你说话，说太多也会给他觉得你烦而已。</t>
  </si>
  <si>
    <t xml:space="preserve">户口本户主更改我们一家四口现在和家公一个户口本还有他女儿一起，家 </t>
  </si>
  <si>
    <t>经户口本上现在的户主同意，由户主本人向所在地派出所递交书面申请，指定新的户主，就可以变更了。但这个户主必须是这个户口本之内的人。实际上这没有什么意义，一般也没有人去改。 户主都是在户口本正页的第一页。如果原户主去世，在注销户口时，如果没有特殊请求，派出所一般是直接把户口本上第二页上的人登记为新的户主。</t>
  </si>
  <si>
    <t xml:space="preserve">持之以恒的反义词 </t>
  </si>
  <si>
    <t>虎头蛇尾</t>
  </si>
  <si>
    <t xml:space="preserve">谁知道我变完刺客高等变身之后用不了磨法啊?谁知道告诉我,小弟在着? </t>
  </si>
  <si>
    <t xml:space="preserve">刺客用双刀的。                                                                                                                                                             </t>
  </si>
  <si>
    <t xml:space="preserve">梦见牙齿碎了一个？请解梦 </t>
  </si>
  <si>
    <t>梦见牙碎了意味着:热闹充实的欢乐假日。社交运热闹活泼的今天，有什么活动聚会都是你去凑热闹的地方。小心!一开心就忘了赚钱的辛苦而随性乱花。工作/学业抛两旁，眼前的玩乐摆中间。</t>
  </si>
  <si>
    <t xml:space="preserve">我的硬盘双击打不开，怎么回事？我的硬盘双击不开，右击的话第一个选 </t>
  </si>
  <si>
    <t xml:space="preserve">这是U盘病毒 其实这种病毒的及时含量很低，只能通过U盘的自动播放进行传播！ 要是我不开启自动播放、不双击打开（不激活病毒），那病毒只能在U盘里长眠了！ 其实清除这种病毒简单的很！ 只要将中毒电脑上盘符下的 f给删除，然后再把盘符下的.exe文件， 属性为只读、隐藏的全部删除掉就行！ 再清理一下注册表、启动项就ok了！ 推荐 USBCleaner6.0 它除了基本查毒功能之外还有保护时间 恢复被病毒隐藏的文件、安全卸载移动盘符 修复注册表修复安全模式等等... 最新版的 USBCleaner V6.0 Build 20071016完全版(病毒数383)       详细可以看看这里：   </t>
  </si>
  <si>
    <t xml:space="preserve">一个有意思的问题为什么上市公司在中央台很少做广告呢？ </t>
  </si>
  <si>
    <t>上市公司以行业龙头为主，基本上都有好酒不怕巷子深的心理。其实哈药集团、五粮液等公司的广告也是铺天盖地啊。</t>
  </si>
  <si>
    <t xml:space="preserve">安装一个心脏起搏器至少需要花多少钱？ </t>
  </si>
  <si>
    <t>普通心脏起搏器售价低的不到2万元，高级的售价则要超过9万元</t>
  </si>
  <si>
    <t xml:space="preserve">远看海水为何是蓝色的?远看海洋,水是蓝色的;而近看呢,会透明?? </t>
  </si>
  <si>
    <t>站在海边，极目远望，大海是蓝色的。然而，当你舀起一盆海水观察，你会发现海水是无色透明的。大海的蓝色是从何而来的呢？　　选择吸收是物体呈现颜色的主要原因。在一定的波长范围内，若物质对通过它的各种波长的光都作等量（指能量）吸收，且吸收量很小，则称这种物质为一般吸收；若物质吸收某种波长的光能比较显著，则称这种物质具有选择吸收性。光照射到海面时，一部分光被反射回来，另一部分光折射进入水中。进入水中的光线在传播过程中会被水吸收。水对光的吸收与光的波长有关，即水具有选择吸收性。水对波长较长的光吸收显著，对波长较短的吸收不明显。红光、橙光和黄光在不同的深度时均被吸收了，并使海水的温度升高。到一定的深度绿光也被吸收了。而波长较短的蓝光和紫光遇到水分子或其他微粒会四面散开，或反射回来。所以当海水明净清澈时，目光中被海水吸收最少的蓝光和紫光就反射和散射到我们眼里，我们看见的大海就呈现出蓝色。　　人们自然会提出这样一个问题，紫光波长最短，散射和反射应当最强烈，为什么海水不带紫色呢？实验表明，人眼对紫光很不敏感，因此对海水反射的紫光视而不见。所以海水不呈现紫色，完全是因为人眼没有如实反映情况的缘故。</t>
  </si>
  <si>
    <t xml:space="preserve">我国有几大军区？ </t>
  </si>
  <si>
    <t xml:space="preserve">共分为七大军区，其名称与防务范围如下： 南京军区：江苏、上海、浙江、福建、安徽北京军区：北京、天津、河北、山西、内蒙古沈阳军区：辽宁、吉林、黑龙江  济南军区：山东、河南  广州军区：湖北、湖南、江西、广东、广西、海南 成都军区：四川、重庆、贵州、云南、西藏 兰州军区：陕西、甘肃、宁夏、青海、新疆 </t>
  </si>
  <si>
    <t xml:space="preserve">什么是股票期权? </t>
  </si>
  <si>
    <t xml:space="preserve">其基本内容是给予公司内人员在未来某特定的时间按某一固定价格购买本公司普通股的权力,而且这些经营者有权在一定时期后将所购入的股票在市场上出售,但期权本身不可转让。 </t>
  </si>
  <si>
    <t xml:space="preserve">贼的武器问题我现在53级战斗剑贼.有一把痛击.一把萨特之刺.一把 </t>
  </si>
  <si>
    <t xml:space="preserve">50多级的时候  比较缺武器痛击还是比较好用的 全程+速效毒  尽早换武器吧   去拍卖行买武器好了狂热之剑挺好用的  </t>
  </si>
  <si>
    <t xml:space="preserve">治疗癌症的靶向药物有哪些啊？推荐一个最好的就好了！ </t>
  </si>
  <si>
    <t xml:space="preserve">中国工程院孙燕院士指出：现代医学的发展，有一个令人鼓舞的现象是将肿瘤从分子、受体、信号转导方面的研究与病因学、预防和治疗很好地连贯了起来。随着对肿瘤发生发展的深入了解，针对肿瘤发病的分子机制包括关键基因、调控分子和受体的认识，针对表皮生长因子受体(EGFR)、血管生成因子受体(VEGF)的单克隆抗体、酪氨酸激酶抑制剂和基因治疗已经开始应用于临床常见肿瘤的治疗，成为临床肿瘤学最突出的亮点。 </t>
  </si>
  <si>
    <t xml:space="preserve">有个女人对我老公说我和一男人关系不正常，弄得老公心里一直有阴影，? </t>
  </si>
  <si>
    <t>诽谤罪　　一、概念及其构成　　诽谤罪（刑法第246条），是指故意捏造并散布虚构的事实，足以贬损他人人格，破坏他人名誉，情节严重的行为。　　1、客体要件　　本罪侵犯的客体与侮辱罪相同，是他人的人格尊严、名誉权。犯罪侵犯的对象是自然人。　　2、客观要件　　本罪在犯罪客观方面表现为行为人实施捏造并散布某种虚构的事实，足以贬损他人人格、名誉，情节严重的行为。　　（1）须有捏造某种事实的行为，即诽谤他人的内容完全是虚构的。如果散布的不是凭空捏造的，而是客观存在的事实，即使有损于他人的人格、名誉，也不构成本罪，（2）须有散布捏造事实的行为。所谓散布，就是在社会公开的扩散。散布的方式基本上有两种：一种是言语散布；另一种是文字，即用大字报、小字报、图画、报刊、图书、书信等方法散布。所谓“足以贬损”，是指捏造并散布的虚假事实，完全可能贬损他人的人格、名誉，或者事实上已经给被害人的人格、名誉造成了实际损害。如果散布虚假的事实，但并不可能损害他人的人格、名誉，或无损于他人的人格、名誉，则不构成诽谤罪。　　（3）诽谤行为必须是针对特定的人进行的，但不一定要指名道姓，只要从诽谤的内容上知道被害人是谁，就可以构成诽谤罪。如果行为人散布的事实没有特定的对象，不可能贬损某人的人格、名誉，就不能以诽谤罪论处。　　（4）捏造事实诽谤他人的行为必须属于情节严重的才能构成本罪。虽有捏造事实诽谤他人的行为，但没有达到情节严重的程度，则不能以本罪论处。所谓情节严重，主要是指多次捏造事实诽谤他人的；捏造事实造成他人人格、名誉严重损害的；捏造事实诽谤他人造成恶劣影响的；诽谤他人致其精神失常或导致被害人自杀的等等情况。　　3、主体要件　　本罪主体是一般主体，凡达到刑事责任年龄、具有刑事责任能力的自然人均能构成本罪。　　4、主观要件　　本罪主观上必须是故意，行为人明知自己散布的是足以损害他人名誉的虚假事实，明知自己的行为会发生损害他人名誉的危害结果，并且希望这种结果的发生。行为人的目的在于败坏他人名誉。如果行为人将虚假事实误认为是真实事实加以扩散，或者把某种虚假事实进行扩散但无损害他人名誉的目的，则不构成诽谤罪。您描述的情形可能不构成诽谤罪,可能有民事侮辱的行为,涉嫌侵害他人名义,请看法规:《民法通则》第一百零一条规定，“公民、法人享有名誉权，公民的人格尊严受保护，禁止用侮辱、诽谤等方式损害公民、法人的名誉。”所谓名誉，从字义上解释，就是指公民、法人的名望声誉。也就是说，一个公民、一个法人的品德、才干、信誉等在社会中所获得的社会评价。名誉权是指公民或法人对自己在社会生活中所获得的社会评价即自己的名誉，依法所享有的不可侵犯的权利。　　名誉直接关系到公民、法人的人格尊严，它是民事主体进行民事活动，乃至其它社会活动的基本条件。法人的名誉表示社会的信誉，这种信誉是法人在比较长的时间内，在它的整个活动中逐步形成的，特别是企业法人的名誉，反映了社会对它在生产经营等方面表现的总的评价。法人的名誉往往对其生产经营和经济效益发生重大的影响，名誉权是民事主体的一项重要的人身权利。因此，除了我国宪法、刑法和一些行政法规很重视这项权利的保护之外，民法通则第101条在确认公民、法人享有名誉权的同时，又以禁止性法律规范规定了禁止用侮辱、诽谤等方式损害公民、法人的名誉。名誉侵权的构成　　名誉侵权的形式　　名誉侵权主要有下列几种方式：侮辱，诽谤，泄露他人隐私等。　　侮辱：是指用语言（包括书面和口头）或行动，公然损害他人人格、毁坏他人名誉的行为。如用大字报、小字报、漫画或极其下流，肮脏的语言等形式辱骂、嘲讽他人、使他人的心灵蒙受耻辱等。　　诽谤：是指捏造并散布某些虚假的事实，破坏他人名誉的行为。如毫无根据或捕风捉影地捏造他人作风不好，并四处张扬、损坏他人名誉，使他人精神受到很大痛苦。　　侮辱、诽谤是常见的名誉侵权行为，民法通则101条明令禁止用侮辱、诽谤的方式损害他人名誉。对法人名誉的侵害，主要表现在散布有损法人名誉的虚假消息，如虚构某种事实，诬说某工厂的产品质量如何低劣，以图用不正当的竞争手段搞垮对方等等，这些都是侵害法人名誉权的侵权行为。　　侵犯名誉权要承担的法律责任　　人民法院依照 《中华人民共和国民法通则》第一百二十条和第一百三十四条的规定，可以责令侵权人停止侵害、恢复名誉、消除影响、赔礼道歉、赔偿损失。　　恢复名誉、消除影响、赔礼道歉可以书面或者口头方式进行，内同须事先经人民法院审查。　　恢复名誉、消除影响的范围，一般应与侵权所造成的不良影响的范围相当。　　公民、法人因名誉权受到侵害要求赔偿的，侵权人应该赔偿侵权行为造成的经济损失；公民并提出精神损害赔偿要求的，人民法院可以根据侵权人的过错程度侵权行为的具体情节，给与受害人造成精神损害的后果等情况酌定！如果您确实认为对方的行为给您造成了很大的伤害,您可以收集相关证据起诉,一般情况下这样的案件委托律师的费用在1500_5000之间,有地区/经济状况等差异,收费有浮动.</t>
  </si>
  <si>
    <t xml:space="preserve">护士技能护士学技能什么技能好啊?`````````需要学单补血吗 </t>
  </si>
  <si>
    <t xml:space="preserve">+点方面本人觉得没必要满血，但是满攻却很有必要，满攻100敏其余血，这样+点90级的裸体数据为：血1450 魔699 攻435 防87 敏267 回复175，这样+点既保证了生存，同时也有很高的战斗力！！！技能方面：急救（本职业得意技，非常实用） 治疗（不用高，4-5级就足够了，受伤时可以治疗下） 因果（练级是很好用的技能） 虚死（跑树海很管用） 抗混石睡（任务BOSS很管用的） 调教（4转能到4，宠魔能省很多的）或者气绝（战斗任务时救人）！！！以上纯属个人意见，若有不对请高手纠正，不过话说回来，魔力本身就是游戏，怎么加点，学什么技能都看个人喜好，只要自己玩得开心就好了！！！ </t>
  </si>
  <si>
    <t xml:space="preserve">如何一个人抓黑下狼血斧座狼带８级撕咬和４级狂怒，如何一个人抓，有 </t>
  </si>
  <si>
    <t>血斧座狼，等级56－57，技能：8级撕咬，4级狼嚎，3级突进。是wow里唯一会8级撕咬和4级狼嚎的。出现地区：黑石塔下。 猎人单抓血斧座狼的准备：2瓶次级隐形药水或2瓶隐形药水，生命4500以上。 进入黑石塔之后，沿着右边跑上石桥，假死。然后跳下石桥，开灵猴，尽量避开裂盾兽人，沿着通道跑出去之后立刻右转跳下去，假死。打绷带，继续往下跳，面前就是那条两边都是兽人的通道了。喝药水，开猎豹守护跑过去，如果是隐形药水的话，刚好跑到蜘蛛区药水失效，如果是次级隐形药水的话，在蜘蛛区前面的最后一堆兽人那里就会失效，不过没关系，假死即可。 蜘蛛区有两种过法，宠物引怪，自己强冲然后假死，或者等药水冷却之后再嗑一瓶隐形药水冲过去。 考虑到烟网蛛后有讨厌的晶化技能，为了求保险，我是出去灌了10分钟水，等药水冷却之后再喝开豹守冲的。 过了蜘蛛区就是食人魔区了，灵猴＋假死很容易过。招出宠物之后让它去吸引那两堆小虫子的注意力，猎人冲过去之后到前面的通道内假死。 在这里终于可以见到血斧座狼了，一个57级的血斧兽人精英带两只血斧座狼在这里巡逻。巡逻路线是沿着这里的T字路把三个方向都走遍。假死之后不要急着站起来，等他们从你尸体旁边离开并且左拐之后再站起来复活宠物，回血。当血斧兽人从左边通道再次走回来的时候，放冰冻陷阱，奥射引兽人，兽人被陷阱冻住之后全力杀死一只血斧座狼，假死。 等兽人和剩下的一只座狼从右边再走回来，冰冻陷阱，引怪，冻兽人，然后就可以抓血斧座狼了。我4400左右的hp，最后在还剩149hp的时候驯服的血斧座狼，所以最好hp在4500以上再来抓比较保险。</t>
  </si>
  <si>
    <t xml:space="preserve">如何发送图片?如何将网上的图片发送到我的邮箱里? </t>
  </si>
  <si>
    <t>你可以先把网上的图片保存下来然后你打开邮箱作为附件发就可以了</t>
  </si>
  <si>
    <t xml:space="preserve">请问南京现在的天气冷吗？大家好啊，我是成都的，想周末到南京来玩一 </t>
  </si>
  <si>
    <t>虽然温度低但阳光很灿烂,我觉得在室外玩还是挺合适的,会有一份好心情,尤其中山陵风景区一带树叶尚未落尽,仍是有红有黄有绿,感觉很好的,据说这两天温度还要回升,这个双休日来正好,二天能跑不少地方了,要想去多一点的景点就坐旅游公交,一天一条线,要想玩得精一点,建议第一天在东郊风景区(包括中山陵\明孝陵\灵谷寺等)林间小路走走,晚上到夫子庙吃住;第二天从那到雨花台\中华门或者瞻园\总统府(看你喜欢哪类了),下午玩山西路或玄武湖,正好离火车站就很近了.祝你在南京玩得开心!</t>
  </si>
  <si>
    <t xml:space="preserve">我这样状况的牙该做何种修复?我的前门两中间靠右的三颗挨着的牙小时 </t>
  </si>
  <si>
    <t>如果情况不严重的话，可以考虑做进口树脂光固化填充，有不同颜色选择，且充填效果不错，视觉效果佳。若缺的是牙尖.或较多的话，建议考瓷修复。</t>
  </si>
  <si>
    <t xml:space="preserve">小企业会计准则下福利费需要集体吗？老师，您好！从2013年开始执 </t>
  </si>
  <si>
    <t>1、不用计提福利费。小企业会计准则，将“应付工资”和“应付福利费”科目合并为“应付职工薪酬”科目了。2、福利费分录（1）发生福利费支出时借：应付职工薪酬--职工福利贷：库存现金等（2）月末结转时借：管理费用--福利费贷：应付职工薪酬--职工福利</t>
  </si>
  <si>
    <t xml:space="preserve">这只神盾值几个钱???~~有分拿~14级稳掉1血3攻的神盾值几个 </t>
  </si>
  <si>
    <t>掉攻不影响魔宠!掉血精神高!掉1点血无所谓!最好到90左右再卖!60W左右!碰到小白65W也能卖了!说的不好别介意!</t>
  </si>
  <si>
    <t xml:space="preserve">在word中怎样输入温度符号? </t>
  </si>
  <si>
    <t>你使用的是什么版本的WORD啊,我使用的是XP的,可以打开插入,选择符号,再在给出的子集中选择类似字母的符号,里面有一个温度的符号,点击就可以了.记着采纳我的答案啊?</t>
  </si>
  <si>
    <t xml:space="preserve">四个晚上——————打一字是什么字 </t>
  </si>
  <si>
    <t>罗。。。。。。。</t>
  </si>
  <si>
    <t xml:space="preserve">心魔与琉璃的区别2个剧情的区别是什么(难易/简繁/奖励) </t>
  </si>
  <si>
    <t>剧情点都是一样，但是，心魔难打，不过难打换来的就是回报较高，可以得到更多的经验</t>
  </si>
  <si>
    <t xml:space="preserve">任九是我的偶像，而任八成了我的粉丝！想想这天理，信不信由你，反正 </t>
  </si>
  <si>
    <t>圣保罗是有点可惜了, 是思路的事吧.</t>
  </si>
  <si>
    <t>什么时候可以开始用眼霜？</t>
  </si>
  <si>
    <t>一般22岁左右就可以开始用眼霜了,我用的是雅芳的,感觉还行.</t>
  </si>
  <si>
    <t xml:space="preserve">固然一词是什么意思？ </t>
  </si>
  <si>
    <t>固然：1.表示承认某个事实，引起下文转折：这样办事~~稳当，但是太费事。2.表示承认甲事实，也不否认乙事实：意见对，~~应该接受，就是不对也可以作为参考。基本词意(1) [no doubt;true]∶虽然工作固然很忙,但还是可以抽出一些时间来的(2) [of course;really; certainly]∶参考、表示承认这一事实,也不否认那一事实时,解释为“的确”、“确实”白面固然好,高粱玉米也不错(3) [original]∶本来的样子;原来的那样依乎天理,批大郄,导大窾,因其固然。――《庄子·养生主》词典释义汉语大词典【固然】1.本来就如此。《左传·定公元年》：“践土固然。”《楚辞·离骚》：“鷙鸟之不羣兮，自前世而固然。” 明方孝孺《赠卢信道序》：“此岂特朱子为然哉，自 孔子 以来固然矣。”2.指事物的自然形态。《庄子·养生主》：“依乎天理，批大郤，导大窾，因其固然。”《淮南子·览冥训》：“不彰其功，不扬其声，隐真人之道，以从天地之固然。”高诱注：“固，自然也。” 明 陆时雍 《诗镜·总论》：“柳碧桃红，梅清竹素，各有固然。”3.当然，理应如此。 宋秦观《李固论》：“此亦理之必至，事之固然，无足恠也。” 宋洪迈《容斋三笔·择福莫若重》：“夫孳孳为善，君子之所固然，何至於纵意为恶，而特以不丽於刑为得计哉？” 清侯方域《颜真卿论》：“玄宗即位，宋璟不知其非也。浸假而至于 灵 武 之事，天下益以为固然矣。”4.副词。犹诚然、虽然。表示承认某个事实，引起下文转折。第七七回：“但那一包人参，固然是上好的，只是年代太陈。”鲁迅《故事新编·采薇》：“这两种传说，固然略有些不同，但打了胜仗，却似乎确实的。”5.副词。犹诚然、虽然。表示承认甲事实，也不否认乙事实。 清李渔《怜香伴·闻试》：“若说是你的浑家，固然不可，若竟说没有夫家，也难止他的妄念。”鲁迅《书信集·致萧军》：“‘自卑’固然不好，‘自负’也不好。”（竭力为您解答，希望给予【好评】，非常感谢~~）</t>
  </si>
  <si>
    <t xml:space="preserve">超级郁闷！！进不了游戏！！！请给个说法我是朝花夕拾玩家　今天晚上 </t>
  </si>
  <si>
    <t>要求双倍经验加一天!</t>
  </si>
  <si>
    <t xml:space="preserve">滑膛炮是如何使用尾翼稳定脱壳穿甲弹的？滑膛炮打的炮弹不旋转，金属 </t>
  </si>
  <si>
    <t xml:space="preserve">    滑膛炮如何使用尾翼稳定脱壳穿甲弹，楼主自己已经讲得很清楚了。    至于线膛炮，确实也可以打尾翼稳定脱壳穿甲弹。但它要用到特殊的弹带，发射时弹带随膛线高速旋转，但弹带与箭体本身是滑动连接的，因此弹带实际起到减转的作用。但弹体本身不是完全不转，而是低速旋转。这个低速旋转并不足以使箭体保持漫长射程上的足够稳定，所以还是需要尾翼来稳定。    但总的来说，线膛炮不大适合打尾翼稳定脱壳穿甲弹，因为箭体毕竟还是有些旋转的，因此它不能做得太细长。滑膛炮用的现在可以做到长径比30，但线膛炮用的也就做到5。结果是，低速旋转的线膛炮用尾稳脱壳穿甲弹射击精度比不旋转的滑膛炮还要准确些（所以挑战者II才能在海湾战争中创下那个远射纪录），但它的威力却无法与滑膛炮的大长径比炮弹相提并论，也就欺负下伊拉克的破坦克。英国人保留线膛炮，主要是贪图它能发射碎甲弹的功能（这个对工事目标很有效，英国佬总改不了拿坦克动摇步兵的想法），但挑战者II也有考虑改滑膛炮。我们的105线膛炮，也有尾稳脱壳弹用。</t>
  </si>
  <si>
    <t xml:space="preserve">打印机发出“叮叮”的响声打印机无发打印东西，并且发出“叮.... </t>
  </si>
  <si>
    <t>如果打印正常不用管他 如果打印不正常了，就看看色带和色带架</t>
  </si>
  <si>
    <t xml:space="preserve">Javaweb应用内存溢出我用Java开发的web应用老是出现内 </t>
  </si>
  <si>
    <t>最近在做一个网站，使用的编程语言是jsp，Web服务器采用Resin-2.1.6发布，使用Linux9.0，但是在网站运行过程中发现Java可用内存越来越少，有时程序会报出 ng.OutOfMemoryError的错误，甚至导致Resin死机。     其实这种现象在Java语言中很正常，我们通常称之为Java内存溢出。由于我们在Java程序中声明了好多对象，占用了内存空间，程序结束时没有将这些对象或对象的引用进行释放，从而导致Java虚拟机（JVM）进行垃圾回收（GC）时，不能够回收这些对象。这样，Java所用的内存就会一直增加，直至溢出，进而导致Resin死机。     导致Java内存溢出的根本原因是Java程序的不规范或不健壮。因此，从根本上解决Java内存溢出的唯一方法就是修改Java程序，及时地释放没用的对象，释放内存空间。     除了这个方法以外，还有一些应急措施，可以临时缓解一下系统的运行。Resin默认情况是死机以后不能访问网站，必须手动重启Resin，但不可能一直看在机器旁边，看Resin有没有死机。所以这里介绍一种让Resin自重启的方法。     打开Resin的配置文件 nf（一般情况下，该文件在Resin目录的conf文件夹下）。里面有一段内容如下所示：   &lt;!--      - Ping to test if the web server is still up.  You can uncomment this      - and point it to pages on the webserver that exercise your main      - logic (like database Access).  If the GET fails, it will restart      - the server.  This will catch deadlocks, but not JDK freezes.      -     --&gt;     这段内容默认情况下是被注释的。它的功能是让Resin每隔一分钟就测试一下能否访问/ping/ping.jsp文件，测试时间是1s，假如不成功，就重试三次。假如三次都不成功，Resin就自动重启。所以将这段话下半部分（从"</t>
  </si>
  <si>
    <t xml:space="preserve">感官动词后面跟的动词的时态问题sth.如果see变成saw,那d </t>
  </si>
  <si>
    <t>在 sth(或者doing)结构中,dosth(或者doing)实际上起一个宾语补语的作用,所以不需要在see形式变化的情况下变化,但是在sawsb.wasdoing中,sb.wasdoing实际上是一个see的宾语从句,所以要随着主动词的形式变化而变化。</t>
  </si>
  <si>
    <t xml:space="preserve">七八十岁的老头，还要取二三十岁的未婚女子做老婆，什么心态呀？那女 </t>
  </si>
  <si>
    <t>他们是在以实际行动来响应国家的计划生育政策。</t>
  </si>
  <si>
    <t xml:space="preserve">请教各位大师：600138今天为何涨停？有利好？后市能看多少？ </t>
  </si>
  <si>
    <t>放量涨停，目前主要是受五一恢复长假传闻影响和清明节要到影响，明天可能会冲高回落</t>
  </si>
  <si>
    <t xml:space="preserve">九界什么生活职业可以加防御加攻击？ </t>
  </si>
  <si>
    <t>逸道有被动技能应该所有职业都有附加技能，比如吟唱施法随机改为瞬法</t>
  </si>
  <si>
    <t xml:space="preserve">仙剑4的问题人物一共可以升到多少级 </t>
  </si>
  <si>
    <t>可以升到98级，修改的话是改到4400000经验值，可以升到98级，这是升级所需经验值是0，应该不能再升了。也可以用秋天修改器改到99级，然后匹配参数，这是经验值是4463606，这个应该是极限，升级所需经验值是--，这就是最高了。仙灵点同样是每升一级得一点。</t>
  </si>
  <si>
    <t xml:space="preserve">舌头长东西了舌头靠近咽喉的地方长了个东西.很疼.吞口水都疼.是什 </t>
  </si>
  <si>
    <t>SHI不是扁桃体发炎啊???我以前也是这样的啊!!!!别担心,他自己会好的!!!要注意别吃刺激性食物!!多吃些水果.或含些清凉的东东.就OK了.祝福你早日康复.</t>
  </si>
  <si>
    <t>我是1</t>
  </si>
  <si>
    <t>在游戏里把槌卖了，然后再买把矛，3倍以后这些东西价格都有所下降，应该能买到</t>
  </si>
  <si>
    <t xml:space="preserve">南昌哪里有美式军装价格不要太贵 </t>
  </si>
  <si>
    <t>这要到军人用品店才有得卖啊。</t>
  </si>
  <si>
    <t xml:space="preserve">我的进程里有好多rundll32.exe,怎么回事啊!电脑里总是 </t>
  </si>
  <si>
    <t>Rundll32.exe是 Windows系统提供的一个命令，它用来调用32位的DLL函数( 16位的DLL文件用Rundll.exe来调用)。DLL文件是Windows的基础，所有的API函数都是在DLL中实现的，它不能独立运行，一般由进程加载并调用。这个程序对你系统的正常运行是非常重要的。注意：rundll32.exe也可能是W32.Miroot.Worm病毒。该病毒允许攻击者访问你的计算机，窃取密码和个人数据。该进程的安全等级是建议立即删除。对此，好多木马克星程序也会把rundll32.exe当作病毒。一般说来，正常的系统运行只需一个rundll32.exe就行了，它一般占用的只有5M左右。如果你的电脑出现了十几个rundll32.exe且占用了好多内存是不正常的。往往有些病毒就是伪装成RUNDLL32.exe的模样来侵害电脑，而好多杀毒软件误认为它是系统的运行的正常程序而不去理睬。所以按CTRL+ALT+DEL打开任务管理器，看看它对应的内存占用了多少兆，CPU资源占了多少。如果占用了20M以上，CPU占用了50%以上，那么请你点右键结束它的运行。它一定是病毒。</t>
  </si>
  <si>
    <t xml:space="preserve">?頭?延是紫色的是什麼病狀呀我最近三年發現我的?頭?延一圈是紫色 </t>
  </si>
  <si>
    <t>正常的,没是,不影响正常功能.</t>
  </si>
  <si>
    <t xml:space="preserve">喝啤酒有什么好处和坏处？啤酒有什么营养价值吗？ </t>
  </si>
  <si>
    <t>，含有丰富营养，有健啤开胃等功效，有人把它当作日常软饮料，甚至誉为“液体面面包”。更有些男士每餐必饮啤酒，以啤酒代替饮料、汤羹。 功效啤酒是由发酵的谷物制成的，因此含有丰富的B族维生素和其他招牌营养素，并具有一定的热量，“面    包”之称虽有些过，但确实有类似之处。啤酒特别是黑啤酒可使动脉硬化和白内障的发病率降低50%，并对心脏病有挂号抗作用。男性以及年轻女性经常饮用啤酒，可以减少年老时得骨质疏松症的机率。骨质的密度和硅的摄取量有    密切关系，而啤酒中因为含有大量的硅，经常饮用有助于保持人体骨骼强健。人在饮用了一定量的啤酒后，会发现异性变得更有吸引力，男人会发现出现在自己眼前的几乎都是美    女，女人也会认为自己面前的男士更英俊，这就是所谓的“啤酒眼”现象。适用人群健康成年人可以饮用。适用量每天300毫升左右，最多不超过2升。特别提示啤酒毕竟是酒，大量地喝进胃肠，吸收入血，也会有损健康，所以饮啤酒不宜过量。啤酒有一定的饮用方法，这样不仅口感好，还有利于营养的吸收；不要暴饮，一般每天最多不超过2    升；下午饮酒是最佳时间；酒温不要过高或过低，一般5-10摄氏度为宜，最高不超过20摄氏度，最低    不低于5摄氏度；不宜与烈性酒同饮，避免酒精大量快速吸收。健康红绿灯大量喝啤酒会导致肥胖（啤酒肚），并对肝脏、生育等方面有很大影响，甚至会导致癌症。胃炎、肝病、痛风、糖尿病、心脏病、泌尿系结石和溃疡病患者不宜饮啤酒。服药期间不要喝啤酒，用啤酒送药更是不可取的，因为啤酒会影响药物的分解和吸收。</t>
  </si>
  <si>
    <t xml:space="preserve">打印机的打印速度太慢了，可以调拭快一点吗？ </t>
  </si>
  <si>
    <t>你可能把打印机设置为后台打印了。改过来就会块。</t>
  </si>
  <si>
    <t>再来一单6胆3包吃火锅01帕尔马(09)09</t>
  </si>
  <si>
    <t>朋友你的单子肯定中了，谁说不我跟谁急。</t>
  </si>
  <si>
    <t xml:space="preserve">结婚好还是不结婚好? </t>
  </si>
  <si>
    <t>不结婚是个问题，结了婚问题多多</t>
  </si>
  <si>
    <t xml:space="preserve">为什么每次我问“曾经在某某效力过的最伟大的球员是谁?”的时候，总? </t>
  </si>
  <si>
    <t>我的意思你就不要问了，因为这种问题根本不可能有什么答案，每个人心目中的最佳都是不同的最重要的一点，你选择答案的方式是依靠投票来选择，这点非常不好，经常上爱问的朋友都知道，投票选出来的答案很多时候更本不是最佳答案，因为很多人在投票的时候根本不看问题与回答，直接就选择投票，而投票的方式基本就是给一楼我可以大胆的说，投票选择最佳答案80％是一楼会成为最佳答案，大家不信可以自己去看看而你的问题最令我不能容忍的的就是很多球员根本不可能算是某某队的最伟大球员，比如阿贾克斯历史上最伟大的球员绝对是克鲁伊夫，而不是范.巴斯腾，瓦伦西亚最伟大的是谁我不知道，但比利亚肯定算不上，拉其奥最伟大的球员居然是科里尼？土耳其史上最伟大的球员是球星伊尔汗？上面这些都可以忍，在怎么的这些球员好歹也在那些球队效力过最令人不能容忍是下面这些曾经在掘金效力过的最伟大的球员是谁?投票选择的答案是黄金左手穆林 克里斯＊穆林平生只效力过两只NBA球队，职业生涯先后效力于金州勇士队、印第安纳步行者队，何谈掘金队最伟大球员？还有曾经在步行者效力过的最伟大的球员是谁? 答案选择的是拉里＊伯德，伯德只效力过一只球队，那就是凯尔特人，他只是退役后担任过步行者的主教练还有曾经在国王效力过的最伟大的球员是谁?投票选出的最佳答案是巴克利巴克利效力的球队有三支，分别是76人，太阳，火箭，何谈国王队最伟大球员？我没有什么特别的意思，只是想告诉楼主，你的这种做法根本不可取，如果提问是投票选出的答案，系统是不会给每个回答人发信息到他的指定邮箱的，也就是说回答人很难知道自己的答案后来到底怎么样了．以上种种不可取的问题摆在面前楼主难道还要继续？</t>
  </si>
  <si>
    <t xml:space="preserve">三星LED有多薄？？ </t>
  </si>
  <si>
    <t>三星LED电视，2.99CM超薄，画质很棒，电视有DLNA和 功能。</t>
  </si>
  <si>
    <t xml:space="preserve">如何改掉孩子吃手的习惯？我女儿一岁了，每次睡觉都要吃手才能睡着， </t>
  </si>
  <si>
    <t xml:space="preserve">吃手是孩子的通病，幼小的孩子吃手指，则表明对母乳的依恋。一般两三岁后，孩子吃手的习惯就渐渐消失。吃手是孩子婴儿期恋奶的后遗症，应采取分散注意力和鼓励的方法帮他戒掉。如果不放心，可以去查下微量元素是否缺锌要帮孩子改掉吃手的习惯，切记不能采取强硬措施，而要以鼓励的方式。建议你尝试以下的做法：在孩子吃手时，想办法转移他们的注意力，让更有趣的事情吸引他，从而停止吃手，久而久之，坏习惯会逐渐淡忘。同时还需要给他讲些道理：如吃手很脏，手上还会留下难看的疤痕等等。如果宝宝听从劝告，把手放下不吃了，要及时表扬他，并给他们一些小奖励。如果１岁以上的宝宝仍整天吃手，家长就要注意了，想想平时是否对宝宝限制太多，要求太严，或者过少关注宝宝，冷落宝宝了……宝宝情绪紧张、沮丧、缺乏关爱等都易养成吮手习惯，家长要尽可能多地与宝宝一起，多玩一些动手的游戏，宝宝情绪好，两手有事干，慢慢就不吃手了。    总之，对于宝宝吃手的现象家长应理解和宽容，不可强行干涉不要反复说宝宝“你怎么又吃手啦”“你怎么老爱吃手，真脏”。这样不仅不能奏效，反而会强化这一行为，甚至影响未来情绪和心理的正常发展。 这不是一件一蹴而就的事情，需要你的耐心和努力。经验分享：我的宝贝妞妞一岁半了，吃手特别厉害，尤其是睡觉时，必须含着大拇指才能睡着。为了帮她改掉这个毛病，使了多种土办法，都不见效。第一个办法是在手指上抹醋，没想到她吃出了味道，拉着阿姨的手要求再蘸点。第二个办法是抹蒜汁，她不怕，失败告终。第三个办法是抹蒜泥，有点用，但睡觉时还会吃手。如果睡觉时给她抹上蒜泥，这一天就别睡了，哭哭闹闹的，大人受不了。    言归正传，一天晚上睡觉前，我随口对她说“妞妞，今天晚上不吃手好吗？”妞妞“嗯”了一声。好像明白什么似的。我又随口加了一句：“如果你吃手妈妈就不陪你睡了”她又“嗯”了一声。当天晚上，只要她把手塞进嘴里，我就说：“妞妞如果你吃手，妈妈就不陪你睡了”，刚开始她还听，会把手拿出来，但很快她就困了我看到他在床上打滚，嘴里哼唧着，特别难受，最后，居然把自己的小手压在身子下面，或放在身后，能看出她在努力的控制着自己。最后，她实在忍不住了，哭了出来，看到这里，我心疼极了。真想帮她把小手放进嘴里。我也极力控制自己，不让自己心软。而是把她抱了起来，在我怀里，她终于踏实了，没有吃手，很快就睡着了。    就这样一连四天，宝宝终于改掉了吃手的毛病，能够独立的睡着了。    在这里我想和各位妈妈说的是，别把宝宝看做什么都不懂，其实，她能明白很多事情，可以说超乎我们的想象。关键在于自己多试试去发掘孩子的可爱之处。 </t>
  </si>
  <si>
    <t xml:space="preserve">在QQ上和陌生人聊天，对方能知道我的真实姓名，电话和家庭住址吗 </t>
  </si>
  <si>
    <t>在QQ资料中、QQ空间中不填写和自己在聊天的时候不说出来别人是不会知道的</t>
  </si>
  <si>
    <t xml:space="preserve">一个物权法的试题27、甲要出售自己拥有的一栋商品房。乙得知此消息 </t>
  </si>
  <si>
    <t>答案有毛病  肯定是万国的题</t>
  </si>
  <si>
    <t xml:space="preserve">四区筋价？问几个高人四区几个筋的价？1、木系双头筋体质+15命中 </t>
  </si>
  <si>
    <t>1/这筋不好卖 有大号只卖20-50W  遇到刺客闪避游侠可以卖200W+2/我看见你的猪筋好象是70级+  200W 我会考虑  50W好卖3/好棍子 值3000点+ 但买的少  1200-1500点好卖供参考 卖东西摆滩放那一个月想快速卖掉就要便宜处理按低价卖 请教下你上次打的什么字  没显示?</t>
  </si>
  <si>
    <t xml:space="preserve">在外省就读的高中生可否返回户口所在地参加高考？ </t>
  </si>
  <si>
    <t xml:space="preserve">    可以的，看你的户口是在哪里的了，如果户口在家乡就可以回去考试了。</t>
  </si>
  <si>
    <t xml:space="preserve">那里有正规二手奢侈品寄卖店？朋友们谁知道哪里有正规的寄卖店啊，之 </t>
  </si>
  <si>
    <t>前两天逛街看见一个店，了解到可以寄卖、租赁、代购，回家在网上搜了下 还不错，还是全国连锁店呢，希望可以帮到忙--</t>
  </si>
  <si>
    <t xml:space="preserve">如何用中药来养肝护肝? </t>
  </si>
  <si>
    <t>其实没有任何的必要。自己在生活上注意一下就可以了，比如不喝酒，少去吃药（因为药大多要经肝代谢）等</t>
  </si>
  <si>
    <t xml:space="preserve">50寸的等离子放在玻璃台子上会不会因为发热多导致玻璃炸掉? </t>
  </si>
  <si>
    <t>　　一般的玻璃是能够承受的。要考虑的是，玻璃是否承受电视的重量。钢化玻璃可以经受的重量比普通玻璃高，耐热性能也好于普通玻璃。但是等离子电视太重的话，会造成玻璃变形，影响你的视觉效果，这样就不好了。另外，使用钢化玻璃一定不要碰玻璃的角，否则容易出现玻璃炸裂，后果不堪设想。</t>
  </si>
  <si>
    <t xml:space="preserve">仙一的问题为什么灵儿的姥姥会变成蛇的形态，这不是只有女娲族才有的 </t>
  </si>
  <si>
    <t xml:space="preserve">    我认为那个灵儿的姥姥就是女娲族的,因为"梦蛇"这个着数也是只有女娲族才可以使用的啊!!而且如果不是同族的,灵儿的姥姥也不会不怕巫后,你想想,连最爱自己的人都害怕自己,那么还有什么人会不怕?只有深知道巫后的底细的人才会不怕,而巫后有必要和一个人类讲这些吗?这个秘密她连他丈夫都没有告诉,怎么会告诉一个人类,所以我觉得,灵儿的姥姥本来就是女娲族的,说不定是巫后的姐妹或亲戚也说不定!而且,连那个赵灵月(天灵洞天的原来的主人)也是女娲族的啊!!!你不这么认为吗?!</t>
  </si>
  <si>
    <t xml:space="preserve">蛋疼的很，我手机出问题了，打电话打不出去，也接不到别人打进来的电? </t>
  </si>
  <si>
    <t>是不是你手机停机了呢？或者是你申请了什么特殊服务？又或者是你手机的天线松脱或损坏了？  这个你可以用身边朋友的手机打10086人工服务问下啊，一般像出现你这种情况，可能性太多了。</t>
  </si>
  <si>
    <t xml:space="preserve">谁知道修装备掉持久度不？ </t>
  </si>
  <si>
    <t>不掉~</t>
  </si>
  <si>
    <t xml:space="preserve">为什么我的游戏会出现##&amp;lt;&amp;lt;ASSERT&amp;gt;&amp;g </t>
  </si>
  <si>
    <t xml:space="preserve">    我也出现过这种情况~出现这情况的时候貌似是新更新了一个什么东西后和天黑冲突~最后我没办法就从新做系统了~就没有了~</t>
  </si>
  <si>
    <t xml:space="preserve">翻译FreeclassesofferedinanumberofB </t>
  </si>
  <si>
    <t>在北京许多社区开设的免费班吸引了很多人参加</t>
  </si>
  <si>
    <t xml:space="preserve">数学一个两位数，各位与十位数上的数字之和为12，如果交换各位与十 </t>
  </si>
  <si>
    <t>设原个位上的数字为a,十位上的数字为b,依题得a+b=12(10a+b)-(10b+a)=36解方程组得a=8,b=4原两位数为48</t>
  </si>
  <si>
    <t xml:space="preserve">街球有时候为什么踢不掉人。是卡还是怎么了？有时候玩了一局后就踢不 </t>
  </si>
  <si>
    <t>以为那人进你房间之后就重起电脑了,所以会卡在房间里,等他电脑重起之后就自动退了~~卡在房间的同时是可以私聊的~~~他的电脑重新启动完毕之前ID都是处与在线状态~~~</t>
  </si>
  <si>
    <t xml:space="preserve">个人如何交易二手房个人交易二手房，如何办理手续，我是公积金贷款， </t>
  </si>
  <si>
    <t xml:space="preserve">交易费用中的大头：契税1.5％－3％，必须交，买方出个人所得税1－3％或者差价的20％，5年内。夫妻双方唯一住房自住5年以上免收，还有相关退税。。营业税，5年内，全额5.5％，5年外免收 1.贷款是看房屋综合素质和抵押人还款能力，二手房也一样可以。2.可以找亲戚做你们担保人，但按你们家庭情况，月供不超过1800元，就可办理，不需要办得太复杂。3.需提供：（1）借款人合法的身份证件；（2）借款人经济收入证明或职业证明；（3）有配偶借款人需提供夫妻关系证明；（4）有共同借款人的，需提供借款人各方签订的明确共同还款责任的书面承诺；（5）有保证人的，必须提供保证人的有关资料。（6）与售房人签订的《房屋买卖合同》，及售房人提供的划款账号；（7）贷款人认可的评估机构出具的抵押物估价报告；拿齐资料可去银行办理，最好找中介帮你，很多关系需要他们协调。  </t>
  </si>
  <si>
    <t xml:space="preserve">最近听说美国贝尔电子狗gx998很不错，单位几个车友想搞个团购，? </t>
  </si>
  <si>
    <t>我们单位才组织过，一共27个车友，买了31套，好像是直接电话联系的，如果你们要搞的话可以直接联系深圳市先锋华泰电子有限公司或者深圳市贝尔杜高电子商务有限公司，他们的才是真货。京东搜索贝尔杜高车品店。货到付款电话：4006112965</t>
  </si>
  <si>
    <t xml:space="preserve">关于生产许可的问题北京市内，因生产车间跨区转移，原来生产许可是否 </t>
  </si>
  <si>
    <t>生产车间跨区转移,需重新申领许可证.</t>
  </si>
  <si>
    <t xml:space="preserve">急求全国最好的中医医院？？？！！！我爸爸已患有浅表性胃炎3年有余 </t>
  </si>
  <si>
    <t>这世界上没有最好的。有的医院擅长治这种病，有的医院擅长治那种病。吃中药需要根据病情调整各种配药的剂量，最好选择离家近一些的医院，治疗比较方便。浅表性胃炎不是疑难病症，关键要坚持治疗，加上调整好饮食，配合适当锻炼民，调整好心情。指望吃几剂药就能药到病除，那是办不到的。</t>
  </si>
  <si>
    <t xml:space="preserve">高二证明题设a、b、c∈R+,且abc＝1,证明：1/(b+c) </t>
  </si>
  <si>
    <t>设a＝1/x,b＝1/y,c＝1/z,则原式等价于：x/(y+z)+y/(z+x)+z/(x+y)≥3/2→[(x+y)+(y+z)+(z+x)][1/(x+y)+1/(y+z)+1/(z+x)]≥(1+1+1)^2.依Cauchy不等式知，上式成立，故原不等式得证。</t>
  </si>
  <si>
    <t xml:space="preserve">办公用每月500张左右,用什么复印机最好?1、办公室用,每月复印 </t>
  </si>
  <si>
    <t xml:space="preserve">您好,可以买激光的,复印,打印一体机信价比比较高的,而且质量都是比较好的,价格在2500左右的,因为激光的打印和复印来说以后的耗材都会节约些的。如果有问题可以随时联系我,我在北京专业批发办公设备,和办公用品的MSN:wls_lh@ </t>
  </si>
  <si>
    <t xml:space="preserve">白头发越拔会越多吗？怎样可以减少白头发？ </t>
  </si>
  <si>
    <t>白发不会越拔越多，一般人到了一定的年纪都会长白发，使用一些药物可能会减少一点白发，可功效应该不大。如果是少白头，最好是去询问医生。</t>
  </si>
  <si>
    <t xml:space="preserve">游戏以船为主吗？？ </t>
  </si>
  <si>
    <t>船只是其中一部分</t>
  </si>
  <si>
    <t xml:space="preserve">如何输入网址？面板上无地址栏，无法输入，我该怎么办？ </t>
  </si>
  <si>
    <t>你可以在浏览器工具栏位置点右键，在弹出设置菜单中选中地址栏。根据不同浏览器，细节不同，浏览器品牌和版本太多，干脆来个最简单的办法：开始&gt;运行，在打开栏内输入网址，点确定。</t>
  </si>
  <si>
    <t xml:space="preserve">南京的酒店南京中央门长途汽车站附近有什么比较好的3，4星的酒店？ </t>
  </si>
  <si>
    <t>有米蓝假日酒店，准4的单人间只要238元，白宫大酒店，三星，标准房，228元，在那我们有很多会员酒店，您只要拨打我们的免费电话 68，便有专业的预订员为您推荐和介绍您要求的酒店，因酒店的价格会有淡忘季的变化，所以请您在确定行程后来电，我们会告诉您最及时准确的价格，来为您预订的，再次感谢您使用我司的服务；</t>
  </si>
  <si>
    <t xml:space="preserve">有什么办法能让体检通不过？早上体检前如果吃早餐和喝水，行不行？会 </t>
  </si>
  <si>
    <t>最简单的就是到药店买3片降压药，体检前一天晚上服一片，在体检前1小时服用2片，你的血压会变低而不合格，但是不可过量服用，避免血压过低。</t>
  </si>
  <si>
    <t xml:space="preserve">为什么我的包裹不能放东西去领VIP道具我说没礼物?谁帮帮我我领V </t>
  </si>
  <si>
    <t>你在周末时去找礼物发放员，点第一个选项，给我惊喜，就可以领到一个包裹2张藏宝图</t>
  </si>
  <si>
    <t xml:space="preserve">看看我处定的单子啊！３..３..３..３１..１..３１..３１ </t>
  </si>
  <si>
    <t>紫百合的单不错,有想法,参考价值大.</t>
  </si>
  <si>
    <t xml:space="preserve">治疗早泄最快的方法是什么 </t>
  </si>
  <si>
    <t>您好，早泄的常见病因：1.精神心理因素如性交次数少，情绪焦虑，缺乏性知识、性技巧，有心理顾虑等，2.器质性病变如盆腔骨折、包茎、包皮系带过短、尿道炎、附睾炎、前列腺炎等，病因不同，所需要采取的治疗方式就不一样，盲目的用药或治疗，并不能达到治愈疾病的效果，建议您到正规男科医院就诊，通过详细检查明确致病原因，遵医嘱积极治疗，对于因龟头神经过于敏感引起的顽固性早泄可通过阴茎背神经阻断术来治疗，祝您健康-！ 如有疑问，请在线咨询专家为您解答疑惑：qq 2590219386 潘医生</t>
  </si>
  <si>
    <t>则么做啊，过程详细点双曲线9分之x平方</t>
  </si>
  <si>
    <t xml:space="preserve">a=3,b=4,c=5, 左准线：x=-9/5, 点P到左焦点的距离是14, 点P到左焦点的距离/点P到左准线的距离=5/3， ∴点P到左准线的距离=14*3/5=42/5， ∴左支上的点P到右准线的距离=42/5+9/5*2=12. </t>
  </si>
  <si>
    <t xml:space="preserve">能在太空发射火箭吗 </t>
  </si>
  <si>
    <t>直要别掉到黑洞里就没问题.</t>
  </si>
  <si>
    <t xml:space="preserve">登录提示：获取用户信息失败，不能游戏是怎么回事啊？ </t>
  </si>
  <si>
    <t>M4我也挨了。。。。。。。。。。。。。。。。。。。。。估计这个8是SINA的原创，是合别人合作的，数据都放人家那里//</t>
  </si>
  <si>
    <t xml:space="preserve">打我强大给你天下英语怎么说 </t>
  </si>
  <si>
    <t>when I am strong enough,I will give you the whole world.</t>
  </si>
  <si>
    <t xml:space="preserve">2000年，怎么没有成立一家基金公司？从1998年开始，每年都有 </t>
  </si>
  <si>
    <t>那个时间人们对这些东西没有信心没有兴趣，既使成立了基金公司可能他们也觉得不挣什么钱，所以没有成立过公司。个人看法哦。</t>
  </si>
  <si>
    <t xml:space="preserve">拜托!!!到底什么时候才能开始变形啊???让人等的太心急了,变形 </t>
  </si>
  <si>
    <t>具体开放时间请您及时查看官方信息</t>
  </si>
  <si>
    <t xml:space="preserve">后市仍会有所反复仍需注意仓位控制　　沪深两市周一早盘呈现震荡小幅 </t>
  </si>
  <si>
    <t xml:space="preserve">后市仍会围绕年线并有所反复，投资者操作上仍需注意仓位控制。 </t>
  </si>
  <si>
    <t xml:space="preserve">福州男性早泄的危害？患有该疾病怎么办？ </t>
  </si>
  <si>
    <t>你好！患有早泄这种疾病的危害是有很多的，但是，主要有以下几点构成：1、丧失自信2、精神不振3、影响夫妻感情4、家庭破裂患有早泄这种疾病的危害是极大的，会对自身的身心健康造成严重的伤害。因此，在患有这种疾病的时候，是有必要及时的到医院进行治疗的。但是，在这里提醒大家一点的就是，治疗早泄这种疾病是在自己的“宝贝”上动刀子的，所以，在治疗这种疾病的时候，是有必要专业、规范的三甲医院进行治疗的，这样的医院不仅能够很好的治愈疾病问题，对自身的安全也会更加的有保障。F患有早泄这种疾病典型的就是会导致不育，所以，在发现自己患有早泄这种疾病的时候，是建议大家及时的到医院进行治疗的，这样可以减小疾病对自身造成的伤害。早泄这种疾病的危害是很大的，会导致不育，造成家庭破裂等，所以，在患有这种疾病的时候，是及时的到医院进行治疗很关键，这样才能够让自己早日的摆脱疾病问题。</t>
  </si>
  <si>
    <t xml:space="preserve">我公司的邮件系统不能给新浪邮箱发邮件。去年你们给调试过，可以发的? </t>
  </si>
  <si>
    <t xml:space="preserve">请咨询新浪客服中心。全国统一客服热线：95105670 咨询邮箱：webcn@ </t>
  </si>
  <si>
    <t xml:space="preserve">潜行按键隐藏盗贼的潜行按键如何隐藏起来　会的请留言谢谢　最是默认 </t>
  </si>
  <si>
    <t>flexbar可以做到，你找找这个插件吧  上面应该都有</t>
  </si>
  <si>
    <t xml:space="preserve">最近想要购买帕萨特，请各位大侠提些建议。想购买一辆帕萨特，1.8 </t>
  </si>
  <si>
    <t>领驭只是在中国市场上中级车里的过渡产品。真正厉害的还是B6。B6上市是必然。如果您真是老帕的忠实FANS。又不急等车用。那么建议持币观望。毕竟买个车也不容易啊。假如你急着要买。那我把全车系参数全给你。（全是手工劳动写的。并非是有些人为了分而去“复制”“粘贴”的。）希望这些数据能给你点帮助。2.0手动标准型。发动机型号L4。排量1984ML。功率85KW。扭矩172。变速器型号M5。官方报价RMB183800.002.0自动标准型。发动机型号L4。排量1984ML。功率85KW。扭矩172。变速器型号A4。官方报价RMB195800.001.8T手动舒适型。发动机型号L4。排量1781ML。功率110KW。扭矩210/1750。变速器型号M5。官方报价RMB214800.001.8T手动豪华型。发动机型号L4。排量1781ML。功率110KW。扭矩210/1750。变速器型号M5。官方报价RMB228800.001.8T自动豪华型。发动机型号L4。排量1781ML。功率110KW。扭矩210/1750。变速器型号A5。官方报价RMB242800.00。2.8豪华型。发动机型号V6。排量2771ML。功率140KW。扭矩260/3200。变速器型号A5。官方报价RMB288000.00。2.8旗舰型。发动机型号V6。排量2771ML。功率140KW。扭矩260/3200。变速器型号A5。官方报价RMB318000.00。注：官方报价不等于经销商售价。要猛的砍价。您要自动的豪华型。其实就剩两款了。1.8T和2.0的。其实2.0的后期保养肯定会比1.8T的东西低。带了高科技的东西。人家想宰你。你也没办法。毕竟咱也不懂啊。但1.8T的油耗那是实在比2.0低的。您的预期价位是20-30万这个区间。其实这个价位的与老帕同级别的车也挺多的。关键还是要售后服务到家。毕竟车子不是用一天两天的东西。综上。本人建议买1.8T自动豪华型的。其实2.8豪华型。您也可以考虑下。说错了什么请大家包涵。同时祝愿楼主早日把心仪的那款老帕接回家。</t>
  </si>
  <si>
    <t xml:space="preserve">近视眼激光有什么害处？是不是到老了50多岁。。。视力会变得更差呢? </t>
  </si>
  <si>
    <t>激光手术可以矫正近视,对眼睛没太大危害!我朋友有做了好多年的了。注意用眼卫生，不会变差的。</t>
  </si>
  <si>
    <t xml:space="preserve">已知a与b^2成反比例，且当b=4时a=5，求b=4/5时a的值 </t>
  </si>
  <si>
    <t>∵ a与b²成反比例，∴ a×b²=k(k为非零常数).当b=4时a=5,∴ k=5×4²=80, a×b²=80.b=4/5时,a×(4/5)²=80, a=125.</t>
  </si>
  <si>
    <t xml:space="preserve">肾小球肾炎症状 </t>
  </si>
  <si>
    <t>症状　　1.肾小球肾炎导致水肿：肾小球滤过率下降，导致水、钠潴留;蛋白质从尿中丢失引起血浆胶体渗透压下降，导致水分潴留;肾素分泌增多，引起继发性醛固酮分泌增多，肾小管钠、水重吸收增多等多种因素，是引起肾性水肿的原因。轻者仅有体重增加(隐性水肿)，重者可全身肿胀，甚至腹(胸)腔多量积液。　　2.肾小球肾炎导致蛋白尿：肾炎时，肾小球毛细血管壁的通透性增加，血 浆白蛋白由基膜滤过，而产生蛋白尿，所以肾小球肾炎的最重要的特点是蛋白尿。　　3.肾小球肾炎导致管型尿：管型是尿内蛋白质凝固和沉淀所形成的，所以在肾炎时，尿内应当有管型。应注意的是，尿中只有蛋白质而无管型，不能反映肾小球的病变。反之，只有管型而无蛋白质也不提示肾小球病变。只有在尿中既有蛋白质又有管型时， 才提示肾小球的病变。　　4.肾小球肾炎导致高血压：肾脏通过调节水、钠代谢，影响有效循环血容量，同时产生肾素，影响肾素一血管紧张素一醛固酮系统而导致高血压。慢性肾炎时高血压发生率为33.3%，尿毒症发生率为84%。　　5.肾小球肾炎导致贫血：肾性贫血常由水分潴留所致的稀释;肾小球严重病变时，红细胞生成素减少而出现贫血。贫血一般为正常形态、正常色素性贫血。　　6.肾小球肾炎导致氮质血症和尿毒症：它是肾小球病变到终末期时出现肾功能不全的表现，但并不是所有肾小球肾炎病人都有的表现。   临床表现前驱症状　　大多数病人在发病前一个月有先驱感染史，起病多突然，但也可隐性缓慢起病。起病　　多以少尿开始，或逐渐少尿，甚至无尿。可同时伴有肉眼血尿，持续时间不等，但镜下血尿持续存在，尿常规变化与急性肾小球肾炎基本相同。水肿　　约半数病人在开始少尿时出现水肿，以面部及下肢为重。水肿一旦出现难以消退。高血压　　起病时部分病人伴有高血压，也有在起病以后过程中出现高血压，一旦血压增高，呈持续性，不易自行下降。肾功能损害　　呈持续性加重是本病的特点。肾小球滤过率明显降低和肾小管功能障碍同时存在。　　肾小球肾炎的的病理改变是肾脏体积可较正常增大，病变主要累及肾小球。病理类型为毛细血管内增生性肾小球肾炎。光镜下通常为弥漫性肾小球病变，以内皮细胞及系膜细胞增生为主要表现，急性期可伴有中性粒细胞和单核细胞浸润。病变严重时，增生和浸润的细胞可压迫毛细血管袢使毛细血管腔变窄、甚至闭塞，并损害肾小球滤过膜，可出现血尿、蛋白尿及管型尿等;并使肾小球滤过率下降，因而对水和各种溶质(包括含氮代谢产物、无机盐)的排泄减少，发生水钠潴留，继而引起细胞外液容量增加，因此临床上有水肿、尿少、全身循环充血状态如呼吸困难、肝大、静脉压增。肾小管病变多不明显，但肾间质可有水肿及灶状炎性细胞浸润。</t>
  </si>
  <si>
    <t xml:space="preserve">请问北京中智公积金提取材料交上去要多长时间啊？据说你们一个月去交? </t>
  </si>
  <si>
    <t>北京中智公积金提取材料交上去要30天的时间，~~如果能帮到你，麻烦点击【有用】吧，谢谢哈~</t>
  </si>
  <si>
    <t xml:space="preserve">说贪污腐败与社会制度没有关系,对不对?世界上是不是有的地方百姓相 </t>
  </si>
  <si>
    <t>不对!贪污腐败与社会制度没有关系,大错特错了！如此，资本主义制度存在 ，社会主义制度也存在 。。。。。。那共产主义制度也存在了</t>
  </si>
  <si>
    <t xml:space="preserve">我是否适合用阿达帕林治疗？朱医生，说实话我的痘痘本来不怎么严重的 </t>
  </si>
  <si>
    <t>坚持是根本，使用技巧是关键。首先不要每天使用了，一周用一次。已经长出来的就用克林霉素凝胶外用或者结合美满霉素口服效果更好。关于阿达帕林的副作用你应该了解，但不是要畏惧它，其次正确认识这个疾病，过渡焦虑和担心只会加重。由于网络的限制，让你无条件相信也不现实，但得相信现实，阿达帕林确实是一种很好的药</t>
  </si>
  <si>
    <t xml:space="preserve">本人参加了内测有不明白的可以来问下如题 </t>
  </si>
  <si>
    <t>你好!!!我领了KEY!!为什么在认证的时候序列号打不上去啊!???</t>
  </si>
  <si>
    <t xml:space="preserve">妈妈买了2箱苹果共花了112元，每箱苹果重8千克，平均每千克苹果? </t>
  </si>
  <si>
    <t>112/2=56   56/8=7.所以每千克7元</t>
  </si>
  <si>
    <t xml:space="preserve">猫猫喝水和尿尿比别的猫多有可能是患上糖尿病吗？我家的猫猫才四个月 </t>
  </si>
  <si>
    <t>其实现在还不用着急给它治疗，你可以观察一段时间。多饮多尿有时是内分泌失调引起的往往不需治疗会自行痊愈。况且四个月的小猫肝肾机能还不健全更谈不上什么糖尿病了：）</t>
  </si>
  <si>
    <t xml:space="preserve">关于妇科炎症的今年21，下阴的阴唇的内侧1cm左右有一小块地方很 </t>
  </si>
  <si>
    <t>还是勇敢点去正规医院看看专科医生。以免延误或加重病情。</t>
  </si>
  <si>
    <t xml:space="preserve">感觉我得了抑郁症你好，我是去年毕业的，学的房地产经营管理，在深圳 </t>
  </si>
  <si>
    <t>1我们每个人都有一个原始程序。这个程序决定了我们如何看待自己和如何看待这个世界。2你的程序的核心代码是这样写的：我=沒有能力承担与解决任何风险。如果风险到了我一定会毁灭。如果没有他人保护，我就无法存活。3这些代码是你过去生活中你父母为你设置的，你过去没有选择的机会。但当你成年后你开始有了。4但由此你也必须面对一个问题：如何做出选择并找到属于自己的路。5你需要学会用自己的体验来形成你的判断。你要告别一个绝对安全的世界，那来自幻想。</t>
  </si>
  <si>
    <t xml:space="preserve">十万元投资什么好有十万资金，在上海投资什么行业比较好，而且风险小 </t>
  </si>
  <si>
    <t>没有你说的这种稳定高收益的投资项目.相应的稳定收益就小,收益大风险相对就大.想稳定收益可以投资短债基金,现在市场上有博时6号和易方达月月收益,年收益在2.5%,现在博时6号收益已接近2.7%完全可以代替2年期银行定期存款,比货币基金收益也高,且可以随时赎回.想要有高收益就投资股票型基金,但风险也大,但相对于自己炒股风险又小的多,但买这类基金就要买老牌基金公司的业绩好的基金,毕竟有业绩可以参考,推荐你购买易方达策略,今年年收益排名第4,标准被老牌业绩优基金.</t>
  </si>
  <si>
    <t xml:space="preserve">乙肝能治好吗　问问专家请问专家，我姑妈得乙肝好多年了，现在整个人 </t>
  </si>
  <si>
    <t xml:space="preserve">    乙肝是由乙肝病毒（HBV）引起的、以肝脏炎性病变为主并可引起多器官损害的一种传染病。本病广泛流行于世界各国，主要侵犯儿童及青壮年，少数患者可转化为肝硬化或肝癌。因此，它已成为严重威胁人类健康的世界性疾病，也是我国当前流行最为广泛、危害性最严重的一种传染病。    专家提到:乙肝没有特效根治办法.建议检查肝功,只要肝功检查正常,不要担心.但是平时一定要注意不要过于劳累,禁酒,不要吃肝损害的药物.多喝水多吃蔬菜水果.如果要吃可以吃点:复方维生素B 维生素C 肌苷片 保肝治疗,但是药物不要过多,过多的药物:中药或西药都可能反而会造成肝脏损害.因为任何药物都要通过肝脏代谢.都会或多或少加重肝脏损害.肝功能正常就不需要特别治疗,肝功正常才是目的.     肝功能正常无病毒复制可以不用药物治疗,但要定期的查肝功能.  </t>
  </si>
  <si>
    <t xml:space="preserve">我要重装系统遇到个大问题请各位姐姐哥哥帮忙谢谢^_^开始设置我怎 </t>
  </si>
  <si>
    <t>开机的时候按Del键如果进不了就按F2进入 就行了</t>
  </si>
  <si>
    <t xml:space="preserve">高手来帮忙我家的显示卡为SiS650_740,能玩跑跑吗？我家总 </t>
  </si>
  <si>
    <t>应该可以玩的，你的问题可能是显卡色深设置问题，建议鼠标右键点桌面，选择属性，然后点设置，在颜色一栏选择32位色。如果还不行就运行DirectX 把3D硬件加速打开。</t>
  </si>
  <si>
    <t xml:space="preserve">哪种眼霜去眼袋效果好？ </t>
  </si>
  <si>
    <t>对于眼袋，眼霜的效果并不理想，取决于是什么类型的眼袋，如果只是早上起床的一点浮肿，眼霜效果就好一点。</t>
  </si>
  <si>
    <t xml:space="preserve">见到领导就害怕怎么办？我是个刚走上社会的新人，一见到领导就害怕， </t>
  </si>
  <si>
    <t>在社会竞争如此激烈的环境中, 才走上工作岗位的女孩子怕自己做的不好或说的不对,在领导面前有些紧张在所难免.但是:一. 这只是暂时现象,时间长一些自然就能缓解二. 按你的描述,领导不错, 不是那种一句话没有且面无表情的领导.所以你用不着紧张.三. 索性跟你的领导说:"才来,有些紧张, 我会逐渐克服". 估计这个领导也能体谅.还能把你当作一个敢于坦言的人.能遇到这样的领导就不错了.</t>
  </si>
  <si>
    <t xml:space="preserve">请问怎样才能新浪认证？ </t>
  </si>
  <si>
    <t>填写完善个人资料，然后觉得要付钱就付钱，不付钱也可以认证额~</t>
  </si>
  <si>
    <t xml:space="preserve">舒琪的图片 </t>
  </si>
  <si>
    <t>百度，有很多呢</t>
  </si>
  <si>
    <t xml:space="preserve">女人为什么普遍比男人长寿？ </t>
  </si>
  <si>
    <t>据我国调查统计，女子平均寿命高于男子，世界各国也有类似情况。为什么会这样呢？这除去女子较少有吸烟嗜酒等不良习惯外，最主要的是由于女性占有免疫优势。 与男性相比，女子有更复杂的免疫系统。女子体内免疫球蛋白m等的含量比男子多，其天然免疫防御功能也较强，得免疫缺陷病的也比男性少。免疫系统与染色体关系极为密切。染色体上存在许多与免疫有关的基因，如果某些基因存在缺陷，那么免疫系统的结构或功能也会出现相应的变化，这显然将削弱整个人体的免疫力。我们知道，男性染色体为“XY”，而女性的染色体则是“XX”。如果在一条X染色体上带有一个影响寿命的基因，那么，另一条X染色体上很可能存在一个纠正的基因，这样，女性受先天的遗传影响就大为减少。目前知道的200多种遗传病中，男性易得的占75%，女性易得的只占25%。特别是因第八凝血因子缺乏引起的血友病，基本上也都发生于男性。此外，红绿色盲、蚕豆病、溶血性贫血、遗传性耳聋、先天性无丙球血症等疾病，也有“重男轻女”的趋势。尤其值得重视的是，免疫基因主要存在于X染色体上，女性具有两条X染色体，因而可以这么认为，女性的免疫系统有着双保险，至少要比男子强一倍左右。较完善的免疫功能使女性的寿命要长于男子。</t>
  </si>
  <si>
    <t xml:space="preserve">你了解浏览器下载安装吗？你是怎么去选择浏览器的？又对它的安装环境 </t>
  </si>
  <si>
    <t>可能我首先会看重速度，然后才会去使用别的，简单好用就好，所以现在就在使用KR浏览器。</t>
  </si>
  <si>
    <t xml:space="preserve">翻译I'vealsotravelledabit,youknow, </t>
  </si>
  <si>
    <t>off season 淡季的意思。</t>
  </si>
  <si>
    <t xml:space="preserve">大家觉得牛郎和织女配吗？为什么？ </t>
  </si>
  <si>
    <t xml:space="preserve">    要辨证的看这个问题：    1》不配，如果配的话，上天就不会把他们分开。对不对？因为上天是主宰嘛！    2》配，一对金童玉女，怎会不配呢？</t>
  </si>
  <si>
    <t xml:space="preserve">MVP文身能加多少积分和经验？MVP文身一场能加多少积分和经验？ </t>
  </si>
  <si>
    <t>经验是这样计算的盖帽文身1*70 就是说你盖一个帽就有70经验,100个就有7000经验助攻文身1*20 就是说你助攻一个就有20经验,200个就有2000经验得分文身1*10 就是说你得分一分就有10经验,100个就有1000经验抢断文身1*50 技术说你抢断一个就有50经验,100个就有5000经验 这里的70、20、10、50就是下图中的纹身标明的“+70、+20”等，因纹身而异！积分计算同理！纹身图见下图：</t>
  </si>
  <si>
    <t xml:space="preserve">鼻塞头晕犯困咳嗽，这是感冒的症状吗？/撇嘴/困/困 </t>
  </si>
  <si>
    <t>问题分析： 你好，根据您的描述您这是患了感冒，感冒大多是又受凉，病毒感染等导致，患者会出现头痛，头晕，咽喉肿痛鼻塞，喷嚏等症状。一般的感冒只要积极治疗即可意见建议：建议您，可以口服一些治疗感冒的药物比如，感冒颗粒等，搭配维c银翘片效果会比较好，另外平时积极锻炼身体，房间内多通风是预防感冒的关键所在。</t>
  </si>
  <si>
    <t xml:space="preserve">被蚊子咬到经了？那讨厌的蚊子正好咬到脚上的血管边好痒怎么班？ </t>
  </si>
  <si>
    <t xml:space="preserve">方法很多 可以都试试 看看效果到底如何 夏天到来后，蚊子随之孳生，尤其是雨季，蚊虫的幼虫--在大水中大量繁衍。蚊虫的叮咬使人难以入眠，而且还会传播疾病。可是要想彻底消灭蚊虫，并非易事，被蚊叮咬在所难免。蚊虫叮咬时，在蚊子的口器中分泌出一种有机酸--蚁酸，它的成分是HCOOH。这种物质可引起肌肉酸在家庭中可用浓肥皂涂抹可迅速止痒。原因是肥皂高级脂肪酸的钠盐。如：C17H35COONa。这种脂肪酸的钠盐水解后显碱性。 含OH- 蚁酸水溶液中含H+ ： 因为肥皂水中的OH-与蚁酸的H+中和成H2O因此可迅速消除痛 痒。 被蚊子叮后，切忌乱抓乱挠，否则容易造成细菌感染。专家建议， 可采取以下方法止痒： 1.一般人被蚊子叮咬后，都会出现红肿、痒、痛等症状，这时可用碱性物 质进行缓解，比如，可用氨水止痒，也可将香皂蘸水在红肿处涂抹，这 样能在数分钟内止痒。 2.如果叮咬处很痒，可先用手指弹一弹，再涂上花露水、风油精等。 3.用盐水涂抹或冲泡痒处，这样能使肿块软化，还可以有效止痒。 4.可用芦荟叶中的汁液止痒。被蚊子叮咬后红肿奇痒时，可切一小片芦荟 叶，洗干净后掰开，在红肿处涂擦几下，就能消肿止痒。 </t>
  </si>
  <si>
    <t xml:space="preserve">什么植物驱蚊效果好?夏天到了,蚊子多了,可以在家里养些什么样的盆 </t>
  </si>
  <si>
    <t>阳台上种了薄荷和迷迭香及艾草三种香草植物,这三种植物都有著自己迷人的香气!根据我的观察,迷迭香和艾草防虫效果较好!其中尤其是"艾草",本想去花鸟市场买,但却买不到,问了房东大姐,她却带我走向?外,她蹲下拔了几棵长在地上的绿草,叫我闻闻!!我一闻,眼睁的特大!发现原来找遍花鸟市场买不到的艾草,其实在外?早已生长许久!所以将这"艾草"种在盆子里!!它长的很好!!现在我已住进自己的新家,这艾草也跟著到新家生长的很开心!常常等艾草及薄荷长到30公分左右,我就会将之剪下,用瓶子接些水插上自盆里剪下的这些香草放在家里,这样也有防蚊虫的效果,平均约一周换2-3次水(水位低),这些香草用水养可养上半个月或更久!在水养的期间若底部长了根,又可再种入新盆里!!且因为时常剪下旧盆里的香草,彷?肥俏枳饕淮胃乱话?我会先浇些水肥料,待下次再长出来的香草就更壮美!!</t>
  </si>
  <si>
    <t xml:space="preserve">为什么苹果在圣诞期间就叫“平安果”？这两者有什么联系吗？ </t>
  </si>
  <si>
    <t>12月24日，也就是圣诞节的前一天，被西方人称为夜。而在中国，又恰逢新年将至，所以平安夜还没到，一种叫做“平安果”的礼物，已经开始在人们手中悄然传递。 　　“平安果”是以一个个色泽鲜艳、样子好看的进口苹果装扮而成，多为红蛇果、青蛇果。也有把国产的红富士苹果包装成“平安果”的。有的包一个苹果，也有同时包两个的。之所以把“苹果”当成“平安果”的首选，是中国人取谐音“平安果”(苹果)。　　水果商装扮“平安果”是受年轻人的启发。开始时，有一些年轻人买一两个进口苹果，然后拿到礼品店打上包装，准备在平安夜当礼物送给好朋友，这一“商机”马上被精明的商人捕捉到。　　对这种新东西感兴趣的多为一些青少年，他们觉得用5元钱将赋有“平安”意义的礼物送给朋友、情人或者老师、亲人都挺值。于是平安夜在人们手中悄悄传递着“平安果”的同时，也在传递着一份美好的祝福。 　　平安夜送平安果这个习俗是中国。因为中国人比较注重谐音，比如洞房花烛夜，将红枣、花生、桂子、瓜子等物掷于床上，意为“早生贵子”。苹果的“平”与平安的“平”同音，于是中国人寓以苹果“平安”的吉祥含义，于是就有了平安夜送苹果的新习俗。送苹果，即表示：送平安果的人向接受平安果的人祝福！ 而且平安夜收到的苹果是要吃掉的，这样才算是真正接受了他人的祝福，并且将在新的一年平平安安！</t>
  </si>
  <si>
    <t xml:space="preserve">防火墙断口的问题自本次启动以来共受到2次攻击。最后一次攻击的IP </t>
  </si>
  <si>
    <t>防火墙不是都拦截了该通信了嘛拦截后会向发送端发一个无法到达的信息</t>
  </si>
  <si>
    <t xml:space="preserve">急急几我有个朋友性伴侣比较多连他现在的老公一共有7个了以前也有一 </t>
  </si>
  <si>
    <t>您好，紧急避孕药一年只建议服用一到两次，一次紧急避孕的药量一般相当于8天的常规短效口服避孕药量，多吃不但会干扰女性体内雌、孕激素水平的平衡，而且伤害肝脏功能，甚至对下丘脑、垂体、卵巢都可能有一定的损害，体内激素生理水平长期被打乱，还会影响生育。紧急避孕药的不良反应轻则出现恶心、呕吐等胃肠道反应和头晕、头痛，重则引起并发症：阴道不规则出血、月经周期改变、经量突然变多或变少、乳房胀痛等。爱美的女性还要小心，滥用紧急避孕药还可能带来皮肤色素改变，脸变黑、出现色斑等。要懂得关爱自己，性伴侣不要过多，过多的话很容易导致一系列的妇科疾病，祝健康！</t>
  </si>
  <si>
    <t xml:space="preserve">44期定单(9注324元),赛后验证(重发)定单思路:阿森纳3\ </t>
  </si>
  <si>
    <t>很不错的单子,祝好运!</t>
  </si>
  <si>
    <t xml:space="preserve">盾魂魄如何练防御的盾魂喂什么饿到多少开始喂如何练请高手不要保守哦 </t>
  </si>
  <si>
    <t>我带出来一个防御盾 ，也是在朋友指导下练的。经验（不成熟）如下：一般4级前不用管，到快5级升级的时候用法术攻击石头喂满升级。，不出激发的话下一级继续这么喂。（刚过一周，我又带出一个防御%的魂魄，同时还有法术攻击%，呵呵，是不是还可以啊？这个也是前4级没管，到5我开始喂石头，原来出的是火法术攻击的就喂暗月石头，结果5级出的法术攻击%，到6我喂的是白石头，结果出的是防御%。一定记 住，魂魄升级的时候必须是灵力是100）</t>
  </si>
  <si>
    <t xml:space="preserve">产后没奶怎样催乳？ </t>
  </si>
  <si>
    <t>喝鲫鱼汤和猪蹄汤效果比较好，或者让中医生给开点下奶的药也行。</t>
  </si>
  <si>
    <t xml:space="preserve">“三更”具体指的是几点？“三更、四更”具体指的是几点 </t>
  </si>
  <si>
    <t>三更是子时，即夜间十一点至凌晨一点四更是1－3点五更是最后一更，已到寅时，即黎明前的三点至五点钟</t>
  </si>
  <si>
    <t xml:space="preserve">关于小学托管中心市场前景调查请各位家长帮帮忙哈~~非常感谢~~您 </t>
  </si>
  <si>
    <t>一年级；听说过；私人托管班的安全问题；能；300元（诸城）</t>
  </si>
  <si>
    <t xml:space="preserve">002015后市会怎么样？ </t>
  </si>
  <si>
    <t>002015 霞客环保机会存在谨慎持有.</t>
  </si>
  <si>
    <t xml:space="preserve">5173怎么收取交易费用?寄售成功一笔5173怎么收取服务费? </t>
  </si>
  <si>
    <t>手续费系统默认由卖家出。物品交易：30元以下收5元，30~100收5+5，100~200收10+5。以此类推，ID交易收取10%+5的费用，不足100按100算，不足200按200算，以此类推。</t>
  </si>
  <si>
    <t>适合0</t>
  </si>
  <si>
    <t>我家孩子吃的是美满宝贝奶粉，她刚3个月，营养就那几块儿差不多，促进大脑发展的、视力发展的、身体发展的，基本每种奶粉都有这些配方吧，希望宝宝们都能健康成长。</t>
  </si>
  <si>
    <t xml:space="preserve">寻找小说有谁还有类似《哥，别爱我》这样的小说介绍啊 </t>
  </si>
  <si>
    <t>七月七日晴、凉生，我们可不可以不忧伤有点悲伤！</t>
  </si>
  <si>
    <t xml:space="preserve">宝宝感冒一般会持续多长时间？我的宝宝半岁了，一个礼拜前感冒了，症 </t>
  </si>
  <si>
    <t xml:space="preserve">宝宝感冒养护全方位 感冒原因: 80%～90%的感冒是由病毒引起的，能引起感冒的病毒有200多种；占10%～20%的感冒是由细菌所引起的。1岁以内的婴儿由于免疫系统尚未发育成熟，所以更容易患感冒。 感冒的宝贝很难受 孩子一年要得上5～6次感冒是属于比较普遍的。感冒的典型症状包括：流鼻涕、鼻子堵塞、咳嗽、嗓子疼、疲倦、没有食欲、发热。1岁以内的婴儿感冒，常常会出现发热（体温超过38℃）、咳嗽、眼睛发红、嗓子疼、流鼻涕。感冒的宝宝常常会出现食欲下降。6个月内的宝宝，由于还不会在鼻子完全堵塞的情况下进行呼吸，所以常常会出现吃奶和呼吸困难。 感冒的持续时间 一般，感冒将持续7～10天，小宝宝有时可持续2周左右。咳嗽往往是最晚消失的症状，它往往会持续几周。经常和大孩子一起玩耍的婴儿，头一年通常要得6～10次感冒；甚至整个冬天都在不停地流鼻涕。 何时需要去看医生 3个月内的宝宝，一出现感冒的症状，你就要立即带他去看医生。 较大的宝宝，一旦出现以下情况之一，你要立即带他去：感冒持续5天以上；体温超过39℃；宝宝出现耳朵疼痛；呼吸困难；持续的咳嗽；老流黄绿色、粘稠的鼻涕。 感冒的治疗 1、带着宝宝去医院，医生常会要求宝宝进行一些检查，这样才能知道感冒的原因。 2、如果是病毒性感冒，并没有特效药，主要就是要照顾好宝宝，减轻症状，一般，过上7～10天就好了。 3、如果是细菌引起的，医生往往会给宝宝开一些抗生素，一定要按时按剂量吃药。有的妈妈为了让孩子病早点好，常会自行增加药物剂量，这可万万不行，否则会事与愿违。 4、如果宝宝发烧，应当按照医生的嘱托服用退烧药，体温低于38.5℃，不用服用退烧药。不要乱吃感冒药。1岁以内的婴儿，乱吃感冒药往往弊大于利。 5、如果鼻子堵塞已经造成了宝宝吃奶困难，你就需要请医生给你开一点盐水滴鼻液，在吃奶前15分钟滴鼻，过一会，即可用吸鼻器将鼻腔中的盐水和粘液吸出。滴鼻水可以稀释粘稠的鼻涕，使之更容易清洁。如果未经医生允许，千万不要给孩子用收缩血管或其他的药物滴鼻剂。 照料感冒的宝宝 1、充分休息 对于感冒，良好的休息是至关重要的，尽量让孩子多睡一会，适当减少户外活动，别将宝宝累着。 照顾好宝宝的饮食 让宝宝多喝一点水，充足的水分能使鼻腔的分泌物稀薄一点，容易清洁。让宝宝多吃一些含维生素C丰富的水果和果汁。据说鸡汤可以减轻感冒的症状，不妨煲点鸡汤让宝宝喝上一点。尽量少吃奶制品，它可以增加粘液的分泌。对于食欲下降的宝宝，妈妈应当准备一些易消化的、色香味俱佳的食品。 2、让宝宝睡得更舒服 如果宝宝鼻子堵了，你可以在孩子的褥子底下垫上一、两个毛巾，头部稍稍抬高能缓解鼻塞。千万不要让两岁以下的宝宝直接睡在枕头上或将枕头垫在床垫下，这样很容易引起窒息或损伤颈椎。 3、帮宝宝擤鼻涕 宝宝还太小，不会自己擤鼻涕，让宝宝顺畅呼吸的最好办法就是帮宝宝擤鼻涕。你可以在宝宝的外鼻孔中抹上一点凡士林油，往往能减轻鼻子的堵塞；如果鼻涕粘稠，你可以试着用用吸鼻器或将医用棉球，捻成小棒状，沾出鼻子里的鼻涕；如果鼻子堵塞已经造成了吃奶困难，你可以在吃奶前15分钟用盐水滴鼻液滴鼻，过一会，用吸鼻器将鼻腔中的盐水和粘液吸出，宝宝的鼻子就通畅了。 4、保持空气湿润 你可以用加湿器增加宝宝居室的湿度，尤其是夜晚能帮助宝宝更顺畅地呼吸。别忘了每天用白醋和水清洁加湿器，避免灰尘和病菌的聚集。 5、为宝宝做个蒸汽浴 带上宝宝和你一起去浴室，打开热水或淋浴，关上门，让宝宝在充满蒸汽的房子里待上15分钟，宝宝的鼻塞定会大大好转。浴后别忘了立即为宝宝换上干爽的衣服。如果让宝宝在稍热的水中玩上一会，也能减轻鼻塞的症状和降低体温。 特别提示 如果宝宝除了鼻塞之外，没有任何症状，你需要带宝宝去耳鼻喉科进行鼻腔检查。也许你不知道：既使很小的宝宝，也能将东西放进鼻腔里。参考资料： </t>
  </si>
  <si>
    <t xml:space="preserve">“爱问”每天提问有没有限制数量？问题在十五天后就被彻底删除，是吗? </t>
  </si>
  <si>
    <t>“爱问”每天提问没有限制数量问题在十五天内必须处理，否则会被撤销，只能看到题目，看不到内容，你还会被扣分。处理问题，可撤销也可选择无满意回答或者采纳一个正确的答案，前两者都相当于撤销，如果提问者没有撤销，问题就会被保留下来供以后的人参考。</t>
  </si>
  <si>
    <t xml:space="preserve">注册新浪微博必须使用新浪邮箱么？ </t>
  </si>
  <si>
    <t>以前好像是的，现在都放开了吧，邮箱都可以的</t>
  </si>
  <si>
    <t xml:space="preserve">女孩喜欢好听的话吗 </t>
  </si>
  <si>
    <t>有的女孩喜欢!顺便问句!你们都没休息啊!</t>
  </si>
  <si>
    <t xml:space="preserve">我用武汉电信的高校天翼手机，能送天翼宽带不？ </t>
  </si>
  <si>
    <t>不是 如果你的手机欠费 网也会侬的希望你玩的开心</t>
  </si>
  <si>
    <t xml:space="preserve">海淀有哪个大专学校？我是从廊坊念的大专，学的是计算机网络，我想毕 </t>
  </si>
  <si>
    <t>海跑。科技经营管理大学，北京农学院都有大专。</t>
  </si>
  <si>
    <t xml:space="preserve">向调皮请教深圳华强000062后市怎样操作。 </t>
  </si>
  <si>
    <t>000062 深圳华强 持续?升阻力较弱,五日均线(10.03)之上仍可持仓待涨.</t>
  </si>
  <si>
    <t xml:space="preserve">关于练级的问题，急，谢谢～家族战士56、道具52、格蕾丝56，装 </t>
  </si>
  <si>
    <t>去女神单挂吧.找个怪多的地方</t>
  </si>
  <si>
    <t xml:space="preserve">怎么用黑水吸属性怎么用黑水晶吸装备的属性!!怎么才可以吸出来!! </t>
  </si>
  <si>
    <t>１用超黑水吸蓝金装备都行装备不消失　　普通黑水只能吸兰色装备装备有机率消失２你放入你想吸的装备　　再放上黑水　就行了３到巧手坊　　找管神工旁边的哪个就这些了希望楼主满意</t>
  </si>
  <si>
    <t xml:space="preserve">测试区是不是很难进啊？我进去后觉得很慢啊？同上 </t>
  </si>
  <si>
    <t>是的，因为测试服务器是免费的，所以人比较多，服务器基本都是满负荷运行，因此游戏的时候比较卡，而且在登入服务器的时候比较难登入。</t>
  </si>
  <si>
    <t xml:space="preserve">骗子网站 </t>
  </si>
  <si>
    <t xml:space="preserve">不要相信，这些都是骗人的，你所说的系统信息，其实他的名字叫系统信息，他给你说一下句，你就以为是系统信息来了。这种骗子太多了，别上当了。而且这个网站 ，肯定是木马的网站，千万别上，如果上了，你的账号就不能登陆了。别想着钱从天上掉下来。 世纪天成的两款游戏运营至今，出现了一些利用假冒官网活动并以此牟利的不法分子。他们制作假冒的官网活动页面，以骗取玩家填写个人帐号信息或骗取玩家的钱财，给一些玩家带来了重大的损失。　　为了维护玩家的利益，保护玩家的帐号安全，我们特意开放了假冒官网举报页面。您如果一旦发现有假冒官网出现，请立刻到  进行举报 </t>
  </si>
  <si>
    <t xml:space="preserve">不小心把转职任务删了！！！怎么办？ </t>
  </si>
  <si>
    <t>回去继续再接，还是可以的。</t>
  </si>
  <si>
    <t xml:space="preserve">75分！极简单选择题前臼齿有多少个尖突？1或22或33或4最好有 </t>
  </si>
  <si>
    <t>2或3位置在犬齿的后面、臼齿的前面的牙齿。人类的前臼齿上下颌各四个，齿冠的咀嚼面上有两个或三个突起，适于磨碎食物.据考证属实</t>
  </si>
  <si>
    <t xml:space="preserve">在自由集体主义劳动关系模式中,工会组织的特征是：A、弱小工会组织? </t>
  </si>
  <si>
    <t>独立强大的工会组织</t>
  </si>
  <si>
    <t xml:space="preserve">就是想问，大学生入党对以后的工作真的有影响吗？如果有，大不大？请? </t>
  </si>
  <si>
    <t>有点影响，但不是太大</t>
  </si>
  <si>
    <t xml:space="preserve">2009年湖北应城一中的录取分数多少，有人知道吗？ </t>
  </si>
  <si>
    <t>应该是570-600之间</t>
  </si>
  <si>
    <t xml:space="preserve">二手戴尔笔记本电脑N4050能值多少钱 </t>
  </si>
  <si>
    <t>二手戴尔笔记本电脑N4050能值1500</t>
  </si>
  <si>
    <t xml:space="preserve">两岁零十个月的男孩身高多少才正常. </t>
  </si>
  <si>
    <t>孩子身高的计算公式是：年龄*5+75现在的标准可能要高一些，但差别不是很大。孩子在学龄前的身高与喂养有关，学龄之后与遗传有关。</t>
  </si>
  <si>
    <t xml:space="preserve">农村富余劳动力的概念 </t>
  </si>
  <si>
    <t>农村富余劳动力是指　　在一定的生产水平下，农村实际需要的劳动力数和农村现有劳动力数之差。有两种表现形式：①长年性的富余。即农村长年富余的劳动力；②季节性的富余。即农业劳动力在农闲季节有富余劳动时间。农村劳动力的过剩是劳动资源的浪费，既影响农民致富，也影响社会安定。因此，要广开生产门路，提高集约经营水平，使农村富余劳动力得到充分利用。在现有农业技术水平和农村产业结构条件下，按照人均负担耕地标准测算，2001年中国约有1.5亿人农村富余劳动力。</t>
  </si>
  <si>
    <t xml:space="preserve">冒险岛金沙滩度假村怎么去 </t>
  </si>
  <si>
    <t>金海滩是40级主题任务地图，到了40级左边灯泡或提示你传送过去的，手动的话你去刘岔路口找另一个开飞机的，叫什么操纵员就可以去了，不是那个什么斌。话说任务比较麻烦，每个地图的怪都要刷一遍，有的爆东西，大部分要刷满100个怪，没科技挺费时间的，不过与其他主题任务来比已经简单很多了，难度大于蘑菇城，小于阿赫，最终奖励是一个花纹脸施，打BOSS获得的。你只要最后到了BOSS地图打完了别交任务，就可以无限进去，直到刷出一个属性不错的就可以把任务交了，一个大螃蟹，触碰伤害不高，尖兵可以速度解决。目测是升级好方法。有组队更快。1、如果你在地上，就到明珠港城里找NPC佩森(位置:明珠港城里中间偏左) 2、如果你在天空之城，就去找导游(位置:药店旁边) 3、如果你在玩具城，也可以去找导游...（春节红包领，马到功可成http://huofengchuan.taobao.com/小儿象来拉拉手，一身朋友天帝游。愿朋友马年一展双翼，空中翱翔任鹏飞。 以上信息有小儿象提供，愿友多福年年愉快！）很好玩的网站，1元就能买IPhone 4S哦，快去看看吧！http://t.1yyg.com/8kT93TM</t>
  </si>
  <si>
    <t xml:space="preserve">多头发散是什么技术指标?经常见到股评说:空头发散或多头发散,各位 </t>
  </si>
  <si>
    <t>指均价线。5 10 20 30 日。的平均持股价。日子可自设，1，3，5，10。 20，40，60，120日。不等。自个爱好。空头与多头发散指现价在这四线的下边，与上边，相互离的远。的一图形。</t>
  </si>
  <si>
    <t xml:space="preserve">玻璃体浑浊和玻璃体后脱落怎么办？ </t>
  </si>
  <si>
    <t>中医治疗是一般会根据患者的不同，病因病症的不同，采取不同的治疗措施，这样可以让治疗更精准，从而有效的缩短治疗周期，下降治疗费用。这症状考虑是眼底病变引起的飞蚊症。用眼过度、疲劳等引起的飞蚊症是一种无害的玻璃体混浊，绝大多数的飞蚊症都不影响到视觉机能，无须特殊药物治疗。只要适当的休息，避免劳累玻璃体混浊其中有少数却是严重眼疾，如视网膜剥离或玻璃体流血等的先驱症状，所以大家也千万不要掉以轻心。有以下现象时就需特别提高警觉，及时找合格的眼科医师详细检查了</t>
  </si>
  <si>
    <t xml:space="preserve">想了段,可就是不能.认识了六年,保持情人关系将近五年了,彼此相亲 </t>
  </si>
  <si>
    <t>了解你的烦恼,这种事很多,周围也有人这样的,看到他们在一起很开心很幸福,真为他们担心,但实际碰到了已经到了这一步了,是难分手的,你们的家庭关系肯定不好的,但彼此为了家庭也不会离婚,只能等时间来了段你们关系了.</t>
  </si>
  <si>
    <t xml:space="preserve">U盘能代替内存吗我的电脑过旧了，128M内存733CUP。无法找 </t>
  </si>
  <si>
    <t>U盘和内存是两个不同意义的存储器内存是ram，不保存数据，只是数据和程序运行的场所，掉电就没有了。U盘和硬盘是外存储器，不依赖电保持信息。</t>
  </si>
  <si>
    <t xml:space="preserve">用什么擦地最干净？ </t>
  </si>
  <si>
    <t>用力</t>
  </si>
  <si>
    <t xml:space="preserve">系统文件出错怎么回事 </t>
  </si>
  <si>
    <t>如果是xp的话把安装盘放进去 覆盖一下就可以了如果是2000的话 只能重装了</t>
  </si>
  <si>
    <t xml:space="preserve">大家有比较好的治疗只吃的方法吗?各位朋友:大家好,我是一名口吃患 </t>
  </si>
  <si>
    <t>可以三个字三个字的说话！最重要还是要有自信！放松自己！</t>
  </si>
  <si>
    <t xml:space="preserve">07006期14场初单西汉姆31日03:45利物浦0博尔顿01日 </t>
  </si>
  <si>
    <t xml:space="preserve">谢菲联 31日03:45 富勒姆 10?--30斯图加 31日03:00 比勒菲 31?--3拜　仁 31日03:00 波　鸿 31冷--31 </t>
  </si>
  <si>
    <t xml:space="preserve">液晶电视的刷新率高了，画面会更清晰吗？貌似是液晶电视的刷新率越高 </t>
  </si>
  <si>
    <t>一般的都是120hz，索尼有200hz的，然后就是硬屏的240hz技术，这算上目前最高的了吧，据说它不仅能使画面更清晰，而且还能有护眼功能。</t>
  </si>
  <si>
    <t xml:space="preserve">歌颂母亲的诗歌,你能说出几首?今天是母亲节,祝天下所有的母亲节日 </t>
  </si>
  <si>
    <t>当代家余秋雨在一篇文章中写道：“一切远行者的出发点总是与妈妈告别......而他们的终点则是老......暮年的老者呼喊妈妈是不能不让人动容的，一声呼喊道尽了回归也道尽了漂泊。”“慈母手中线，游子身上衣。临行密密缝，意恐迟迟归。谁言寸草心，报得三春晖。”唐代诗人孟郊，历经坎坷，穷困愁苦，而母亲的笑容却时刻令他梦萦魂牵。在他得知母亲将来的时候，掩不住脸上的笑容，按不住心中的喜悦，抖落衣冠上层累的风霜，拂去心头积淀的风尘，携妻将雏，到溧阳城外迎接母亲。芳草萋萋，花香阵阵，白云舒卷，碧野晴川，处处洋溢着儿子不尽的思念。母子相依，热泪盈眶，握着妈妈温暖的双手，望着母亲苍老的容颜，不禁怆然饮泣，感慨万千，提笔赋诗，情思涌动，在孟郊笔下，就熔铸了这首饱含母爱的《游子吟》，诚挚深切，传诵千年......唐代诗人杜甫，一生颠沛流离，栖止不定。他在安史之乱后回到家乡时，已田园寥落，物是人非。凄苦忧愁，睹物伤怀，他将忧国忧民之心与思母之情相融合，互相生发，写成感人肺腑的《无家别》-----------“永痛长病母，五年委沟溪。生我不得力，终身两酸嘶。人生无家别，何以为蒸黎!”言词悲切，凄苦哀绝，足以令人慷慨动容，下千秋之泪......东汉末年，蔡文姬被乱兵掳至匈奴，作别家国，万里投荒。在被汉使赎回时，母子诀别，含悲引泪，亲朋相送，凄凉感伤。她在所作《悲愤诗》中写道：“已得自解免，当复弃儿子。天属缀人心，念别无会期......号泣手抚摩，当发复回疑。”凄怨哀伤，声节悲凉，读之使人落泪。唐人曾以此为题，作胡笳之曲，如泣如诉，欲歌欲哭，一种醇烈的母子之情充溢于曲调之间......</t>
  </si>
  <si>
    <t>TP</t>
  </si>
  <si>
    <t xml:space="preserve">下载安装“驱动人生”软件，驱动人生是一款免费的驱动管理软件，实现智能检测硬件并自动查找安装驱动，为用户提供最新驱动更新，本机驱动备份、还原和卸载等功能。软件界面清晰，操作简单，设置人性化等优点，大大方便广大机友管理自己的电脑的驱动程序。 个人感觉比“驱动精灵”好用多了，下载速度快  </t>
  </si>
  <si>
    <t xml:space="preserve">喝红茶对心脏有影响吗？最近很爱喝红茶，但喝完后有时会感到心慌、心 </t>
  </si>
  <si>
    <t xml:space="preserve">   据荷兰的一项研究表明，每天喝五杯红茶可以减少脑血管疾病发病的危险。红茶不仅不会伤胃，反而能够养胃。经常饮用加糖的红茶、加牛奶的红茶，能消炎、保护胃黏膜，对治疗溃疡也有一定效果. 所以说和红茶对心脏没有坏处，而且有好处呢！！</t>
  </si>
  <si>
    <t xml:space="preserve">广州哪里治疗儿童脑瘫比较好 </t>
  </si>
  <si>
    <t>什么是脑瘫？脑瘫能治好吗？民航广州医院神经修复细胞疗法，神经修复细胞疗法是一种新兴的、具有显著疗效的神经系统疾病治疗模式，是一种自身免疫的新型治疗方法，通过神经修复通过颈动脉介入、鞘内介入或静脉回输，靶向定位输送到患者体内，讲究针对患处激活自身神经细胞实现自身细胞分化，实现自我更新，修复并代替大量损伤的神经细胞，起到长期稳定的治疗效果，从而达到治疗等神经系统疾病的目的。生物治疗是继手术、药物之后的又一大神经系统疾病治疗技术。头部正中位：脑瘫儿的头经常是偏向一侧，家长护理不论是躺、抱、坐或站立时，应经常注意使其头部位于正中线。止住流涎：脑瘫儿大多伴有流涎，这是因为面部肌肉及吞咽同时处于痉挛不协调状态，下颌关闭不全，吞咽反射不灵敏所致。采用侧卧位：病儿躺在床上玩或睡眠时，应采取侧卧位，这样有利于痉挛性肌张力的缓解，还有利于肢体的对称，容易将双手放在胸前手功能训练：脑瘫儿的病情一般是下肢重于上肢，上肢多保留一定的功能，家长应经常让病儿手抓住物体，继而抓捏和玩耍。您好：小儿脑瘫越早治疗越好，最佳时期为1岁以前。据立馨脑瘫门诊部十多年的临床经验，3个月左右患儿为“早、早、早”期治疗极佳阶段，一般家长不易发现，错过了“超早期极佳治疗阶段”。6个月至10个月左右患儿为“早、早”期治疗阶段，如在半岁左右及时治疗，病程短，效果好，稳定性强。脑瘫的治疗主要是两个方面，一个就是治疗孩子的脑袋，另一个就是治疗孩子以后可能会留下的后遗症,而治疗脑子不能靠什么药物的治疗了，手术一般也是不可以的，主要是让孩子运动起来。对于后遗症，其实也是一样的道理，脑子不好用了，对以后也是非常的麻烦的，可能孩子一开始不会很好的运动开来，但是做家长的要有耐心，一遍一遍的教孩子做这些。不能责怪孩子</t>
  </si>
  <si>
    <t xml:space="preserve">为什么提问也能被撤销？我的问题“喝茶好吗”为什么被撤销了？昨天刚 </t>
  </si>
  <si>
    <t>您的提问过于简单，而且，类似提问爱问已经非常多了。为了净化知识人社区环境，06年3月2日再次调整了爱问知识人审核标准，请您详细阅读： 非常感谢您对爱问的支持，我是[新浪产品]分类管理员，有困难记得找我，我会协助您解决的。</t>
  </si>
  <si>
    <t xml:space="preserve">怎么新升的联众号不可以激活电信二区啊 </t>
  </si>
  <si>
    <t>确认完毕，可以激活~</t>
  </si>
  <si>
    <t xml:space="preserve">有谁去过海南槟榔谷的，现在门票多少？有没有优惠！ </t>
  </si>
  <si>
    <t>好像165元吧，不过网上订肯定便宜点，譬如团购，聚划算什么的，我上次就在同程上订的，便宜了几十块钱吧。</t>
  </si>
  <si>
    <t xml:space="preserve">早恋好不好 </t>
  </si>
  <si>
    <t>世上没绝对的好与不好。。要看最后的结果如何当然，现在的比例而言早恋是坏的结果占大部分。</t>
  </si>
  <si>
    <t xml:space="preserve">空腹血糖降不下来医生，您好，我老公今年查出有糖尿病，近两个月在服 </t>
  </si>
  <si>
    <t>餐后血糖高吗，体型怎么样？如体型较胖，餐后血糖，包括三餐后血糖都偏高的话，可以在早餐后、中餐后各加一粒二甲双胍。如体型较瘦，餐后血糖均高，可在早餐前加用促胰岛素分泌剂。如餐后均不高，只是空腹血糖高，又比较瘦的话，建议临睡前小剂量用中、长效胰岛素治疗，不宜服用二甲双胍。所以看病人具体情况制定治疗方案，建议查一下胰岛功能。</t>
  </si>
  <si>
    <t xml:space="preserve">为什么已经邀请了三位好友开通微博并绑定了手机，但是还不能拿呼风唤? </t>
  </si>
  <si>
    <t>有的勋章要完成24小时后才会生效</t>
  </si>
  <si>
    <t xml:space="preserve">急！！在线等数学几何在三角形abc中,ab等于ac.点d式bc上 </t>
  </si>
  <si>
    <t>你好！de,df,cg?A长之存在如下等量关系：de＋df＝cg如果d在底边?A延长线上，则：de—df的绝对值＝cg简单怎么如下：过d点做cg垂直线并与cg相交于k点可以得知de=gk,则只要证明ck=df即可有已知条件ab等于ac，de可以得知角ABC=角ACB所以在三角形cbd和三角形fcd中，角EDB=角FDC又因为de和cg都垂直于ab，所以角EDB=角KCD故在三角形fdc和kcd中，因为有两个对应的角相等，并且共一个对应的边，所以不难得出ck=df的结论！至于在延长线上，你只要画出相应的图例过b点或者c点做其中较长的垂直线的垂线，结论也就很快出来了，故在此不再罗嗦了。</t>
  </si>
  <si>
    <t xml:space="preserve">大家结婚纪念日都怎么过？求创意马上到结婚3周年纪念日了，暂时没有 </t>
  </si>
  <si>
    <t>个人观点：不喜勿喷这种纪念日无非走两种路线1浪漫2温馨下面分条说明1浪漫的可以是出去旅游，去个一直想去但是种种原因去不成的地方~~当然这需要时间充足。时间紧张的就所在地附近的，然后准备一个对象一直想要却没有的礼物@@@如果楼主可以配套上自己做的诗歌，散文朗诵或者自己做的MV播放，或者自己做的电子杂志，电子相册就更有意思了！2 温馨就比较好操作了，去你们第一次认识的地方，第一次约会的地方，第一次吃饭的地方，第一次留下深刻印象的地方，建议也配套上述@之后的内容！！！祝福楼主</t>
  </si>
  <si>
    <t xml:space="preserve">2008注册税务师考试资料哪儿有2008注册税务师考试资料 </t>
  </si>
  <si>
    <t>目前才是报名阶段，现在的资料大多是07年的资料，先看看也不错的，到共享资料的会计资料中找一下吧</t>
  </si>
  <si>
    <t xml:space="preserve">谁能推荐几首很好听的韩语歌？？最好你自己喜欢的，不要复制网上的，? </t>
  </si>
  <si>
    <t>李秀英　　　　啦啦啦　　　　　　　ＧＲＡＣＥ酷龙　　　　　绕绕绕ＢＵＺＺ　　　我　　　　　　　　胆小鬼　　　　　　　　谎言李恩珠　　　　Only When I Sleep　（虽然是翻唱英文，但很好听）ss501　　　　　My Girl安七炫　　　　ＰroposeＫＩＳＳ　　　因为是女子徐恩英　　　　雪の花东方神起　　　Rising Sun　　　　　　　三角魔力　　　　　　　My Little Princess</t>
  </si>
  <si>
    <t xml:space="preserve">我的裤子为什么穿一段时间就没有型了，只有洗过以后才会恢复原来的样? </t>
  </si>
  <si>
    <t>可能存在的原因，按重要性来分:1:裤子质量不咋的.2:没有认真保养，如果质量够好，需要干洗的，熨烫的，你也要伺候好了。3:平时穿着没有细心,乱揉.4:身材把它搞变形了。</t>
  </si>
  <si>
    <t xml:space="preserve">下周一大盘走势如何？ </t>
  </si>
  <si>
    <t>下周一,最低点可见到1080,甚至1170点,最高点可能在1115,收盘可能在1101点</t>
  </si>
  <si>
    <t xml:space="preserve">月经干净过后，同房后又来月经了，量不多但十多天了，都不干净，不知? </t>
  </si>
  <si>
    <t>月经不干净是月经不调的一种临床表现，也可因黄体萎缩不全、子宫内膜修复延长或盆腔炎 、子宫内膜炎或安放宫内节育器引起。此外还可能与长期服用避孕药或与精神类药物有关。　　另外，月经后一直不干净是什么原因?专家介绍说，女士朋友假如月经后一直不干净，不排除是妇科疾病引起的，如子宫肌瘤，子宫功能失调性出血，子宫内膜异位症，慢性子宫肥大症(子宫肌炎)以及子宫内膜息肉、盆腔炎症、子宫内膜炎等疾病。当然，也有一些其他的原因会引起月经不干净，如内分泌失调、精神刺激、环境改变等等。　　由此可见，女士月经后一直不干净的原因有很多，但月经后一直不干净是月经不调的表现，长期出血会引起身体贫血，需要特别的重视。女士朋友在治疗前应检测具体病因，以便针对性治疗。另外，女士在月经期应留意保养，避免生冷食品的刺激，还应留意保热和保持情绪稳定。</t>
  </si>
  <si>
    <t xml:space="preserve">沃玛教主的属性?做任务,要杀沃玛教主,沃玛神殿三层什么位置刷啊? </t>
  </si>
  <si>
    <t>玛教主等级:90死系不可被诱惑攻击元素:雷电经验9000生命值:4500最小防御:45最大防御:45元素防御(火):+5元素防御(冰):+4元素防御(雷电):+2元素防御(风):+3元素防御(神圣):+2元素防御(暗黑):+3元素防御(幻影):+5基本魔法防御:70最小物理攻击:140最大物理攻击:190最小魔法攻击:90最大魔法攻击:110敏捷:38准确:40推荐的防御属性:强元素:雷电5,魔防40以上.攻击属性:自然60以上,灵魂60以上,攻击80以上 沃玛教主就在3层刷,你进去后显示不出地图,但如果有大补贴能看清地图大概形状,在3层刷的位置不固定,但是地图不大如果没人杀应该能找到.由于沃玛教主是全屏攻击,加上周围小怪甚多，战士想单挑沃玛教主应该在40以上,带特红加体力强效神水和攻击强效神水大的以上.另外多带些加准确性的装备.40以上的武士体力应该在接近700左右,周围小怪清理干净后就直接冲过去猛砍教主,40级的武士如果攻击魔防够,血量够,药够硬砍沃玛教主应该没有问题的,注意沃玛教主血量在接近200多左右会全屏闪电,及时补血.</t>
  </si>
  <si>
    <t xml:space="preserve">成吉思汗打到了什么地方？ </t>
  </si>
  <si>
    <t>我国历史上疆土面积最大出现蒙元王朝.在时期的疆土面积就超过1800万平方公里.蒙古第一次西征（1219-1225 ）公元1219年，成吉思汗为了肃清乃蛮部的残余势力，以及消灭西域的强国花剌子（Khorazm ），便藉口花剌子模杀蒙古商队及使者，亲率二十万大军西征。他的四个儿子术赤、察合台、窝阔台、拖雷，以及大将速不台、哲别随行。蒙军长驱直入中亚后，于1220年攻占了花剌子模的都城撒马尔干（Samarkand），其国王西逃，成吉思汗令速不台、哲别等穷追之。因此蒙军便西越里海、黑海间的高加索，深入俄罗斯（Russ），于1223年大败钦察（Kipchak ）和俄罗斯的联军。另成吉思汗又挥军追击花剌子模的太子札阑丁，在印度河流域打败之。1225年，成吉思汗凯旋东归，将本土及新征服所得的西域土地分封给四个儿子，后来发展为四大汗国。 第二次西征（1235-1244 ）公元1227年，成吉思汗在灭亡西夏前不久死去，后三子窝阔台继任大汗。窝阔台于1235年派遣其兄术赤之次子拔都，率五十万大军再度西征。西征军很快就彻底灭亡花剌子模，杀札阑丁。不久又大举征服俄罗斯，攻陷莫斯科、基辅诸城，并分兵数路向欧洲腹心挺进。1241年，北路蒙军在波兰西南部的利格尼兹（Legnica ），大破波兰与日耳曼的联军。拔都亲率蒙军主力由中路进入匈牙利，大获全胜，其前锋直趋意大利的威尼斯，全欧震惊，称为「黄祸」。正当西方各国惶惶不可终日之际，拔都忽接窝阔台驾崩的噩耗，于是急速班师。 第三次西征（1253-1260 ）蒙哥于1251年即大汗位后，令其弟旭烈兀率兵西征。这次西征主要方向是西南亚地区，头等目标是消灭木剌夷国（Mulahida，在今里海南岸的伊朗北部）。1257年，蒙军荡平木剌夷之地，并挥师继续西进，攻陷报达（Baghdad ，今巴格达），屠杀八十万人，灭亡历时五百余载的黑衣大食（Abbasids）。此后旭烈兀又率兵攻陷阿拉伯的圣地麦加，攻占大马士革，其前锋曾渡海收富浪（即今地中海东部的塞浦路斯岛）。本来他还要进一步攻打埃及，因得到蒙哥伐宋阵亡的消息，便率主力班师。 但是蒙元的统治有没有到达北海至今还有争议，如果到达北海（即北冰洋）那就远远超过了2000万平方公里，第一次把西藏和台湾置于中央统治之下.</t>
  </si>
  <si>
    <t xml:space="preserve">乳腺癌病人的疑问2乳腺癌病人作了保乳手术后多长时间放化疗效果好? </t>
  </si>
  <si>
    <t>一般要术后3－4周开始放化疗，也就是说一般要等刀口愈合好后在放化疗，至于先放疗还是先化疗，一般要看术后的病理如何。不过，保留乳房手术一般都是病期早，年轻的病人。在中国少，在西方发达国家较多。</t>
  </si>
  <si>
    <t xml:space="preserve">如何提高生长激素的分泌我初中3年从1米6几到1米73!最近2年没 </t>
  </si>
  <si>
    <t xml:space="preserve"> 别怀疑了，到查下吧．如果你符合注射生长激素的条件，也就是说自身生长激素分泌不足，那一般注射生长激素效果很好，而且副作用很小。一般自身生长激素分泌越是不足，再注射的第1、2年身高生长越显著，这叫追赶生长。如果你觉得效果不明显，建议到医院复查，看是不是别的原因导致身材矮，比如是生长激素受体的问题，或是体内有生长激素的抗体，而不是生长激素分泌不足的问题。注射生长激素确实很贵，如果注射后确有其效，那还比较值，毕竟身高明显长高了呀，而且你现在12岁，趁着骨骺未闭合，正是治疗的好时间。坚持吧，同时注意补钙，锻炼身体。以下是网上检索到的专家的话，供你参考。目前国内外临床上使用的生长激素都是用基因重组高科技方法生产的，除少数产品外，多数产品的结构都与人体分泌的生长激素相一致(少数产品纯度不高，使用后可能有注射局部红肿)，从总体上说，生长激素的严重副作用极为少见，在有经验的专科医师指导下应用是相当安全有效的，但必须严格控制适应征并在治疗过程中进行监测。由于生长激素是全身的组织和细胞都会生长的激素，理论上来说可能会增加某些肿瘤发生的危险。但是目前对于生长激素缺乏的人来说，如果给他的是生理的替代治疗量，是合适的剂量。比如说如果你肚子饿了，你一下子吃两三天的食物可能肚子一定会撑，容易出问题，所以要适量。就像穿衣服一样，这个衣服应该是恰当的，如果像今天这样的天气穿皮大衣是不可以的。有极个别儿童会在治疗初期抱怨说头痛，但这只是暂时性的，一般不会持续很长。　　在接受生长激素的治疗过程中，可能会有骨骼或者关节间的轻微不适感。这常常在治疗进行得非常顺利，身高明显增长的儿童身上出现。但如果脚部疼痛厉害的话，则需要注意。　　生长激素有促进细胞增殖的作用。然后，身高不能得到增长。这种促进细胞增殖的作用，也有可能会帮助恶性细胞的增殖，所以有人怀疑生长激素促进白血病的发病。但是，也有人说不可能出现这种情况，目前两者之间的因果关系不是很明确。　　在生长激素治疗过程中，也有可能发现甲状腺机能低下的患者。生长激素分泌不足的儿童，常常会出现潜在的甲状腺激素不足，所以在身高增长不好时期内，原本就少的甲状腺激素也在新陈代谢中被安全消耗了。但是，随着生长激素的治疗，身高增长变好后，即使甲状腺激素的量不多，也不会被新陈代谢消耗尽。　　另外还有人认为，会有极少患者由于体质的原因，造成糖尿病。</t>
  </si>
  <si>
    <t xml:space="preserve">关于借钱给朋友这方面的问题.大家能讨论下吗?比方说朋友和你借钱. </t>
  </si>
  <si>
    <t xml:space="preserve">  首先看他是什么样的人，要是信誉比较高，在我能接受的情况下可以不做手续，但是数额较大我会叫他立下字据，立下字据总比到时候不认账要好得多。要是信誉差人品不行的，数额较大我会拒绝，因为他要是不还或者还不上，有什么字据都白扯。数额很小我看关系，要是比较不错，我会给他就是不还我也损失不大。    这个数额大小要看财力如何。要是月收入几千的人，我觉得一千就不少了，要是什么富二代那就上万都是随便出手吧。</t>
  </si>
  <si>
    <t xml:space="preserve">F330的大虾们请进我刚买的F330想改个颜色(没有装饰)请问什 </t>
  </si>
  <si>
    <t>你试一下把车全部改成银白色要是再来几面国旗那就更好看了看我的３３０</t>
  </si>
  <si>
    <t xml:space="preserve">宝宝百天照有2007年12月5日生的宝宝吗? </t>
  </si>
  <si>
    <t>好漂亮的宝宝，恭喜你，我宝宝比你宝宝大７天．</t>
  </si>
  <si>
    <t xml:space="preserve">能提供涂鸦、拍照等地点的地图吗？涂鸦、拍照、马蹄铁、贝壳。还有， </t>
  </si>
  <si>
    <t xml:space="preserve">喷漆 贝壳 马蹄铁 照片 到图上标明的地点，然后用照相机镜头搜索高处（用肉眼是看不到的），尤其是高大建筑物顶部、塔尖、树梢这样的地方，会看到一个圆形粉红色的，悬在空中的摄像机标志，用鼠标滚轮拉近镜头，把它照下来就对了。50个标志中有49个位于高处，印象中只有一个在地面上。如果你在白天实在找不着，可以晚上来找，那个标志在晚上会发出粉红色的光，不借助照相机镜头也能发现。  </t>
  </si>
  <si>
    <t xml:space="preserve">关于坚持的成语，实在想不出四字词语也可以。谢谢！！ </t>
  </si>
  <si>
    <t xml:space="preserve">持之以恒 百折不挠 水滴石穿 铁杵磨针 锲而不舍 坚韧不拔 坚持不懈持之以恒 坚持不懈 精卫填海 始终如一 始终不渝 水滴石穿 世上无难事，只怕有心人 死不瞑目 其他 不远千里 不敢告劳 兢兢业业 默默无闻 默默无言 驽马十驾 勤勤恳恳 身体力行 事必躬亲 手足胼胝 手足重茧 </t>
  </si>
  <si>
    <t xml:space="preserve">请求帮忙,:孩子暴食孩子的健康状况：小男孩6岁，发育健康，体重标 </t>
  </si>
  <si>
    <t>问问孩子吃的太多以致于吐了舒不舒服?如果回答"是",告诉他以后要注意,不必多说.再遇到类似情形发生时,轻轻问他:还记得上次吃多的事吗?其实,孩子的自我保护意识挺强的,轻声提醒比大声禁止效果要好很多.</t>
  </si>
  <si>
    <t xml:space="preserve">有关于补偿金，谁能来帮帮我爸爸爸爸在一单位以合同工的身份，勤勤恳 </t>
  </si>
  <si>
    <t>你爸爸在一单位以合同工的身份，勤勤恳恳地工作了12个年头之多，符合《劳动合同法》第十四条“有下列情形之一，劳动者提出或者同意续订、订立劳动合同的，除劳动者提出订立固定期限劳动合同外，应当订立无固定期限劳动合同：（一）劳动者在该用人单位连续工作满十年的”的情况，在合同到期后，只要你爸爸愿意并提出签订无固定期限劳动合同的要求，单位就必须与你爸爸签订无固定期限劳动合同，这是赋予你爸爸的权利。因此，“今年5月22日，（爸爸的合同期是08年9月），单位领导忽然通知我爸爸说，由于食堂人数超编，让我爸爸另谋出路，在这一个月里让我爸爸找好新单位就把三金转出去”的做法，既违法也侵害了你爸爸的合法权益，是不能够接受的。 合同期未满单位这样的辞退行为，属于违法解除劳动合同，应该承担相应的赔偿责任。你爸爸有两条路可走，即：既可以按照《劳动合同法》第四十八条“用人单位违反本法规定解除或者终止劳动合同，劳动者要求继续履行劳动合同的，用人单位应当继续履行；劳动者不要求继续履行劳动合同或者劳动合同已经不能继续履行的，用人单位应当依照本法第八十七条规定支付赔偿金”的规定，要求单位继续履行劳动合同；也可以以单位违法解除劳动合同为由，要求单位按照《劳动合同法》第八十七条的规定支付赔偿金。何去何从，三思后行。</t>
  </si>
  <si>
    <t xml:space="preserve">PS路径画动漫人物在动画片中截得人物图，分别有头、半身和全身。想 </t>
  </si>
  <si>
    <t>你可以把半身的和全身的图拼到一起再描~~如果是已经描好的可以调整大小，然后把图片拖到一张中对住~~选中使用“自由变换”调就可以^^希望可以帮到你~</t>
  </si>
  <si>
    <t xml:space="preserve">我很喜欢琉璃饰品不知道什么地方有买的!价格便宜些! </t>
  </si>
  <si>
    <t>除了新玛特，太原街的百盛店也有，titto(剔透）还有其他几种的琉璃确实很好看，但价钱……太高了！我还没发现有便宜的琉璃卖，但我觉得艺术品的价钱虽然高，但有收藏价值，是一般的琉璃制品（装饰品）不能比的！我还是攒钱买的TITTO！您觉得呢？</t>
  </si>
  <si>
    <t xml:space="preserve">堕落任务的后伪证由于我做5级堕落任务，我战士原本左手拿西洋剑，右 </t>
  </si>
  <si>
    <t>这里没有官方人员,请去官方论坛发帖要求解决.</t>
  </si>
  <si>
    <t xml:space="preserve">甘油三脂偏高专家您好，我的检验报告是甘油三脂5.32高很多，碱性 </t>
  </si>
  <si>
    <t>一、血脂甘油三脂5.32 ——明显升高胆固醇3.84 ——正常属于高甘油三酯血症。甘油三脂增高可见于高脂肪、高热量饮食，饮酒，肥胖，糖尿病及家族性高甘油三脂血症等。防治方法：1、饮食控制（主食米面），低脂饮食，适当运动，超重者减轻体重，戒烟限酒，避免紧张等。2、药物治疗：甘油三脂增高，可选：吉非罗齐、或非诺贝特（力平脂口服。二、碱性磷酸酶148——基本正常，成人正常值为：小于150单位/升；进食脂肪含量高的食物也可升高。碱性磷酸酶，主要来自肝脏和骨髓，如无以上疾病，轻微升高，多无明显意义。 三、葡萄糖高——应注意防治，方法基本同高血脂。</t>
  </si>
  <si>
    <t>谜语5</t>
  </si>
  <si>
    <t>晚间有零星小雨</t>
  </si>
  <si>
    <t xml:space="preserve">数学题体育课上，跳绳的每5人一组，扔沙包的每3人一组，共有42名 </t>
  </si>
  <si>
    <t>解：没跳绳x组,扔沙包y组,则5x+3y=42观察知,x=6,y=4为一组特解.故方程通解为{x=6-3t{y=4+5tx、y为正整数,故{6-3t≥0,4+5t≥0},即0≤t≤2整t=0,1,2.代回通解得3组解：x=6,y=4;x=3,y=9;x=0,y=14.所以,跳绳6×5=30人,扔沙包3×4=12人;或跳绳5×3=15人,扔沙包3×9=27人;或跳绳5×0=0人,扔沙包3×14=42人.答(略).</t>
  </si>
  <si>
    <t xml:space="preserve">身上一直痒怎么回事 </t>
  </si>
  <si>
    <t>病情分析：您好！一般来讲，体毛浓密主要与遗传因素和体内的雄激素分泌过多有关。如果四肢汗毛较多，或腋毛较多，眉毛较浓等，受遗传因素影响教大，这种情况不用过于焦虑。指导意见：如果不是内分泌疾病引起的，则无需特殊治疗。建议您平时要坚持良好的生活习惯，应少吃高脂肪高热量的食物，如炸薯片、奶油蛋糕、西方快餐、碳酸饮料等，而应该多吃粗粮、豆制品、蔬菜、水果等；除此之外，还要加强运动。</t>
  </si>
  <si>
    <t xml:space="preserve">你希望你的老师是什么样的如果你作为一个学生，你希望你的老师是能够 </t>
  </si>
  <si>
    <t>老师您好！我感觉应该像郭德纲相声（三俗的内容除外...），传统的和现代的知识和新闻风趣幽默的和同学们交流，他们会很开心的。</t>
  </si>
  <si>
    <t xml:space="preserve">额，一般小说上传然后再通过审核要多久啊，为啥我上传的资料到现在都? </t>
  </si>
  <si>
    <t>审核非常慢没有固定的时间！</t>
  </si>
  <si>
    <t xml:space="preserve">诛仙马牌电2碧炎如果我给100分，会有人送吗电2碧炎傲皇灬合欢 </t>
  </si>
  <si>
    <t>```马牌..一个也就100金...HY马夫那里就有卖...又不会贵</t>
  </si>
  <si>
    <t xml:space="preserve">经期行房事可以吗？ </t>
  </si>
  <si>
    <t>月经期间，绝对不能性交。一般情况下，女性阴道分泌液呈酸性，能杀死外来细菌。但在月经期阴道分泌液被经血中和成碱性，成为良好的细菌培养基；来经时，子宫内膜脱落，子宫内有伤口，子宫口又微开，性交易将细菌带入，引起生殖器官发炎。如果原来就有慢性盆腔炎者，经期性交更会引起急性发作。经期性交也可加重子宫充血，使经血增多、经期延长或经期不适加重。 忍几天吧，养精蓄锐，待干净后再大显神威。实在忍受不了，可以手淫或者让对方为你口交的。</t>
  </si>
  <si>
    <t xml:space="preserve">奥胖被谁暴扣过?RT,我好象没见过他没暴扣或者是被隔着扣过... </t>
  </si>
  <si>
    <t xml:space="preserve"> 大鲨鱼的十大被人挑衅镜头，视频哦还是那句话，人在内线守，哪能不被X~不过大鲨鱼就是大鲨鱼，即使是这样的集锦里也很少很丢脸的镜头出现奥胖自称在正式比赛中只被两个人在头上扣过当然，被MJ扣是不丢脸的事情（这这个视频里没有，小遗憾...）还有一次就是92年失手科尔曼扣乐一次，虽说日后连本加利暴扣乐科尔曼无数次，但被扣那一次是抹不去乐其实01年防AI跟着“起舞”也能算上一次，那已经算是很让MDE难看乐看奥尼尔的被“挑衅”集锦，反而能感受到他不可一世的理由</t>
  </si>
  <si>
    <t xml:space="preserve">Nowthattheminershavebeentrappedi? </t>
  </si>
  <si>
    <t>ＣＡ不能用be　happened　，因为happen没有被动形式，如果把Ａ选项改成will　happen　to就对Ｃbecome　of有降临，遭遇的意思，没有become　to的说法，所以不选Ｄ</t>
  </si>
  <si>
    <t xml:space="preserve">谁能告诉我TBC开了我应该做什么?宝石加工专业学了有用吗?TBC </t>
  </si>
  <si>
    <t>宝石加工跟FM一样，很少的一部分人能赚钱。但是矿是肯定赚的，毕竟宝石要需要矿冲技能</t>
  </si>
  <si>
    <t xml:space="preserve">酒越藏得久越好吗？比如像XO。 </t>
  </si>
  <si>
    <t xml:space="preserve">白酒到底有没有保质期，是否白酒存放的时间越长越好呢？白酒经过较长时间的贮存，其质量会变得温润醇厚。因此，有些人认为白酒越陈越好。其实，并不尽然。虽然白酒没有保质期，但酒在存放过程中，酒中的醇类会和有机酸起反应，产生多种酯类物质，各种酯类都具有各种特殊的香气。由于酒中的酯化反应相当缓慢，因此，优质酒一般需要贮存三四年，甚至更长一点的时间。但是，酯化反应到了一定程度就会趋向平衡，出现停止状态，如果继续贮存，会使酒精度数减少，酒味变淡，挥发损耗也会增大。特别是目前有些中档和低档白酒，在勾兑过程中添加了香味剂，这类酒更不能较长时间存放。否则，酒质会变得苦涩腻味。所以，白酒贮存也有适当的时间，并非越陈越好。 白酒易挥发、渗漏，气温升高还会外溢。因此，散装白酒在零售、使用时必须注意以下几点： ⑴盖严 在付货暂停时，要将酒容器的盖盖好，封严，以防挥发，减少酒的风耗。 ⑵勿太满 容器不要装得太满，以免气温升高造成酒的外溢。还要经常检查酒的容器，发现渗漏，要及时采取措施处理。 ⑶减少损耗 售取酒时不要距离容器太远，并要用酒盘接酒。售取酒的工具用完后要及时放回缸内，以保持工具的潮湿，减少酒的皮沾。随着科学技术的不断发展，机械化、自动化的贮售酒工具将日趋增多，要很好地学习和掌握其使用方法。 ⑷适当搅拌 白酒是酒精和水的混合液，两者是无限溶解的。但由于比重不同，酒在贮存过程中，上层的酒度偏高，下层的酒度偏低；如果久存，封盖又不严密，上层的酒口味又会偏淡。为了保证酒度和口味的一致，故在零取前要用一木耙，适当搅拌，上下勾匀。 </t>
  </si>
  <si>
    <t xml:space="preserve">请问香港好景宾馆到昂坪360怎么走？哪里预定门票最便宜？ </t>
  </si>
  <si>
    <t>从好景宾馆走到旺角地铁站，先坐荃湾线到荔景站，然后转乘东涌线到东涌站，出来后就看到昂坪360了。上次去香港之前先在网上搜了下，在香港知道有家叫“丁丁旅游香港站”的，进去之后看到昂坪360平日成人65元，小童40元，觉得挺便宜的，香港那边买票要贵很多呢。便联系网站客服咨询预订，服务挺不错的，路线问题也是向他们请教的，很专业。</t>
  </si>
  <si>
    <t xml:space="preserve">国庆专题黑板报,怎样做才有特色? </t>
  </si>
  <si>
    <t xml:space="preserve">10月1日是中国的国庆节.中国人民在中国共产党的下,前赴后继,取得了人民革命的伟大胜利. 1949年10月1日,在首都北京天安门广场举行了开国大典,在隆隆的礼炮声中,中央人民政府主席毛泽东庄严宣告中华人民共和国成立并亲手升起了第一面五星红旗.聚集天安门广场的三十万军民进行了盛大的阅兵和庆祝游行.10月1日是我国的国庆节,为什么把这一天定为国庆节呢?中国人民经过一百多年的英勇奋战,在中国共产党的领导下,取得了人民革命的伟大胜利.在1949年10月1日宣告中华人民共和国成立,这是中国历史上一个最伟大的转变.1949年9月的政协一届一次会议上决定把10月1日定为国庆节. 1949年十月一日下午3时，北京30万人在天安门广场隆重举行典礼，庆祝中华人民共和国中央人民政府成立。毛泽东主席庄的严宣告中华人民共和国、中央人民政府成立，并亲自升起了第一面五星红旗。毛主席宣读了《中华人民共和国中央人民政府公告》："中华人民共和国中央人民政府为代表中华人民共和国全国人民唯一合法政府。凡愿遵守平等、互利及互相尊重领土主权等项原则的任何外国政府，本政府均愿与之建立外交关系。"随即举行阅兵式和群众游行。朱德总司令检阅了海陆空军，并宣布《中国人民解放军总部命令》，命令中国人民解放军迅速肃清国民党一切残余武装，解放一切尚未解放的国土。同日，北京新华广播电台在天安门广场进行中华人民共和国开国大典实况广播。这是中国人民广播史上第一次大规模的实况广播，全国各地人民广播电台同时联播。 各国国庆节由来 世界各国确定国庆节的依据千奇百怪。据统计，全世界以国家建立的时间为国庆节的国家有35个。以占领首都那天为国庆节的有古巴、柬埔寨等。有些国家以国家独立日为国庆节。1804年1月1日，海地人民歼灭了拿破仑的6万远征军，在太子港宣布独立，从此就把每年的1月1日定为国庆节。墨西哥、加纳等国也是如此。还有些国家以武装起义纪念日作为国庆节。7月14日是法国国庆日。1789年的这一天，巴黎人民攻占了象征封建统治的巴士底狱，推翻了君主政权。另有一些国家以重大会议日为国庆节。美国以1776年7月4日大陆会议通过《独立宣言》的日子为国庆日。加拿大以英国议会1867年7月1日通过《大不列颠北美法案》这一天为国庆节。还有以国家元首的生日为国庆节的，如尼泊尔、泰国、瑞典、荷兰、丹麦、比利时等国家。 国庆节历史由来 ： 10月1日是我们伟大祖国的生日 1949年10月1日，是新中国成立的纪念日。这里应该说明一点，在许多人的印象中，1949年的10月l日在北京天安门广场举行了有数十万军民参加的中华人民共和国开国大典。其实，人们头脑中的这一印象并不准确。因为，1949年10月1日在天安门广场举行的典礼是中华人民共和国中央人民政府成立盛典，而不是开国大典。实际上，中华人民共和国的“开国”，也就是说中华人民共和国的成立，早在当年10月1日之前一个星期就已经宣布过了。当时也不叫“开国大典”，而是称作“开国盛典”。时间是1949年9月21日。这一天，中国人民政治协商会议筹备会主任毛泽东在政协第一届会议上所致的开幕词中就已经宣告了新中国的诞生。 那么10月1日的国庆又是怎么回事呢？在中国人民政治协商会议第一届全国委员会第一次会议上，许广平发言说：“马叙伦委员请假不能来，他托我来说，中华人民共和国的成立，应有国庆日，所以希望本会决定把10月1日定为国庆日。”毛泽东说“我们应作一提议，向政府建议，由政府决定。”1949年10月2日，中央人民政府通过《关于中华人民共和国国庆日的决议》，规定每年10月1日为国庆日，并以这一天作为宣告中华人民共和国成立的日子。从此，每年的10月1日就成为全国各族人民隆重欢庆的节日了。 </t>
  </si>
  <si>
    <t xml:space="preserve">填词语一面面（） </t>
  </si>
  <si>
    <t>一面面墙一面面画</t>
  </si>
  <si>
    <t xml:space="preserve">请问，手机的记忆卡是不是可以保存电子word文档，如果在电脑中下? </t>
  </si>
  <si>
    <t>智能手机是可以阅读Word文档的，例如金山就有手机版的WPS办公软件，可以在手机上阅读Word文档；至于读小说就更好办了，一般的手机都是支持txt格式文件的，所以一般的手机都可以阅读txt格式文本的小说。</t>
  </si>
  <si>
    <t xml:space="preserve">黑卡后球员能力提高不少，但是续约费会变高吗,比如1350的球员续? </t>
  </si>
  <si>
    <t>不会的!比方说你某个球员的原始能力是1250,用卡加强能力后达到1300+那他的续约费还是100的，系统算续约费是按他没强化前的能力收续约费的！</t>
  </si>
  <si>
    <t xml:space="preserve">早上喝酸奶好，还是晚上酸奶好？ </t>
  </si>
  <si>
    <t>中午和下午都可以，早上不行，太晚也不行，当然要饭后喝酸奶，这样有助于食物消化，不是有喝酸奶减肥一说嘛。</t>
  </si>
  <si>
    <t xml:space="preserve">东之伊甸请问多少集？有没有电影版和OVA? </t>
  </si>
  <si>
    <t>第一话：捡到王子殿下（2009年4月9日播出）　　第二话：忧郁的星期一（2009年4月16日播出）　　第三话：LATE SHOW之夜（2009年4月23日播出）　　第四话：真实的现实、虚构的现实（2009年4月30日播出）　　第五话：现在明明不是想这个的时候（2009年5月7日播出）　　第六话：东之伊甸（2009年5月日播出）　　第七话：黑天鹅起舞（2009年5月21日播出）　　第八话：寻找最初迷失的道路（2009年5月28日播出）　　第九话：神过头的男人（2009年6月4日播出）　　第十话：谁杀了泷泽朗（2009年6月11日播出）　　第十一话：越发延续之东（2009年6月18日播出）　　■《东之伊甸 总集篇 Air Communication》　　【公开日】2009年9月26日～　　■《东之伊甸 剧场版I The King of Eden》　　【公开日】2009年11月28日　　■『东之伊甸 剧场版II Paradise Lost』　　【公开日】2010年1月9日</t>
  </si>
  <si>
    <t xml:space="preserve">阳江哪里有韩国料理吃比如烤肉之类的� </t>
  </si>
  <si>
    <t>三环路有一家韩国烤肉店不错靠近大润发岗列中学方向那里有一间</t>
  </si>
  <si>
    <t xml:space="preserve">如果硬盘有坏道了如何屏蔽啊 </t>
  </si>
  <si>
    <t>盘数据恢复/坏道修复 飞客数据恢复/坏道修复中心的专家，拥有丰富的实战经验，扎实过硬的硬盘数据恢复/坏道修复技术；在设备方面，飞客数据恢复中心投资兴建了国内级别最高的100级超级洁净工作间，以满足对修复硬盘数据所必须的环境，以及有专门用于硬盘数据修复的HRT等软硬设备，对于以上现象的出现飞客数据恢复中心会以十足的信心，扎实的技术，完善的工作条件为您的硬盘数据进行恢复/坏道修复。我们已经成功的为数百家公司、企事业单位、政府机关成功恢复出硬盘数据和坏道修复。 一块硬盘如果经检测发现不能完全正常工作，则称这个硬盘是“有缺陷的硬盘”（Defect Hard Disk）。硬盘的缺陷分为六大类: ①坏扇区（Bad sector），也称缺陷扇区（Defect sector） ②磁道伺服缺陷（Track Servo defect） ③磁头组件缺陷（Heads assembly defect） ④系统信息错乱（Service information destruction） ⑤电子线路缺陷（The board of electronics defect） ⑥综合性能缺陷（Complex reliability defect） 出现这六种现象的原因是多种多样的，但是造成的现象只有一个，那就是您的数据再也看不到了，您多年的研究成果伴随着硬盘异样的响声丢失，您花费了许久的时间写出来的程序再也不能正常的出现在您的面前了。 硬盘是电脑极重要的一部分，所有的资料和数据都会保存在硬盘中，一旦硬盘出现错误，有时数据的损失会比整个电脑报废的损失还要大。不过，作为电脑的硬件之一，许多人总以为硬盘轻易不容易损坏，一旦坏了就是不能启动的情况，还有人认为坏道是很容易识别的，发现了用什么磁盘医生之类的软件修理就行了，再不行就低格吧!其实硬盘坏道，几乎可以称为硬盘的致命伤。笔者见识过许多因为延误时机，自己乱用各种软件修理，最后把偌大个硬盘整成一块废铁的例子。 硬盘坏道修复全攻略 硬盘坏道修复 对于逻辑坏道，我们可以修复，对于物理坏道，我们应采用隔离的办法，以最大程度减少损失，防止坏道进一步扩散为目标。我见过有些人在报纸上吹说用某个特殊软件能修理物理坏道，最要命的是许多人对低格硬盘的迷信，实在是误人之语。所谓低级格式化，指的是将空白的磁盘划分出柱面和磁道，然后再将磁道划分为若干个扇区，每个扇区又划分出标识部分ID、间隔区GAP和数据区DATA等。低级格式化只能在DOS环境下完成，而且只能针对—块硬盘而不能支持单独的某一个分区。有些坏磁道和坏扇区能够通过低级格式化来修复，但对于真正的硬盘磁盘表面物理划伤则无法进行坏道修复，这只有通过各种办法标出坏扇区的位置，以便让操作系统不去使用，以防止扩大坏道进而延长硬盘使用。特别想强调，低级格式化是一种损耗性操作，对硬盘的寿命有一定的负面影响，所以，如无必要，用户们尽量不要低级格式化硬盘。 对于逻辑坏道，一般情况下我们用操作系统自带的工具和一些专门的硬盘检查工具就能发现并进行坏道修复。如：Windows自带的Scandisk磁盘扫描程序就是发现硬盘逻辑坏道最常用的工具，而我们常见的Format命令不能对任何硬盘坏道起到修补作用，这点大家要明白。我们可在Windows系统环境下，在“我的电脑”中选中要处理的硬盘盘符，选择其“属性”，在出现的“工具”按钮中选择“查错状态”，再在“扫描类型”中选“全面检查”，并将“自动修复错误”打上“勾”，然后“开始”即可。如果系统在启动时不进行磁盘扫描或已不能进入Windows系统，我们也可用软盘或光盘启动盘启动电脑后，在相应的盘符下，如“A：”下运行Scandisk *：(注：*为要扫描的硬盘盘符)，回车后来对相应需要扫描修复的硬盘分区进行修理。 但是，如果是硬盘物理坏道，那么千万千万记住不要试图用这些方法来修复，相反用各种工具反复扫描，就是对硬盘的物理坏区强制进行多次读写，必然会使坏道变多，进而扩散，正确的方法是用下面的方法果断地把已有坏道的地方隔离开。这是一种很无奈的办法，但是一个20G的硬盘，如果因为坏道，屏蔽了15G，总还有5G空间可用，如果不这样做，最后的结果是整个硬盘全部报废。 方法一：用PartitionMagic等磁盘软件完成工作 如PartitionMagic分区软件，先用PartitionMagic4中的“check”命令或Windows中的磁盘扫描程序来扫描磁盘，算出坏簇在硬盘上的位置，然后在Operation菜单下选择“Advanced/badSectorRetest”，把坏簇所在硬盘分成多个区后，再把坏簇所在的分区隐藏，以免在Windows中误操作，这个功能是通过HidePartition菜单项来实现的。这样也能保证有严重坏道的硬盘的正常使用，并免除系统频繁地去读写坏道从而扩展坏道的面积。但是这需要对这些软件熟悉，并且有计算硬盘的经验，许多人并不容易做到准确。 方法二：用FDISK和格式化命令FORMAT 具体的方法是这样的，第一要搞清硬盘的容量，对于有问题的磁盘先用FDISK分成一个C盘，再用FORMAT进行格式化，当碰到无法修复的坏块时面对FORMAT总是试图修复，这时记录下进行的百分比.然后按CTRL+BREAK强行终止任务，用磁盘总容量×百分比，得出这部分正常的磁盘容量，用FIDSK划出一个逻辑磁盘，再将后面的磁盘估计出坏道的大概大小，大概比例为10%左右，再划分一个逻辑盘。这个小盘不用格式化，在总工作完成后将其删除，这样就将坏块给全部跳过去了。这样可能会损失一些好道，但对大容量硬盘来说无足轻重，而硬盘使用起来更加稳定。 方法三：用专门的坏盘分区工具如FBDISK FBDISK这是一个DOS下专门发现坏道并隔离后重新分区的软件，只有一个文件，仅仅几十K。操作很简单，先制作一张能启动到DOS的软盘，把FBDISK放在软盘上，用它引导系统，注意系统上只能挂一个要修理的硬盘，并且将其接在主硬盘的线上。进入DOS后，只要能发现硬盘，就运行FBDISK好了，这个小程序先会对硬盘按磁道进行扫描，发现坏道就显示出来，同时还会估计总体扫描完要用多长时间，全部扫描完后，程序会根据扫描结果和坏道情况给你提出一个全新的分区方案来，如果你接受就按Y，否则不会对你的硬盘进行处理。这个软件不错，但是可能比较大手，笔者曾有一次用它把一个10G硬盘扫完后，报告说只有300M可以使用，但是我用方法二后，却找出了近2G的完好空间。所以大家还是按需使用。 还有一类特别的坏道表面看起来很可怕，其实反而好修理，如系统显示“TRACK 0 BAD，DISKUNUSABLE”，意思为“零磁道损坏，硬盘无法使用”或用磁盘扫描程序扫描其它硬盘时其0扇区出现红色“B”。大家都知道硬盘扇区是最重要的地方，损坏后一点也不能用，一般人往往将出现这样故障的硬盘作报废处理。其实合理运用一些磁盘软件，把报废的0扇区屏蔽掉，而用1扇区取而代之就能起到起死回生的效果，这样的软件如Pctools9.0和NU8等。 以Pctools9.0为例来作说明。一块40G硬盘出现上述故障，用盘启动电脑后，运行Pctools9.0目录下的DE.EXE文件。接着选主菜单Select中的Drive，进去后在Drivetype项选Physical，按空格选定，再按Tab键切换到Drives项，选中harddisk，然后OK回车后回到主菜单。打开Select菜单，这时会出现PartitionTable，选中进入后出现硬盘分区表信息。该硬盘有两个分区，找到C区，该分区是从硬盘的0柱面开始的，那么，将1分区的BeginningCylinder的0改成1就可以了，保存后退出。重新启动电脑后按Del键进入COMS设置，运行“IDEAUTODETECT”，可以看到CYLS由782变成781。保存退出后重新分区格式化该硬盘就可以了。 记不清是在哪里看到的 ，当然所谓的修复其实也只是针对软坏道有效，如果是硬坏到的话，建议最好先将比较重要的文件备份，以防不测，如果坏道比较厉害的话，最好换硬盘，否则资料丢失了，才伤心呢</t>
  </si>
  <si>
    <t xml:space="preserve">怎样才能不长逗逗一颗颗，看上去好象还有些脓在里面 </t>
  </si>
  <si>
    <t>如果豆豆冒白头了,就可以用暗疮针挤,记得用酒精消毒哦,挤完后抹上红霉素眼膏消炎如果只是红了,肿起一个小疙瘩,这时是不能挤的,只能抹红霉素烟膏消炎,或者贴上泡发涨的海带,效果都很好的这是我自己用过的办法,希望能够帮助你</t>
  </si>
  <si>
    <t xml:space="preserve">做错事情了！心里很难受很自责怎么办？是女孩，因为身体不好的原因没 </t>
  </si>
  <si>
    <t>自责,因个人失误或错误而感到内疚谴责自己，是人之常情。积极的自责既是一种对他人的道歉，也是一种自我心灵的解脱。它既可以化冲突为祥和，又会使两人真诚相待。消极的自责常常表现为过度的责备自己，致使自产生沮丧、悔恨、郁闷、绝望等心理，还会影响身心健康。我觉得你正处在一个消极的自责中。“他说了好多难听的话 他骂我 我都无所谓” 你为什么这样宽容他？为了比较暧昧的关系？你们相识在网上，相互之间缺少了解，沟通也受到限制，未知的情况会越来越多，他还会这样骂你下去？同样你对他了解之后也会发现许多不实之处，你骂他会接受吗？可以看出：他只能接受网络上谎话中的你，真实的你他不能接受时就骂。。。。他对你缺少起码的理解、尊重，更谈不上原谅和宽容了。在不信任的基础上建立的关系有必要发展下去吗？以误解埋怨为开端的交往会有快乐的结果吗？况且你还不知道，真实的这个人你是否喜欢。是否靠得住？不要为了网上一个虚无缥缈的人，自找苦吃，与自己过不去，较劲。不靠谱，不值得！迅速摆脱（放下）这个交往，理智起来，开始清醒真实的生活。</t>
  </si>
  <si>
    <t xml:space="preserve">随团旅游要注意什么？ </t>
  </si>
  <si>
    <t xml:space="preserve">我认为应当注意以下问题： 一是，要选择正规的旅行社。如何选择正规旅行社呢？主要是看他有没有工商管理部门颁发的《法人执照》和省旅游局颁发的《旅游经营许可证》。 二是，对于报价要货比三家。眼下一些旅行社还不够规范，为了既得利益，乱报价格，因此，旅游者在报名参团时，对于报价要进行多比较，使自己减少开支。 三是，要选择服务信誉好的。爱好旅游者应当注意当地媒体报道，选择那些经常受表扬且服务信誉比较好的旅行社。 四是，要仔细了解旅游合同。旅游合同是游客与旅行社之间的签约，一旦签约各自双方就要负有责任。因此，必须详细了解合同内容，特别是关于旅游的食、宿、游、交通等方面的内容，从而掌握旅行中的服务标准，若有违约就可以凭《旅游合同》投诉该旅行社。 五是，要关注旅游问题。旅游保险，是指旅游者在旅游过程中发生人身伤害所应该得到的赔偿。旅游保险分两部分，一，旅行社责任保险，这是一旦出现以外人身伤害，旅行社应当赔偿的保险；二是，个人保险。参加旅行社团队旅游，必须在上一份个人的旅游保险。以便在出现意外伤害时，旅游者应当获得两份保险。 六是，要清楚旅游购物问题。现在旅行社为了自己的利益，擅自安排游客购物，这也是大家最烦恼的问题。解决这个问题，你可以在报名参团时，明确提出不参加途中购物，选择没有购物的线路，并在合同中注明此项，一旦发生购物，你可以凭据合同投诉该旅行社。 其他注意事项还有，你可以与旅行社了解，关键是要记住上面所述的几个重要问题，以便于维护自己的权益。 </t>
  </si>
  <si>
    <t xml:space="preserve">会计分录怎么做交纳营业税，城建税，教育费附加，地方教育费，印花税 </t>
  </si>
  <si>
    <t>如果按新会计准则，会计分录借：应交税费--营业税借：应交税费--城建税借：应交税费--教育费附加借：应交税费--地方教育费附加借：应交税费--印花税借：应交税费--所得税贷：银行存款如果按原企业会计制度，会计分录借：应交税金--营业税借：应交税金--城建税借：其他应交款--教育费附加借：其他应交款--地方教育费附加借：应交税金--印花税借：应交税金--所得税贷：银行存款</t>
  </si>
  <si>
    <t xml:space="preserve">我用iPhone4s，配的是深圳移动SIM卡，剪卡后常有短信延迟? </t>
  </si>
  <si>
    <t>深圳移动的营业厅应该不分大小吧，都可以换的，如果不放心的话可以去东门移动营业厅，当时iPhone4剪卡好像那里人很多</t>
  </si>
  <si>
    <t>冷门来袭</t>
  </si>
  <si>
    <t>贝西克VS马竞技  任九放弃了，但愿沙尔克3、乌迪内31如愿！</t>
  </si>
  <si>
    <t xml:space="preserve">中石油要跌到什么价位才会停如题 </t>
  </si>
  <si>
    <t>从去年11月以来的“非经济型熊市”到目前，已经从空间上看，基本要告一段络了，再说按国际的惯例，还没有一个国家的调整超过6个月的，所以我们按这样的时间点来衡量目前我们的市场，那么我们就有理由相信市场在5月份就十分有机会见到本轮行情调整的市场底部，所以，目前我们不要过于恐慌和悲观，在这样的历史时刻上，耐心等待机会的来临。</t>
  </si>
  <si>
    <t xml:space="preserve">我的90级方士怎么发展~~我的方士现在是"智体精"我现在智力32 </t>
  </si>
  <si>
    <t>楼主，我觉得给角色加点要以实际为主。你现在要看你想练那种技能必杀的方士。如果是智体神剑方，我建议现在先把智力加红，再加点体力。体力加多少，要根据你装备加持的情况而定。（原则是，在杀王时，不要轻易被王秒掉为宜。）接下来就可以智红加精神，这样的加法，可以保证你的输出伤害最高，（智力加伤害，精神也加伤害的）又不容易被挂，在抢王等方面，增加吸宝机率。如果是阴阳智精方，就应该精神加红再加智力和适当体力。以加智力为主，后期可以穿加体的装备弥补体力不足。我有个朋友，可连放6阴阳。你看，国战时再猛、军、豪后面偷袭。杀伤力又多大？是杀人利器啊！宗上所诉，方士本来就血少防低，没必要把能力点数全部浪费再体力上。对于智体神剑方，血够用，杀王不被秒就好了（国战劝你换号），对于阴阳智精方，全把自己当成本.拉登的人肉炸弹，就不相信搞不死你。没人能抗得住连放6阴阳的方士。不管你怎么练，反正你要记住，方士就是炮台，就是狙击手！别把自己想成血牛！</t>
  </si>
  <si>
    <t xml:space="preserve">卡其色休闲西服应该怎么搭配男生...22岁皮肤还好有点点白75C </t>
  </si>
  <si>
    <t>西装里面可以搭配颜色亮丽的T恤，中色调的牛仔裤，鞋子可以是平常穿的复古板鞋，或是英伦风的板鞋也好，颜色浅一点。 如果你是要成熟的话，里面搭配黑色衬衫，显得你干练成熟，裤子和鞋子还是可以搭配黑色牛仔裤+复古板鞋。如果西装里要搭白色的衬衫的话，最好找一件在领口有细节设计的衬衫，现出与众不同。如果是普通的衬衫的话，就去买一条领巾，不是领带，买一些与卡其色接近的素色，让店员教你一些时尚的打法，会很别致。现在国内打领巾的还不多，这样会显得你很时尚。</t>
  </si>
  <si>
    <t xml:space="preserve">有哪些弯道是有名字的 </t>
  </si>
  <si>
    <t>很多啊！基本上所有的弯道都有名字</t>
  </si>
  <si>
    <t xml:space="preserve">一句口语翻译你先走，我还有点事情。（用地道的英语怎么说？） </t>
  </si>
  <si>
    <t>You go, and I will stay for a while</t>
  </si>
  <si>
    <t xml:space="preserve">爱情他是水瓶座的，我是白羊座的。我很喜欢他，他是高我一届的学长， </t>
  </si>
  <si>
    <t>情爱就是男女之间的吸引，只要互相吸引，就成为两情相悦，就是爱情。通常，情爱不会维持很久，因为它太强烈，无法维持，但是请爱会转变成亲情，还是爱，但是内涵不同了。</t>
  </si>
  <si>
    <t xml:space="preserve">使用电磁炉有什么需要注意的？ </t>
  </si>
  <si>
    <t>电磁炉是有辐射的，几乎每个家用电器都有辐射的（电脑也比较大），但对人体的伤害是很有限的，可以忽略不计。对于电磁炉的实用性，我个人感觉目前还不能完全取代煤气灶，只能是补充，而不能替代，原因主要有以下几点：1、绝大多数电磁炉陶瓷发热板都是平板，普通大众炒菜不习惯。2、电磁炉对于使用容器是有选择的，一般家庭以前的炊具很多都要淘汰。3、目前大众的厨房装修没有考虑用电磁炉烧饭带来的油烟问题。不管怎么说，电磁炉的优点还是比较明显的，使用它会给你的家居生活带来很多便利！</t>
  </si>
  <si>
    <t xml:space="preserve">你们（上班族）一般每天睡多长时间？现在你们每天一般睡多长时间呢？ </t>
  </si>
  <si>
    <t>新闻说现在的孩子很累.早上起来看,就有很多孩子背着书包上学.晚上还要做很晚的功课.还要学很多其他知识.我现在也觉得很辛苦,每天上班到下午五点半,中午网上听课.晚上七点半听课到十点.早上六点半起床看书.可是没办法啊,现实的生活压力,不进步就会退步.我想每天尽量让自己保证八小时的睡眠时间就很完美了.</t>
  </si>
  <si>
    <t xml:space="preserve">你怎么看待以妹妹的名义，不做妹妹该做的事情？现在的确很流行认好朋 </t>
  </si>
  <si>
    <t>每个人做人的方式不同，存在就有它合理的地方。只要坚持你自己做人的原则和立场就好。外界的很多东西是我们无法改变的。</t>
  </si>
  <si>
    <t xml:space="preserve">妖精打五行的怪,是用石头BB好,还是法防BB好,哪种BB法防最高? </t>
  </si>
  <si>
    <t>石头...毕竟..速度解决掉对手才不至于危害到自己法防在怎么低...顶一俩个五行怪还是没问题了..除非你想群怪或者不帮拉血...</t>
  </si>
  <si>
    <t xml:space="preserve">广告公司开发票我们公司的经营范围是:设计、制作、发布、代理各种广 </t>
  </si>
  <si>
    <t>由于你公司的特殊性，我以为：你公司直接发布的广告可以开具广告业专用发票，其他的开具服务业普通发票就可以了。对于你提到的确良资料费可以套入服务业，因此也可以开具服务业普通发票。你也可作为其他业务收入，为何一定要作主营业务收入呢，其实这收入有时也不是那么硬性吧。不知你理解如何？</t>
  </si>
  <si>
    <t xml:space="preserve">脑筋急转弯妻子：“糟糕，亲爱的，你送给我的钻石戒指，落到红茶里去 </t>
  </si>
  <si>
    <t>掉在装红茶叶的筒里了!</t>
  </si>
  <si>
    <t xml:space="preserve">什么话可以世界通用猜笔划 </t>
  </si>
  <si>
    <t>什么话可以世界通用 ----电话</t>
  </si>
  <si>
    <t xml:space="preserve">如何看外汇牌价？欧元/美元1.2732英镑/美元1.8901澳元 </t>
  </si>
  <si>
    <t>向欧元/美元 这样美圆在后面的货币对，如欧元/美元 1.2732 应该是一欧元兑12732美圆。向美元/日元 这样美圆在前面的货币对，如美元/日元116.30 应该是一美圆兑换116.30日圆。</t>
  </si>
  <si>
    <t xml:space="preserve">关于绑定手机绑定手机显示绑定失败但是绑定成功了是肿么回事 </t>
  </si>
  <si>
    <t>是不是你网速不好，存在延时！！！</t>
  </si>
  <si>
    <t xml:space="preserve">天堂与地狱之间，天使与恶魔之间。这个“之间”该怎么看待？ </t>
  </si>
  <si>
    <t>一念之差带来的天壤之别的结局。</t>
  </si>
  <si>
    <t xml:space="preserve">怎样根治慢性咽炎，许多年了。 </t>
  </si>
  <si>
    <t>一、慢性咽炎的症状 病因分型 慢性咽炎是一种常见病，为慢性感染所引起的弥漫性咽部病变，主要是咽部粘膜炎症。多发于成年人，其主要病因有屡发急性咽炎、长期粉尘或有害气体刺激、烟酒过度或其它不良习惯、鼻窦炎分泌物刺激、过敏体质或身体抵抗力减低等。慢性咽炎也可以是某些全身性疾病的局部表现，如贫血、糖尿病、肝硬化及慢性肾炎等。 自诊要点 咽部不适，有异物感，总感到咽部有咽不下又吐不出的东西，刺激咳嗽，干燥、发胀、堵塞、瘙痒等，但很少有咽痛。清晨常吐出粘稠痰块易引起恶心。由于食道或下咽部的癌症早期也会有类似的症状，因此发现以上症状之后应到医院做详细的检查，方能确诊。 治疗建议 应由医生根据病因进行有针对性的治疗。局部对症治疗可以选用中成药，如利咽灵、草珊瑚含片、保安散等，可同时配合泡茶饮：双花、麦冬、胖大海、生甘草各等份，开水冲泡频服。清咽饮：乌梅肉、生甘草、沙参、麦冬、桔梗、元参各50克，捣碎混匀，每日3次，每次服15克左右，以沸水冲饮。 注意事项 注意口腔卫生，坚持早晚及饭后刷牙。减少烟酒和粉尘刺激，还需纠正张口呼吸的不良习惯。应加强身体锻炼，增强体质，预防呼吸道感染，少用烟酒，积极治疗咽部周围器官的疾病。合理安排生活，保持心情舒畅，避免烦恼郁闷。保持室内合适的温度和湿度，空气新鲜。宜吃清淡、具有酸、甘滋阴的一些食物，如水果、新鲜蔬菜、青果等。经常含服四季润喉片、薄荷喉症片等。 慢性咽炎 慢性咽炎是咽部粘膜的慢性炎症，其中弥漫性炎症常为上呼吸道慢性卡他性炎症的一部分，局限性炎症则多伴有咽淋巴样组织的炎症。本病相当于中医的慢喉痹。 1。 西医诊断标准: （l）病史：常有急性咽炎反复发作史，或因鼻病长期张口呼吸及烟酒过度、坏境空气干燥、粉尘和刺激性气体污染等。 （2）症状：咽部不适，或疼、或痒、或干燥感、灼热感、烟熏感、异物感等；刺激性咳嗽，晨起用力咳出分泌物，甚或作呕。病程2个月以上，常因受凉、感冒、疲劳、多言等原因致症状 （3）检查：咽部慢性充血，加重。呈暗红色，或树枝状充血；咽后壁淋巴滤泡增生，或咽侧索肿大；咽粘膜增生肥厚，或干燥、萎缩、变薄，有分泌物附着.具各上述症状及1项 或1项以上检查所见，即可诊断。 2。中医辨证: 虚火上炎证，肺脾气虚证，痰热证，痰瘀互阻证 咽的急性发炎 ，跟扁桃体急性发炎很相似。咽炎及扁桃体炎都可由同一种细菌及病毒所引起，但咽炎的症状没有扁桃体那么严重。有些医学人士把这两种疾病简称之为急性咽喉炎。 慢性咽炎为慢性感染所引起的弥漫性咽部病变，主要是咽部粘膜炎症。多发于成年人，在城市居民中发病率占咽喉疾病的10％至20％左右。因其病程长，症状顽固，短期难见显效，故不易治愈。其主要病因大致如下: 1、 急性咽炎反复发作未能彻底治愈而转成慢性，长期粉尘或有害气体刺激、烟酒过度或其它不良生活习惯、鼻窦炎分泌物刺激、过敏体质或身体抵抗力减低等。 2 、 慢性咽炎也可以是某些全身性疾病的局部表现，如贫血、消化不良、大便长期秘结、心脏病、支气管炎、哮喘、肝脏病变、糖尿病及慢性肾炎等。 3、 职业因素。主要多发于嗓音工作者，如：教师、演员等。因长期多语言和演唱，可刺激咽部，引起慢性充血而致病。慢性咽炎自诊要点： 症状多样，咽部不适，有异物感，痰粘滞感，总感到咽部有咽不下又吐不出的东西，堵塞、发胀、灼热、干燥、发痒、刺激咳嗽、微有咽痛等。常以咳嗽来清除分泌物，特别在早晨用力咳嗽消除咽部分泌物时，症状有短暂缓解。由于食道或下咽部的癌症早期也会有类似的症状，因此发现以上症状之后应到医院做详细的检查，方能确诊。 慢性咽炎形成后又分三种类型的病理变化： 一、是慢性单纯性咽炎。表现为咽部粘膜慢性充血； 二、是肥厚性咽炎。主要表现为咽部粘膜充血肥厚，粘膜下有广泛的结缔组织及淋巴组织增生； 三、是慢性萎缩性咽炎。主要表现为粘膜层及粘膜下层萎缩变薄，咽后壁有痂皮附着，分泌减少。 中医将本病归纳为三种类型： 一、阴虚火炎型：咽部不适，痛势隐隐，有异物感，粘痰量少，伴有午后烦热，腰腿酸软，舌质红，脉象细数。 二、痰阻血瘀型：咽部干涩，痛呈刺痛，咽肌膜深红，常因频频清嗓而恶心不适。舌质红，苔黄腻，脉滑而数。 三、阴虚津枯型：咽干甚痒，灼热燥痛，饮水后痛可暂缓，异物感明显，夜间多梦，耳鸣眼花。舌质红少津，脉细数。 慢性咽炎的治疗 西医一般注重局部用药，如：嗽口药，用2％棚酸溶液，3％盐水和1：5000呋喃西林溶液反复嗽口，或者用2％碘甘油、5％强蛋白银液途于咽壁，或用碘含片、杜米芬、薄荷等含于口腔内等，有一定缓解症状之功能。局部对症治疗也可以选用中成药，如草珊瑚含片、西瓜霜等。 中医治疗本病着重于治本，按辩证分型法用药，疗效较好。一般用药为：阴虚火炎型者，用养阴清肺汤加味（麦冬、生地、玄参、白芍、甘草、生石膏、薄荷、川贝粉、丹皮、桑叶等）；痰阻血瘀型者，用消瘰丸加味（玄参，牡蛎、川贝、生地、麦冬、三棱、昆布、海藻等）；阴虚津枯型者，用生脉饮加味（白晒参、麦冬、五味子、石斛、玉竹、白茅根、竹茹等），每日一剂，频频润咽服之。 注意事项 ：忌辛辣之品及烟酒刺激。注意口腔卫生。 （加强身体锻炼，增强体质，预防呼吸道感染，合理安排生活，保持心情舒畅，避免烦恼郁闷等。） 饮食调理：利咽茶饮：双花、麦冬、木蝴蝶、胖大海、生甘草各3-5克，开水冲泡频服。清咽饮：乌梅肉、生甘草、沙参、麦冬、桔梗、元参各50克，捣碎混匀，每日3次，每次服15克左右，以沸水冲饮。 慢性咽炎治愈后，为巩固疗效以防再发，可常吃下列食品：绿豆海带汤 原料：绿豆一两、海带一两、白糖少许。 制法：将绿豆与海带（切丝）放于锅中，加水煮烂，后入白糖调味，每日当茶喝。 西瓜汁:将西瓜切开取汁，频频当茶饮。即可清热除烦，又能养阴润燥，甚宜常吃。 巧用药茶疗慢性咽炎 慢性咽炎是咽部黏膜、黏膜下层及淋巴组织的慢性炎症，视其病变情况，可分为单纯性、增生性和萎缩性三种类型。慢性咽炎的发病原因很多，如急性咽炎反复发作和邻近器官疾病（慢性扁桃体炎、牙龈炎、慢性鼻炎、慢性鼻窦炎）等都可引起。外因气候寒冷干燥，工作环境中的空气被粉尘、化学气体污染，烟酒和辛辣饮食长期刺激，以及由于职业因素而用嗓过多的人都易患慢性咽炎。此外，长期生活不规律、疲劳、精神紧张，可使身体抵抗力下降，细菌和病毒容易反复感染，也会引起慢性咽炎。 目前治疗慢性咽炎的方法很多，如西医一般主张用口泰、复方硼砂溶液等漱口液，含服华素片、安吉含片、g菌含片等。这些药物长期使用会导致口腔内环境紊乱。对于肥厚增生性咽炎，可采用激光、微波、冷冻等方法。但这些疗法目前有滥用趋势，门诊上经常见到因手术后咽部瘢痕严重增生、挛缩而病情加重前来就诊的病人。 慢性咽炎相当于中医的“虚火喉痹”，其病因病机为肺肾阴虚导致的虚火上升、咽喉失养。治宜滋养肺肾、清热化痰、润喉利咽。经验证明，正确应用药茶有助于治疗慢性咽炎。下列十则药茶方可供选用。 【罗汉果茶】 罗汉果1个。将罗汉果切碎，用沸水冲泡10分钟后，不拘时饮服。每日1～2次，每次1个。功能清肺化痰，止渴润喉。主治慢性咽喉炎，肺阴不足、痰热互结而出现的咽喉干燥不适，喉痛失音，或咳嗽口干等。《食物中药与便方》谓：“演员、教师、广播员等需保护发音器官者常以罗汉果切碎，泡水代茶饮有效。” 【橄榄茶】 取橄榄两枚，绿茶1g。将橄榄连核切成两半，与绿茶同放入杯中，冲入开水，加盖闷5分钟后饮用。适用于慢性咽炎，咽部异物感者。 【大海生地茶】 胖大海5枚，生地12g，冰糖30g，茶适量。上药共置热水瓶中，沸水冲泡半瓶，盖闷15分钟左右，不拘次数，频频代茶饮。根据患者的饮量，每日2～3剂。功能清肺利咽，滋阴生津。用于慢性咽喉炎属肺阴亏虚者，如声音嘶哑，多语则喉中燥痒或干咳，喉部暗红，声带肥厚，甚则声门闭合不全，声带有小结，舌红苔少等。对于肺阴不足、虚火夹实之慢性喉炎而兼大便燥结者，用之最宜。 【橄揽海蜜茶】 橄榄3g，胖大海3枚，绿茶3g，蜂蜜1匙。先将橄榄放入清水中煮片刻，然后冲泡胖大海及绿茶，闷盖片刻，入蜂蜜调匀，徐徐饮之。每日1～2剂。功能清热解毒，利咽润喉。主治慢性咽喉炎，咽喉干燥不舒，或声音嘶哑等属阴虚燥热证者。 【二绿女贞茶】 绿萼梅、绿茶、橘络各3g，女贞子6g。先将女贞子捣碎后，与前三味共入杯内，以沸水冲泡即可。每日1剂，不拘时饮服。功能养阴利咽，行气化痰。对肝肾阴虚，虚火上浮，气郁痰结之咽痛不适，咽喉异物感，饮之有良益。 【桑菊杏仁茶】 桑叶10g，菊花10g，杏仁10g，冰糖适量。将杏仁捣碎后，与桑叶、菊花、冰糖共置保温瓶中，加沸水冲泡，约盖闷15分钟后，即可当茶水饮用，边饮边加开水，每天1剂。功能清热疏风，化痰利咽。 【双根大海茶】 板蓝根15g，山豆根10g，甘草10g，胖大海5g。共置保温瓶中，用沸水冲泡，盖闷20分钟后即可当茶水饮用。也可加水煎煮后，倒保温瓶中慢慢饮用，每天1剂。有清热、解毒、利咽的作用，适用于慢性咽炎咽喉疼痛明显者。 【马鞭草绿豆蜜茶】 鲜马鞭草50g，绿豆30g,蜂蜜30g。将绿豆洗净沥干，新鲜马鞭草连根洗净，用线扎成2小捆，与绿豆一起放锅内，加水1500毫升用小火炖1小时，至绿豆酥烂时离火，捞去马鞭草，趁热加入蜂蜜搅化即可饮汤食豆。每日1剂，分2次服，连服数日。 【清音茶】 药用胖大海5g,蝉衣3g,石斛15g。水煎代茶饮。功能养阴润喉，利咽治喑，适用于慢性咽炎伴有声音嘶哑者。 【山楂利咽茶】 药用生山楂20g，丹参20g，夏枯草15g。使用时，先用清水洗去浮尘，然后加水煎30分钟后，滤取药汁，一日数次，当茶频饮。功能活血散结，清热利咽。适用于慢性咽炎而咽部淋巴滤泡增生明显者。 一、慢性咽炎的治疗 巧用药茶疗慢性咽炎 慢性咽炎是咽部黏膜、黏膜下层及淋巴组织的慢性炎症，视其病变情况，可分为单纯性、增生性和萎缩性三种类型。慢性咽炎的发病原因很多，如急性咽炎反复发作和邻近器官疾病（慢性扁桃体炎、牙龈炎、慢性鼻炎、慢性鼻窦炎）等都可引起。外因气候寒冷干燥，工作环境中的空气被粉尘、化学气体污染，烟酒和辛辣饮食长期刺激，以及由于职业因素而用嗓过多的人都易患慢性咽炎。此外，长期生活不规律、疲劳、精神紧张，可使身体抵抗力下降，细菌和病毒容易反复感染，也会引起慢性咽炎。 目前治疗慢性咽炎的方法很多，如西医一般主张用口泰、复方硼砂溶液等漱口液，含服华素片、安吉含片、g菌含片等。这些药物长期使用会导致口腔内环境紊乱。对于肥厚增生性咽炎，可采用激光、微波、冷冻等方法。但这些疗法目前有滥用趋势，门诊上经常见到因手术后咽部瘢痕严重增生、挛缩而病情加重前来就诊的病人。 慢性咽炎相当于中医的“虚火喉痹”，其病因病机为肺肾阴虚导致的虚火上升、咽喉失养。治宜滋养肺肾、清热化痰、润喉利咽。经验证明，正确应用药茶有助于治疗慢性咽炎。下列十则药茶方可供选用。 【罗汉果茶】 罗汉果1个。将罗汉果切碎，用沸水冲泡10分钟后，不拘时饮服。每日1～2次，每次1个。功能清肺化痰，止渴润喉。主治慢性咽喉炎，肺阴不足、痰热互结而出现的咽喉干燥不适，喉痛失音，或咳嗽口干等。《食物中药与便方》谓：“演员、教师、广播员等需保护发音器官者常以罗汉果切碎，泡水代茶饮有效。” 【橄榄茶】 取橄榄两枚，绿茶1g。将橄榄连核切成两半，与绿茶同放入杯中，冲入开水，加盖闷5分钟后饮用。适用于慢性咽炎，咽部异物感者。 【大海生地茶】 胖大海5枚，生地12g，冰糖30g，茶适量。上药共置热水瓶中，沸水冲泡半瓶，盖闷15分钟左右，不拘次数，频频代茶饮。根据患者的饮量，每日2～3剂。功能清肺利咽，滋阴生津。用于慢性咽喉炎属肺阴亏虚者，如声音嘶哑，多语则喉中燥痒或干咳，喉部暗红，声带肥厚，甚则声门闭合不全，声带有小结，舌红苔少等。对于肺阴不足、虚火夹实之慢性喉炎而兼大便燥结者，用之最宜。 【橄揽海蜜茶】 橄榄3g，胖大海3枚，绿茶3g，蜂蜜1匙。先将橄榄放入清水中煮片刻，然后冲泡胖大海及绿茶，闷盖片刻，入蜂蜜调匀，徐徐饮之。每日1～2剂。功能清热解毒，利咽润喉。主治慢性咽喉炎，咽喉干燥不舒，或声音嘶哑等属阴虚燥热证者。 【二绿女贞茶】 绿萼梅、绿茶、橘络各3g，女贞子6g。先将女贞子捣碎后，与前三味共入杯内，以沸水冲泡即可。每日1剂，不拘时饮服。功能养阴利咽，行气化痰。对肝肾阴虚，虚火上浮，气郁痰结之咽痛不适，咽喉异物感，饮之有良益。 【桑菊杏仁茶】 桑叶10g，菊花10g，杏仁10g，冰糖适量。将杏仁捣碎后，与桑叶、菊花、冰糖共置保温瓶中，加沸水冲泡，约盖闷15分钟后，即可当茶水饮用，边饮边加开水，每天1剂。功能清热疏风，化痰利咽。 【双根大海茶】 板蓝根15g，山豆根10g，甘草10g，胖大海5g。共置保温瓶中，用沸水冲泡，盖闷20分钟后即可当茶水饮用。也可加水煎煮后，倒保温瓶中慢慢饮用，每天1剂。有清热、解毒、利咽的作用，适用于慢性咽炎咽喉疼痛明显者。 【马鞭草绿豆蜜茶】 鲜马鞭草50g，绿豆30g,蜂蜜30g。将绿豆洗净沥干，新鲜马鞭草连根洗净，用线扎成2小捆，与绿豆一起放锅内，加水1500毫升用小火炖1小时，至绿豆酥烂时离火，捞去马鞭草，趁热加入蜂蜜搅化即可饮汤食豆。每日1剂，分2次服，连服数日。 【清音茶】 药用胖大海5g,蝉衣3g,石斛15g。水煎代茶饮。功能养阴润喉，利咽治喑，适用于慢性咽炎伴有声音嘶哑者。 【山楂利咽茶】 药用生山楂20g，丹参20g，夏枯草15g。使用时，先用清水洗去浮尘，然后加水煎30分钟后，滤取药汁，一日数次，当茶频饮。功能活血散结，清热利咽。适用于慢性咽炎而咽部淋巴滤泡增生明显者。 怎样有效治疗慢性咽炎？ 慢性咽炎系咽粘膜的慢性炎症,常为呼吸道慢性炎症的一部分。多为急性咽炎反复发作或延误治疗转为慢性或者各种鼻病后因鼻阻塞而长期张口呼吸及鼻腔分泌物下流，致长期刺激咽部，或慢性扁桃体炎，龋病等影响所致，也可以因为各种物理化学因素刺激：如粉尘、颈部放疗、长期接触化学气体、烟酒过度等，另外全身因素如各种慢性病等都可继发本病。主要分为慢性单纯性咽炎、慢性肥厚性咽炎、萎缩性或干燥性咽炎。主要表现为咽部可有各种不适感觉，如异物感、发痒、灼热、干燥、微痛、干咳、痰多不易咳净，讲话易疲劳，或于刷牙漱口，讲话多时易恶心作呕。 就诊指南： 1、消除各种致病因素，如治疗全身性疾病，治疗鼻窦炎。注意营养，增强体质锻练。避免刺激性食物及烟酒，在有粉尘或刺激性气体环境中工作者应戴口罩。 2、根据不同类型的咽炎采取不同的治疗办法。局部可用复方硼砂溶液、呋喃西林溶液、淡盐水漱口，各种含片含服。金嗓利咽丸、乐频清口服等。 3、不随便使用胖大海冲服。 4、肥厚性咽炎可以应用激光烧灼或者微波凝固。 5、可以进行雾化吸入治疗。对干燥、干咳等症状有一定的好处。 三种方法巧疗慢性咽炎 1、按摩： ①用拇指跟食、中指揉咽喉部两侧20～30次。 ②用拇指、食指捏揪咽喉部皮肤20～30次，使局部发红,咽喉发热为佳。按压翳风、天突、合谷穴,每穴1分钟。每日上晚各1次。 2、灸法： 取合谷、曲池、外关、任选一穴，用温和灸法或指压法，每次5～20分钟，每当症状发作时施治。 3、刺血疗法： 取耳背上部静脉，先用手轻揉患侧耳部，使其局部充血，再于耳后寻找其静脉，局部常规消毒后，用毫针于耳后静脉点刺，挤出血液3～5滴，即用酒精棉球压按针孔。每日一次。第二次在患侧耳背施术部位下方点刺。第三次仍在第一次部位。此法于小儿尤佳。也可用三棱针点刺少商、内道及耳背的脉络，及血数滴，每日一次。 慢性咽炎的饮食调治 1.吃富含胶原蛋白和弹性蛋白的食物，如猪蹄、猪皮、蹄筋、鱼类、豆类、海产品等，有利于慢性咽炎损伤部位的修复。 2.多摄入富含B族维生素的食物，如动物肝脏、瘦肉、鱼类、新鲜水果、绿色蔬菜、奶类、豆类等，有利于促进损伤咽部的修复，并消除呼吸道黏膜的炎症。 3.少吃或不吃煎炸、辛辣刺激性食物，如：油条、麻团、炸糕、辣椒、大蒜、胡椒粉等。 4.经常饮用一些利咽生津的食疗饮品，以下两例供参考：绿茶蜂蜜饮：绿茶5克，蜂蜜适量。将绿茶置杯中，冲入沸水，加入蜂蜜饮服，每日1剂。可清热利咽，润肺生津。百合绿豆汤：百合20克，绿豆50克，冰糖适量。将百合、绿豆加清水适量煮熟，加入冰糖饮服，每日1剂。可清热润肺，养阴生津</t>
  </si>
  <si>
    <t xml:space="preserve">为什么登入了QQ已经显示QQ桌面可是又告诉你对不起,您的密码错误? </t>
  </si>
  <si>
    <t>那是因为你的电脑上有你QQ号密码的记录，而你的QQ号让别人在别的地方给你盗了，你在你的机器上QQ，是上去了，但没登陆上去，则出现密码错误，建议你把密码找回一下，然后把你机器上的QQ号码的记录清楚再试一遍，希望你能够成功！</t>
  </si>
  <si>
    <t xml:space="preserve">已申请美国Ｆ4移民,还有申请就读美国私立高中吗?已申请美国Ｆ4移 </t>
  </si>
  <si>
    <t>第一，前往美国的移民，最后一道关卡是身份转换，在排期的过程中因为还没有完成身份转换所以还不能算是已经完成移民！！ 第二，你的女儿如果到美国读书签证的话就是拿学生签证的，学生签证是不容许有移民倾向的。结论：你现在在等排期，但是同一时间申请学生签证基本上是不会批给你的</t>
  </si>
  <si>
    <t xml:space="preserve">600153是否已经突破.现在介入合适吗?本人上周一被加息的消息 </t>
  </si>
  <si>
    <t>G建法K线形态即将调整。待调整到4。8元左右再介入也不迟。</t>
  </si>
  <si>
    <t xml:space="preserve">请电脑高手帮帮忙,的问题最近想玩魔兽争霸3冰封王座下了个版本为( </t>
  </si>
  <si>
    <t>对话框提示，程序异常，必须退出；可能是下载的安装文件有问题，尝试删除临时文件夹里的文件，卸载魔兽3，然后再重新安装；也可以下载另外一个版本。。。。。。</t>
  </si>
  <si>
    <t xml:space="preserve">脂肪肝是否适合饮茶？脂肪肝病人是否适合饮茶？ </t>
  </si>
  <si>
    <t xml:space="preserve">   适合,因为它有利于降低血脂水平.</t>
  </si>
  <si>
    <t xml:space="preserve">关于明星有谁知道北京嘉和丽园里都有哪些名星住着那？ </t>
  </si>
  <si>
    <t xml:space="preserve">那英、孙楠 </t>
  </si>
  <si>
    <t xml:space="preserve">人大附中西山分校都有哪些楼盘有入学名额？儿子要升初中了，好点的学 </t>
  </si>
  <si>
    <t>如果你知道人大附中西山分校是亿城集团引进的，就应该猜得到亿城西山华府肯定有名额，09年9月份第一批学生已经开学了。不过华府好像没有房了，最近在软件园亿城又开了一个公馆项目，楼主可以去了解一下。</t>
  </si>
  <si>
    <t xml:space="preserve">我朋友的机器准备升级点硬件,大家帮忙看看~新发一次图~最近我朋友 </t>
  </si>
  <si>
    <t>内存算大的了～～想要好点的图形效果～～显卡换个128的吧～～CPU和我得一样～～算老的了～～可以考虑换一下了</t>
  </si>
  <si>
    <t xml:space="preserve">飚车酷豹马力:商店油冷2,空气2,进气2.大散1,大口1,中冷1 </t>
  </si>
  <si>
    <t>全商店能跑这成绩不错了!酷宝车型和操控性都是很棒的，有很多人支持，LZ没有掉宝马达吗？现在马达便宜了，200W左右就能收上了！祝LZ飚得开心！</t>
  </si>
  <si>
    <t xml:space="preserve">新生儿打喷嚏我宝宝一出就打喷嚏,现在两个月了有时还是要打喷嚏,但 </t>
  </si>
  <si>
    <t>是正常现象，不用担心，我家宝宝现在四个多月了还打呢。我家宝宝好像是出生第二天就打，当时还以为是感冒了呢，吓得不得了，后来问医生说是正常的，因为小孩子鼻腔还未发育善，对外界环境特别敏感，就容易打喷嚏，平时注意宝宝用的东西气味不能太浓，室内经常通风，只要宝宝精神状态好就没问题。</t>
  </si>
  <si>
    <t xml:space="preserve">全敏之火应该带什么BB最好？玩火的高手进！我练全敏之火，现在刚7? </t>
  </si>
  <si>
    <t>全敏火，后期也就带云。因为高级现在一般都带云了！还有有人说带全敏电！根本没用速度跟不上的！104的全敏电不打妖石也才2100+的速度！个人玩的区有个79的火就已经上了2300速度了！雨、雪也不错练全体!P火山什么还可以克他们!</t>
  </si>
  <si>
    <t xml:space="preserve">美容去皱大家都是怎么做的啊？我也想变年轻点，除去脸上的皱纹。 </t>
  </si>
  <si>
    <t>我同事是打去皱针，结果有副作用，而且不持久，不推荐。我个人是在用法国芙洛雅的去皱产品，对于皱纹彻底消灭，而且比注射法更加温和、安全，效果却丝毫不逊于手术。我同事现在也被我带着一直用芙洛雅呢。</t>
  </si>
  <si>
    <t xml:space="preserve">威猛先生的厨房重油污净好用吗？用了以后手会敏感吗？ </t>
  </si>
  <si>
    <t>我和几个朋友用下来都没有什么过敏的问题。它毕竟是获得国家环保总局环保认证，安全环保的。另外威猛先生的喷头也好用，不会滴落在手上，也就不会让你手有接触清洁液的机会。所以即使手部敏感，也可以用。如果实在担心，那也可以在清洁的时候带上手套。</t>
  </si>
  <si>
    <t xml:space="preserve">猪车漂移怎么会有要翻车的感觉我买了辆猪车，感觉飘的是候好象要翻了 </t>
  </si>
  <si>
    <t>说实话,猪的稳定性实在是差得可以......我还真的想不出哪个车会跟金猪一样的不稳定.不过我还是买了提辆开,就因为今年是金猪年,有点纪念价值.你别说,金猪还真有可能绝版,那样更好,哈哈!</t>
  </si>
  <si>
    <t xml:space="preserve">为什么关注的一些人的微博我看不见能解释下吗？？？？ </t>
  </si>
  <si>
    <t>系统修复一下，是系统问题</t>
  </si>
  <si>
    <t xml:space="preserve">我是该走还是该留下?急!!!!!求答案!!!可能我是一个太感性的 </t>
  </si>
  <si>
    <t xml:space="preserve">    即然累，不是一天两天形成这种心理的，你的情况看起来，都快成为心量疾病了。让自己活着，却没有快乐。     走吧。你还可以新的生活。不走，你还得过像现在这样的生活。不是谁天生就有很好的适应能力。你不会比任何人差。无论什么事情不迈出去一步，怎么知道自己行与不行哩？只能在原地打转转的话到头来，落个头晕眼花，找不到南北，还不是一样要寻找新开始。    走！</t>
  </si>
  <si>
    <t xml:space="preserve">月如何治疗俩月婴儿海绵状血管瘤如何治疗俩月婴儿海绵状血管瘤 </t>
  </si>
  <si>
    <t>手术适合局限性海绵状血管瘤，手术适合局限性海绵状的血管瘤，但是大部分海绵状血管瘤与正常组织分界线不清楚,对范围较大，位置较深，特别是累计肌肉组织和颈面部血管瘤，手术难以彻底切除手术中出血多，危险大，并发症多，复发率高。一直使外科医生感到棘手。本回复由上海海光医院医生提供，欢迎大家登录网站查询更多知识。</t>
  </si>
  <si>
    <t xml:space="preserve">如何能让自己理智、成熟一点？！ </t>
  </si>
  <si>
    <t>分析自己的优缺点  找出不足  遇事的时候要针对缺点去考虑  还有多听听身边人的建议分析自己的优缺点  找出不足  遇事的时候要针对缺点去考虑  还有多听听身边人的建议我认为冷静会让你变得理智一些,多思考一些问题会让你成熟一些.不要老是生活在回忆里迎接新的生活！这样就可以开朗一点了吧经历更多的事，更多的人，受更多的伤1、 思想的成熟，对很多事情有自己的成熟的看法，不管是对与错。 　　2、 心态的成熟，对很多事情能持有很成熟的心态，不会对一些事情大惊小怪。 　　3、 行为的成熟，个人的一言一行反映了自己内心的成熟程度，对自己的言行要求要严格，不能随便。一多对自己的所做的事情反思，并及时的征求他人对自己的反馈意见。从他人的眼睛和反应中看到真实的自己。二乐意把自己感觉到的不足承认并给自己时间向周围的朋友学习。三坚持让自己从一点开始成熟起来，取得自我成长的经验，然后主动的推广到自己其他的方面。假如对你有用，请给好评啊行动或者说话之前多思考一下再决定怎么做或者怎么说，你就会越来越理智并成熟起来。多经历一些事情就好了，可以经历一些事情最好的办法就是读书需要时间和经历的磨练，遇到多想想，多听听别人的经验，无论是成功或者是失败，都是你的宝贵收获冷静会让你变得理智一些,多思考一些问题会让你成熟一些.不要老是生活在回忆里 迎接新的生活!这样就可以开朗一点了吧 我是这么认为的!额，刚才的被屏蔽了。。。感觉要发火的时候先深呼吸，超级有效。还有吧，就是什么事情都看开点，别冲动，冲动是魔鬼。说话时，该说的时说，不该说的时候就不要说，把自己看作是大人，做事还是一样的。这样就行了做事、下决定时多想一想，听听别人的意见和看法！</t>
  </si>
  <si>
    <t xml:space="preserve">日本在侵华时曾用过达姆弹头有这回事吗？（达姆弹是一种可产生极大破? </t>
  </si>
  <si>
    <t>1937年10月14日国民党政府驻国际联盟常任代表胡世泽照会国联，说明日本违反国际法在华使用毒瓦斯与达姆弹之事实。我只能提供这一条信息，希望对你有帮助。</t>
  </si>
  <si>
    <t xml:space="preserve">PD怎么改，PD怎么改啊，城市，锦标，别跟我说城市黄金，锦标SC </t>
  </si>
  <si>
    <t>没分怎么会有人告诉你呢.?PD跑城市 S34.黄金套.0.26或0.22(有0.26最好)如果没有0.26.车身就用车5.没车5就换车8.马达2型的.方向+8或+6.看自己个人手感.CCS-T2.锦标.S34.SSC套.觉得马力太大或多弯图.把高凸和4独换成商店1型的.空气换2型.方向+8.0.26轮胎.车4或车8.马达2型.CCS-T2.(-1+30的).</t>
  </si>
  <si>
    <t xml:space="preserve">600879火箭股份24.8元成本的火箭股份,是否需要割肉?何时 </t>
  </si>
  <si>
    <t>波段操作，降低成本，</t>
  </si>
  <si>
    <t xml:space="preserve">有点怪,有点坏!问大家一个有点怪,也有点坏的问题?"恨"一个人就 </t>
  </si>
  <si>
    <t>我只知道，去离婚的，一般都不吵架了。狂占地！补充：夫妻没有不吵嘴的。不吵架少了些烟火气，比较的闷。谁能保证一年365天，天天都是好心情啊。但吵架也是一门艺术，互相指责或生闷气是没有意义的。我父母以前天天吵，吵的可爱，家里的东西被我爸砸的差不多了，所以直到90年代初我家才勉强算是步入小康——他们离婚了。现在我和先生定了规矩，一次只许一个人说话，想说难听的话，必须手写。 （老板叫了，再补）</t>
  </si>
  <si>
    <t xml:space="preserve">出纳为找单据她有权亲自查看会计制好的记账凭证吗也就是说她想找的单 </t>
  </si>
  <si>
    <t>1、一般情况下出纳有权查看所有与现金银行存款收付有关的凭证，不管是不是做好的凭证。2、从内控上来说出纳不管现金银行存款明细账以外的账，主要是防止人为记账作弊而出现漏洞，但不是说连凭证也不能看。否则，她连现金银行存款明细账也登记不了了，或者错了也不能查找原因。3、现金、银行存款的准确、真实本身责任在出纳处，有责任管理自然也就有责任查对。</t>
  </si>
  <si>
    <t xml:space="preserve">有谁用过欧莱雅绝配无遐粉底液用完之后还要用同款的矿物质粉吗。 </t>
  </si>
  <si>
    <t>我一直在用，挺好的．以前用完后再用点其他的粉就可以了．现在用矿物制的那款，也没什么大区别感觉．</t>
  </si>
  <si>
    <t xml:space="preserve">使命召唤4玩不了一点开游戏就会出现下面的对话框.所有的驱动我也都 </t>
  </si>
  <si>
    <t>出现这个提示一般是由于您的显卡无法支持Shader Model 3.0..而一款可以支持它的显卡正是运行使命召唤4所必须的..考虑升级的话，目前基本上所有的新显卡无论高端还是低端都对它有支持，所以说在选择上不用担心..------------------------------------------------------------9200SE是好多年前的古董了..PS只支持到1.4，VS只到1.1，自然是无可能运行使命召唤4了..而且，CPU的赛扬2.7GHZ应该也是P4时代的产品吧..想玩最新的游戏的话您是该换机器了..</t>
  </si>
  <si>
    <t xml:space="preserve">招标技术规范书谁做过10kV及以下的钢芯铝绞线及电缆的技术规范书 </t>
  </si>
  <si>
    <t>企业通过我们平台发布招标采购信息，再通过招标、询价，反拍系统完成网上采购，所有的操作按照电脑提示操作，流程行为相当规范了</t>
  </si>
  <si>
    <t xml:space="preserve">第一部让你哭的电视剧???第一部让你感动哭的电视剧是哪一部?让我 </t>
  </si>
  <si>
    <t>妈妈再爱我一次</t>
  </si>
  <si>
    <t xml:space="preserve">评评我的个性我是一个初二的学生了，是男的，我是个左撇子，不管是什 </t>
  </si>
  <si>
    <t>基本上还算积极向上，人品五五开，还算有自知之明，知道自己的短处，但没有勇气改变，性格中表现出懦弱的一面，努力但潜意识里不愿意，导致成绩一般。</t>
  </si>
  <si>
    <t xml:space="preserve">说说那些从网站上截图的蛋子我最鄙视从某个网站截图的发过来又是初单 </t>
  </si>
  <si>
    <t xml:space="preserve">  楼主，你的实单不错，顶！！</t>
  </si>
  <si>
    <t xml:space="preserve">我是一名在校专科生，有自己的网店，也有团队，有稳定的收入，我想申? </t>
  </si>
  <si>
    <t>你有营业执照吗  有营业执照满2年以上才可以  或者单位缴纳5限1金</t>
  </si>
  <si>
    <t xml:space="preserve">我的"我的回答"里面怎么8月6日之后的帖子都没有啊?你们是这样吗? </t>
  </si>
  <si>
    <t>有，根据各地区的网络服务器的不同，会产生一些错误这些错误会在几小时或几分钟后恢复</t>
  </si>
  <si>
    <t xml:space="preserve">好容易得到的粉丝，突然锐减了许多，为什么？ </t>
  </si>
  <si>
    <t>很多粉丝都是系统自动推荐给别人的，没什么实际作用的。少了许多应该正常的☆═━┈如果我的回答对您有所帮助，请点击“好评”，谢谢┈━═☆</t>
  </si>
  <si>
    <t xml:space="preserve">中国象棋比赛中双方循环走棋且无人愿意变着时,裁判该怎样处理?有一 </t>
  </si>
  <si>
    <t>你的招法属于长捉，为禁止招法，不变作负。不出意外你要输了。</t>
  </si>
  <si>
    <t xml:space="preserve">芡实的营养价值？目前正是俗称“鸡头”上市的季节，苏州水`乡特产。 </t>
  </si>
  <si>
    <t>芡实的药性平和，药味甘涩。《本草求真》分析说：芡实味甘， 长于补脾、除湿，所以能治腹泻；芡实又有涩味，长于固肾收敛， 所以又能治疗遗精、带下和多尿。该书还把芡实与山药相比较，认 为芡实与山药的功效相似。但就补益作用来说，山药超过芡实；如就收涩作用来说，则芡实胜过山药。  使用芡实的方法，最简便的就是嚼食。苏东坡给他弟弟苏辙介绍过三种益智强身的方法，第一种就是细细嚼食芡实，直到津液满口时，再缓缓咽下。每日嚼食10余粒，就可收到补养的功效。 最为常用的方法，则是食用芡实粥。《本草择要纲目》说：用 糯米与荧实作粥食用，能补益精气，聪耳明目，还能健脾胃、 颜色。《金峨山房药录》还吟诗盛赞香喷喷的芡食粥，能使人容光焕发，精力旺盛。</t>
  </si>
  <si>
    <t xml:space="preserve">请问怎样快速减去大腿上的赘肉啊？还有胳膊上的 </t>
  </si>
  <si>
    <t>瘦身美人的肩背练习 　　１．直立，双脚分开略宽于臀部，微微屈膝。双眼直视前方，后背挺直。双手握住一个两磅重的球或其他等重物体，放在臀部。 　　２．右手持球，双臂伸直上举，在头顶处将球传入左手。 　　３．双臂下降，回到臀部，重新开始上下传球动作。双臂动作看起来就像转动的风车。 　　４．重复传球动作２０次。动作要慢，不要靠冲力来。 　　注意：不要靠活动手腕来传球，手臂、后背、脖子都要挺直，这样就能自然而然地传球而不是滚球。 　　小腿练习　 　　１．贴着墙坐下，后背挺直，脚掌贴地。手持一根重１６磅的健身棒放在大腿上，离膝盖约有三英寸。 　　２．脚跟向上抬，同时双手用力下压健身棒。 　　３．重复该套动作２５次。对付你的下半身肥胖 　　腿粗胖大大影响女性的体态美。这和遗传有一定的关系。如果你家族里大部分成员的腿都是又粗又肥，那你也大有可能大腿臃肿。运动生理学家发现，下半身的脂肪，也就是积聚在臀部和大腿的脂肪，可能是特别难消除的。在身体其他部位的脂肪都能轻易地增减脂肪细胞，但下半身的脂肪却不能这样。 　　要使大腿变得苗条，也有方法，且并不复杂，只要持之以恒，是完全可能做到的。以下是专家们经过长期研究后推荐的三种向粗胖大腿进攻的方法： 　　运动的种类很多，如果你把目标定在粗胖的大腿上，你最好还是选择一种以锻炼双腿为主的运动。因为活动大肌肉，例如大腿和臀部肌肉，你就可以增加热量的总燃烧量。 　　锻炼大腿和臀部肌肉的最佳运动是步行、骑自行车(包括在室内骑健身自行车)、越野滑雪、爬楼梯。 　　专家们认为跑步能消耗脂肪，但对腿粗臀肥的人来说，他们可能会觉得跑步很吃力、很不舒服，不想坚持下去。因此，把步行和跑步相结合是一个好方法。那就是以步行为主，途中作几次短距离跑步，每次跑步一两百米，习惯后，逐渐把跑步的时间延长。 　　游泳是很受欢迎的健身活动。专家们认为，如果想在游泳池中锻炼双腿，可在浅水的一端跑步，或穿若救生衣在深水的一端做跑步动作。水的阻力会使双腿活动比较费力，却不会像在地面上跑步那样须承受较大的震荡，因此是减去腿部和臀部脂肪的好方法。 　　要想使大腿苗条，运动量多少才足够?如果你心血管健康，那么，你应该每天运动20分钟；如果你想燃烧更多脂肪，使大腿线条更优美，最好每天早晚各运动一次，每次20到30分钟。此外，还可考虑做些园艺工作之类的活动。 　　运动的剧烈程度须保持在低至中等水平—充其量只可达到最高限度的60%。把运动的剧烈程度保持在这个水平上，可燃烧更多的脂肪。运动时间的长短比运动的剧烈程度更重要。要减掉脂肪，步行一小时和跑步20分钟的效果相等。</t>
  </si>
  <si>
    <t xml:space="preserve">油表黄灯亮了我的雅阁是０６年买的，有１次上高速因为估计错误，没加 </t>
  </si>
  <si>
    <t xml:space="preserve">每辆车跟每辆车的设计都不一样  如果不是带有行车电脑 能显示所剩油量的汽车 一般都是靠油箱里的油浮子来测量汽车燃油容量  一般的话 黄灯亮车辆可以行驶60--100公里  这根据不同车辆与驾驶员的驾驶习惯而定  建议你不要长期让油箱处于不满的状态  油箱里的燃油泵是靠汽油来降温  如果经常缺油  会造成燃油泵长期暴露在空气中  无法降温  而烧毁  而且每次加油也会让油箱里的汽油有少量挥发  建议一次性加满汽油 </t>
  </si>
  <si>
    <t xml:space="preserve">用智能ABC输入法怎样输入“嗯”字？ </t>
  </si>
  <si>
    <t>智能ABC输入法输入“嗯”的方法：输入n88，然后按空格键即可，再按一次空格键上屏。</t>
  </si>
  <si>
    <t xml:space="preserve">新浪2G邮箱怎么进不去了?已经有一个星期不好使了,网管赶快查查! </t>
  </si>
  <si>
    <t>系统的缘故，你只要等一天，明天又可以进入你的邮箱了，我以前也试过很多次这样的情形，没事的，第二天又恢复了</t>
  </si>
  <si>
    <t xml:space="preserve">减肥药真的有用吗？用过的推荐一下谢谢我又矮又胖，男朋友也说我肥， </t>
  </si>
  <si>
    <t>在我用过的减肥药中，我感觉“曲美”还不错，不过心脏不好的人可不要用哦。其实减肥很简单，只要晚上少吃饭或者不吃饭，增加运动量，就会达到目的的，要有毅力哦！</t>
  </si>
  <si>
    <t xml:space="preserve">肋软骨炎的治疗方法现在肋骨间有隐隐的作痛，想更多的了解肋软骨炎， </t>
  </si>
  <si>
    <t>肋软骨炎主要表现为受累肋软骨处自感胸部钝痛或锐痛，有压痛和肿大隆起，深吸气，咳嗽或活动患侧上肢时疼痛加剧、有时向肩部或背部放散，甚至不能举臂，但局部皮肤无改变。疼痛消失后，肿大的肋软骨甚至可持续数月或数年之久。有时劳累后，疼痛还会发作。发病有急有缓，急性者可骤然发病，感胸部刺痛，跳痛或酸痛；隐袭者则发病缓慢，在不知不觉中使肋骨与肋软骨交界处呈弓状，肿胀、钝痛，有时放射至肩背部、腋部、颈胸部，有时胸闷憋气,休息或侧卧时疼痛缓解，深呼吸、咳嗽、平卧、挺胸与疲劳后则疼痛加重。 目前对于肋软骨炎的治疗，西医大多为部分镇痛类激素药物或手术切除法，则各种民间偏方居多，疗效难以保证。总的来说，目前对于此病治疗尚缺乏正规性、针对性、权威性的治疗方案或药物。中药肋软骨炎散，祖国医学名方，真正彻底治愈肋软骨炎的良药，已称为治疗肋软骨炎疾病之首选用药。肋软骨炎散选用一系列具有活血行气、通滞化瘀之功效中药成分，针对疾病病源之风寒湿邪、气血瘀滞，可达驱风除湿、调和气血之功效，外治之法直接敷贴，药性渗透作用强，从而快速治愈肋软骨炎顽疾。</t>
  </si>
  <si>
    <t xml:space="preserve">既然皮蛋含有铅这种有害物质，为什么还让它进入市场？ </t>
  </si>
  <si>
    <t>现在经过改进工艺配方，一些皮蛋已经不含铅或者是含铅很少了。</t>
  </si>
  <si>
    <t xml:space="preserve">请问辽宁鞍山千山区买房我家铁西永乐,我妈很想往平房有院子的,请问 </t>
  </si>
  <si>
    <t>暂时不属于室内，但也许以后可以（至少3-5年）。如果现在去买房子，很难得到产权，未来很麻烦，不建议你去买。建议你去汤岗子附近买，房价相对便宜，而且规划也比较好，马上就要划入市区（1-2年内）。</t>
  </si>
  <si>
    <t xml:space="preserve">现在真的有万能电视遥控器跟空调遥控器吗？ </t>
  </si>
  <si>
    <t>每种遥控(电视遥控器跟空调遥控器)都有自已的发送编码组合.万能遥控内部己存了几百种遥控器编码.输入对应的编号就可调出内部发射编码遥控。万能电视遥控器在一些电子元器件商店都应该有的卖的。</t>
  </si>
  <si>
    <t xml:space="preserve">从湖北黄石到黄州火车站怎么走 </t>
  </si>
  <si>
    <t>从湖北黄石到黄州好像没有火车到达.其实乘汽车很方便的,从黄石到鄂州-黄州大桥即到.如果你实在要坐火车,可到鄂州再转乘汽车到黄州,多此一举.</t>
  </si>
  <si>
    <t xml:space="preserve">战斗力到底是不是王突然之间想到一个问题，都说这个游戏是战斗力决定 </t>
  </si>
  <si>
    <t>哈哈，这样是没可比性的，我觉得是穿精品的,但是战斗力决定一切也是不争的事实...不过一级的防御和攻击闪避,就比不上精品的那个了，呵呵...</t>
  </si>
  <si>
    <t xml:space="preserve">请问这是什么树？ </t>
  </si>
  <si>
    <t>是幸福树哦 如有帮到你 请给好评哦</t>
  </si>
  <si>
    <t xml:space="preserve">110灵力27的头问价会员2500w </t>
  </si>
  <si>
    <t>110 灵力27的头问价 不知是否是单吸啊 单吸1000W，多了就不值钱了。</t>
  </si>
  <si>
    <t xml:space="preserve">宠物小狗哪些适合我来饲?请专家指点. </t>
  </si>
  <si>
    <t xml:space="preserve">  你养狗吗？你所看不到的内幕! 贩子只在乎一个东西：钱。他们不在乎小狗，不在乎买主，他们只在乎他们的 利益。这个帖子并不是要攻击曾从宠物店买过狗的人，大部分人并不知道他们家小狗的内 幕，不知道买了这只狗所造成的恶性循环。如果一个人看到了这个帖子并开始抵制这种作 为，这个帖就不是白发的了。 现在，让我告诉你一些其他的故事，那些我们看不到的狗的故事。请与步步见面，她曾经 是一只繁殖狗。 她在狗场的笼子里住了9年，每年两次发情都是持续的一胎接一胎的生，一胎接一胎的小 狗都被拿去买钱。 步步不知道草是什么。 步步不知道玩具为何物。 步步不知道柔软的床是什么。 步步不知道躺在一个爱她的人身边看电视是什么滋味。 步步不知道散步是什么意思。 步步不知道零嘴是什么。 步步活着只有一个用途，不停的生小狗，给人带来暴利。她生了那么多小狗，却连一个抚 育自己孩子的机会都没有。她的小狗崽6个礼拜大的时候就被强行带走，塞进卡车里，带 到各个市场，宠物店里。部分小狗可能走运，他们可能遇见了会疼爱他们一生的主人,其他 的小狗可能被抛弃，可能踏入妈妈的步伐。 经过了9年的给予，你觉得布布最后则么了？她被人拿去出卖，当其他贩子发现它已不能 生产，已失去“价值”以后，她被关进笼子里，准备被毁灭。 但是那天，不像另外几只即将已失去利用价值的繁殖狗，她被一位好心人是救了下来。那 位人将她留在身边，并给了她一个永远的家。 告诉我，向贩子购买小狗值得吗？布布是不是因该在她不能在生产时被人像废物一样丢 弃？一些人可能可以在贩子那里找到一只好的宠物，你愿意为了你的一只小狗，造成那些 繁殖狗的痛苦吗？如果你想要养小狗，请不要去宠物店或贩子那里买，如果你不相信这些 事实，问问曾经亲眼目睹这些恶行的人，看过这些拍卖，去过狗场的。要不然到googles 搜图，打进“puppy mill\" ，你可以看见数以千计繁殖狗的真实的内幕！ 以下是布布主人的发言： “她一生就呆在一个小笼子里，每次发情就配种，直到她在九岁时生下了她最后的3只小 狗。她不能走路，只能在笼子里面攀爬。她的肘和后膝髌伤布满了溃疡，身上没有毛，牙 齿突出，又黄又黑。那个男人表示不要去注意她的长相，“满能生的”！ 我们表示要请 他把狗从笼子拿出来，可是她连站都站不起来。我直视着个人的脸，问这只狗这样多久 了，他表示不清楚，这是她第一次被放在地上！ 她的肋骨因为长期不停的生产造成的严重缺钙而完全松酥。脱臼的膝盖骨，歪斜的嘴巴 （大概是长期咬掘铁丝造成的），她失去了一个脚趾。她部分的耳朵已经被霜寒冻掉。她 只剩下2颗牙齿。当我们带她去绝育的时候，兽医发现可能造成她极度畏惧的原因，她曾 经不止一次被人自己在家里剖腹生产。兽医表示根据开口，没有一个专业人士开刀绝对不 会这么脏乱，不仔细。睡觉的时候，她仍然会因为我们的触摸而尖叫-我永远忘不了那骇 人的声音。 可是她还会摇她的尾巴，这可能是她得救的原因。 布布不知道则么往上或下跳。但是她现在开始学习同步走路了。她花了几个晚上才知道如 何侧躺，如何伸懒腰。我走到哪里她都跟着，笑着，尾巴摇着，摇着。经过了两年她才不 再在我们试着抚摸她的时候跑走，躲起来。她从来没有看过窗户，电视，家具，或阶梯。 她一生都营养失调，除了下崽，试者救活她的小狗，试着不在僵硬的地板上失去它的脚趾 甚至冻死以外没有其他的刺激。 她现在很好，虽然花了4年才学会如何跳到沙发上。她非常的可爱，温柔，除了夜惊的时 候，我们永远都不知道她曾经过什么。” 如果没有人去买布布的小狗，步步和其他繁殖狗就不会需要受这种苦。请尽你的力量抵制 贩子-如果繁殖狗可以讲话，她们会同意的！她们只是一小部分受害者。希望读过这个的 朋友们会同意我们的看法，领养为先，拒绝没有道德的宠物贩子！ 真的喜欢动物就领养，那么多无家可归的等待领养，我们没有理由去宠物市场支持宠物贩 子，当我们用很多钱用来买到一只自己喜欢的动物时候，也许正是助长了他们繁殖动物的 决心，给我们爱护的动物带来伤害 .</t>
  </si>
  <si>
    <t xml:space="preserve">◇诱人的平面几何题（一）◇已知D是等边三角形ABC的BC边上的一 </t>
  </si>
  <si>
    <t>不用余弦定理的证明MA=MD, NA=ND∠BMD=120°-∠BDM=∠NDN, ∠B=∠C△BMD∽△CDN, AM/AN=DM/DN=BM/DC=BD/CN不妨设BD=m, CD=n, 设k=AM/ANk=BM/DC=(m+n-MD)/n,  MD=m+n-knk=BD/CN=m/(m+n-DN), DN=(km+kn-m)/kMD/ND=k(m+n-kn)/(km+kn-m)=km+n-kn=km+kn-mk=(2m+n)/(m+2n)这种方法仍然以计算为主,初中学生能看懂,但我还未想到纯几何的方法.不妨设BD=m, CD=n, DN=x, 则CN=AB-AN=m+n-x角C=60度由余弦定理, x^2=n^2+(m+n-x)^2-n(m+n-x)x=(m^2+mn+n^2)/(2m+n)=DN同理  DM=(m^2+mn+n^2)/(m+2n)所以AM/AN=DM/DN=(2m+n)/(m+2n)</t>
  </si>
  <si>
    <t xml:space="preserve">上当，如题昨天接了个电信10000号的电话，说是对老用户有优惠活 </t>
  </si>
  <si>
    <t>你是上当了。1、你给他个人资料，但是他没你的证件复印件是没办法办信用卡的。盗信用卡的问题涉及高科技犯罪，现在我们没法确定的。2、他们工作人员来了你不用理。因为他们的活动不是电信官方的活动，明显是骗人的，如果他们纠缠你，你就报警。以后注意对“天上掉的馅饼”不要轻易相信，要多个心眼。另外对自己的个人资料要注意保密。</t>
  </si>
  <si>
    <t xml:space="preserve">为什么李宇春的票数总是居高不下？ </t>
  </si>
  <si>
    <t>确有实力.我认为主要是她的演唱和表现有新的风格,也迎合了当代年轻人的欣赏观点.你想50岁以上的人有几个能用手机发短信呀.</t>
  </si>
  <si>
    <t xml:space="preserve">不穿内裤，容易得性病么？不穿内裤，会得性病么？我看网上有些说会得 </t>
  </si>
  <si>
    <t>不否认内裤对外界的细菌也能起到一定的隔离作用，特别是夏天穿单裤时，内裤除了传统的遮丑功能之外也能对身体起到一定保护作用，比如说可以减少骑车时对外阴部和大腿根部稚嫩皮肤的磨损。另外万一裤子破了也可以避免更大的尴尬，哈哈。</t>
  </si>
  <si>
    <t>浅谈盘路及水位</t>
  </si>
  <si>
    <t>说得太对了！水位变化只是起个平衡作用，事实就是这样，他与胜负无关。</t>
  </si>
  <si>
    <t xml:space="preserve">什么东西来得快去得也快？ </t>
  </si>
  <si>
    <t>流星……………</t>
  </si>
  <si>
    <t xml:space="preserve">3岁孩子肺炎有痰打呼噜咳嗽怎么办？我家孩子三岁了，两个月前得了肺 </t>
  </si>
  <si>
    <t xml:space="preserve">按医嘱处理，如果没有明显进步，去医院检查。 </t>
  </si>
  <si>
    <t xml:space="preserve">哪里可以下载到党章，最好是新版的电子书~~ </t>
  </si>
  <si>
    <t>下面的网址有： 祝你好运</t>
  </si>
  <si>
    <t xml:space="preserve">心神不定,想到未来很心慌现在每天晚上睡不好老翻身,早上到上班时间 </t>
  </si>
  <si>
    <t>烦的了的事:比如履行好自己的岗位职责,与亲朋好友常常联络,找对象等等这些都是你能烦的事.对于这些事要尽心竭力的烦,呵呵,还要烦好.烦不了的事:比如整个大环境的不景气,公司不给交社保,年龄大了找不到工作等等,你烦了也不能解决的事,就不要烦了.你现在的状况不好,是典型的脾气不足,气不下行,脾胃的运化功能不行,吃饭如味同嚼蜡,吃了就堵在朐口.时间长了会造成五脏六腑的失衡,身体会垮掉的.你要调整自己,学会放下,创造快乐,活在当下.身体是人精神的家园,没健康的身体,其它的什么都免谈.你认为呢?为了自己的快乐与幸福,从现在开始,吃完饭别躺下,饭后百步走,能活九十九,生活质量从这儿开始.</t>
  </si>
  <si>
    <t xml:space="preserve">我爱上了一个爱玩网络游戏的女人``我爱上了一个爱玩网络游戏的女人 </t>
  </si>
  <si>
    <t>　　如果你是玩玩而已，就花钱去追求好了，怎么花钱呢？当然是花钱请人带她练级，帮她买顶级装备。一同去享受梦想。　　但是，准备当妻子结婚的话，你先看看你身体好不好，看看你脾气好不好，看看你钱够不够。　　我相信，当你每天看着她只关心游戏里面的人物，而不关心你的时候，估计你是欲哭无泪了。　　　　　　　　　　　　　　　　　　　　　　　-,'''╭⌒╮⌒╮. 　　　　　　　　　　　　　　　╱????''.''. 爱问才知道，不问不知道！　　　　　　　　　　　　　　　︱田︱田田| '',,.爱问就会红，敢答才会赢！　　　　　　　　　　　　　　　╬╬╬╬╬╬╬╬╬╬╬╬╬╬╬╬╬╬</t>
  </si>
  <si>
    <t xml:space="preserve">精神病患者的常见症状有哪些？ </t>
  </si>
  <si>
    <t>1、性格改变：　　如原来热情合群的人变得对人冷淡，与人疏远、孤僻不合群，寡言少语，好独处，躲避亲友并怀敌意，生活懒散，不守纪律。或原来很有教养的人变得出言不逊，好发脾气，对人无礼貌。2、神经症症状：　　精神病患者经常出现一些神经症状，如头痛、失眠、易疲劳、注意力不集中、情绪不稳、工作学习能力下降以及癔症样表现等。用脑时精神容易兴奋，有时对声音和光很敏感；入睡困难，睡后梦多，且醒后感到不解乏，终至睡眠感丧失，睡眠觉醒节律紊乱。3、行为改变：　　有的精神病患者的表现奇怪动作和行为，动作增多，呆板重复，无目的性；有的举止迟缓，生活懒散，不能工作和料理家务；有的人收集一些无意义的物品，甚至随身携带一些果皮、废纸等不必要的东西；有的人反复洗涤或表现刻板仪式样动作等。精神病患者早期的情绪变化常表现为情绪高涨，洋洋自得，趾高气扬，管闲事，说大话，夸夸其谈，做事有始无终，发脾气；或情绪低落，抑郁寡欢，愁眉不展，唉声叹气，对通常能享受乐趣的活动丧失兴趣和愉快感；对通常令人愉快的环境缺乏情感反应；感到自己一无是处，大有"度日如年"、"生不如死"之感；食欲明显下降，体重下降，易疲劳，稍做事情即觉明显的倦怠。神经紧张、忧虑不安、坐卧不宁、唉声叹气、无法放松，而且常常伴有头重脚轻、出汗、心慌或呼吸急促、胃部不适、头晕、口干等症状。不间断和令人苦恼的脑力易疲劳（如感到没有精神、自感脑子迟钝、注意不集中或不持久、记忆差、好遗忘，丢三拉四，思考及工作效率下降）和体力易疲劳，经过休息或娱乐不能恢复。</t>
  </si>
  <si>
    <t xml:space="preserve">昨日把兴全有机转成了转债，同时杀了大摩领先，意欲稳健，不知对否？ </t>
  </si>
  <si>
    <t>这也是省心省力的选择。今年或有波段机会，但不是人人都能做好。感觉今年更象定投年---逢低加码-----放长线，钓大鱼</t>
  </si>
  <si>
    <t xml:space="preserve">毕业生的个人档案里面有些什么材料和内容呢？请问学校将毕业生交人才 </t>
  </si>
  <si>
    <t>在校的奖励、学分成绩和学生活动这些都有的，具体为个人身份档案（包括家庭状况调查表），个人简历，各项成绩单，实习证明，入团或入党证明，健康证明，等毕业参加工作后，还会纳入就业协议，劳动合同，工作单位证明，工作单位简介，等等</t>
  </si>
  <si>
    <t xml:space="preserve">为什么总有人喜欢攻击人?你可以不喜欢,但真的没必要用言语攻击别人 </t>
  </si>
  <si>
    <t>也许吧，这就是每个人的性格，他们不理解别人，所以才会说出那样的话，总之，不管别人怎么说，偶们还是要继续支持自己的偶像，对吗？^-^</t>
  </si>
  <si>
    <t xml:space="preserve">关于“留心处处皆学问”的议论文请帮我找一些事实论据和一个好题目 </t>
  </si>
  <si>
    <t>牛顿发现地球引力吗,瓦特发明蒸汽机,富兰克林发明避雷针等.    题目就用“留心处处皆学问”.</t>
  </si>
  <si>
    <t xml:space="preserve">数学竞赛一稿件不少于6页，也不多于100页，且由两部分组成，按顺 </t>
  </si>
  <si>
    <t>假设第一部分有x页，第二部分有y页2x(1+x)/2=(x+y)(x+y+1)/22x(1+x)=(x+y)(x+y+1)2xx+2x=xx+2xy+yy+x+yxx+x=2xy+yy+y整理得xx-(2y-1)x-y(y+1)=0要使成立，必须bb-4ac能在整数范围内被开方，也就是(2y-1)(2y-1)+4y(y+1)能在整数范围内被开方8yy+1能在整数范围内被开方经过试数，只有y=6（最后算出来x=14）能满足这个条件并且满足少于6页，也不多于100页所以一共20页</t>
  </si>
  <si>
    <t xml:space="preserve">为什么栋栋沉迷网游....... </t>
  </si>
  <si>
    <t>..............................................................................................................................................................................................我错了..............................................................................................</t>
  </si>
  <si>
    <t xml:space="preserve">手机卡用哪种好~~便宜~~好用~~信号好~~功能多~~联通~~移 </t>
  </si>
  <si>
    <t xml:space="preserve">    电话不多还是动感地带比较好,现在推出新套餐,月租16,赠送130秀信息,市话通才0.13/分钟,不然20的月答,300条信息的套餐也不错呀,一个月总够拉吧,手机吗,还是老牌子诺基亚好一点，音质，手机质量，不过时，信号，价格都还可以</t>
  </si>
  <si>
    <t xml:space="preserve">幽默出句:不将世故系情怀 </t>
  </si>
  <si>
    <t>不将世故系情怀真挚友情终生忆</t>
  </si>
  <si>
    <t xml:space="preserve">男性咨询请问男性得了前列腺炎，吃红霉素肠溶胶囊和复方黄芩片，可以 </t>
  </si>
  <si>
    <t>感染性前列腺炎有些类型吃这两个药可以，但多数前列腺炎患者不适合这两个药；因为慢性前列腺炎，绝大多数是无菌性的，根本就不需要消炎药；葆治门诊前列腺炎专科提醒你：自行随意用药，是导致慢性前列腺炎久治不愈，越来越重的重要因素。偏方一则治前列腺炎笔者临床用麝香、白胡椒外治慢性前列腺炎，取得一定疗效，现介绍如下。方法：取麝香0．5克，白胡椒7粒，碾成细粉，分别装瓶备用。用酒精将肚脐洗净，将麝香放入肚脐内，再将胡椒粉盖在上面，后盖圆白纸一张，用胶布贴紧，每隔7-10天换药1次，10次为1疗程。点评：慢性前列腺炎在中医学属于“白浊”、“精浊”等范畴。中医认为该病是由于下焦湿热、气化失调所引发。中医对慢性前列腺炎的治疗可分为湿热壅滞型、阴虚火旺型、肾阳虚损型、气滞瘀阻型、中气不足型。本方中麝香具有通经活络、消肿止痛的作用；白胡椒具有散寒的作用。二药配伍能消肿止痛、温阳散寒，因此对于治疗慢性前列腺炎属于肾阳虚损兼有气滞瘀阻者有一定疗效。</t>
  </si>
  <si>
    <t xml:space="preserve">拖箱有什么品牌质量比较好的？求推荐啊~~~ </t>
  </si>
  <si>
    <t>行李箱因其使用方便实用，近些年大受外出旅行及出差人士的喜爱，行李箱品牌众多，什么牌子的行李箱质量会比较好些呢？要分辨行李箱的质量好坏，首先我们看的当然是行李箱的材质了，你要买软箱呢还是硬箱，两者都有其优缺点： 一、软箱材质一般都由尼龙、牛津布或无纺布材质购成。这种面料的行李箱，外部设计多样化，可以延伸使用容量，自身箱体比较轻，颜色及款式比较多样化，耐磨。这种行李箱的缺点就是，防水效果不如硬箱，也不适合放易碎品，这种行李箱因箱体较软，走在不平坦的路面，会出现摇摆不定的情况。这种行李箱比较适合短途旅行。软箱行李箱品牌众多当中：质量的比较耐用的不得不算上泊客行者行李箱了。该行李箱由布面结合EVA材质的旅行箱，它把软箱的布面立体化，可以塑造各种的造型以及曲线，又可节省製造的工资，加速生产的流程，再配合蜂巢板的使用，给人感觉像硬壳箱，但是没有硬壳箱的重量，箱壳更富变化，还可加上放大功能，装上拉桿，底部多滑轮的设计，让使用者更轻鬆方便，让Shopping的你，不用再多带行李箱。希望旅行变得轻松，又得装下更多东西，那么泊客行者行李箱值得考虑一下。  二、硬箱又分为ABS、PP、PC、CURV等材质。这种材料的行李箱比较硬，外壳的强度也比较高，重压都不易变形，也不受水及酸性液体影响，防水性能很好，外表光泽度很好。易清洗。缺点就是，因材料比较好，造价也高，所以价格会比较高。还有箱体的重量也大，使用不太方便，这种箱子一般都是大型的，没有小型号的，这种行李箱适合长途及出国旅行。购买硬箱的话，我推荐大家用：OSDY的拉杆箱。质量没的说。箱体硬度整个人站上去一点事都没有。  三、皮革箱，这是比较高端的一种材料的行李箱，外表颜色非常多，比较时尚有品味。当然价格也是非常高的了。缺点就是因为比较高端，对于普通的消费来说，有些华而不实，这种箱子要多加护理，比较容易刮花及破损，破损了修补起来难度比较大且费用也高。在所以的皮革箱当中，论质量比较好的就不得不算上巴天弩皮革箱了。</t>
  </si>
  <si>
    <t xml:space="preserve">请问601958金钼股份的走势如何，主力动向如何？ </t>
  </si>
  <si>
    <t>601958的主力已经开始返回，持股侍涨！</t>
  </si>
  <si>
    <t xml:space="preserve">听说广州好爱购网站经营了6年，是怎样坚持下来的？ </t>
  </si>
  <si>
    <t>脚踏实地，做出自己的计划，千万不要心浮气躁。先制定一个比较容易达到的短期目标，办到了，也能给自己一点创业信心。长期的目标，可大可小，依据自己的能力来制定就可以了。做这些目标之前，还是要看自己能投入多少精力，是不是肯花心思（无论是店铺经营还是宣传推广）。多少的付出就有多少的收获，光有目标，没有行动，那是纸上谈兵哦。</t>
  </si>
  <si>
    <t xml:space="preserve">怎么查看我上次提的问题啊我上次在爱问提了个问题,现在想查看,但不 </t>
  </si>
  <si>
    <t>应该先注册，就有自己的个人中心。点爱问，在点知识人，就 能看到你的网叶，再点你的回答</t>
  </si>
  <si>
    <t xml:space="preserve">开一个工程承包公司需要什么条件?最好是程序要清楚,有什么硬条件没 </t>
  </si>
  <si>
    <t>首先应办好营业执照，再申请企业资质。后附第一部分为资质管理规定，第二部分为我省资质核准审批事项指南表，以供参考。一、中华人民共和国建设部令第159号建筑业企业资质管理规定第一章 总 则　　第一条  为了加强对建筑活动的监督管理，维护公共利益和建筑市场秩序，保证建设工程质量安全，根据《中华人民共和国建筑法》、《中华人民共和国行政许可法》、《建设工程质量管理条例》、《建设工程安全生产管理条例》等、行政法规，制定本规定。　　第二条  在中华人民共和国境内申请建筑业企业资质，实施对建筑业企业资质监督管理，适用本规定。本规定所称建筑业企业，是指从事土木工程、建筑工程、线路管道设备安装工程、装修工程的新建、扩建、改建等活动的企业。　　第三条  建筑业企业应当按照其拥有的注册资本、专业技术人员、技术装备和已完成的建筑工程业绩等条件申请资质，经审查合格，取得建筑业企业资质证书后，方可在资质许可的范围内从事建筑施工活动。　　第四条  国务院建设主管部门负责全国建筑业企业资质的统一监督管理。国务院铁路、交通、水利、信息产业、民航等有关部门配合国务院建设主管部门实施相关资质类别建筑业企业资质的管理工作。　　省、自治区、直辖市人民政府建设主管部门负责本行政区域内建筑业企业资质的统一监督管理。省、自治区、直辖市人民政府交通、水利、信息产业等有关部门配合同级建设主管部门实施本行政区域内相关资质类别建筑业企业资质的管理工作。第二章 资质序列、类别和等级　　第五条  建筑业企业资质分为施工总承包、专业承包和劳务分包三个序列。　　第六条  取得施工总承包资质的企业（以下简称施工总承包企业），可以承接施工总承包工程。施工总承包企业可以对所承接的施工总承包工程内各专业工程全部自行施工，也可以将专业工程或劳务作业依法分包给具有相应资质的专业承包企业或劳务分包企业。 　　取得专业承包资质的企业（以下简称专业承包企业），可以承接施工总承包企业分包的专业工程和建设单位依法发包的专业工程。专业承包企业可以对所承接的专业工程全部自行施工，也可以将劳务作业依法分包给具有相应资质的劳务分包企业。　　取得劳务分包资质的企业（以下简称劳务分包企业），可以承接施工总承包企业或专业承包企业分包的劳务作业。　　第七条  施工总承包资质、专业承包资质、劳务分包资质序列按照工程性质和技术特点分别划分为若干资质类别。各资质类别按照规定的条件划分为若干资质等级。 　　第八条  建筑业企业资质等级标准和各类别等级资质企业承担工程的具体范围，由国务院建设主管部门会同国务院有关部门制定。第三章  资质许可　　第九条  下列建筑业企业资质的许可，由国务院建设主管部门实施：　　（一）施工总承包序列特级资质、一级资质；　　（二）国务院国有资产管理部门直接监管的企业及其下属一层级的企业的施工总承包二级资质、三级资质；　　（三）水利、交通、信息产业方面的专业承包序列一级资质；　　（四）铁路、民航方面的专业承包序列一级、二级资质；　　（五）公路交通工程专业承包不分等级资质、城市轨道交通专业承包不分等级资质。　　申请前款所列资质的，应当向企业工商注册所在地省、自治区、直辖市人民政府建设主管部门提出申请。其中，国务院国有资产管理部门直接监管的企业及其下属一层级的企业，应当由国务院国有资产管理部门直接监管的企业向国务院建设主管部门提出申请。　　省、自治区、直辖市人民政府建设主管部门应当自受理申请之日起20日内初审完毕并将初审意见和申请材料报国务院建设主管部门。　　国务院建设主管部门应当自省、自治区、直辖市人民政府建设主管部门受理申请材料之日起60日内完成审查，公示审查意见，公示时间为10日。其中，涉及铁路、交通、水利、信息产业、民航等方面的建筑业企业资质，由国务院建设主管部门送国务院有关部门审核，国务院有关部门在20日内审核完毕，并将审核意见送国务院建设主管部门。　　第十条  下列建筑业企业资质许可，由企业工商注册所在地省、自治区、直辖市人民政府建设主管部门实施：　　（一）施工总承包序列二级资质（不含国务院国有资产管理部门直接监管的企业及其下属一层级的企业的施工总承包序列二级资质）；　　（二）专业承包序列一级资质（不含铁路、交通、水利、信息产业、民航方面的专业承包序列一级资质）；　　（三）专业承包序列二级资质（不含民航、铁路方面的专业承包序列二级资质）；　　（四）专业承包序列不分等级资质（不含公路交通工程专业承包序列和城市轨道交通专业承包序列的不分等级资质）。　　前款规定的建筑业企业资质许可的实施程序由省、自治区、直辖市人民政府建设主管部门依法确定。　　省、自治区、直辖市人民政府建设主管部门应当自作出决定之日起30日内，将准予资质许可的决定报国务院建设主管部门备案。　　第十一条  下列建筑业企业资质许可，由企业工商注册所在地设区的市人民政府建设主管部门实施：　　（一）施工总承包序列三级资质（不含国务院国有资产管理部门直接监管的企业及其下属一层级的企业的施工总承包三级资质）；　　（二）专业承包序列三级资质；　　（三）劳务分包序列资质；　　（四）燃气燃烧器具安装、维修企业资质。　　前款规定的建筑业企业资质许可的实施程序由省、自治区、直辖市人民政府建设主管部门依法确定。　　企业工商注册所在地设区的市人民政府建设主管部门应当自作出决定之日起30日内，将准予资质许可的决定通过省、自治区、直辖市人民政府建设主管部门，报国务院建设主管部门备案。　　　　第十二条  建筑业企业资质证书分为正本和副本，正本一份，副本若干份，由国务院建设主管部门统一印制，正、副本具备同等法律效力。资质证书有效期为5年。　　第十三条  建筑业企业可以申请一项或多项建筑业企业资质；申请多项建筑业企业资质的，应当选择等级最高的一项资质为企业主项资质。　　第十四条  首次申请或者增项申请建筑业企业资质，应当提交以下材料：　　（一）建筑业企业资质申请表及相应的电子文档；　　（二）企业法人营业执照副本；　　（三）企业章程；　　（四）企业负责人和技术、财务负责人的身份证明、职称证书、任职文件及相关资质标准要求提供的材料；　　（五）建筑业企业资质申请表中所列注册执业人员的身份证明、注册执业证书；　　（六）建筑业企业资质标准要求的非注册的专业技术人员的职称证书、身份证明及养老保险凭证；　　（七）部分资质标准要求企业必须具备的特殊专业技术人员的职称证书、身份证明及养老保险凭证；　　（八）建筑业企业资质标准要求的企业设备、厂房的相应证明；　　（九）建筑业企业安全生产条件有关材料；　　（十）资质标准要求的其他有关材料。　　第十五条  建筑业企业申请资质升级的，应当提交以下材料：　　（一）本规定第十四条第（一）、（二）、（四）、（五）、（六）、（八）、（十）项所列资料；　　（二）企业原资质证书副本复印件；　　（三）企业年度财务、统计报表；　　（四）企业安全生产许可证副本；　　（五）满足资质标准要求的企业工程业绩的相关证明材料。　　第十六条  资质有效期届满，企业需要延续资质证书有效期的，应当在资质证书有效期届满60日前，申请办理资质延续手续。　　对在资质有效期内遵守有关法律、法规、规章、技术标准，信用档案中无不良行为记录，且注册资本、专业技术人员满足资质标准要求的企业，经资质许可机关同意，有效期延续5年。　　第十七条  建筑业企业在资质证书有效期内名称、地址、注册资本、法定代表人等发生变更的，应当在工商部门办理变更手续后30日内办理资质证书变更手续。　　由国务院建设主管部门颁发的建筑业企业资质证书，涉及企业名称变更的，应当向企业工商注册所在地省、自治区、直辖市人民政府建设主管部门提出变更申请，省、自治区、直辖市人民政府建设主管部门应当自受理申请之日起2日内将有关变更证明材料报国务院建设主管部门，由国务院建设主管部门在2日内办理变更手续。　　前款规定以外的资质证书变更手续，由企业工商注册所在地的省、自治区、直辖市人民政府建设主管部门或者设区的市人民政府建设主管部门负责办理。省、自治区、直辖市人民政府建设主管部门或者设区的市人民政府建设主管部门应当自受理申请之日起2日内办理变更手续，并在办理资质证书变更手续后15日内将变更结果报国务院建设主管部门备案。　　涉及铁路、交通、水利、信息产业、民航等方面的建筑业企业资质证书的变更，办理变更手续的建设主管部门应当将企业资质变更情况告知同级有关部门。　　第十八条  申请资质证书变更，应当提交以下材料：　　（一）资质证书变更申请；　　（二）企业法人营业执照复印件； 　　（三）建筑业企业资质证书正、副本原件；　　（四）与资质变更事项有关的证明材料。　　企业改制的，除提供前款规定资料外，还应当提供改制重组方案、上级资产管理部门或者股东大会的批准决定、企业职工代表大会同意改制重组的决议。　　第十九条  企业首次申请、增项申请建筑业企业资质，不考核企业工程业绩，其资质等级按照最低资质等级核定。　　已取得工程设计资质的企业首次申请同类别或相近类别的建筑业企业资质的，可以将相应规模的工程总承包业绩作为工程业绩予以申报，但申请资质等级最高不超过其现有工程设计资质等级。　　第二十条  企业合并的，合并后存续或者新设立的建筑业企业可以承继合并前各方中较高的资质等级，但应当符合相应的资质等级条件。　　企业分立的，分立后企业的资质等级，根据实际达到的资质条件，按照本规定的审批程序核定。　　企业改制的，改制后不再符合资质标准的，应按其实际达到的资质标准及本规定申请重新核定；资质条件不发生变化的，按本规定第十八条办理。　　第二十一条  取得建筑业企业资质的企业，申请资质升级、资质增项，在申请之日起前一年内有下列情形之一的，资质许可机关不予批准企业的资质升级申请和增项申请：　　（一）超越本企业资质等级或以其他企业的名义承揽工程，或允许其他企业或个人以本企业的名义承揽工程的；　　（二）与建设单位或企业之间相互串通投标，或以行贿等不正当手段谋取中标的；　　（三）未取得施工许可证擅自施工的；　　（四）将承包的工程转包或违法分包的；　　（五）违反国家工程建设强制性标准的；　　（六）发生过较大生产安全事故或者发生过两起以上一般生产安全事故；　　（七）恶意拖欠分包企业工程款或者农民工工资的；　　（八）隐瞒或谎报、拖延报告工程质量安全事故或破坏事故现场、阻碍对事故调查的；　　（九）按照国家法律、法规和标准规定需要持证上岗的技术工种的作业人员未取得证书上岗，情节严重的；　　（十）未依法履行工程质量保修义务或拖延履行保修义务，造成严重后果的；　　（十一）涂改、倒卖、出租、出借或者以其他形式非法转让建筑业企业资质证书；　　（十二）其它违反法律、法规的行为。　　第二十二条  企业领取新的建筑业企业资质证书时，应当将原资质证书交回原发证机关予以注销。　　企业需增补（含增加、更换、遗失补办）建筑业企业资质证书的，应当持资质证书增补申请等材料向资质许可机关申请办理。遗失资质证书的，在申请补办前应当在公众媒体上刊登遗失声明。资质许可机关应当在2日内办理完毕。 第四章 监督管理　　第二十三条  县级以上人民政府建设主管部门和其他有关部门应当依照有关法律、法规和本规定，加强对建筑业企业资质的监督管理。　　上级建设主管部门应当加强对下级建设主管部门资质管理工作的监督检查，及时纠正资质管理中的违法行为。　　第二十四条  建设主管部门、其他有关部门履行监督检查职责时，有权采取下列措施：　　（一）要求被检查单位提供建筑业企业资质证书、注册执业人员的注册执业证书，有关施工业务的文档，有关质量管理、安全生产管理、档案管理、财务管理等企业内部管理制度的文件；　　（二）进入被检查单位进行检查，查阅相关资料；　　（三）纠正违反有关法律、法规和本规定及有关规范和标准的行为。　　建设主管部门、其他有关部门依法对企业从事行政许可事项的活动进行监督检查时，应当将监督检查情况和处理结果予以记录，由监督检查人员签字后归档。　　第二十五条  建设主管部门、其他有关部门在实施监督检查时，应当有两名以上监督检查人员参加，并出示执法证件，不得妨碍企业正常的生产经营活动，不得索取或者收受企业的财物，不得谋取其他利益。　　有关单位和个人对依法进行的监督检查应当协助与配合，不得拒绝或者阻挠。　　监督检查机关应当将监督检查的处理结果向社会公布。　　第二十六条  建筑业企业违法从事建筑活动的，违法行为发生地的县级以上地方人民政府建设主管部门或者其他有关部门应当依法查处，并将违法事实、处理结果或处理建议及时告知该建筑业企业的资质许可机关。　　第二十七条  企业取得建筑业企业资质后不再符合相应资质条件的，建设主管部门、其他有关部门根据利害关系人的请求或者依据职权，可以责令其限期改正；逾期不改的，资质许可机关可以撤回其资质。被撤回建筑业企业资质的企业，可以申请资质许可机关按照其实际达到的资质标准，重新核定资质。　　第二十八条  有下列情形之一的，资质许可机关或者其上级机关，根据利害关系人的请求或者依据职权，可以撤销建筑业企业资质：　　（一）资质许可机关工作人员滥用职权、玩忽职守作出准予建筑业企业资质许可的；　　（二）超越法定职权作出准予建筑业企业资质许可的；　　（三）违反法定程序作出准予建筑业企业资质许可的；　　（四）对不符合许可条件的申请人作出准予建筑业企业资质许可的；　　（五）依法可以撤销资质证书的其他情形。　　以欺骗、贿赂等不正当手段取得建筑业企业资质证书的，应当予以撤销。　　第二十九条  有下列情形之一的，资质许可机关应当依法注销建筑业企业资质，并公告其资质证书作废，建筑业企业应当及时将资质证书交回资质许可机关：　　（一）资质证书有效期届满，未依法申请延续的；　　（二）建筑业企业依法终止的；　　（三）建筑业企业资质依法被撤销、撤回或吊销的；　　（四）法律、法规规定的应当注销资质的其他情形。　　第三十条  有关部门应当将监督检查情况和处理意见及时告知资质许可机关。资质许可机关应当将涉及有关铁路、交通、水利、信息产业、民航等方面的建筑业企业资质被撤回、撤销和注销的情况告知同级有关部门。　　第三十一条  企业应当按照有关规定，向资质许可机关提供真实、准确、完整的企业信用档案信息。　　企业的信用档案应当包括企业基本情况、业绩、工程质量和安全、合同履约等情况。被投诉举报和处理、行政处罚等情况应当作为不良行为记入其信用档案。　　企业的信用档案信息按照有关规定向社会公示。 第五章 法律责任　　第三十二条  申请人隐瞒有关情况或者提供虚假材料申请建筑业企业资质的，不予受理或者不予行政许可，并给予警告，申请人在1年内不得再次申请建筑业企业资质。　　第三十三条  以欺骗、贿赂等不正当手段取得建筑业企业资质证书的，由县级以上地方人民政府建设主管部门或者有关部门给予警告，并依法处以罚款，申请人3年内不得再次申请建筑业企业资质。　　第三十四条  建筑业企业有本规定第二十一条行为之一，《中华人民共和国建筑法》、《建设工程质量管理条例》和其他有关法律、法规对处罚机关和处罚方式有规定的，依照法律、法规的规定执行；法律、法规未作规定的，由县级以上地方人民政府建设主管部门或者其他有关部门给予警告，责令改正，并处1万元以上3万元以下的罚款。　　第三十五条  建筑业企业未按照本规定及时办理资质证书变更手续的，由县级以上地方人民政府建设主管部门责令限期办理；逾期不办理的，可处以1000元以上1万元以下的罚款。　　第三十六条  建筑业企业未按照本规定要求提供建筑业企业信用档案信息的，由县级以上地方人民政府建设主管部门或者其他有关部 门给予警告，责令限期改正；逾期未改正的，可处以1000元以上1万元以下的罚款。　　第三十七条  县级以上地方人民政府建设主管部门依法给予建筑业企业行政处罚的，应当将行政处罚决定以及给予行政处罚的事实、理由和依据，报国务院建设主管部门备案。　　第三十八条  建设主管部门及其工作人员，违反本规定，有下列情形之一的，由其上级行政机关或者监察机关责令改正；情节严重的，对直接负责的主管人员和其他直接责任人员，依法给予行政处分： 　　（一）对不符合条件的申请人准予建筑业企业资质许可的；　　（二）对符合条件的申请人不予建筑业企业资质许可或者不在法定期限内作出准予许可决定的；　　（三）对符合条件的申请不予受理或者未在法定期限内初审完毕的； 　　（四）利用职务上的便利，收受他人财物或者其他好处的；　　（五）不依法履行监督管理职责或者监督不力，造成严重后果的。第六章 附 则　　第三十九条  取得建筑业企业资质证书的企业，可以从事资质许可范围相应等级的建设工程总承包业务，可以从事项目管理和相关的技术与管理服务。　　第四十条  本规定自2007年9月1日起施行。2001年4月18日建设部颁布的《建筑业企业资质管理规定》（建设部令第87号）同时废止。二、建筑业企业资质核准 发布时间：200*年11月02日 来源：**省建设厅信息中心   字体【大 中 小】【打印本页】【关闭窗口】审 批 事 项 指 南 表办理事项名称  建筑业企业资质核准事项代码  139办理地址  **省**市***路85号**省建设厅南楼一层行政审批中心办理电话  ****-*******　*******工作内容  　　1、企业向所在地县级以上建设行政主管部门提出申请，提交有关材料，其中，省属企业直接向省级建设行政主管部门申请； 　　2、政务大厅受理相关材料； 　　3、相关处室审查、审核； 　　4、报厅领导审签； 　　5、相关处室办理批准文件和许可证件； 　　6、政务大厅送达有关批准文件和许可证件。 省建设厅核准二级及以下资质，特级和一级资质省建设厅审查后，报建设部审批。建筑业企业取得相应等级的资质后，方可在其资质等级许可的范围内从事建筑活动。申报材料  新设立的企业申请资质，应当向建设行政主管部门提供下列资料： 　　1、建筑业企业资质申请表及电子数据文档； 　　2、企业法人营业执照； 　　3、企业章程； 　　4、企业法定代表人和企业技术、财务、经营负责人的任职文件、职称证书、身份证； 　　5、企业项目经理资格证书、身份证； 　　6、企业工程技术和经济管理人员的职称证书、身份证明； 　　7、需要出具的其他有关证件、资料。 资质升级和增项的除提供上述1-7条的内容外，还应提供： 　　1、企业原资质证书正、副本； 　　2、企业的财务决算年报表；　　3、企业完成的具有代表性工程的合同及质量验收、安全评估资料。办理依据  法律：《中华人民共和国建筑法》第9、12、13条 规章：建设部《建筑业企业资质管理规定》（第159号令）、《建筑业企业资质等级标准》工作时限  60个工作日，专家评审及专家意见公示时间均不计算在内。收费依据和标准  无办理对象  建筑业企业</t>
  </si>
  <si>
    <t xml:space="preserve">云南东川区用什么疗法治性病好得最快 </t>
  </si>
  <si>
    <t>早期尖锐湿疣可以没有症状的，长大以后才看得出来，常见的是鸡冠状，菜花状，容易流血。必要时你可以做个醋酸白实验来判断，不过还是建议去医院检查更好，自己检查难免会操作失误。治疗时要选好疗法，传统疗法复发率极高。建议去正规专科医院全面检查与治疗。尖锐湿疣的治疗难度大，一般的疗法若是不能清除患者体内的深层病毒，那么疾病就很容易复发。要想根治尖锐湿疣，必须清理掉深层病毒，同时还要增强自身免疫能力，常做运动，多吃蔬菜水果，才能从本质上治好。可以去正规专科医院，建议去正规专科医院全面检查与治疗。需要注意一点，很多患者跟非专业性病治疗机构对于病毒性尖锐湿疣多采用药物进行治疗，由于尖锐湿疣病毒的变异性极强，导致了患者在采用药物治疗后，尖锐湿疣复发而药物却已经失去了作用。药物只能为辅，想根治还需要疗法为主。建议去正规专科医院全面检查与治疗。</t>
  </si>
  <si>
    <t xml:space="preserve">这样的客厅如何装修、布置。高手请进。沙发如何摆放阿。 </t>
  </si>
  <si>
    <t>　　你没标长度，推测客厅约为5＊3.5平米弱。家具摆设问题应该是源自各房门的位置，主要是对角分布，缺点是动线长、较占地，进而影响家具摆放。　　不动墙的话，摆放基本有二：1、沙发在北、东墙，电视在西墙。2、或者电视与东墙的沙发对调。　　不过，有可能的话，建议还是改改。一是东北角。从用地上说，这个位置两个门和一个门是一样的。但卫生间对客厅，稍有不雅之感，特别是沙发在西墙。卫生间从餐厅进，加个拐角，对餐厅的影响可降低。或者按楼上的办法再彻底一点，直接拉长西墙（参见右图）。二、南面的两间卧室，门这样开不妥，进到卧室要走两个反向的90度。原设计的意思只是拉长南墙，牺牲太大了。直接开向客厅，出入方便，通风也好，隐私性当然差一点了。</t>
  </si>
  <si>
    <t xml:space="preserve">＂产科三维超声＂指标都正常吗？有请行家！如下这份＂产科彩超检查报 </t>
  </si>
  <si>
    <t>恭喜你！该指标全部正常！</t>
  </si>
  <si>
    <t xml:space="preserve">母牛的等级是多少 </t>
  </si>
  <si>
    <t>牛王普通21级，噩梦61级，地狱81级。</t>
  </si>
  <si>
    <t xml:space="preserve">22岁的大学生还是童子鸡，连女朋友都没有交过，正常吗？从小到大都 </t>
  </si>
  <si>
    <t>你的情况属于梦遗，梦遗是大脑皮层受到性刺激伴随产生的射精反映，通常梦遗个性交射精是不一样的！没有人的梦遗射精是长时间的！所以这未必说明你在现实生活中会出现早泄现象．你还没有破身，所以你是很个很传统的男孩，其实自己的生活是要让自己开心就好了，不要和别人去比较！年轻人要做的事情很多，你可以在适当的时候找个朋友．不过还是希望你能找到属于自己的爱情！既然你已经快大学毕业了，那不妨在到社会在找！那样可以更稳定！祝福你！</t>
  </si>
  <si>
    <t xml:space="preserve">电梯涂装厅门板与筋板粘接的黑胶是什么材料的，有什么要求？ </t>
  </si>
  <si>
    <t>聚氨酯  空气中的氧固化 要有柔性，粘结强度高</t>
  </si>
  <si>
    <t xml:space="preserve">达萨长廊任务最后考验的"水晶钥匙之谜"如何破解? </t>
  </si>
  <si>
    <t>正确的答案是：看上面那四个柱子的号码，两两相乘在找对应的数字比如，上面的四个柱子是2、3、5、8的话就是2*3=6 放6上  5*8=40 放40上总结，就是上面四个柱子中的两个相乘的数</t>
  </si>
  <si>
    <t xml:space="preserve">柏子仁.酸枣仁两样合一起煲粥能冶失眠吗 </t>
  </si>
  <si>
    <t>病情分析：你好,柏子仁、酸枣仁、杏仁配方治失眠是可以试试看的.指导意见：一般是柏子仁20克、酸枣仁30克、杏仁12克.另外,平时多喝点百合粥和银耳莲子粥，可以滋阴安神.平时睡前半小时到1小时之间,不宜思考问题或看书等,避免紧张的脑力活动。可以喝一杯热牛奶,缓解神经焦虑. 医生询问：有用的话，给个好评吧O(∩_∩)O~~建议您多运动 睡前用热水泡脚半个小时或者睡前喝杯牛奶 听点轻音乐 也可以睡前吃几颗枣子 具有安神的效果 当然最主要的是您睡前不要想太多哈</t>
  </si>
  <si>
    <t xml:space="preserve">古木阴中系短篷，杖藜扶我过桥东。这两句诗的意思是什么？ </t>
  </si>
  <si>
    <t>〔短篷〕有篷的小船。〔杖藜(lí)〕拄着拐杖。杖，拄着。藜，一年生草本植物，茎坚硬，可做拐杖，称藜杖。把小船系在参天古树的树荫下，拄着拐杖走过桥的东面！</t>
  </si>
  <si>
    <t xml:space="preserve">怎么更新了进不去啊~我从新安装也不行??1月15号更新了怎么进不 </t>
  </si>
  <si>
    <t>我也是这样的,就在今天更新了6个文件后就上不去了,还没到输用户名的界面就自动退出了.一连试了几次都这样,昨天还玩的好好的.</t>
  </si>
  <si>
    <t xml:space="preserve">空气清新剂可以擦手机吗 </t>
  </si>
  <si>
    <t>最好不要这样，对身体有不好的影响。</t>
  </si>
  <si>
    <t xml:space="preserve">求鉴定是什么植物？？？？？ </t>
  </si>
  <si>
    <t>好可爱的小果！这是老鼠拉冬瓜（学名：Melothria indica Lour.[Zehneria indica （Lour.）C. Y. Wu]）属于藤本植物，别名：马交儿、老鼠拉冬瓜、土花粉、土白蔹。中国分布广泛。</t>
  </si>
  <si>
    <t xml:space="preserve">请教国际象棋国际象棋兵上来是能走2步吗？ </t>
  </si>
  <si>
    <t>是的，比赛还要算每个子的分数的</t>
  </si>
  <si>
    <t xml:space="preserve">甲壳胺是什么?能起什么作用?不知道甲壳胺是什么?起什么作用?有什 </t>
  </si>
  <si>
    <t>甲壳胺是一种阳离子高分子电解质，由甲壳动物如虾、蟹的壳体中提取而来.甲壳胺最早应用于工业废水处理，它可以与废水中的有害元素络合而絮凝排出。食品级甲壳胺主要用于强化免疫、抑制老化、减肥、调节血脂、调节血糖的保健食品以及化妆品和医用敷料等。工业级甲壳胺主要用于废水处理、重金属回收、放射性元素的去除、杀菌剂、香烟过滤器、脱色等</t>
  </si>
  <si>
    <t xml:space="preserve">如何祛除脸上的痘印?脸上的痘痘好了以后有时会留下痘印,怎么祛除啊 </t>
  </si>
  <si>
    <t>个人认为用那些所谓的修复痘痕的产品是没什么用的，建议去看中医，而且最好是专门看皮肤的中医，他会给你开一个调理内分泌的药方，吃过一段时间以后再去，让他根据你实际的调理状况再调整药方我以前就是有比较严重的痘痘，战痘了很多年，看了中医，吃了他开的药方以后，半个月就开始见效，现在完全好了，脸上也没有留下疤痕，所以是过来人的经验哈本想把我的药方提供给你，但考虑到不同人的药方可能不同，我又不懂医理，所以还是不提供出来了，还是你自己去看医生比较好祝你早日战痘成功！（如果还有什么疑问的话，可以给我留言交流）</t>
  </si>
  <si>
    <t xml:space="preserve">一个与魔力无关的问题，但是很伤脑筋一人拿一张百元钞票到商店买了2 </t>
  </si>
  <si>
    <t>晕了，这么简单的问题，楼上一群人居然能够答的五花八门，真是佩服。不要被题目中乱七八糟的词语给搞混乱了，其实一算很简单。如果题目只是单纯的问店主亏多少，那我们其他的就别算了，只算店主的：店主：给了小贩100元，然后又失去了25元的货，得到25元的零钱（100元零钱找下来的），那店主亏了100元。小贩：不亏不赚顾客：赚100（75真钱+25货物）这样一来，帐不就平了吗</t>
  </si>
  <si>
    <t xml:space="preserve">牛大力的种植方法有哪位大师懂牛大力的种植技术（方法）详细点比较好 </t>
  </si>
  <si>
    <t>你说的大力应该就是牛蒡吧？ 牛蒡为菊科2年生草本植物，又称大力子、蝙蝠刺、树根菜等。主要食用部分是肥大的肉质根，叶柄及嫩叶也可食用。牛蒡原产中国，公元940年前后由我国传入日本。经过长期选育，培育出很多栽培品种，成为日本主要根菜之一。牛蒡的肉质根，含有大量的碳水化合物，和菊科植物特有的物质----菊酚，可利咽化痰，治咳嗽、风热感冒等。近年来的研究表明，经常食用牛蒡可防人体过早衰老，并可治疗和预防高血压的发生。目前国内尚无食用习惯，中国牛蒡90％以上出口日本。从2001年中国加入WTO以来，日本为了控制进口，制订出了严格的农残检测标准，因此，如何栽培出农药残留符合日本进口标准的牛蒡，成为出口商、种植户都非常关心的问题。现以本人经验总结供牛蒡种植户和出口商参考。 一、栽培方式与栽培季节 牛蒡在我国多为露地栽培，栽培季节一般为春秋两季。秋季栽培在10月1日--11月上旬。11月10日左右盖上拱形地膜；春季在3月--5月中旬种植，盖地膜的可在3月份种植，露地栽培在霜冻结束之后才可种植。 二、品种选择 秋播牛蒡一般用中晚熟品种，如柳川理想、野川或大长根白内肌牛蒡；春播多用早中熟品种，如柳川理想、度边早生、松中早生、旱田早生或大长根白内肌牛蒡。 三、土壤选择 牛蒡为深根性蔬菜，对土壤要求较严，适于土层深厚、排水良好、疏松肥沃的沙质土壤栽培。例如江苏的丰县、沛县、山东苍山的庄坞镇，都属于大河的冲积土壤，上下土层均匀一致，非常适宜种植牛蒡。种植牛蒡应选择前茬为非菊科植物的地块栽培，最好2--3a没有种植过牛蒡的地块。另外，也不应选前茬为豆类、花生、甘薯和玉米的地块。 四、整地 前茬作物收获后应及时深翻晒土，深翻前每667平方米施入饼肥75kg、优质腐熟的土杂肥5000kg以上、碳酸氢铵50kg。然后按70cm一行用牛蒡机打沟，深度1m左右。由于用牛蒡机打沟后，自然形成一条宽40--50cm、高25cm左右的垄，用脚沿垄的两侧把垄踩实，或用铁锨沿垄的两侧拍实，以防下雨时塌沟，造成牛蒡产生畸形。 五、播种 牛蒡的集中产区，应在播种前进行种子消毒。可用以下方法： 1．用55℃温水浸种10min。 2．用相当于种子重量0．3％的瑞毒霉(甲霜灵)杀菌剂拌种，然后在垄顶开3cm深的小沟，浇小水，水下渗后，按3cm株距播种子，覆土3cm，667平方米用种量200g。 六、间苗定苗 第1次间苗在1--2片真叶时，第2次在2--3片真叶时，按苗距7--10cm定苗。定苗时，除去劣苗及过旺苗，留大小一致的苗。早收获上市的留苗间距大一些，晚收获上市的适当密一些，以免间距大，使牛蒡直根过于粗大，影响外观质量。 七、中耕除草和培土 牛蒡幼苗生长缓慢，苗期杂草较多，应及时中耕除草。封行前的最后一次中耕应向根部培土，有利于直根的生长和膨大。对杂草偏重的地块，可用除草剂除草。每667平方米可用10．8％高效益草能25--30mL，加水50--60kg，在牛蒡出苗后，从杂草出苗至生长盛期均可喷药。也可用50％的精禾草克50--60mL，对水15--20kg，在牛蒡苗后，杂草3--5叶期时，选择傍晚用药。 八、追肥 整个生长期可进行3次追肥，第1次在植株高30--40cm时，在垄顶开沟追施尿素，每667平方米施10kg；第2次在植株旺盛生长时结合浇水撒在垄沟里，每667平方米施8--10kg尿素；第3次在肉质根膨大后，可用磷酸二铵10kg、硫酸钾5kg追施，最好用钢筋打孔，把肥施入10--20cm深处，然后封严洞，以促进肉质根迅速生长，达到高产优质。 九、虫害的防治 牛蒡的主要害虫有根结线虫、蚜虫、蛴螬等。 1．治根结线虫有以下几种方法： (1)可以实行2--3a轮作，轮作是最简便有效的方法。 (2)在整地前每667平方米用1．8％的北农爱福丁乳油500mL拌细沙25kg均匀撒施地表，然后翻耕10--15cm，防效可达90％以上。 (3)每667平方米可用米乐尔颗粒剂3kg在播种时撒入播种沟内，随后播种。 (4)在牛蒡生长期间，用1％的海正灭虫灵乳油5000倍液每株灌根250g，持效期可达60d，对蔬菜无残毒，对土壤无污染。 2．防治蚜虫牛蒡上的蚜虫，多为黑色，在点片发生时即应喷药防治，农药可选用40％的乐果1500倍液50％抗蚜威(辟蚜雾)2000倍液；阿克泰15--20g对水100kg进行叶面喷雾。 3．蛴螬的防治在江苏的丰县、沛县地区，由于连年种植，蛴螬的危害逐年加重，成为牛蒡种植区的主要害虫。可用以下方法防治： （1）合理安排茬口前茬为豆类、花生、甘薯和玉米的地块常受蛴螬的严重危害，不宜使用。 (2)秋末冬初，深翻土地在危害严重的地块，可在秋末冬初深翻土地，使其被冻死，风干或被鸟类吃掉。 (3)人工捕捉在5月至7月成虫大发生的时期，可在傍晚6至9时金龟子取食交配时，直接人工捕捉成虫，可有效防治金龟子产卵。 (4)使用化肥抑虫在翻地时施用碳酸氢氨、氨水作底肥，其散发出的氨气，对蛴螬等地下害虫有一定的防治作用。 (5)使用腐熟的厩肥金龟子对未腐熟的厩肥有强烈趋性，常将卵产于其中，因此有机肥用前一定要腐熟，以杀死虫卵和幼虫。 (6)利用黑光灯诱杀以灯光、趋化剂、性诱剂引诱成虫。 4．地老虎的防治地老虎一般在5月上旬发生危害，二龄后幼虫食量剧增，白天躲在离土表2--6cm深处，夜间爬到地面危害，三龄前的幼虫咬食植株的心叶。防治办法如下 (1)捕杀幼虫可在早晨扒开新被害植株周围的表层土捕捉幼虫，将其杀死。 (2)毒饵诱杀幼虫每667平方米用90％的敌百虫晶体50g，或50％的辛硫磷100mL，对适量水配成药液，拌入3--4kg炒香的麦麸或粉碎的花生饼中，傍晚顺垄撒入田间，可有效地防治地老虎。 5．华北鼢鼠华北鼢鼠，别名地老鼠、地羊、瞎老鼠等，近年来在山东苍山发现危害牛蒡。田间打沟机开沟的地方土较疏松，地老鼠易沿牛蒡沟的中部掘洞，受其危害的牛蒡产生杈根，商品率降低，防治的办法主要有以下几种： (1)可采用毒饵法防治诱饵选用胡萝卜、马铃薯、甘薯等，药剂选用氯敌鼠钠盐、杀鼠醚等。在洞道上，挖一个上大下小的洞口，取净落入洞内的土，再用长柄勺将毒饵投入到洞深处，后用草皮将洞口严密绷住。 (2)铲击法因地老鼠怕光、怕风且有堵洞习惯，利用这一习性先切开洞口，铲薄洞道上面的表土，准备好铁锹于洞口后方静待，待它来洞口试探或堵洞时，立即猛力切下或用脚猛踩洞道退路，捕杀之。 (3)水灌法浇地时，切开洞口，将水引入，可淹死地老鼠。 十、收获 秋牛蒡应在6月底采收完毕，以避开蛴螬幼虫危害期。春牛蒡可从8月份收获到11月份，也可留在地里随时收获，直到来年的3月份。采收时，在地面上留15cm长的叶柄，割去叶片，在根的侧面挖至根长的一半时，就可用手拔出，收后除去泥土，进行分级捆把</t>
  </si>
  <si>
    <t xml:space="preserve">民用扩展货柜仓如何使用 </t>
  </si>
  <si>
    <t>在空间站里装配你的船只,把民用扩展货柜放到你的飞船的低槽上就OK了</t>
  </si>
  <si>
    <t xml:space="preserve">2吨油体积多大？做一个长方形箱体,内装2吨油,长1米2,宽2米, </t>
  </si>
  <si>
    <t xml:space="preserve">  我给你详细查看了常见的各种油的密度，较小的是汽油0.7吨/立方米、较大的是蓖麻油0.97吨/立方米。你要做一个长1米2、宽2米、能盛得下2吨油的长方形箱体,应按装汽油来确定高度，理论高度应该是1.2米（不考虑壁厚）。为了保险、安全起见，建议加高0.3米，即把高度定为1.5米。</t>
  </si>
  <si>
    <t xml:space="preserve">孔孟之道，是什么？ </t>
  </si>
  <si>
    <t>就是儒家思想 儒家思想是中国传统文化的内核,也是维护封建君主专制统治的理论基础。儒家思想、君主专政制度构成了中国古代政治史的两大主体内容</t>
  </si>
  <si>
    <t xml:space="preserve">感觉曼联接下来还会进球。。。。布莱克本崩溃了 </t>
  </si>
  <si>
    <t>主要把曼联惹恼了！</t>
  </si>
  <si>
    <t xml:space="preserve">“匪夷所思”的“夷”是什么意思？ </t>
  </si>
  <si>
    <t>匪夷所思 ( fěi yí suǒ sī ) 解　释 匪：同非，不是；夷：同彝，法度，常规，引申为寻常的，一般的。不是根据常理所能想象到的。形容人的思想离奇古怪。考虑问题的方法、言语、行动违反常规,使人难以想象和理解。</t>
  </si>
  <si>
    <t xml:space="preserve">作为女人应该找寻什么样的婚姻？一个女人到底是应该找一个有钱的可以 </t>
  </si>
  <si>
    <t>找一个相爱的吧，我就是因为找了一个条件不错，而我却不爱他的男人结了婚，可是婚后的生活我才体会到，没有爱情的婚姻真的是度日如年。即使他没有钱，但是你们是相爱的，你也会感到很快乐幸福。</t>
  </si>
  <si>
    <t xml:space="preserve">这句话怎翻译？Foreverystormthatappeared </t>
  </si>
  <si>
    <t>对于每一场按预报的规模和强度出项的暴风雨，都（另）有两场是与预期相背的。（意味着预报准确只有1/3）</t>
  </si>
  <si>
    <t xml:space="preserve">朋友们，又买了一单R9回来，请评，谢谢~01伯明翰VS雷　丁02 </t>
  </si>
  <si>
    <t>不来梅 VS 勒　沃 10 3不可弃、</t>
  </si>
  <si>
    <t xml:space="preserve">石家庄三异丙醇胺哪的好? </t>
  </si>
  <si>
    <t>石家庄海森化工有限公司是三异丙醇胺生产商！他们做的还可以！你和他们联系下！看适合你们公司不！</t>
  </si>
  <si>
    <t xml:space="preserve">有关彩票问题?如一等奖四注是什么意思?一等奖四注是什么意思啊,是 </t>
  </si>
  <si>
    <t>中一等奖的有四人。如果奖池里有足够的钱，就不需要4人分，如果只有一个头等奖的奖金，就要4人分。这可能性极小。</t>
  </si>
  <si>
    <t xml:space="preserve">穿三件衬衣暖和,还是穿一件有三件衬衣那么厚的衣服暖和? </t>
  </si>
  <si>
    <t>穿一件有三件衬衣那么厚的衣服暖和</t>
  </si>
  <si>
    <t xml:space="preserve">asf切割放在MP4上看,转换出来的asf文件太大,用什么工具切 </t>
  </si>
  <si>
    <t xml:space="preserve">Super Video Splitter v3.8 汉化版（破解版） Super Video Splitter是一个视频文件分割工具，支持AVI/DivX,MPEGI/II, VOB,DAT,WMV,ASF文件格式，你可以把一个视频文件分割为多个视频文件，系统提供了不同的分割模式，你可以设置分割后的文件数量或按照规定的大小进行分割。 </t>
  </si>
  <si>
    <t xml:space="preserve">淘宝货到付款是好还是不好 </t>
  </si>
  <si>
    <t>虽然可以看到实物不付款，但要退货的话，运费好像得自己出。而且，淘宝上有好多商品不能货到付款，会缩小你的选择范围。</t>
  </si>
  <si>
    <t xml:space="preserve">有什么好看的电影，不要惊悚。。。 </t>
  </si>
  <si>
    <t>张根硕的《宠物情人》张柏芝的《影子爱人》大s的《龙凤店》谢霆锋的《财神客栈》刘亦菲的《倩女幽魂》</t>
  </si>
  <si>
    <t xml:space="preserve">如何设置桌面上InternetExplorer那个小图标？已经设 </t>
  </si>
  <si>
    <t>你桌面的Internet Explorer图标变成IE的快捷方式了.估计是你用兔子进行优化的结果.要把123主页设置成原来的主页也很简单.可以先打开IE,然后单击菜单栏的工具选项,再选Internet选项,然后在主页选项中键入你原来主页的地址,最后点确定即可!要恢复原来桌面的IE属性可以这样:右键 〉桌面属性〉 桌面 〉自定义桌面  〉 勾选Internet Explorer 〉 确定〉OK或者:在快捷方式上面单击右键→属性→查找目标，找到目标后，把这个文件复制到桌面.就是原来的IE文件. 希望能帮到你.</t>
  </si>
  <si>
    <t xml:space="preserve">怎么样才能使睫毛变的又黑又长? </t>
  </si>
  <si>
    <t xml:space="preserve"> 每根睫毛都有各自的生存周期，即6个月生长期，继之为休止期，而睫毛自毛根分离是利于毛囊内新的睫毛形成。有人希望睫毛长得长密而将睫毛剪短，这非但不能如愿更可能伤害眼睛。美人们，千万别铤而走险！以下方法才真正能助长睫毛生长：　　1、蓖麻油或橄榄油　　夜晚，用蓖麻油或橄榄油涂擦，能促进睫毛生长，浓密。这是一古老方法，效果虽缓慢，但确实。此外，在小油瓶内加入柠檬皮碎片，每日涂擦，能使睫毛更华美。　　2、液体蛋白　　液体蛋白是一种辅助食品，每日晚间涂抹，能增强睫毛的强度和长度。　　3、凡士林　　凡士林每晚和早晨涂擦，有助于防止或纠正睫毛碎断。　　4、维生素D　　每晚剪开一粒维生素D胶丸，轻拍于眼睑和睫毛，连用3个月，能产生明显效果。精心护睫毛一个月，下月可有大惊喜等着你哦！</t>
  </si>
  <si>
    <t xml:space="preserve">轮圈（不是轮胎）在赛车中起什么作用？都有什么比较著名的轮圈厂商？ </t>
  </si>
  <si>
    <t>这都不知道?要是把轮圈拆了那还能跑吗?不过轮圈的样式和重量可关系到刹车的冷却效果和车身平衡!</t>
  </si>
  <si>
    <t xml:space="preserve">为什么放高清的视频会很卡我用的是本cpu是奔腾M7401。73G </t>
  </si>
  <si>
    <t xml:space="preserve">一、检查和显卡散热，除尘，上油，或更换风扇。 二、电源电压不稳，电源功率不足，更换质量高的功率大的电源。三、加大物理内存到1GB，最低也要加到512MB，合理设置虚拟内存 。 1、玩游戏，虚拟内存可设置大一些，最小值设为物理内存的1--2倍，最大值右设为3-4倍。 2、虚拟内存设置方法是： 右击我的电脑—属性--高级--性能设置--高级--虚拟内存更改--在驱动器列表中选选择虚拟内存（页面文件）存放的分区--自定义大小--在“初始大小”和“最大值”中设定数值，然后单击“设置”按钮，最后点击“确定”按钮退出。 3、虚拟内存（页面文件）存放的分区，一定要有足够的空间，硬盘资源不足，造成虚拟内存不够用，在一台电脑中，在一个分区设置虚拟内存就够用了，不必在多个分区设置，一般可设在装系统分区C以外的分区中。  四、升级显卡驱动；降低分辨率、颜色质量、刷新率；降低硬件加速-桌面属性-设置-高级-疑难解答-将“硬件加速”降到“无”，必要时换个档次高一点的显卡。 五、清理磁盘和整理磁盘碎片。 1、在我的电脑窗口，右击要清理的盘符—“属性”—“清理磁盘”--勾选要删除的文件--确定--是。 2、清除临时文件，开始—运行—输入 %temp% --确定。 3、用优化大师或超级兔子清理注册表和垃圾文件。 4、关闭一些启动程序， 开始-运行-msconfig---确定--在系统配置实用程序窗口点击启动--除杀毒软件、输入法外一般的程序都可以关掉。 5、整理磁盘碎片--开始 --所有程序--附件--系统工具--磁盘碎片整理程序--选定C--分析--碎片整理。 7、减轻内存负担 ，打开的程序不可太多。如果同时打开的文档过多或者运行的程序过多，就没有足够的内存运行其他程序,要随时关闭不用的程序和窗口。 六、用优化大师或超级兔子优化电脑。 </t>
  </si>
  <si>
    <t xml:space="preserve">51收东西。。。。。收稀有材料。。。。有卖的带价留下联系方式！~ </t>
  </si>
  <si>
    <t>现在还为游侠投入RMB?你没去论坛看??</t>
  </si>
  <si>
    <t xml:space="preserve">我如何找到我的邮箱 </t>
  </si>
  <si>
    <t>在新浪首页上面有免费邮箱，在框里输登陆名、密码，点登陆即可。</t>
  </si>
  <si>
    <t xml:space="preserve">如果……如果你前任男友与现任男友同时向你求婚你会怎么办声明跟前任 </t>
  </si>
  <si>
    <t>感觉基本上的人都会回去选前任的吧。。总归从前的更难忘，如果是初恋那就更加放不下了。如果再还未对他人造成无可挽回的困扰之前，就遵循你自己的心来行事，毕竟还是你在生活，你必须选一个你愿意生活在一起的那个他。</t>
  </si>
  <si>
    <t xml:space="preserve">怎样找中心论点？ </t>
  </si>
  <si>
    <t>中心论点存在于议论文中，记叙类文章一般只提中心思想或主题思想。找中心论点，可以从以下5个方面考虑：1、文章提出中心论点的方式： ①、文章标题点明中心论点； ②、文章开头提出中心论点； ③、文章结尾归纳出中心论点； ④、文章中间用某个承上启下的句子提出中心论点。 ⑤、文章没有直接提出中心论点，但始终围绕……展开论述。 2、分析文章的论证思路 首先应该了解一般议论文的结构：提出问题（引论）——分析问题（本论）——解决问题（结论）。 分析议论文的论证思路，其实，就是在段落层次的基础上加上一些诸如“首先”、“然后”、“接着”、“最后”一类表承转启合关系的词语。做这个题目，尤其要注意开头结尾的表述。 开头的内容有： （1）、提出中心论点；（2）、引出论题；以上二个方面，要具体回答出提出中心论点或引出论题的具体方试，有的是通过名人名言、有的是通过名人佚事、有的是通过趣闻等。 结尾的内容： （1）、深化中心论点，提出……的结论； （2）、重复或强化……的中心论点； （3）、发出……的号召或劝勉人们……； （4）、补充论证了……。（有时候会考查这方面作用，其作用是使论证更严密。） 做这个题目，就是把文章的引论、本论、结论具体化地陈述出来。如《人的高贵在于灵魂》一文，我们可以这样表述：首先引用法国思想家帕斯卡的名言“人是一枝有思想的芦苇”提出中心论点“人的高贵在于灵魂”，然后举阿基米德、王尔德事例证明了“珍惜内在的精神财富甚于外在的物质财富”，最后举一个火车上读书的少女为例向人们发出“人应该保持纯正的精神追求”的劝勉。 3、议论文语言特点分析： 议论文语言特点分析的角度比较固定，只有二个角度：（1）语言特点；（2）语体特点。做这类题目，要掌握语言风格一些关键词：简明平实、形象生动、幽默风趣、含蓄委婉、富有文采等）。而语体特点，就是抓信逻辑严密四个字做文章就可以了。一个应特别注意的事项就是做这类的题目一定要有具体文句支撑，也就是用文章中的具体例句为例子进行分析。 4、议论文写作特点分析 议论文写作特点分析的角度比较多，如修辞手法、论证方法、写作手法等 （1）、修辞：如比喻，可结合比喻特点谈，那就是形象生动；如排比，增强了文章论证的气势；如引用古诗文，使文章富有文采等。 （2）、论证方法：参考论证方法的作用谈。 （3）、写作手法比较固定，常见的就是：（1）、举例论证与道理论证相结合（夹叙夹议）；（2）、以……论证方法为主。同样，做这类的题目一定要有具体文句支撑，也就是用文章中的具体例句为例子进行分析。 5、文段结构作用： （1）、引出（全）下文；（2）、总结前（全）文；（3）承上启下。 作为议论文段的作用，必须结合文体特征具体加答。 如开头段作用往往起着引出中心论点（论题），那么，我们可以参考下面的二个具体答题规范格式的例子使用或变通使用： ①、开头通过写……的事例，提出中心论点……（或引出……的论题）。 ②、开头通过引用名言，提出中心论点……（或引出……的论题）。 ③开头通过引用名人趣事（或……的奇闻趣事），提出中心论点……（或引出……的论题），也起到吸引读者下读的作用，增强了论述的趣味性。</t>
  </si>
  <si>
    <t xml:space="preserve">白色的iPhone4容易划伤吗?如题。之前看说白色的比黑色的脆弱 </t>
  </si>
  <si>
    <t>其实是一样的啦，只不过白色划伤了会比黑色的看到明显些而已啦。每个东西都是这样的，楼主可以放心。要是不想排队，可以到湖北联通网上商城去看。我同学前几天才在那买的，也是营业厅里要排队，不想等。</t>
  </si>
  <si>
    <t xml:space="preserve">眼睛的问题我的眼睛的外眼角老有白色的分泌物是怎么回事啊？我用过好 </t>
  </si>
  <si>
    <t>那不是结膜炎，也不是角膜炎，你用药是没有用的，那是上火引起的，可多吃些大凉（清凉败毒）的食物就可以了。（香蕉、柿子、螃蟹等），记着柿子、螃蟹不能同吃，会生柿结。炒货就不要吃了。</t>
  </si>
  <si>
    <t xml:space="preserve">有些国家的总理掌权，有些是总统掌实权，怎么回事？ </t>
  </si>
  <si>
    <t>国家元首，是国家的最高领导人。不同国家的元首有不同的名称，如总统、主席、国王、皇帝等。有的国家元首实行世袭制，有的国家元首由选举产生，并有一定任期。多数国家实行单一元首制，由一人独任国家元首，也有一些国家实行集体元首制，由两人或两人以上共同担任国家元首。 政府首脑，是中央政府领导人。各国有不同的名称，如总理、部长会议主席、首相以及总统制国家的总统。政府首脑行使最高国家行政权，其产生、任期和具体职权由各国宪法和法律规定。 而印度、德国国家元首是虚职，只是象征意义上的最高，而政府首脑总理则是实职，掌握实权。这里还牵扯到君主立宪制、议会制等制度问题，各个国家的历史、国情不尽相同，并没有统一的规律定。</t>
  </si>
  <si>
    <t xml:space="preserve">初中物理如图，一个重量为50牛顿的物体，在F=10牛顿的外力作用 </t>
  </si>
  <si>
    <t>G=50N   h=12m  得有效功为50*12=600J效率为75%所以总功为800J  斜面长度=800J/10N=80m    所以V=S/T=80/16=5（M/S）</t>
  </si>
  <si>
    <t xml:space="preserve">英国布列塔尼亚皇家海军学院是什么时候成立的? </t>
  </si>
  <si>
    <t>1729年,该学院前身成立;1902年,该学院改为现名.以下是资料:英国布列塔尼亚皇家海军学院的前身是１７２９年创建的英国朴次茅斯皇家海军学校。该校校址?来设在“布列塔尼亚”号战列舰上，教学设施和学员宿舍均在舰上。１８６３年，朴次茅斯皇家海军学校随同“布列塔尼亚”战列舰迁往达特茅斯。该校易名为达特茅斯皇家海军学院。英国海军大臣费希尔上台后，决定对海军军官教育进行彻底改革，他下令停止使用旧军舰，改在陆地建设新校址。该校更名为布列塔尼亚皇家海军学院，新址于１９０２年破土动工。３年后，新校舍竣工。该校负责培养海军初级军官。英国海军军官绝大多数都在这里受过训，因此，该校被誉为英国海军军官的“摇篮”。</t>
  </si>
  <si>
    <t xml:space="preserve">原材料估价处理前几个月进原材料估价入账，已经领用结转成本，现在来 </t>
  </si>
  <si>
    <t>你的会计处理不正确。1、如果领用的材料还在生产过程中，会计处理：借：生产成本（红字）贷：原材料（红字）2、如果领用的材料已生产出产品，尚未销售借：库存商品（红字）贷：原材料（红字）3、如果领用的材料已生产出产品，并已销售借：本年利润（红字）贷：主营业务收入(红字)同时用红字冲减成本借：主营业务成本(红字)贷：库存商品(红字)</t>
  </si>
  <si>
    <t xml:space="preserve">我的安全锁时间不小心点了1小时现在怎样才能改到1分钟请帮忙解决！ </t>
  </si>
  <si>
    <t>把短时间改成长时间是立即生效，比如把一分钟的安全锁改成一个小时，立马就生效了。而如果你要把一个小时改回去到1分钟，就要等上3天了，中间时间什么都不能买卖</t>
  </si>
  <si>
    <t xml:space="preserve">提出N多个问题，还都拿出来投票。为何显示得分是“0”哪！？ </t>
  </si>
  <si>
    <t>哎..他曾经有170多到问题没有及时处理.分被扣光了...不过现在他们的编辑正在全力采纳呢...</t>
  </si>
  <si>
    <t xml:space="preserve">武汉的木兰山是什么意思是‘花木兰’的木兰吗 </t>
  </si>
  <si>
    <t>木兰山----位于大别山脉的尾段武汉市郊的北部。属于武汉市黄陂区管辖，是武汉市近年来大力宣传的旅游渡假区，被誉为武汉的后花园。木兰山因有替父从军的女英雄花木兰葬于此山而成名，几百年来一直是周边地区的道教圣地！山上建有明代的木兰将军祠及多座道观等。后山有木兰将军墓，墓前有石碑记事，传将军仙逝后葬于此地。山下是五十年代兴修水利而建的水库----木兰湖。周边建有渡假村。</t>
  </si>
  <si>
    <t xml:space="preserve">冠心病通心络能常吃吗、已经吃了三年啦。病人现在皮肤瘀斑，脚好似开? </t>
  </si>
  <si>
    <t>通心络以虫类中药为主要成分，长期服用很可能干扰凝血机制，导致凝血障碍而出血，如牙龈出血，皮下出血、瘀斑，胃肠出血等。如果没有血栓形成，不必长期使用，可以改用其他品种。如速效救心丸、丹参滴丸等。需结合自身体质特点选用。虚寒体质的用速效救心丸，实热体质的用丹参滴丸。一定要注意辩证。</t>
  </si>
  <si>
    <t xml:space="preserve">刚换机器请教问题1G内存，GFM显卡，赛扬2.6，硬盘7200转 </t>
  </si>
  <si>
    <t>死机原因太多了。很有可能是系统问题。盗版软件也有好坏啊！呵呵！花屏的话因为我也是用的6200一进游戏会出现点图标是花的。我发现只要在图像设置把60改到85，别说你找不到啊！然后点确定就好了。另外建议可以去下载一个软件超屏显卡。开8个管可以将性能提高到6600。</t>
  </si>
  <si>
    <t xml:space="preserve">减肥成功的姐妹们进来晒下减肥经有人用过“果速瘦”没，上次在网上买 </t>
  </si>
  <si>
    <t>同生药房网是全国12家正规网上药房之一，也是西南地区唯一的一家，你可以去看看</t>
  </si>
  <si>
    <t xml:space="preserve">我爱上了一个女孩，但是她对我没有意思，我还有希望吗？今年过年的时 </t>
  </si>
  <si>
    <t>努力,继续追!~女人最怕的是死缠硬磨.只要你有心,你会追到她的!~不管怎么样?在追她的过程中不要考虑太多,该有的承诺一点都不能少.该说的甜言蜜语一句都不能落.该花的钱一个子都不能省.该送的礼物一定不能缺.该存 的信息一定不能删.该不留的信息一个字也不能要.追女孩子一定要有恒心,要有信心.要有毅力.我现在的女朋友是我追了一年多才追上的,.我和她是在网上认识的.她总是和我玩消失.莫名其妙的就会没有信息.但是我还是追到了!~去年年底我们见的面.从认识到见面一年多的时间.其实恋爱很累,追一个女孩子更难.祝福你兄弟!~努力吧!~记得过节要在一起.她在上海你可以去找她!~你在上海也不会太难找工作,让她知道你做的所有都是为了她!~她会和你在一起的!~~~~~~~~~~~~~~~~~~~~~~~</t>
  </si>
  <si>
    <t xml:space="preserve">这一年左右长了很多白头发病症：头顶两侧生白发，大概有好几十根。发 </t>
  </si>
  <si>
    <t>感谢您的信任和提问。白发需要相对长的调理时间。和情绪啊，遗传啊，环境啊都有很大关系。由于没有面诊，舌苔脉象看不到。还有几个问题想了解一下，不知道您是否容易急躁发火？除便稀外还有脾胃功能是否不佳？月经量偏多吗？口干外口苦吗？如果上述都有，可能有肝郁化火乘脾土的情况。另外，容易腰酸吗？要排除下肾虚的情况。建议去中医门诊综合调理一段，白发也会缓解。针灸配合也可以。自己首先要保持良好作息，早睡早起。少看电脑手机等。心情要舒畅，也可以每天用手指梳头按摩，促进头部微循环也对黑色素形成有一定作用。</t>
  </si>
  <si>
    <t xml:space="preserve">静态页面的动态怎么做就是在写静态页的时候会有图片翻动的效果应该怎 </t>
  </si>
  <si>
    <t>可以用JavaScript语言来完成。找到类似的网页，查看它的源代码，你就能找到相关的元素。</t>
  </si>
  <si>
    <t xml:space="preserve">《没头脑和不高兴》中“没头脑”盖了一个多少层的大楼？ </t>
  </si>
  <si>
    <t>他本来想盖一千层的，结果算错了，只有999层。</t>
  </si>
  <si>
    <t xml:space="preserve">如何让女人离不开你？前提是除开钱，背景，和地位。就是一个什么都没 </t>
  </si>
  <si>
    <t>有钱的用钱，没钱的就对女人好。现实追女孩不就这两招嘛</t>
  </si>
  <si>
    <t xml:space="preserve">针灸减肥应该针哪些血位?针灸减肥应该针哪些穴位?对身体会有其他影 </t>
  </si>
  <si>
    <t>具体的穴位要根据自身的体质来确定,扎针一般是分疗程的,况且也不会每天都扎,还要配合精油刮痧,效果一般来说还是不错.不过都是因人而异.如果效果不好,肯定需要换方案,不会一直扎下去的.</t>
  </si>
  <si>
    <t xml:space="preserve">宝妈们知道哪里能做四维彩超吗 </t>
  </si>
  <si>
    <t>一般情况下，做四维彩超就是在你建卡的医院做的。如果约不到，你可以到其他医院去看看。你好，想做四维的话应该去你们当地一些比较正规的妇产科医院，因为正规的医院才有这样的医疗设备，而且需要提前预约，最佳做四维的时间是22到28周。你好，现在的正规医院都可以做四维彩超四维彩超，你要做的话要提前约。</t>
  </si>
  <si>
    <t xml:space="preserve">人在生病时吃多了会不会长胖？吃的多数是零食！！ </t>
  </si>
  <si>
    <t>如果量不是很多的话应该不会长胖的,吃太多的话对身体不太好(何况是生病的时候)我觉得应该要多吃些有营养的东西,像零食之类的不能吃太多(题外话)</t>
  </si>
  <si>
    <t xml:space="preserve">一个朋友问你借了钱但忘还,你怎么开口问要? </t>
  </si>
  <si>
    <t>我也正遇到这样的苦恼,我相信对方不会忘记,不可能忘记,我也不想把钱要回来,不要去想,努力工作努力的做自己,真的不要去想,就像没有发生过那样!因为我们太善良,不要为这样的事情惩罚自己,或许他并不是你想要的朋友!</t>
  </si>
  <si>
    <t xml:space="preserve">老版少林的朋友们朋友们，你们好，其实一直觉得这游戏应该很让我们心 </t>
  </si>
  <si>
    <t>现在到台湾去玩啊</t>
  </si>
  <si>
    <t xml:space="preserve">打多麻醉好吗? </t>
  </si>
  <si>
    <t>当然不好了，尤其是神经中枢集中的部位，会造成神经反射迟钝</t>
  </si>
  <si>
    <t xml:space="preserve">从六里桥到北京南站和木樨园长途电话客运站坐几路公交车啊 </t>
  </si>
  <si>
    <t>1.六里桥南里-北京南站  约7公里  直达  在六里桥南里上车，乘坐927(北京西站南广场-西店环岛)坐7站   在北京南站下车  从北京南站车站向东南步行200米,到北京南站 2.六里桥南-北京南站  约8公里  直达  在六里桥南上车，乘坐927延(北京西站南广场-亦庄站)坐7站   在北京南站下车  从北京南站车站向东南步行200米,到北京南站  3.六里桥南-北京南站  约8公里  直达  在六里桥南上车，乘坐927区(北京西站南广场-刘庄)坐7站   在北京南站下车  从北京南站车站向东南步行200米,到北京南站 1.六里桥南-大红门城  约11公里  直达  在六里桥南上车，乘坐运通103(西三旗-大红门服装城)坐10站   在大红门服装城下车  从大红门服装城车站向正北步行200米,到木樨园长途客运站  发送邮件  2.六里桥南-南苑路果园  约13公里  直达  在六里桥南上车，乘坐927延(北京西站南广场-亦庄站)坐11站   在南苑路果园下车  从南苑路果园车站向正北步行400米,到木樨园长途客运站  发送邮件  3.六里桥南里-果园（南三环中路）  约12公里  直达  在六里桥南里上车，乘坐运通108(上地桥-马家堡路北口)坐12站   在果园（南三环中路）下车  从果园（南三环中路）车站向正北步行200米,到木樨园长途客运站</t>
  </si>
  <si>
    <t xml:space="preserve">联赛的MVP统计是按什么算的?各项数据各占多大比重? </t>
  </si>
  <si>
    <t>您好，MVP的球员根据，在联赛统计中的综合评定较高者</t>
  </si>
  <si>
    <t xml:space="preserve">现在到期的账号冲值有什么活动吗？ </t>
  </si>
  <si>
    <t xml:space="preserve">凡在3月06日0：00—3月18日24：00通过点转包月、月卡储包月、使用月票储值方式并进行储值的玩家均可以获得梦幻神驹福袋*1、神行千里之符*20 梦幻神驹福袋（将可随机开出以下虚宝）： 战虎、黑豹、印度象、南蛮象、重甲黑豹、印度白象、飞龙、绝影、紫骍、白鹄、重甲战虎、冲城巨象、藤甲巨象、金甲雄狮 神行千里之符：能发动武魂技，神行千里。时效1800秒 活动期间，凡是原本“帐号使用时间已到期”的玩家在本次活动时间内只有使用三国月卡进行包月储值动作后都将额外获得特别虚宝“修罗强弩兵晋升令” 修罗强弩兵晋升令：修罗强弩兵转职之证。强弩兵等级需达到92 </t>
  </si>
  <si>
    <t xml:space="preserve">谁给个&lt;疯狂飚车&gt;号.★★★★★送给你我知识想去看看.我注册不了 </t>
  </si>
  <si>
    <t>账号：kingwolfae86密码：KingWolf0203(密一样) 游戏密码 kingwolf330 我注册了  懒的去玩 也不知道玩的了不希望有用吧</t>
  </si>
  <si>
    <t xml:space="preserve">亲我已经是个人认证了我想企业认证怎么办？还能认证吗？怎么企业认证? </t>
  </si>
  <si>
    <t>要重新申请的，俩个不同的版本</t>
  </si>
  <si>
    <t xml:space="preserve">残月是指阴历的几号到几号？ </t>
  </si>
  <si>
    <t xml:space="preserve">农历的月相称为【残月 回答者： 黄乐平9334 - 魔法师 五级   8-4 11:14残月（农历十六左右-----农历二十三左右）：180度----270度 月相是日月黄经差度数（以下的度数就是日月黄经差值）来算的，共划分八种： 新月（农历初一日，即朔日）：0度； 上峨嵋月（一般为农历的初二夜左右-------初七日左右）：0度----90度； 上弦（农历初八左右）：90度； 凸月（农历初九左右-----农历十四左右）：90度----180度； 满月（望日，农历十五日夜或十六日左右）：180度； 残月（农历十六左右-----农历二十三左右）：180度----270度； 下弦（农历二十三左右）：270度； 下峨嵋月（农历二十四左右----月末）：270度-----360度； 另外，农历月最后一天称为晦日，即不见月亮； 以上有四种为主要月相为：新月（农历初一日），上弦（农历初八左右），满月（农历十五日左右），下弦（农历二十三左右），它们都有明确的发生时刻，是经过精密的轨道计算得出的；   </t>
  </si>
  <si>
    <t xml:space="preserve">现在还可以转服拿虫子吗我也知道9C说了2月18之后的新服都开门了 </t>
  </si>
  <si>
    <t>绝版了，所有大区。都已经把门开了，新开的F，是自动开门的。</t>
  </si>
  <si>
    <t xml:space="preserve">学校德育工作具体包括那些？ </t>
  </si>
  <si>
    <t>不知道你需要什么层次学校的德育内容，下面的供你参考吧！内容应该都是大同小异的！希望能帮你！中等职业学校德育大纲   中华人民共和国部颁布日期：2004-10-25执行日期：2004-10-25一、总则  中等职业学校德育是对学生进行思想、政治、道德、法律和心理健康的教育。它是中等职业学校教育工作的重要组成部分，与智育、体育、美育等相互联系，彼此渗透，密切协调，对学生健康成长成才和学校工作具有重要的导向、动力和保证作用。中等职业学校必须把德育工作摆在素质教育的首要位置。  中等职业学校德育工作必须坚持以马克思列宁主义、毛泽东思想、邓小平理论和“三个代表”重要思想为指导，全面贯彻党的教育方针，紧密结合全面建设小康社会的实际，遵循职业学校学生身心发展的特点和规律，按照社会对高素质劳动者的要求，坚持以人为本，以学生为主体，努力培育有理想、有道德、有文化、有纪律，德、智、体、美全面发展的中国特色社会主义事业建设者和接班人。其基本任务是把学生培养成为热爱祖国、遵纪守法，具有社会公德和文明行为习惯的公民，进而成为报效祖国、积极进取、诚实守信、敬业乐群，具有社会责任感和创业精神的高素质劳动者。  中等职业学校德育，要体现时代感，增强针对性和实效性。中等职业学校德育应遵循以下原则：与时俱进，继承和创新的原则；贴近实际、贴近生活、贴近学生的原则；知与行相统一的原则；教育与管理相结合的原则；教育与自我教育相结合的原则。  二、德育目标  中等职业学校德育目标是：使学生热爱祖国，拥护党的领导和党的基本路线，确立坚持中国特色社会主义事业的理想信念，具有为人民服务、奉献社会的使命感和责任感；逐步树立正确的世界观、人生观、价值观，养成科学的思想方法；自觉地遵纪守法，依法维护自身权益，具有良好的道德品质和健康的心理素质；热爱专业，勤奋学习，勇于创造，大胆实践，具有良好的职业习惯和安全意识、质量意识、效率意识、环境意识。  具体要求如下：  1.具有民族自尊心、自信心和自豪感，自觉维护祖国的尊严、荣誉、独立统一和各民族的大团结，视国家利益为最高利益，立志为建设祖国，振兴中华而奋斗。  2.拥护中国共产党的领导，正确理解和坚持党的基本路线，坚持走中国特色社会主义道路。  3.努力学习初步掌握马列主义、毛泽东思想、邓小平理论和“三个代表”重要思想的基本观点和方法，正确认识人类社会发展的基本规律，正确认识国家的前途和命运，增强全面建设小康社会，加快推进社会主义现代化事业的责任感和使命感。  4.树立正确的职业理想，确立正确的职业观、择业观、创业观，形成符合社会和个人实际的就业观，提高自我就业能力，做好适应社会融入社会的准备。  5.树立社会主义民主观念和遵纪守法意识。学习和遵守中华人民共和国宪法和相关法律，行使法律赋予的权利，履行法律规定的义务，维护合法权益；遵守校纪校规和职业岗位规范。  6.具有社会公德、职业道德意识和文明行为习惯。遵守公民基本道德规范，诚实守信，敬业爱岗，心中有祖国、心中有集体、心中有他人，学会处理人与人、人与社会、人与自然的关系。  7.具有健全的人格和良好的心理品质。正确认识自我，增强自信心，乐观向上，学会合作与竞争，提高应对挫折、匹配职业、适应社会的能力。  三、德育内容  1.民族精神教育  以爱国主义为核心，培育和弘扬团结统一、爱好和平、勤劳勇敢、自强不息伟大民族精神的教育；  中华民族传统美德和革命传统的教育；  创新精神的教育。  2.理想信念教育  以邓小平理论、“三个代表”重要思想为主要内容的经济与政治基础知识教育；  初步的辩证唯物主义和历史唯物主义基础知识教育；  立足岗位、奉献社会的职业理想教育。  3.道德品质、文明行为教育  集体主义精神、社会主义人道主义精神教育；  社会公德、家庭美德教育；  以诚信、敬业为重点的职业道德教育；  学生日常行为规范、交往礼仪以及职业礼仪的教育与训练；  珍爱生命、远离毒品的教育；  保护环境的教育。  4.遵纪守法教育  法律基础知识教育；  职业纪律和岗位规范教育；  自觉遵守学校纪律和规章制度的教育。  5.心理健康教育  心理健康基本知识教育；  心理咨询、辅导和援助。  除以上各系列教育内容外，中等职业学校还要随着经济、政治形势发展进行形势任务和时事政策教育。  四、德育途径  1.德育课教学  中等职业学校德育课是学校德育工作的主渠道，是各专业学生必修的基础课，是对学生进行思想政治教育、法制教育、职业道德和职业指导教育、创业教育以及心理健康教育等的主阵地。  德育课教学应贴近学生、贴近职业、贴近社会，注重实践教育、体验教育、养成教育，做到知识学习与能力培养和行为养成相统一，切实增强针对性、实效性和时代感，充分发挥德育课在促进学生全面发展和综合职业能力形成中的重要作用。  2.其他课程教学  文化课教学应结合课程特点，充分发掘德育因素，有机地渗透德育内容；专业课教学应结合职业特点和专业技术发展的需要，对学生进行职业理想、职业意识、职业道德与创业精神教育。学校应经常性地组织开展专业技能竞赛活动，通过活动促进学生更好地掌握专业技能，增强职业意识，提高职业能力。  3.实训、实习与社会实践活动  实训、实习既是强化学生职业技能、提高其全面素质和综合职业能力的重要教学环节，也是对学生进行劳动观念、职业意识、敬业精神、职业纪律、职业责任感教育和促进职业道德行为习惯养成的重要途径。实习过程中，教师应与实习单位共同加强对学生进行思想政治教育、品德教育、纪律教育、法制教育和相关岗位的职业道德规范教育及其养成训练。  学校要把社会实践活动纳入教学计划。定期组织参观爱国主义教育基地，瞻仰革命圣地和遗址，祭扫烈士墓，参观城市、农村和名胜古迹，参观现代企业等活动；组织学生参加军训、公益活动、社会调查、志愿服务、勤工助学等社会实践活动。通过实践活动，使学生了解国情、了解社会、了解职业，认识自身生存与发展的主客观条件，提高学生的自我教育能力和实践能力，促进学生增长才干，完善自我，全面发展。  4.心理健康教育与职业指导  学生心理健康教育是学校德育工作的重要组成部分，各地各学校要按照《中等职业学校学生心理健康教育指导纲要》的要求开展心理健康教育。学校要根据学生不同年龄阶段身心发展的特点和职业发展的需要，分阶段、有针对性地设置心理健康教育的具体内容。根据学生特点和他们在成长、学习、生活和求职就业等方面的实际需要进行教学、咨询、辅导和援助，提高全体学生的心理素质和心理健康水平。  职业指导是中等职业学校德育的重要途径，各地各学校要按照《教育部关于加强职业技术学校职业指导工作的意见》的要求，在职业指导工作中全面渗透德育内容。加强职业意识、职业理想、职业道德和创业教育，引导学生树立正确的择业观，养成良好的职业道德行为，提高就业创业能力。加强就业服务，提高就业服务的水平和质量。  5.班主任工作和学校管理、服务工作  班主任是学生健康成长的指导者和引路人，肩负班级日常管理和德育工作的重要职责。班主任应结合学生的实际和专业特点，遵循德育规律，组织建设好班集体，做好个别教育工作，培养好的班风学风；开展形式多样的教育活动，促进学生全面发展；发挥学生的主动性创造性，培养学生的自我教育、自我管理能力；密切联系家长，充分利用家长、用人单位、行业及社区等各种资源对学生进行教育。  做好德育工作是学校全体教职工的共同责任。教师要热爱学生，言传身教，为人师表，教书育人。学校各项管理工作都应与德育紧密结合，要从关心学生发展的需要出发，着眼教育，严格要求，促进学生良好行为习惯的养成，实现管理育人。学校各项服务工作都应体现德育功能，全体服务人员应热爱本职工作，以身作则，优质服务，使学生受到感染和激励，实现服务育人。  6.党团组织、学生会工作  要通过举办业余党校、团校和组织党章学习小组等多种形式，组织学生特别是学生积极分子学习党的基本理论和基本知识。要发展符合条件的优秀学生入党。  共青团、学生会是学生自我教育的重要组织形式。共青团、学生会应根据各自任务和工作特点，积极开展适合学生特点、喜闻乐见、健康有益的活动，充分发挥学生自我教育、自我管理、自我服务的作用。  学校要通过党团组织、学生会、班集体、学生社团，有组织地开展科技、文艺、体育活动。要鼓励、指导学生建立各种课外兴趣小组和社团，因地制宜开辟活动场所，建设活动设施，使学生在寓教于乐的活动中培养健康的情趣，发展个性特长，提高审美能力，锤炼意志品质。  7.校园文化建设  学校要加强校园文化建设，优化育人环境。要建设体现社会主义特点、时代特征和职业学校特色的校园文化，形成良好的校风、教风和学风。要开展生动有效的校园文化活动，大力加强学生文化素质教育。要结合民族传统节日、重大事件和开学、毕业典礼等，开展特色鲜明、吸引力强的主题教育活动。重视校园人文环境和自然环境建设，完善校园文化活动设施。加强校报、校刊、校内广播电视、校园网络等的建设，发挥黑板报、橱窗、图书馆、陈列室及模拟职业场景等的宣传作用和校训、校歌及学校发展历史等的激励作用，注重宣传先进的企业文化以及行业劳动模范和学校优秀毕业生的事迹。  8.家庭与社会  家庭对学生行为习惯的培养、品德的形成、个性的发展有着重要的影响。学校要通过家访、家长会、家长接待日、举办家长学校、开展家庭教育咨询、建立家长委员会等多种方式，密切与家长的联系，指导家庭教育，使家长了解并配合学校贯彻实施好本大纲，改进家庭教育的方法。  各级政府和社会各部门均应履行关心、促进和保护青少年健康成长的义务。各级教育行政部门要主动协助政府并会同有关部门，积极开发利用社会的德育资源，开辟青少年教育的社会教育舆论阵地，加强社会文化市场及娱乐场所的管理，配合做好《未成年人保护法》的实施工作，打击腐蚀毒害青少年的犯罪行为，为学生健康成长创造良好的舆论环境、文化环境、治安环境和社区环境。教育行政部门和学校应采取有效措施，充分依靠关心下一代工作委员会、社区教育委员会和街道委员会、村民委员会以及各种社会团体，并同所在地的机关、部队、企业建立固定联系，发动、协调社会力量支持和参与德育工作，逐步建立学校与社会相互协作的社会教育网络，共同营造关心下一代健康成长的良好社会教育环境。  五、德育评价  中等职业学校德育评价的内容与标准以本大纲为依据。评价由学校德育工作评价和学生品德评定两方面组成。  1.学校德育工作评价  各级教育行政部门应结合本地区教育的实际情况，制定科学的德育工作评价指标体系，定期对学校德育工作进行督导评估。学校实施本大纲的情况应作为考核校长和学校工作的重要依据。在评估工作中应注意听取学生、用人单位的意见。  学校要加强对德育课教学质量、班级德育工作、部门及教师育人质量的考核评比，把德育工作实绩作为对部门及教职工考核的重要内容。  评价与创建相结合。通过创建文明学校、文明班级和评选优秀学生和学生干部等活动，形成有效的竞争激励机制。对成绩突出的学校、班级和个人要及时给予表彰奖励。  2.学生品德评定  对学生品德的评定，应根据本大纲规定的德育目标，并结合行业和用人单位对从业者的品德要求，对学生在思想政治觉悟、道德与职业道德品质、遵纪守法等方面的行为表现提出具体要求，由学校制定具体测评办法，并组织测评工作。对学生的品德测评，应坚持科学性、客观性、教育性、民主性等原则。  六、德育的领导与管理  1.德育工作管理体制  各级教育行政部门应有明确的机构负责中等职业学校德育工作。应根据本大纲德育目标要求与教育内容，针对本地区和不同类型学校需要，制定本大纲实施细则以及实施情况的评估制度和办法，定期对本大纲的实施情况进行督导、检查评估。  学校实行校长负责的德育工作管理体制。党组织要发挥德育的监督保证作用。全体教职工都要做学生的德育工作。学校要建立贯彻实施本大纲的岗位责任制及考核、奖励办法，明确各部门的育人责任，并落实在工作的各个环节中，形成教书育人、管理育人、服务育人的全面、全程、全员育人的局面。  2.德育工作队伍建设  各级教育行政部门和学校要选拔政治素质好、业务能力强的同志从事德育工作。优化队伍结构，建设一支专兼结合、功能互补、政治坚定、业务精湛的德育工作队伍；制定规划，有计划地培训学校的校长、班主任、德育课教师及其他德育工作者，不断提高德育专（兼）职工作者的素质和德育工作的能力、水平；培养一批在德育工作方面有专长和造诣的管理者、优秀校长（书记）、班主任、德育特级教师和研究人员；切实解决德育专（兼）职工作者的工作、生活等方面的实际问题。  3.德育工作的经费与物质保障  德育经费要确立科目、列入预算。学校德育经费投入的范围，包括对学生进行德育的教学、管理和日常德育活动两部分。教学、管理经费投入包括德育课教学、德育专职教师的培训提高、社会考察与调研、有关教研室的业务条件建设和图书资料购置、德育科研。日常德育活动经费投入包括对学生的日常思想教育、假期和课余时间组织的学生社会实践、大型德育活动以及用于学生和德育队伍表彰奖励等所需经费。学校应把建设适应学生德智体美全面发展的现代化德育设施、设备和活动场所、基地纳入总体建设规划，并从基本建设费和设备费中给予保证。  4.德育科研  各级教育行政部门和学校要把德育的研究项目列入科研规划，建立德育研究组织，并充分发挥其作用，为实施本大纲提供理论指导和业务咨询。要注重学生政治思想品德现状和发展趋势的调查，结合中等职业学校德育工作面临的实际，确定研究课题，探索德育规律，不断提高研究水平与实际工作水平。教育行政部门和学校应建立和完善德育研究成果的鉴定、奖励、推广机制。</t>
  </si>
  <si>
    <t xml:space="preserve">为什么乙烯和乙炔都能使溴的四氯化碳溶液及高锰酸钾溶液褪色呢？有何? </t>
  </si>
  <si>
    <t>因为乙烯和乙炔都含有不饱和双键和三键,其中起关键作用的是л键,能与溴发生加成反应;C2H4与C2H2从简单化合价来看,C肯定是负价,故而有还原性,可以被强氧化剂如KMnO4氧化.这样一反应就能使黄色溴的四氯化碳溶液及紫色高锰酸钾溶液褪色.</t>
  </si>
  <si>
    <t xml:space="preserve">aa等我六十岁以后后，男人和我性交时，会感到我的阴道怎么样呢？？ </t>
  </si>
  <si>
    <t>不论多大年龄的时候,做爱都会使阴道扩张,如果长时间做会使阴道松弛.但做爱高潮时阴道会"热烈"收缩,爱液流出,阴蒂突出,兴奋,浑身快感无限.但如果现在你没有性经历,最好将第一次留给最爱你的人.</t>
  </si>
  <si>
    <t xml:space="preserve">我6号赎回的海富通收益，今天怎么还没到帐，什么时候能到帐呢？ </t>
  </si>
  <si>
    <t>海富通收益赎回时应是T+5，6号赎回13日到账。</t>
  </si>
  <si>
    <t xml:space="preserve">这样的乳腺癌症病人预后好吗？好担心！去年九月份查出是浸润性的乳腺 </t>
  </si>
  <si>
    <t>放心吧。预后很好的。治愈的可能性在90％以上。该干嘛干嘛。但一般主张不要怀孕。</t>
  </si>
  <si>
    <t xml:space="preserve">求值已知1+x+x^2+x^3=0,求1+x+x^2+x^3+… </t>
  </si>
  <si>
    <t xml:space="preserve">1+x+x^2+x^3=(x+1)+x^2(x+1)=(x+1)(x^2+1)=0,x=-11+x+x^2+……+x^2004=(1+x+x^2+……+x^2003)+x^2004=(1-1+1-1+……+1-1)+1=1 </t>
  </si>
  <si>
    <t xml:space="preserve">请问1983年农历7月11日出生是什么星座？我朋友是1983年农 </t>
  </si>
  <si>
    <t>星座是按阳历(公历)日期划分的,1983年农历7月11日是公历1983年8月19日,狮子座。白羊座：3月21日 - 4月20日金牛座：4月21日 - 5月21日双子座：5月22日 - 6月21日巨蟹座：6月22日 - 7月22日狮子座：7月23日 - 8月23日处女座：8月24日 - 9月23日天秤座：9月24日 - 10月23日天蝎座：10月24日 - 11月22日射手座：11月23日 - 12月21日魔羯座：12月22日 - 1月20日水瓶座：1月21日 - 2月19日双鱼座：2月20日 - 3月20日</t>
  </si>
  <si>
    <t xml:space="preserve">贫血有什么好的治疗方法么我母亲，血色素低，如果发展下去可能是白血 </t>
  </si>
  <si>
    <t>什么病首先都要诊断明确，尤其是贫血。本人到过石家庄，那里高水平的医院不少，应该能诊断明确。如果是“发展下去可能是白血病”的贫血，我想可能是指MDS（骨髓异常增生综合征）了。如果是MDS中的前2型，不用太积极治疗，对症治疗就可以了。因为积极不见得有好的疗效。如果是后3型，可以考虑化疗。</t>
  </si>
  <si>
    <t xml:space="preserve">如何捐书？ </t>
  </si>
  <si>
    <t>可以联系当地的社区服务站或者居委会就可以了！</t>
  </si>
  <si>
    <t xml:space="preserve">手机如何扩展内存?具体步骤!!!!如题 </t>
  </si>
  <si>
    <t>手机扩展内存是有条件的,必须要手机支持才可以扩展,部分手机尤其是早期产品没有该功能,那是没办法扩展的.近期的手机支持内存扩展的很多,你是什么机子我不清楚。你可以咨询经销商，也可以看手机说明书，上面应该说得很清楚。假设你的手机支持扩展内存，那你要搞清楚支持什么样的内存（现在常见的是SD、miniSD、TF卡），能支持多大的内存（一般都能支持512M--1G左右）。接下来：在你手外壳上应该能找到插内存的槽，多数是被一块活动的胶盖保护着的，也有的在机内SIM卡的旁边，把电池卸下可以看见。找到后，请先关闭手机，对准方向把卡轻插入槽中，确认无误后可以开机。需要取出时，轻按一下卡即可自动跳出，切记不可硬拨。另外请记住在手机开启状态千万不要强行取卡。</t>
  </si>
  <si>
    <t xml:space="preserve">员工和劳务公司可以签合同吗？为什么还是劳务派遣工呢？ </t>
  </si>
  <si>
    <t>请参阅《劳动合同法》的如下规定：第五十八条　劳务派遣单位是本法所称用人单位，应当履行用人单位对劳动者的义务。劳务派遣单位与被派遣劳动者订立的劳动合同，除应当载明本法第十七条规定的事项外，还应当载明被派遣劳动者的用工单位以及派遣期限、工作岗位等情况。劳务派遣单位应当与被派遣劳动者订立二年以上的固定期限劳动合同，按月支付劳动报酬；被派遣劳动者在无工作期间，劳务派遣单位应当按照所在地人民政府规定的最低工资标准，向其按月支付报酬。</t>
  </si>
  <si>
    <t xml:space="preserve">我用的欧莱雅的透莹粉底液效果很好，我该配用什么粉饼或散粉来定妆补? </t>
  </si>
  <si>
    <t>听说那个娥佩兰的散粉用起来不错.你要是用着欧莱雅的舒服,就再配着它那个系列的用呗!</t>
  </si>
  <si>
    <t xml:space="preserve">关于宠的问题98级3攻1敏纯白满树海102级2敏白鬼满树海，哪个 </t>
  </si>
  <si>
    <t>纯白更好</t>
  </si>
  <si>
    <t xml:space="preserve">大家早上好呀有。。。有谁知道昨天美国与洪都拉斯的比分哥斯达里家与 </t>
  </si>
  <si>
    <t>上半场美国1：0,比赛进行中 哥斯达黎加没有开赛，比分不详，回答完毕！！！！</t>
  </si>
  <si>
    <t xml:space="preserve">福建省霞浦县在哪 </t>
  </si>
  <si>
    <t>福建省霞浦县，位居台湾海峡西北岸，地处福建省东北部</t>
  </si>
  <si>
    <t xml:space="preserve">冬天难起床，有什么妙招？ </t>
  </si>
  <si>
    <t>1.早晨找个自己非常喜欢的电视节目，错过了就看不了了，于是每天你就。。。2.睡觉时穿上厚厚的衣服甚至晚上不盖被子都热得慌，早晨盖上被子一会就热得不想躺了3.找个好友约好每天早晨一起锻炼或干别的，语气肯定点，第二天你会不好意思失约被迫就起来了4.经常洗冷水澡，冬天也要，你就不会觉得冷了，起床也就自然了5.安装空调调整室温</t>
  </si>
  <si>
    <t xml:space="preserve">“要多丑有多丑”的日语说法？想到了几个：想像を絶するほど醜い。思 </t>
  </si>
  <si>
    <t>想像の限界までの醜さだ</t>
  </si>
  <si>
    <t xml:space="preserve">笑你水边待客（东北地名一） </t>
  </si>
  <si>
    <t>哈尔滨</t>
  </si>
  <si>
    <t xml:space="preserve">孙权的任务如何开？ </t>
  </si>
  <si>
    <t>打赤壁时用孙权灭曹操</t>
  </si>
  <si>
    <t xml:space="preserve">超级站长论坛为什么注册不了账户 </t>
  </si>
  <si>
    <t>可能该站点 服务器出现错误 不能注册账户了</t>
  </si>
  <si>
    <t xml:space="preserve">西甲错3场没钱补了，利沃诺平了也没用了，西甲让我下了课。 </t>
  </si>
  <si>
    <t xml:space="preserve">  楼主还好了，我是超级大郁闷。切的1我都补了，错在里昂。本来选31，里我诺本来我是单3的。由于这两场的盘口是一样的，都是1.05一求高水。而利队早早降盘，我觉察到可能要出问题，决定补平。也是为了省点钱 觉得同样盘口利队不胜的话里昂必胜，就把里昂的1挪到那去。结果是检个芝麻丢了西瓜啊。</t>
  </si>
  <si>
    <t xml:space="preserve">梦见喜欢的人到家里来然后说不喜欢你这个和我可以成吗？ </t>
  </si>
  <si>
    <t>日有所思夜有所梦，你担心的太多了  。你要自己去问问才能确定   不要自己乱猜 不然会错过很多望设为好评 谢谢</t>
  </si>
  <si>
    <t xml:space="preserve">逛了两小时，不知道该买什么牌子什么型号。只想要一款外形漂亮一点功? </t>
  </si>
  <si>
    <t>天语小黄蜂，价格在300~800，外形很时尚，功能也很好，安卓系统。</t>
  </si>
  <si>
    <t xml:space="preserve">路过的一定要进来噢，我想请教大家，一般你们多久会将自己男友或女友? </t>
  </si>
  <si>
    <t>以你自己的感觉为主，如果他让你感到不舒服，还是不要把他带回家，因为如果你自己现在都接受不了，更何况以后一起的生活呢</t>
  </si>
  <si>
    <t xml:space="preserve">51期胜负彩推荐！！！不足之处大家指点~~~01瑞典女(0)08 </t>
  </si>
  <si>
    <t>01 瑞典女(0) 08-09 17:00 阿根女(0)===================31  尼日女(0) 08-09 17:00 德国女(0)===================01 新西兰(0) 08-10 17:00 巴　西(0)====================01这么大的盘都让你防了　没机会点评了　万一把５００Ｗ点没了就不好了　呵呵</t>
  </si>
  <si>
    <t xml:space="preserve">请大师帮我看个吉日孩子想在今年结婚，请大师帮我选择个吉日，谢谢。 </t>
  </si>
  <si>
    <t>男方：公历1988（戊辰）年5月12日 女方：公历1992（壬申）年11月28日选举行（仪式）的吉日时需注意，男女双方的父母属相不可以是“拜堂典礼、仪式”需避开的生肖！领证、宴客(结婚摆酒)和举行结婚仪式的吉日如下：领证和宴客(结婚摆酒)没有忌生肖，结婚仪式才有忌生肖。阳历2011年6月13日～12月份除了下面的日子，没有你们可以领证和举行结婚仪式的日子。如果已经领了结婚证，就在下面的吉日中，选适合自己结婚（仪式）的黄道吉日。阳历2011年6月13日～12月份适合两人领结婚证登记举行结婚（仪式）的黄道吉日：阳历2011年6月21日、8月16日、8月18日、8月25日、8月30日、9月6日或10月15日。分析如下：1、阳历2011年6月21日，农历（阴历）五月二十（丁未）日：丁未日是男方生肖的贵人；丁未日和女方生肖五合。“拜堂典礼、仪式”时不忌生肖。2、阳历2011年8月16日，农历（阴历）七月十七（癸卯）日：癸卯日和男方生肖五合；癸卯日是女方生肖的贵人。“拜堂典礼、仪式”时请生肖属鸡的亲朋好友暂时避开。3、阳历2011年8月18日，农历（阴历）七月十九（乙巳）日：乙巳日是男方生肖的禄；乙巳日是女方生肖的贵人；乙巳日的贵人是女方生肖；乙巳日和女方生肖六合。“拜堂典礼、仪式”时请生肖属猪的亲朋好友暂时避开。4、阳历2011年8月25日，农历（阴历）七月二十六（壬子）日：壬子日和男方生肖三合；壬子日和女方生肖三合。“拜堂典礼、仪式”时请生肖属马的亲朋好友占时避开。5、阳历2011年8月30日，农历（阴历）八月初二（丁巳）日：丁巳日是男方生肖的禄；丁巳日是女方生肖的贵人；丁巳日和女方生肖五合；丁巳日和女方生肖六合。“拜堂典礼、仪式”时请生肖属猪的亲朋好友暂时避开。6、阳历2011年9月6日，农历（阴历）八月初九（甲子）日：甲子日和男女双方生肖三合。“拜堂典礼、仪式”时请生肖属马的亲朋好友暂时避开。7、阳历2011年10月15日，农历（阴历）九月十九（癸卯）日：癸卯日和男方生肖五合；癸卯日是女方生肖的贵人。“拜堂典礼、仪式”时请生肖属鸡的亲朋好友暂时避开。阳历2011年6月13日～12月份可以领结婚证和结婚，但对两人助益不大（无助无害）的日子：阳历2011年6月15日、6月22日、6月30日、7月11日、7月23日、7月28日、8月4日、8月21日、8月31日、10月18日、10月20日、10月30日、11月11日、11月20日、11月21日、11月23日、11月25日、12月2日、12月5日、12月12日、12月15日、12月19日、12月24日或12月27日。1、阳历2011年6月15日，农历（阴历）五月十四（辛丑）日。“拜堂典礼、仪式”时请生肖属羊的亲朋好友暂时避开。2、阳历2011年6月22日，农历（阴历）五月二十一（戊申）日。“拜堂典礼、仪式”时请生肖属虎的亲朋好友暂时避开。3、阳历2011年6月30日，农历（阴历）五月二十九（丙辰）日。“拜堂典礼、仪式”时请生肖属狗的亲朋好友暂时避开。4、阳历2011年7月11日，农历（阴历）六月十一（丁卯）日。“拜堂典礼、仪式”时请生肖属鸡的亲朋好友暂时避开。5、阳历2011年7月23日，农历（阴历）六月二十三（己卯）日。“拜堂典礼、仪式”时请生肖属鸡的亲朋好友暂时避开。6、阳历2011年7月28日，农历（阴历）六月二十八（甲申）日。“拜堂典礼、仪式”时请生肖属虎的亲朋好友暂时避开。7、阳历2011年8月4日，农历（阴历）七月初五（辛卯）日。“拜堂典礼、仪式”时请生肖属鸡的亲朋好友暂时避开。8、阳历2011年8月21日，农历（阴历）七月二十二（戊申）日。“拜堂典礼、仪式”时请生肖属虎的亲朋好友暂时避开。9、阳历2011年8月31日，农历（阴历）八月初三（戊午）日。“拜堂典礼、仪式”时请生肖属鼠的亲朋好友暂时避开。10、阳历2011年10月18日，农历（阴历）九月二十二（丙午）日。“拜堂典礼、仪式”时请生肖属鼠的亲朋好友暂时避开。11、阳历2011年10月20日，农历（阴历）九月二十四（戊申）日。“拜堂典礼、仪式”时请生肖属虎的亲朋好友暂时避开。12、阳历2011年10月30日，农历（阴历）十月初四（戊午）日。“拜堂典礼、仪式”时请生肖属鼠的亲朋好友暂时避开。13、阳历2011年11月11日，农历（阴历）十月十六（庚午）日。“拜堂典礼、仪式”时请生肖属鼠的亲朋好友暂时避开。14、阳历2011年11月20日，农历（阴历）十月二十五（己卯）日。“拜堂典礼、仪式”时请生肖属鸡的亲朋好友暂时避开。15、阳历2011年11月21日，农历（阴历）十月二十六（庚辰）日。“拜堂典礼、仪式”时请生肖属狗的亲朋好友暂时避开。16、阳历2011年11月23日，农历（阴历）十月二十八（壬午）日。“拜堂典礼、仪式”时请生肖属鼠的亲朋好友暂时避开。17、阳历2011年11月25日，农历（阴历）十一月初一（甲申）日。“拜堂典礼、仪式”时请生肖属虎的亲朋好友暂时避开。18、阳历2011年12月2日，农历（阴历）十一月初八（辛卯）日。“拜堂典礼、仪式”时请生肖属鸡的亲朋好友暂时避开。19、阳历2011年12月5日，农历（阴历）十一月十一（甲午）日。“拜堂典礼、仪式”时请生肖属鼠的亲朋好友暂时避开。20、阳历2011年12月12日，农历（阴历）十一月十八（辛丑）日。“拜堂典礼、仪式”时请生肖属羊的亲朋好友暂时避开。21、阳历2011年12月15日，农历（阴历）十一月二十一（甲辰）日。“拜堂典礼、仪式”时请生肖属狗的亲朋好友暂时避开。22、阳历2011年12月19日，农历（阴历）十一月二十五（戊申）日。“拜堂典礼、仪式”时请生肖属虎的亲朋好友暂时避开。23、阳历2011年12月24日，农历（阴历）十一月三十（癸丑）日。“拜堂典礼、仪式”时请生肖属羊的亲朋好友暂时避开。24、阳历2011年12月27日，农历（阴历）十二月初三（丙辰）日。“拜堂典礼、仪式”时请生肖属狗的亲朋好友暂时避开。“拜堂典礼、仪式”指在女方家中拜别高堂（娘家父母）、拜高堂（婆家父母）、戴戒子、新娘奉茶…等。“拜堂典礼、仪式”举行后，就不忌生肖了。祝白头偕老，百年好合。</t>
  </si>
  <si>
    <t xml:space="preserve">M期间适合减肥吗？如题。我听有的人说MC的时候减肥见效快，又有的 </t>
  </si>
  <si>
    <t>这个期间最好补充营养，M过后那7天是减肥的最好时段</t>
  </si>
  <si>
    <t xml:space="preserve">各位皮肤科医生，这是冻疮还是水泡，不痒但是碰到会有点疼，怎么办红? </t>
  </si>
  <si>
    <t>这个是冻疮，你好，这容易冻伤往往是存在微循环欠佳，冻伤的位置也往往是末梢部位。患有冻伤的朋友更应该注意保暖措施，平时应该注意多锻炼来改善血液循环，最新研究阿托品、654-2等抗胆碱药物外用具有改善微循环的作用，治疗冻疮疗效颇佳，一般可用些654-2片研细放在常用的冻疮膏里外用，这个方法你可试试。（希望能帮到你，麻烦点击 “好评”，谢谢你^_^）</t>
  </si>
  <si>
    <t xml:space="preserve">大家好，有玩过口袋妖怪绿宝石吗？凯西怎么捉啊？光跑...还有密传? </t>
  </si>
  <si>
    <t>太早的游戏了 密传01是什么技能？？早忘了先练个 八大蝴 看过中文对白的动画的都知道是什么吧学了昏睡技能 睡他 抓来凯西没有攻击技能 很难练啊 跟养暴鲤龙似的要知道 不参加战斗升级的点数很低 而且 凯西最后要通讯进化 自己玩又不是386版的话。。。不会强到哪里去的建议养那个超能MM</t>
  </si>
  <si>
    <t xml:space="preserve">有谁可以告诉我黄金涡轮C1,能卖多少钱吗?扭力加37的谢谢了我是? </t>
  </si>
  <si>
    <t>现在C1的不值钱啊...C2的我以前90W就买过呢.C1的觉得用处不大啊..可能也就50W左右吧.还有..我也电信二的,.呵呵  很高兴认识你,</t>
  </si>
  <si>
    <t xml:space="preserve">关于转职书问题高手进我现在是圣骑士转其它职业在转回来不用2W点吧 </t>
  </si>
  <si>
    <t>用转职书转其他职业一样需要各职业的推荐书的,所以你转其他职业再转回圣骑士一样需要做就职任务,也就是需要公正包珠,还是需要2W点的,转职书只要转职的时候带着就行会自动用掉.</t>
  </si>
  <si>
    <t xml:space="preserve">现在充值送积分吗?如题 </t>
  </si>
  <si>
    <t>没有,请你留意官方网站的最新消息,估计圣诞节那天有的</t>
  </si>
  <si>
    <t xml:space="preserve">大家好,我用的是瑞星杀毒软件,打开电脑时开启了所有的监控设置，按? </t>
  </si>
  <si>
    <t xml:space="preserve">瑞星的实时监控不敢恭维,这里有篇文章你看看 </t>
  </si>
  <si>
    <t xml:space="preserve">我的QQ上不去了?我的QQ上不去了,但QQ游戏还可以玩，把腾讯Q </t>
  </si>
  <si>
    <t>一、感染了病毒所致 这种情况往往表现在打开IE时，在IE界面的左下框里提示：正在打开网页，但老半天没响应。在任务管理器里查看进程，（进入方法，把放在任务栏上，按右键—任务管理器—进程）看看CPU的占用率如何，如果是100%，可以肯定，是感染了病毒，这时你想运行其他程序简直就是受罪。这就要查查是哪个进程贪婪地占用了CPU资源。 找到后，最好把名称记录下来，然后点击结束，如果不能结束，则要启动到安全模式下把该东东删除，还要进入注册表里，（方法：开始—运行，输入regedit）在注册表对话框里，点编辑—查找，输入那个程序名，找到后，点鼠标右键删除，然后再进行几次的搜索，往往能彻底删除干净。 有很多的病毒，杀毒软件无能为力时，唯一的方法就是手动删除。 二、与设置代理服务器有关 有些筒子，出于某些方面考虑，在浏览器里设置了代理服务器（控制面板--Internet选项—连接—局域网设置—为LAN使用代理服务器），设置代理服务器是不影响QQ联网的，因为QQ用的是4000端口，而访问互联网使用的是80或8080端口。这就是很多的筒子们不明白为什么QQ能上，而网页不能打开的原因。而代理服务器一般不是很稳定，有时侯能上，有时候不能上。如果有这样设置的，请把代理取消就可以了。 三、DNS服务器解释出错 所谓DNS，即域名服务器（Domain Name Server）,它把域名转换成计算机能够识别的IP地址，如深圳之窗（ ）对应的IP地址是 ，深圳热线（ ）对应的IP地址是 。如果DNS服务器出错，则无法进行域名解释，自然不能上网了。 如果是这种情况，有时候是网络服务接入商即ISP的问题，可打电话咨询ISP；有时候则是路由器或网卡的问题，无法与ISP的DNS服务连接。 这种情况的话，可把路由器关一会再开，或者重新设置路由器。或者是网卡无法自动搜寻到DNS的服务器地址，可以尝试用指定的DNS服务器地址。在网络的属性里进行，（控制面板—网络和拔号连接—本地连接—右键属性—TCP/IP协议—属性—使用下面的DNS服务器地址）。不同的ISP有不同的DNS地址，如电信常用的是 (主用)  （备用）。 更新网卡的驱动程序或更换网卡也不失为一个思路</t>
  </si>
  <si>
    <t xml:space="preserve">我是24级LM矮人猎人,我想抓只实用的豹,我应该上那去抓?具体路 </t>
  </si>
  <si>
    <t>1、从藏宝海湾坐船到贫瘠之地的棘齿城（BL的地盘小心哦），或者从湿地坐船到塞拉摩后顺着北边的海岸往上游一个地图也可以到贫瘠之地的棘齿城，抓Lv23黑色狮子修玛，攻击速度1.3，移动速度较快，外型拉风得很，周围有狮后等（Lv18左右），罕见刷新，11-12小时刷新一只，抓不抓得到就看RP了；2、或者33级后去悲伤沼泽抓Lv33-Lv37的沼泽虎，攻击速度1.2，移动速度较快，外型一般，遍地都是；3、37级可去荒芜之地苦痛堡垒附近抓Lv37断牙，攻击速度1.0，打断法系敌人施法的利器，8小时左右刷新一只，有传闻说升1.7版或者更高版本后，会降低断牙的攻击速度，也不知是真是假，是真的大家真要哭S了。。。4、之后有荆棘谷的豹王、虎王等，加油练吧~~</t>
  </si>
  <si>
    <t xml:space="preserve">法律问题那些法是实体法哪些法是程序法 </t>
  </si>
  <si>
    <t>诉讼法是程序法，如民事诉诉法、刑事诉讼法；程序法以外法就是实体法。</t>
  </si>
  <si>
    <t xml:space="preserve">关于语文作业的问题请问假如纸上左边是文章，右边是虚线（如下所示） </t>
  </si>
  <si>
    <t>大概是旁批吧．就是把自己对哪一句印象深刻，或是有不同于作者的理解写上去．格式没什么严格要求吧．（个人意见）</t>
  </si>
  <si>
    <t xml:space="preserve">煮肉用的火硝是不是限制用品，火硝（亚硝酸盐）或者硝酸钾是不是致癌? </t>
  </si>
  <si>
    <t>你好  煮肉用的火硝是不是限制用品，回答是肯定的，而且大剂量一次性服用会致死，小剂量多次服用有极强的致癌作用。在正规的肉食行业硝酸钠使用的是食品级的，且有专人保管，每次使用都有严格的使用记录。在肉制品中的添加量为0.00015克/公斤原料肉，既然毒性这么强为什么还要使用呢？因为硝酸钠在肉制品中有3大作用1.发色 与肉中的血红细胞结合生成诱人的红色2. 明显提高肉制品的风味 3.对于芽孢菌的抑制至今没有替代防腐剂可以解决。世界食品卫生科学委员会1992年发布的人体安全摄入亚硝酸钠的标准为0～0.1㎎／㎏体重；若换算成亚硝酸盐，其标准为0～4.2㎎／60千克体重，按此标准使用和食用，对人体不会造成危害。所以只要添加的时候严格按照国家标准添加是没有问题的。</t>
  </si>
  <si>
    <t xml:space="preserve">对死神队长,副队长实力排名的看法.我心中的排名是:队长:五(蓝染 </t>
  </si>
  <si>
    <t>我觉得队长实力排名是：1、五番队队长蓝染，轻松就打倒了冬狮郎和一护的万解！估计是最厉害的大反派！2、一番队总队长山本老头子，斩魂刀是自然系火焰最强的，森罗万象，皆归尘土，流刃若火，多有气魄。3、十一番队队长更木剑八，当初他单挑原队队长没有始解就赢了，给人无敌的感觉，应该是最狂猛的死神了！可惜没有始解和万解，期待！4、八番队队长京乐和十三番队队长浮竹十三郎我想实力大概差不多，2人都是山本的爱徒，光始解就很有气魄，而且斩魂刀都是唯一成对的！花刀狂骨和双鱼理！5、六番队队长朽木白哉，为什么，因为他的斩魂刀的化身就是樱花，基本没人躲得掉。三番队队长市丸银我觉得他很神秘，就实力而言应该不输白哉，所以也并列。6、十番队队长日番谷冬狮郎，天才，神童，自然系中冰系最强斩魂刀万解大红莲冰轮丸，最有发展的死神，毕竟还年轻！我非常看好！7、七番队队长狛村，动物狗的脸，死神中的超级异类，被山本收养，对山本总队长最忠心！万解个人认为很夸张很有魄力！果然是动物的野性非同一般！我觉得他和九番队队长东仙要实力差不多，再说2人本就是好朋友！8、四番队队长卯之花烈，个人认为挺强，面对蓝染也不慌也不冲动，但说不定只是处事比较冷静罢了，实力没看过，四番队是医疗队，万解是一个大粘鱼，据说把人放鱼肚子里进行疗伤，应该是疗伤能力最强吧，打架实力不知道怎么样。9、十二番队队长兼技术开发局局长涅，虽然人很变态，但他的身体怎么说也能再生，是变态的强，不过主要是用毒的，似乎硬碰硬不行。10、二番队队长碎蜂，万解要再碰别人一次同一个部位才能杀死对方，乍听是蛮强，可要是碰不到别人就白搭，巴温特里的一个白痴脑子有病自己回去找死，那是人家脑子有病自找的。副队长实力排名：1、第一位肯定是六番队副队长阿散井恋次，会万解，万解的副队长可不多，目前似乎就知道他会。2、第二位我估计是十一番队副队长八千留，实力没见过不过是剑八一个队的，肯定也很怪物。3、个人认为十一番队第三席的一角，虽然不是副队长，但据说后期他也会万解，那不是很强。4、十番队副队长乱菊的斩魂刀我觉得是和六番队队长白哉的樱花型斩魂刀很有相似之处，都是看不见摸不着的。5、三番队副队长吉良的斩魂刀，砍别人的刀，使对方刀变重，感觉有那么点实力。6、射场和修兵，被正队长点名提拔的，比较看好！还有一番队副队长老头子一个，拿着的斩魂刀好像是西洋剑，总队队的副队长应该有点实力的说。7、雏森、七绪、音梦、勇音估计实力差不多。8、大前田，简直是大垃圾一个，一点用也没有，还向巴温特求饶，丢人啊！还吃零食。至于桧佐木和海燕据说实力算强的，但一个我不太认识，一个已牺牲，我就不作排名了。</t>
  </si>
  <si>
    <t xml:space="preserve">储蓄流动性如何？ </t>
  </si>
  <si>
    <t>流动性不强</t>
  </si>
  <si>
    <t xml:space="preserve">如何确定房子的产权呢我近日在房山区琉璃河镇白庄村看了一幢楼房,业 </t>
  </si>
  <si>
    <t>这就是俗称的“村产权”房，严格来说，只有居住权，没有转让权，你相当于一次性交纳了几十年的租金，而且拆迁不享受赔偿。你慎重考虑一下吧，如果对方不退定金你可以向房产监管部门投诉，这类住宅是禁止买卖的。</t>
  </si>
  <si>
    <t xml:space="preserve">帮帮忙P图高手帮帮忙，谢谢了！ </t>
  </si>
  <si>
    <t>这怎么P啊/  你又没说怎么P??</t>
  </si>
  <si>
    <t xml:space="preserve">很奇怪啊，我的眼睛下面竟然出现细纹了，怎么样才能去掉眼下细纹？求? </t>
  </si>
  <si>
    <t>眼下细纹很正常，使用好的去皱产品就可以去除了，我用法国芙洛雅去皱产品，一个月还不到，我的眼下细纹就看不出来了，感觉很不错，去除眼下细纹的效果的确是名不虚传的。强烈推荐法国芙洛雅。</t>
  </si>
  <si>
    <t xml:space="preserve">关于耳膜的问题在上小学的时候由于感觉耳朵进水了，所以粗心的父亲带 </t>
  </si>
  <si>
    <t>耳朵进水基本就相当于脑袋进水了，这个问题还是相当严重的 耳朵进水怎么办？ 由于水有一定的张力，进入狭窄的外耳道后形成屏障而把外耳道分成两段，又由于水的重力作用，使水屏障与鼓膜之间产生副压，维持着水屏障两边压力的平衡，使水不易自动流出。有时外耳道内有较大的耵聍阻塞，则水进入耳道后更易包裹于耵聍周围而不易流出。耳内进水后会出现耳内闭闷，听力下降，头昏，十分不舒服，因此人们往往非常迫切想把水排出来。有人甚至用不干净的夹子、火柴棒、小钥匙等掏耳，这样虽然可侥幸将水屏障掏破，使水流出，但也易损伤外耳道甚至鼓膜，而导致耳部疾病。 耳内进水后应及时将水排出，最常见的方法是： 1、单足跳跃法：患耳向下，借用水的重力作用，使水向下从外耳道流出。 2、活动外耳道法：可连续用手掌压迫耳屏或用手指牵拉耳廊；或反复地做张口动作，活动颞颌关节，均可使外耳道皮肤不断上下左右活动或改变水屏障在稳定性和压力的平稳，使水向外从外耳道流出。 3、外耳道清理法：用干净的细棉签轻轻探入外耳道，一旦接触到水屏障时即可把水吸出。 由于池或河水不干净，污水入耳后引起外耳道皮肤及鼓膜感染，或耳内进水后处理不当，如不洁挖耳等，常可引起以下几种耳病；外耳道炎，外耳道疖肿，耵聍阻塞，鼓膜炎，化脓性中耳炎。 如果耳内进水后出现以上症状，应暂时停止游泳，并去医院检查，对症治疗。 耳朵进水怎么办？ 不妨一试游泳训练，耳朵常常进水。下面这些办法有助你把耳朵里的水排出： 跳动引水法把头歪向进水耳朵一侧，令耳孔向下，用同侧的脚单脚原地连跳几次，同时用手拉扯耳朵，把耳道拉直，让水顺势流出。 手掌吸水法把进水耳朵歪向下，用同侧手掌紧压在耳廓上，屏住呼吸，尔后迅速松开手掌，连续几次，进水便会被吸出。 棉花沾吸法用消毒的脱脂棉或软性吸水纸卷成捻子，轻轻地伸入进水耳朵里，当捻子碰到水时，水就会被吸在捻子上。</t>
  </si>
  <si>
    <t xml:space="preserve">SP值怎么增长啊?如题 </t>
  </si>
  <si>
    <t xml:space="preserve">在线升级时，SP就只有5个小时，时间过后经验跟奖励都会减半，解决办法：1。不花钱的办法：每天只有5小时SP时间，用完后，只有等到第二天零点（晚上12点），SP会自动补满。2。花钱方法：买1.5倍经验卡或双倍经验卡。3。如果SP用完了，可以去做任务，很多任务不受SP影响，如：狩猎，送信，羽神任务等。 </t>
  </si>
  <si>
    <t xml:space="preserve">请大家进来造个句哈~有一种...总在...后，才...是... </t>
  </si>
  <si>
    <t>有一种幽幽,总在采纳了别人的答案之后,才发现我的回答是最棒的.</t>
  </si>
  <si>
    <t xml:space="preserve">问个电脑启动时候的问题每次开启电脑，都必须要点击一下我的用户名， </t>
  </si>
  <si>
    <t>控制面板/用户账户/更改用户登陆或注销方式，勾上两个选项，然后应用</t>
  </si>
  <si>
    <t xml:space="preserve">儿子21个月,这两天怎么感觉他头有些烫,但身上和手一点也不热呢? </t>
  </si>
  <si>
    <t>我觉得你的孩子有点低烧，可要注意了，你最好是给宝宝查个血，看看是个什么情况。还有你的孩子还有些什么状况，比如，咳嗽不，精神状态怎么样，最近爱不爱睡觉，等，是不是感冒，还有最近有没有吹空调，看是不是受凉了等等。还有孩子发热持续几天？孩子是不会无缘无故的发低烧的，肯定有原因。找出原因，然后在对症下药。</t>
  </si>
  <si>
    <t xml:space="preserve">人平均一天放几个屁？ </t>
  </si>
  <si>
    <t>男人15个，女人9个</t>
  </si>
  <si>
    <t xml:space="preserve">男人和女人为什么沟通会这么难？为什么？为什么？ </t>
  </si>
  <si>
    <t>男人总把女人想得过于简单，其实女人有很多男人不能读懂的东西。女人总把男人写得过于复杂，其实男人真得很简单。</t>
  </si>
  <si>
    <t xml:space="preserve">原子在伦琴射线管的两板上加上一定的工作电压，即可发出伦琴射线.问 </t>
  </si>
  <si>
    <t>这题真BT....（1）从微观角度考虑：X射线中一个光子的能量E=h*μ=h/λ {h是普朗克常量，μ是频率}这些能量都是从由电压加速的高能电子中来的Ee=U*e {e是电子电量，U是阴阳极电压}因为要的是最小电压所以Ee=E所以U=（h/λ）/e把μ换成1/λ就行了（2）要求效率的话..η=P出/P入P出=(n*h*μ')/t=(n*h/λ’)/t  {n是1s内发出的光子数目，t自然是1s咯~}P入=U*Iη就出来了注意：I的单位是mA这个...我懒得算了..结果自己算吧...</t>
  </si>
  <si>
    <t xml:space="preserve">如何保养皮肤？如何让皮肤更加好？？ </t>
  </si>
  <si>
    <t xml:space="preserve">因为内分泌失调所以脸上会出现一些黄斑或者是痘痘，可以通过服用一些保健品进行调理，既能有效缓解内分泌失调还能够美容养颜。润色阿胶铁口服液组方精妙，以补中益气的党参和黄芪来补气，以滋阴补血的阿胶和熟地来补血，补气养血，强强联合，即增加了补血效果又增强了补气效果，血可载气，气以行血，全面调理人体脏腑功能，系统调治身体虚弱，增强人体免疫力。 </t>
  </si>
  <si>
    <t xml:space="preserve">街头篮球实在太卡哎，一般玩的时候都是时绿时黄绿的时候基本不卡黄的 </t>
  </si>
  <si>
    <t>你们说的都对！但具体分析  卡 有如下几个因素：1 电脑推荐的配置：  操作系统 Windows 2000/XP CPU Pentium III 1.4GHz 以上 内存 256MB RAM 显示卡 GeForce3 Ti, ATI Radeon 7500 以上 硬盘  1.5GB 以上 声卡 支持 DirectX8.1 操作配备 鼠标 + 键盘 联机装置 ADSL 或 Cable Modem2 个人网络 ，钱多就 2M的  。你要说你可以光纤的 那就更好了。3 防火墙，瑞星，金山毒霸等等一些软件因素！4服务器 原因！ 有的时候本身游戏就卡！不光你一个人卡，大家一起卡。最后总结：一天不卡就一天没进步！谢谢大家！</t>
  </si>
  <si>
    <t xml:space="preserve">热舞派对的图片怎么改？谁帮我把这张图缩小到40K128*152J </t>
  </si>
  <si>
    <t>你要求“把这张图缩小到40K 128*152 JPG ”的。现在这张图本身就比你要的小得多，不是缩小，而是扩大。经过“属性”测试，目前是：“17306字节的大小(合17KB)；267*226的像素；JPEG的格式”（在格式上，JPG = JPEG）。现在有两个方案，一是如果按128*151像素调整，将现制成：7.43KB的大小；JPEG的格式不变。二是如果想把这张照片按40KB大小这标准来做，将制成：41KB大小；409*343像素；格式不变。我先把按“41KB”（409*343像素）大小为主的图片发给你；如果你还想按“128*151像素”为主的图片，你就在本条“评论”上打个消息，我再发一次。因为这里不能在一个网名上同时发两条图片。</t>
  </si>
  <si>
    <t xml:space="preserve">翔龙和青龙的朋友进我翔龙区银票换青龙区月票,因为我要回青龙区了! </t>
  </si>
  <si>
    <t>朋友们,对不起,无满意答案,我只好收分了!</t>
  </si>
  <si>
    <t xml:space="preserve">英语翻译地理科学学院　资源环境与城乡规划管理专业怎么翻译成英语 </t>
  </si>
  <si>
    <t>地理科学学院--College of Geographical Science资源环境与城乡规划管理--Resource Environment and Urban Planning Management</t>
  </si>
  <si>
    <t xml:space="preserve">一个比较^^^^^^^^的问题我看了仙3的怪物图鉴,说五长老有个 </t>
  </si>
  <si>
    <t>其实风露饮并不像图鉴中说明的一样。风露饮能补大量精，但不一定能补满。你可以自己试验一下：让己方精较多的人物（700以上）损到100以下再风露饮，往往不能补满。而且敌方的法术效果往往比己方低。</t>
  </si>
  <si>
    <t xml:space="preserve">我马上就要结婚了，可是我还犹豫不决，不知道该不该嫁，我男朋友对我? </t>
  </si>
  <si>
    <t>这事你得考虑好了。常言说的好，爱屋及乌。如果真的爱你，就不应该对家人的一些非故意的行为产生如此严重的偏见。当然，也不是否认他对你的爱。也许只是狭义的、有针对性的爱。如果选择了结婚，那么就必须要考虑好，以后可能跟家人产生的矛盾。</t>
  </si>
  <si>
    <t xml:space="preserve">鸡肫.相当于人的什么部位呢请教详细点哦.请教 </t>
  </si>
  <si>
    <t>禽类和脯乳动物的结构不同,脯乳动物的胃有两个功能:一是储存没有消化的食物,二是消化一部分食物,而禽类的这两个功能分别由不同的器官来完成:储存食物是在颈部的嗉囊(嗉子),而消化一部分食物的功能在肫(大部分在肠),它的位子是上面连着食管,而下面连着肠子,所以和脯乳动物的胃有些相似,只是功能不全而已,如果要类比的话,基本相当于胃.</t>
  </si>
  <si>
    <t xml:space="preserve">如何知道现在选的号码是不是以前开过大奖的号码？每次购买彩票时就有 </t>
  </si>
  <si>
    <t>留个记号看一下有谁回答，因为我也想知道</t>
  </si>
  <si>
    <t>他有没忘记前女友</t>
  </si>
  <si>
    <t>不值得，首先说好话讨好女孩子本身是带有虚伪性的，目的很明显，就是要骗取你的欢心，至于他是否对你真心就要留待时间考验了，总之现在他说好话没有任何参考价值；其次，你以为他忘记了以前的跟你好上，就会一心一意跟你在一起？说不定哪天又认识了一个更好的，然后故伎重演呢，这种见异思迁的男人想问你一句，你还有把握守得住吗？？？趁早清醒吧，天下专情的男人多的是，相信你能找到一个只属于你的男人，而不是博爱的男人。祝你好运，以上片面之词希望对你有所启发，晚安。。。</t>
  </si>
  <si>
    <t xml:space="preserve">关于浏览器的问题！急！~我每次上网打开IE，浏览一个网页，总是有 </t>
  </si>
  <si>
    <t>这是IE的相关插件出现丢失造成的，到IE程序下管理加载项察看插件信息。</t>
  </si>
  <si>
    <t xml:space="preserve">急需W开头里面带有X的英文名！！！！！！！！！！！！！！！英文名 </t>
  </si>
  <si>
    <t>这个很有挑战性！！！找了老半天才找到这几个：男孩名： Waxman, Waxter, Waxton， 源自中世纪英语，都和蜂蜡工匠有关。Wilcox 源自中世纪英语，是William（坚决保护者）和Cox（儿子）的合成词。可惜以上的都是last name（姓氏），而不是first name（名）。 好在现代英语中以姓代名的现象越来越普遍，所以老外用起来也不觉异类。我个人比较喜欢Waxton（威克斯頓）。女孩名（更难找，只有2个）：Waxena（威克希娜）,Wax + Xena 合成词，Xena（希娜）是一个希腊女神。本人推荐用这个。Waxanna（威克珊娜），Wax + Anna 合成词。</t>
  </si>
  <si>
    <t xml:space="preserve">哪位大哥大姐知道这首歌啊告诉我下我急! </t>
  </si>
  <si>
    <t xml:space="preserve">只有你 --- 暹罗之恋主题曲下载 </t>
  </si>
  <si>
    <t xml:space="preserve">谁能帮我制作圈徽？（悬赏75分）《爱与感动》圈子：任何人，任何事 </t>
  </si>
  <si>
    <t>你好，既然是爱与感动‘爱’就让我们心连心，这幅图片很好看，好好考虑！</t>
  </si>
  <si>
    <t xml:space="preserve">这个导弹头部的小东东有啥作用（图）？ </t>
  </si>
  <si>
    <t>这是导弹？六星你又在卖萌么？！牌子上明明写着航空燃料空气炸弹……这是开舱引信，依靠小叶片在气动力作用下解除保险，以打开弹体释放云爆剂。注意看附图的250-3型反坦克子母弹头部也有类似的装置。</t>
  </si>
  <si>
    <t xml:space="preserve">宝宝现在不到8个月，能不能喝三精葡萄糖补钙吗 </t>
  </si>
  <si>
    <t>当然可以喝了，如果宝宝消化不好，最好不要喝，我宝宝喝了半年没有效果，去看医生，医生说的。对了要吃AD油。</t>
  </si>
  <si>
    <t xml:space="preserve">驱魔师20级技能有用吗该点到几级? </t>
  </si>
  <si>
    <t xml:space="preserve">潜龙这个必须点的  正确的法驱是这样加的：咳咳、纯法驱刷图加点如下： 首先黑手是肯定要加的既然加就要加满的 攻击范围很可观多段攻击 加满后伤害效果绝对好。我有时候一个黑手。出暴上万。带束缚效果 配连招也好用 然后天使的祝福不推荐加。效果不怎么滴。有了远古记忆 那玩意基本起不啥作用。！ 空斩打5出强。物理驱要满。咱们就免了。又不玩进程伤害连系列 压制F 满 这玩意不错啊。放一个等于限制对手范围啊。给咱驱魔多了好多运动空间啊。！那个压制的才叫BT让你知道什么叫龟速运动。不加满的话高伤的职业几下给你剁烂了 破魔F 满 这个就不用说了吧 主要的攻击手法基本没CD还带回血刷图PK必备啊 落星打 +1 纯粹用来配合狗连招的 虎袭 +1 配合连招还破霸体用 白虎 满 这个是第二攻击手段。既然压制F加满了这个就也要加满。满后伤害效果可不是一般的好放满5个碰下嘴巴可是要成O型 远古记忆 满 这个是常识东东 法系职业的瑰宝啊。满后效果不用说了吧。只能用翻倍形容 狗的话。可以加满。PK十分好用。很耐打扑的也很凶。 魔法暴击 满 这个对于驱魔来说超有用。驱魔大部分技能都带多段 效果就不用说了吧。 那个冰脉就不用说了吧。不满还能叫法驱吗 </t>
  </si>
  <si>
    <t xml:space="preserve">有个问题麻烦帮我看看，给出明确的回答，谢谢我向大家请教一个问题， </t>
  </si>
  <si>
    <t>1， 我们关系还不很稳固，她可能是借此要找机会抛弃我 2， 根据她的过去情况，很有可能会跟主管有不该发生的事 3， 这点比较不重要，没有公积金你好好问问自己，你爱她吗？你打算好了吗？以后要跟她结婚吗？这些问题都不想好，那还是算了吧！还有父母那一关！你能过吗？你父母同意你和一个身体不好的女孩子在一起吗？你对她没有诚意，首先，你没有主动把她带回家，其次，她有难的时候，你没有很尽力的去帮她，如果她上班了，跟别的男人回家见父母怎么办？别人能帮她啊，从经济上 从别的方面。。。。。以后她会比你现实！自己想清楚！</t>
  </si>
  <si>
    <t>圣埃蒂安1</t>
  </si>
  <si>
    <t>主场还可以.应该没什么问题了吧..,...</t>
  </si>
  <si>
    <t xml:space="preserve">快乐8大家觉得选几个号最合适?我一般都买7个数或则8个数. </t>
  </si>
  <si>
    <t>当然是选择的越少中奖的机会就越大。但是我觉得选两个号的最合适。其实这个东西没有什么规律的，运气好的话选的多反而会中的多。运气不好的话选一个号也能不中。我就有一次追一个号的，连追十期都没有结果。不过也有中的时候，反正还是中的少不中的多了！</t>
  </si>
  <si>
    <t xml:space="preserve">请问，角膜塑形镜到底怎么样 </t>
  </si>
  <si>
    <t>楼主，这个我了解，年初在合肥普瑞眼科配的角膜塑形镜，晚上戴，白天就恢复视力了，关键是我的近视度数增长控制住了。当初因为要过视力体检，然后听朋友介绍配的这个，晚上戴了下，第二天轻松过了体检。具体情况你到他们网站了解下吧！</t>
  </si>
  <si>
    <t xml:space="preserve">急急急CAD高手电脑高手请进电脑重装系统后CAD不能使用了怎么样 </t>
  </si>
  <si>
    <t>下次记得做好并调试好系统之后用ghost做个备份，以后就不用总是重装系统了除非你经常上一些乱七八糟的网站</t>
  </si>
  <si>
    <t xml:space="preserve">短裘皮上衣（深棕色）配什么样的裤子好看？ </t>
  </si>
  <si>
    <t>应该配深颜色的裤子,浅色的会觉得很突兀</t>
  </si>
  <si>
    <t xml:space="preserve">成都专业的医院怎么检查癫痫 </t>
  </si>
  <si>
    <t>你好，癫痫患者在检查的过程当中，医生会根据检查的需要让患者做出如睁眼、闭眼、深呼吸、喘气等等的动作，这都是为了测定相应的脑电波波动，患者需要全力进行配合，这才能够保证使整个检查得到最为有效的数据，癫痫症的治疗都是根据脑电波检查来进行制定的，因此一定要注意好。你好！癫痫有30余个类型，不同类型的癫痫治疗和预后不同.首先必须到正规医院去看癫痫专科医生，医生需要详细询问病史并且做必要的检查，如脑电图、头颅CT、核磁共振等，确诊以后才能给予正确有效的治疗你好,如果脑电图检查有异常放电波就可以确诊为癫痫，治疗癫痫首选药物治疗，建议你用传统中医中药治疗，中医中药辨证论治，审因求本，调整阴阳，中药具有扶正祛邪,安神镇静,活血化淤,祛湿化痰,醒脑开窍,健脾补气,填精益髓等功效,从根本上调理脏腑机能,是彻底治愈癫痫病这一顽症的最佳治疗方案.</t>
  </si>
  <si>
    <t xml:space="preserve">做爱时该想些什么呢？ </t>
  </si>
  <si>
    <t>什么也不想想,舒服就好!</t>
  </si>
  <si>
    <t xml:space="preserve">交通事故赔偿流程遇到交通事故案件，要怎么处理？ </t>
  </si>
  <si>
    <t>发生道路交通事故：1、立即停车，保护现场。如果是轻微交通事故（损失2000元以下且无人员伤亡的），应先撤离现场再去快速处理中心去处理，（防止对方抵赖，可预先用手机拍几张），不要和对方纠葛（找别扭），不要报警(会被罚款扣分）。                  2、如发生人员伤亡，立即报警救人，人员被救走后应在人员的现场位置做标识，条件允许时可等待交警到现场，配合交警查勘现场，提供证据（防止现场被对方破坏，可预先用手机拍几张）                  3、48小时内向保险公司报案。（如实报，可能有扣赔和拒赔）                  4、剩下的事找一家你信得过的维修站帮助搞定，但有一点要提醒：关系再好，保险公司定损项目清单和金额你是要亲自签收；防止保险定损人员和修理厂联手利用来扩大损失或骗保，尤其是个体的快修店，当然，你也想从中分杯羹就另当别论了。总之，保险这行很乱，现在混水的人很多，但出来混，总是要还的。</t>
  </si>
  <si>
    <t xml:space="preserve">老年白癜风患者要如何治疗局限型白癜风 </t>
  </si>
  <si>
    <t>在药物治疗的基础上，也要加强心理治疗。首先应消除各种不良激发因素，改善精神状态和不良的生活、工作环境，保持良好的心理，增强自身免疫功能，早防、早治，则疗效较好。治疗时主要应查明病因，再针对不同的病因对症治疗。 老年局限型白癜风容易控制，但也具有白癜风易反复发作的特点，因此坚持治疗很重要，若半途而废则会使治疗前功尽弃。因此，对于局限性白癜风的治疗，贵在坚持，并在康复后巩固一段时间，有助于防止复发。勿激发皮损，如烧伤、晒伤、紫外线、冻疮、感染等。以上激发有可能是白斑泛发全身。因此局限型白癜风不应过度日晒，不要损伤皮肤，宜穿宽大合身的衣服。老年局限型白癜风的注意事项还要忌口，这是重要环节，白癜风患者服用维生素C是无益有害的，因此对于富含维生素C的食物，应尽量少吃，日常生活也表明，过酸或过辣的食物也可能影响病情与治疗效果，不利于局限型白癜风的治疗效果。</t>
  </si>
  <si>
    <t xml:space="preserve">企业必须有社会责任吗？ </t>
  </si>
  <si>
    <t>企业社会责任在中国还是倡导阶段吧，不说必须，最小你解决就业了也可以说是社会责任。大公司更愿意花大价钱做，这是企业形象的一部分，之前QQ空间做了公益404页面，就在业内好评不断，算是企业实现社会责任的典范。</t>
  </si>
  <si>
    <t xml:space="preserve">江湖救急.我的5173被锁定了.帮忙我交易的时候没在家在外面接了 </t>
  </si>
  <si>
    <t xml:space="preserve">尊敬的客户:      您好！5173客服很高兴为您服务！    非常抱歉给您带来不便，您的用户名将会在2009-01-09 自动解锁，请耐心等待。         感谢您对5173的支持！！！                  </t>
  </si>
  <si>
    <t xml:space="preserve">帮我估价一下九转仙灵露要多少 </t>
  </si>
  <si>
    <t>400W~500W吧  但是现在这个东西一般是用元宝买的 一般没有人卖  所以你买到的几率很小 但是如果你出售的话 那就比较好了</t>
  </si>
  <si>
    <t xml:space="preserve">狗狗不好啦!我家的狗狗打了犬按育苗后，走路一瘸一拐的，精神也不好 </t>
  </si>
  <si>
    <t xml:space="preserve">    如果是打针过后就出现这个情况，那多数情况是医生手艺的问题，你可以找他评理。不要兴师问罪，要以理服人用事实说话。其实这个不是什么大问题。如果腿部肌肉注射，这个情况是经常发生的，过一两天就好了；    一般狗狗的注射以背部腰大肌为好，部分疫苗除外，腰大肌肌肉厚，不容易伤及神经、血管等，特别是小狗，可以很好的防止注射后跛行的发生。</t>
  </si>
  <si>
    <t xml:space="preserve">这只巡游该怎么处理GZ1242FZ1288TZ4950FZ228 </t>
  </si>
  <si>
    <t>2个字：放生白给都没人要</t>
  </si>
  <si>
    <t xml:space="preserve">怎样让鹅卵石上生青苔？？？ </t>
  </si>
  <si>
    <t>鹅卵石长不出青苔的，鹅卵石路面倒是可以长出来，你是不是说让鹅卵石变成绿色，如果是的话，你就把它放在一个光线不是很充足的地方，撒薄薄一层土，温度适当高一些，经常喷一些水</t>
  </si>
  <si>
    <t xml:space="preserve">郁闷```我家的惊天动地没背景音乐了！打怪什么的啊，声音都有！就 </t>
  </si>
  <si>
    <t>你还是重新安装游戏吧，音乐文件容量很大，无法上传给你啊。</t>
  </si>
  <si>
    <t xml:space="preserve">皮肤状况变差了，有做皮肤测试的地方吗？要专业点的 </t>
  </si>
  <si>
    <t>茵芙莎家就有皮肤测试，也比较专业，而且是免费的哦。茵芙莎皮肤测试仪可以测定皮肤状况，通过测定水分保持力、皮脂分泌力、真皮活性力，从而推测出“现在的皮肤类型”（皮肤状态）和“真皮的新陈代谢力”。1. 皮肤自立活性力测定程序皮肤活性力测定程序，能够测定水分保持力及皮脂分泌力、真皮活性力。（亦可分别对二者进行测定）(1)测定水分保持力：通过水分感应器测定角层的水分保持力。(2)测定皮脂分泌力:通过皮脂贴片测定的皮脂分泌力。通过测定皮脂分泌力，能够推测出皮肤表面是否处于有皮脂膜保护的安定的状态。皮脂能够生成皮脂膜，起着防止水分蒸发、细菌繁殖，使皮肤表面处于安定状态的作用。因此，皮脂分泌力较强的话对皮肤有益，但是过剩的话，会引起暗疮、易脱妆等反面的烦恼。皮脂分泌力适度（既不过弱亦不过强）是较理想的状态。(3)测定真皮活性力：通过皮肤传感器测试真皮的新陈代谢力。在测试面颊・眼周・唇周的纹理后，能够推测真皮的新陈代谢程度。测试的分数越高，说明真皮的新陈代谢状态越好。(4)测定值的读法：茵芙莎皮肤测试仪的测定结果，是以数值形式表现在屏幕上。水分保持力、皮脂分泌力、真皮活性力的的测定值，为0~100间的某一数值。皮肤类型图的纵轴代表水分保持力，横轴代表皮脂分泌力，根据测定出的数值标绘出皮肤所属类型。2. 其他测定程序(1)角质代谢测定程序：通过角层剥离法（使用剥离胶带在素肌上贴取皮肤表面的角层，用测试头分析角质量及分布状态，以100点为标准判断皮肤的角质代谢是否顺畅），能够测定出“现在的皮肤是否处于新陈代谢良好的状态”。(2)透明感测定程序：这一程序可测定出导致皮肤丧失透明度的具体原因（“肤色暗沉”的原因）。通过肤色计测定肤色的光反射率。导致皮肤丧失透明度的首要原因呈闪烁状态显示。分数越高，说明肌肤有透明感。(3)弹力、张力测定程序：皮肤表面丧失张力、弹力的话，纹理呈紊乱状态，因此通过对面颊、唇周纹理的测定，能够推测出真皮的张力、弹力状况。分数越高，说明皮肤的张力、弹力状况越好。(4)皮肤平衡测定程序：在茵芙莎皮肤测试仪得出的科学数据基础上，辅以主观的数据分析，对皮肤综合的平衡状态进行判断。共有水分量、皮脂量、透明感、张力、角质代谢5个指标，以五角型的图表反映皮肤平衡度。(5)纹理显微・黑色素测定程序：具有测试皮肤纹理、黑色素状态的功能。通过显微观察皮肤的纹理来了解皮肤的状态。而且，还能观察到肉眼看不到的色斑、雀斑等。</t>
  </si>
  <si>
    <t xml:space="preserve">乌海市的全峰快递在哪里？？？ </t>
  </si>
  <si>
    <t>在乌海市前进中路384号附近即是  希望能帮到你，麻烦点击 “好评”，祝福你（^_^）</t>
  </si>
  <si>
    <t xml:space="preserve">女性吃什么可以缩阴的，要无副作用的哦 </t>
  </si>
  <si>
    <t>朋友不用着急，用莎娜琳就行，我用这个连续用了二个月左右，感觉效果还蛮明显的，而且身体也没有什么不适的，都大半年了，一直保持紧缩状态，没有反弹！！！最好还是要和运动一起的，莎娜琳想买的话加李芬  效果不错！</t>
  </si>
  <si>
    <t xml:space="preserve">地精修补匠的用法?看录象最近兽族在对精灵时常用修补匠,升它的那个 </t>
  </si>
  <si>
    <t>口袋工厂持续的支援火力，限制住了风之古树，知识古树的建造</t>
  </si>
  <si>
    <t xml:space="preserve">动感地带的号码如何使用本机进行首次激活？买的新号，手册上说要使用 </t>
  </si>
  <si>
    <t>不知道你的售价是什么手机，还有你放进去的时候放的正确吗？要把SIM正确的放入手机里面，手机才是可以识别的啊！</t>
  </si>
  <si>
    <t xml:space="preserve">如何回答“爱问知识人”的提问我想回答别人的提问，不只怎样回答，请 </t>
  </si>
  <si>
    <t>你要回答问题，先点击你要回答的问题（也就是打开这个问题）打开后，在下面一个“我来回答”栏目中回答你所要回答的问题。回答完后，点击“提交回答”完成。</t>
  </si>
  <si>
    <t xml:space="preserve">我的耳洞怎麽老也長不好啊?我打耳洞快一??月了,前?商炷孟??結 </t>
  </si>
  <si>
    <t>这个跟个人体质有关，不过我周围的人大部分还是经过了好几个月才好的，而且就算是好了，以后也会不定期发炎。要是刚开始一直发炎，你就戴个银质耳钉，经常消毒，但也不要老是取下来，不要总是动它，时间久一点，就会慢慢好的。耳钉体积小，也不会对着平时生活啊，睡觉造成困扰。</t>
  </si>
  <si>
    <t xml:space="preserve">为什么有的键盘打字的速度明显比一些便宜的键盘速度快? </t>
  </si>
  <si>
    <t>手感反应都不一样的.就像昨天我给我朋友修电脑的键盘那简直就不能用.平时能打八十个字那时连十个字也打不了.键盘的做工影响着键盘的质量。做工好坏从外观上即可分辨，键盘的表面、边角等加工是否精细，是否合理。劣质键盘外表粗糙，且按键弹性不好，经常是某个键按下去就起不来，影响使用。</t>
  </si>
  <si>
    <t xml:space="preserve">请教请问国资律师事务所是按什么标准缴纳企业所得税呢，还是核定征收 </t>
  </si>
  <si>
    <t>根据《关于企业所得税核定征收若干问题的通知》（国税函〔2009〕377号）与《进一步加强税收征管若干具体措施的通知》（国税发〔2009〕114号）规定，对会计、审计、资产评估、税务、房地产估价、土地估价、工程造价、律师、价格鉴证、公证机构、基层服务机构、专利代理、商标代理以及其他经济鉴证类社会中介机构的税收不得实行核定征收，全部实行查账征收。因此，律师事务所不能采用核定征收方式征收企业所得税。　　对于构成非居民企业的外国律师事务所，《国家税务总局关于印发〈非居民企业所得税核定征收管理办法〉的通知》（国税发〔2010〕19号）第二条、第四条规定，外国律师事务所在中国境内构成企业所得税法第二条第三项的非居民企业，因会计账簿不健全，资料残缺难以查账，或者其他原因不能准确计算并据实申报其应纳税所得额的，税务机关有权核定其应纳税所得额。根据《国家税务总局关于印发〈外国企业常驻代表机构税收管理暂行办法〉的通知》（国税发〔2010〕18号）规定，外国律师事务所在中国设立常驻代表机构，对账簿不健全，不能准确核算收入或成本费用，以及无法据实申报的代表机构，税务机关有权核定其应纳税所得额。</t>
  </si>
  <si>
    <t xml:space="preserve">小米手机相册中的照片可以通过小米盒子推送到电视上观看，在微信朋友? </t>
  </si>
  <si>
    <t>系统要求:1. 将小米手机的MIUI系统升级为最新的V4或者V5版本(V4的2.9.26或者之后的版本即可);2. 确保手机与小米盒子处在同一个局域网环境中;投送照片:用手机自带的图库打开照片，进入全屏浏览模式，再点击流媒体界面的“米联”按钮，选择相应的“小米盒子”，就可以实现投放;在投放过程中，点击手机图库右上角的三角"播放"按钮，可以开始自动幻灯播放。投送视频:对于本地视频或者在线视频，请使用MIUI自带的“视频播放器”播放，在播放器右下角会出现“米联”图标，点击按钮选择“小米盒子”，即可实现投放。在投放过程中，点击“米联” 按钮，选择“本地手机”，就可以停止投放。或退出应用程序，也能停止投放。手机遥控器:请在小米应用商店中搜索"遥控器"即可下载小米盒子的手机遥控器应用。启动遥控器以后，会自动搜索同一个局域网内的小米盒子，如果发现就会自动连接上盒子。注:目前手机遥控器应用只能使用在小米手机上。小米1无法使用镜像功能，可以使用米联功能，以上的介绍都是如果使用米联</t>
  </si>
  <si>
    <t xml:space="preserve">性生活结束后，他不抽出怎么办？他射精完了，却不肯抽出去，怎么办？ </t>
  </si>
  <si>
    <t>很玩皮嘛。</t>
  </si>
  <si>
    <t xml:space="preserve">请教：银行对账单和余额调整表有何区别？我单位刚成立。有过几笔银行? </t>
  </si>
  <si>
    <t>对帐单是银行给你的，应该每天都有。调节表是你自己作的。如果你的现金帐和银行的对帐单有差异，就要作调节表。差异主要是由于在途资金造成的，调节表就是写清楚都是哪些资金在途。调节表月底应该做一个，平时做不做看你们的业务多不多了。</t>
  </si>
  <si>
    <t xml:space="preserve">初三有关抛物线和动点的问题已知顶点为A（1，5）的抛物线y=ax </t>
  </si>
  <si>
    <t>解：(1) ∵抛物线的顶点为A(1, 5)∴设抛物线的解析式为y=a(x-1)²+5代入B(5, 1), 得a(5-1)²+5=1解得a=-1, 4∴y=-1/4·x²+1/2·x+19/4(2)过y, x轴分别做A、B的对称点A′、B′, 连接A′D、B′显然A′(-1, 5), B′(5, -1), 连接A′B′分别交x、y轴于C、D两点。∵DA=DA′, CB=CB′∴此时四边形ABCD的周长最小, 最小值为A′B′+AB即A′B′=√[(5+1)²+(1+5)²]=6√2AB=√[(5-1)²+(1-5)²]=4√2∴A′B′+AB=10√2故四边形ABCD的最小周长为10√2(3)①点B关于x轴的对称点B′(5, -1), 点A关于y轴的对称点A′(-1, 5), 连接A′B′, 与x、y轴交于C, D点∴CD的解析式为：y=-x+4 联立{y=-x+4 ````{y=x   得: x=2, y=2∵点P在y=x上, 点Q是OP的中点∴要使等腰直角三角形与直线CD有公共点, 则2≤x≤4故x的取值范围是：2≤x≤4②如图点E(2, 2), 当EP=EQ时, x-2=2-1/2·x, 得: x=8/3当2≤x≤8/3 时,S=1/2·PR•RQ-1/2·EP²`=1/2·(x-1/2·x)•(x-1/2·x)-1/2•√2(x-2)•√2(x-2)S=-7/8·x²+4x-4当x=16/7 时, S最大, 最大值为4/7.当8/3≤x≤4时, S=1/2·EQ²=1/2•√2(2-1/2·x)•√2(2-1/2·x)S=1/4·(x-4)²当x=8/3 时, S最大, 最大值为4/9故S的最大值为4/7</t>
  </si>
  <si>
    <t xml:space="preserve">排卵障碍济南哪一家医院治疗的好？ </t>
  </si>
  <si>
    <t>你好！排卵有障碍多是女性卵巢出现了问题，直接能影响到女性受孕，建议选择不孕不育专科医院检查卵巢功能以及内分泌情况，进行促排卵针的治疗！你好！成熟卵泡大小是18-25mm，卵泡不能成熟或者成熟后也不排卵均属排卵障碍，导致的原因不同，治疗的方法也是不一样的，建议您到专科医院检查，根据检查的结果，在医生的指导下对症的治疗，祝你健康你好！现在医院多用药物促排卵治疗，效果还是可以的，你可以到当地的一些生殖专科医院药物调理一下！</t>
  </si>
  <si>
    <t xml:space="preserve">体彩6+1是怎么看的我第一次买，我想知道是怎么看的？比如我买了， </t>
  </si>
  <si>
    <t xml:space="preserve">体育彩票“6+1”于1999年7月6日在浙江正式发行。由于玩法简单，500万巨奖高频率出现，成为浙江彩民最喜欢的玩法，拥有大量的忠实彩民。     体彩“6+1”在我省为彩民带来一个又一个巨大惊喜：2004年10月15日开奖的第04089期，诸暨一彩民中得5注500万，获取奖金2500万元，创下惊人纪录；无独有偶，2005年4月17日开奖的第05043期，瑞安一彩民续写神奇，再中2500万元大奖。2008年1月25日开奖的第08011期，特等奖中出11注，创造了“6+1”单期出奖纪录，当时正值新年加奖，特等奖每注奖金高达509余万，一位杭州彩民独中5注，奖金总额高达2545.4545万元。 玩法和规则    “6+1”由6位数号码及一个特别号码组成。彩票前6位正选号码的范围为000000－999999，特别号码范围为0－9。开奖时摇出一组六位数中奖号码及一个特别号码。例如123456+7。 “6+1”设多倍投注和复式投注，多倍投注单票单注号码最多可投注99倍，单票投注上限10000注。     “6＋1”设多倍投注和复式投注，多倍投注单票单注号码最多可投注99倍，单票投注上限10000注。中奖办法与奖金设置    “6+1”设6个奖级，现金兑奖，其中特等奖、一等奖、二等奖为浮动奖，三、四、五等奖为固定奖。奖金返还率为销售总额的50％（其中1％为调节基金）。     单注彩票中奖奖金封顶金额为500万元。当期未中出的特等奖及其它浮动奖奖金全部转入下期特等奖基金。奖级 中奖条件 中奖示例（假设中奖号码为123456+7） 奖金分配 特等奖 彩票6位数号码与中奖号码排列相同，且特别号码相同 123456＋7 当期总奖金减去固定奖总额后的70％，加上前一期未中出的特、一、二等奖奖金总额 一等奖 彩票6位数号码与中奖号码排列相同 123456 当期总奖金减去固定奖总额后的10％ 二等奖 彩票号码中连续5位数号码与中奖号码相同位置的连续5位数相同 12345□、□23456 当期总奖金减去固定奖总额后的20％ 三等奖 彩票号码中连续4位数号码与中奖号码相同位置的连续4位数相同 1234□□、□2345□、□□3456 300元 四等奖 彩票号码中连续3位数号码与中奖号码相同位置的连续3位数相同 123□□□、□234□□、□□345□、□□□456 20元 五等奖 彩票号码中连续2位数号码与中奖号码相同位置的连续2位数相同 12□□□□、□23□□□、□□34□□、□□□45□、□□□□56 5元 </t>
  </si>
  <si>
    <t xml:space="preserve">我明年成人大专毕业,可不可以报考? </t>
  </si>
  <si>
    <t xml:space="preserve">一、具有中华人民共和国国籍，享有公民的政治权利    这一项要求公务员的报考者必须具有公民的政治权利和必须具有本国国籍。这里所说的“政治权利”，是个术语，指公民依法享有的选举权，被选举权，参加国家管理，担任公职和享受荣誉称号的权利。没有这种权利的公民不能报考公务员。因此，因违法犯罪而剥夺公民政治权利的人、因患精神病等疾病而无法行使公民政治权利的人，不能报考国家公务员。非我国的公民，例如外国人、已加入外国国籍的华人，无国籍人，不能报考我国公务员。    二、拥护中国共产党的领导，热爱社会主义    这一项规定的是报考者必须具备的政治立场。这是我国公务员制度区别于西方文官制度的一个显著特征。我国的政治制度要求政府工作人员，必须在政治上与党保持一致，必须拥护社会主义。报考公务员的人也必须符合这一要求。           中国共产党是我国的执政党，共产党的领导是我国各项事业取得成功的根本保证；社会主义是我国社会制度。共产党的领导和社会主义制度都在我国宪法中作了明确规定。因此拥护党的领导和社会主义制度是我国公民报考公务员最基本的政治要求。应当注意，要把反对党的领导的人与批评、抨击党的某些组织及其领导人的错误言行的人严格区分开来；把反对社会主义制度的人与批评、抨击现行体制中的某些弊端的人严格区分开来。在这方面，我们已有过深刻的历史教训。应当防止有人因报考人对党组织和党的干部提过意见，对我国政治、经济体制的弊端进行过批评，就给报考人扣上政治上反对党、反对社会主义制度的帽子、剥夺其参加公务员考试的资格和权利。    三、遵纪守法，品行端正，具有为人民服务的精神    这一项列举的是报考者必须具备的法纪观念和道德品质。国家公务员掌握着人民赋予的权利，依法执行公务。他们的言行不仅关系到政府的形象，也关系到人民的切身利益和基本权利。因此，报考公务员的人必须具有良好的法纪观念和道德修养。考察报考人的品行方面的情况比较复杂，必要时还应由报考人原来所在单位和基层组织出具证明，提供必要的考察材料。    四、报考省级以上政府工作部门的应具有大专以上文化程度，报考市（地）级以下政府工作部门的文化程度由省级录用主管机关规定。这一项规定照顾到两方面因素：一是根据我国教育事业发展的现状，报考中央和省级政府的要具有大专以上学历；二是考虑到我国地域间的文化差异，授权省级政府人事部门根据实际情况和工作需要，确保市（地）级以下政府部门录用公务员所需文化程度。    五、报考省级以上政府工作部门的须具有两年以上基层工作经历，国家有特殊规定的除外。考虑到中央和省级政府工作部门担负着宏观管理职能，不仅要求其工作人员具有基层工作经验。这里所说的基层，一般是指各种类型的企业、事业单位和市（地）以下政府工作部门。但按国家有关规定，某些专业毕业生，如外语、计算机、财会和考古专业的毕业生，可以直接进入中央和省级政府机关工作。           六、身体健康，年龄为三十五岁以下。这一项要求的是报考者的身体善和年龄限制。其中，年龄限制经录用主管机关批准，可适当放宽。报考人的健康状况，需要由医院开具体检验证明。报考人的实际年龄，出示户口登记薄加以证明。这都是正式考试前必须履行的手续。    七、具有录用主管机关批准的其它条件。这一项所规定的情况是指，在上述所列六项基本条件外，还根据拟任职位的要求，规定一些特殊资格条件。如某些经济监督部门要求其录用对象应具备中、高级专业技术职务；或某公安部门要求其录用对象的身高要达到一定高度等等。这些特殊资格条件，必须经录用主管机关批准才能有效。    《国家公务员录用暂行规定》规定了报考公务员的基本条件。在具体工作中，还有一些否定性条件。凡具有这些否定性条件的人不能报考公务员。它们主要包括：    1、曾受过刑事处罚、劳动教养或行政开除处分的；    2、曾因贪污盗窃、行贿受贿、泄露国家机密等原因受到党纪、政纪处分的；    3、正在接受审查或受过处分未解除的    4、参加与“四项基本原则”相悖的组织或活动，存在严重问题的。    我国公务员制度，对报考公务员的条件只作了原则性的规定。规定内容主要侧重于报考者的基本政治素质，这当然与公务员作为国家权力执行者的具体身份和工作特征相联系。在其它方面，有关机关在遵守基本规定的条件下，必要时也采取较灵活的方式，以便选出更加适合所需填补职位要求的合格的公务员。 </t>
  </si>
  <si>
    <t xml:space="preserve">街头篮球我F快15了,想问下转什么好?希望大虾告诉下!是SF,还 </t>
  </si>
  <si>
    <t>相信楼主是第一次玩，建议转PF吧！PF比较容易入手，而SF是五个职业里最难玩的，如果玩，建议先了解下SF的特性在转SF，否则，SF很难玩下去的！</t>
  </si>
  <si>
    <t xml:space="preserve">在资产负责表中如何减少未分配利润你们好!我想咨询一下,我司是一家 </t>
  </si>
  <si>
    <t>可以按照股东会决议将未分配利润进行全部分配。分配后，未分配利润就为0了。借：利润分配--未分配利润贷：盈余公积等科目2009-01-09 15:55 补充问题为什么是货:盈余公积?如何理解?利润分配和盈余公积都是所有者权益类科目，贷盈余公积就是这个科目金额增加了，借利润分配就是这个科目金额减少了。</t>
  </si>
  <si>
    <t xml:space="preserve">有句话说女孩不是因为美丽而美丽，而是因为可爱而美丽，是这样的吗？ </t>
  </si>
  <si>
    <t>在这里有成熟男士吗？我可以依我的经验告诉你 女孩最吸引男孩的是内在 气质一开始注意的是外表 然后内在占了上风 内在最重要 比漂亮的徒有其表要重要</t>
  </si>
  <si>
    <t xml:space="preserve">花生是生吃好好是熟吃好？ </t>
  </si>
  <si>
    <t xml:space="preserve">不宜生吃花生 花生含有丰富的植物油、蛋白质和维生素，是人人喜爱的食品。但生吃花生有损于健康。 因为花生含脂肪较多，消化吸收缓慢，大量生吃可以引起消化不良。另外，花生在泥土里生长，常被寄生虫卵污染，生吃容易引起寄生虫病。同时，花生常被鼠类污染，易传播自然疫源性疾病，特别是流行性出血热。因此，花生不宜生吃，最好是煮熟后食用。 </t>
  </si>
  <si>
    <t xml:space="preserve">这里的风俗习惯多吗 </t>
  </si>
  <si>
    <t>嗯，有蛮重的乡村味道</t>
  </si>
  <si>
    <t xml:space="preserve">我想查1000是什么地方的卡号？我家人被骗了 </t>
  </si>
  <si>
    <t>打95588试试,这样查不到的,赶快报警吧.</t>
  </si>
  <si>
    <t xml:space="preserve">在情绪低落的时候你通常怎样化解 </t>
  </si>
  <si>
    <t>可能工作环境或工作强度增加，时间长了会影响人的情绪。现在的节奏不断加快，可能感觉到精神压力带来的沉重负担，所以觉得身心疲惫，情绪低落。如何缓解和消除精神压力呢？ 适当调整工作与休息的时间，定好锻炼身体的时间，经常散散心，放松绷紧的神经。 心情紧张的发泄方法：回家后先大声吼5分钟要将心里的怨气发泄出来；再坐在沙发上静静地听轻音乐15分钟，过后你就会觉得心里舒服多了。或者你将自己心中的不满向家人或好朋友倾诉，你也能得到解脱。希望通过心理调节，你能正确对待类似情况，使自己身心愉快。 你平时应该多听音乐，让优美的乐曲来化解精神的疲惫。轻快、舒畅的音乐不仅能给人美的熏陶和享受，而且还能使人的精神得到有效放松。开怀大笑是消除精神压力的最佳方法，你就忘掉忧虑，笑口常开。你还应该有意识的放慢生活节奏沉着、冷静地处理各种纷繁复杂的事情，即使做错了事，也不要责备自已，这有利于人的心理平衡，同时也有助于舒缓人的精神压力。勇敢地面对现实，不要害伯承认自己的能力有限，而不能正确处理事务。 你可以找朋友聊天，推心置腹的交流或倾述不但可增强人们的友谊和信任，更能使你精神舒畅，烦恼尽消。 相信自己一定能减轻压力，振作精神，心情舒畅，就能以将好的心态，增进友情，工作顺利，生活愉快！</t>
  </si>
  <si>
    <t xml:space="preserve">泪我也曾流过一生怨从来也没有说是什么歌 </t>
  </si>
  <si>
    <t>蔡琴唱的，歌名叫枯叶。这首歌我也很喜欢。如果我的回答对您有帮助，请给好评，谢谢</t>
  </si>
  <si>
    <t xml:space="preserve">实况9中，妖人都有谁啊，帮帮我啊！！！！！！！！我刚玩实况，请各 </t>
  </si>
  <si>
    <t xml:space="preserve">以下是千月培养后具体数据很厉害的后卫奇耶里尼(意大利,身高186,左脚,进攻90，防守85，平衡97，体力97，速度96，加速93，反应91，敏捷76，盘球精度91，盘球速度95，长传精度95，长传速度90，短传精度90，短传速度90，射门精度78，射门力量96，射门技术81，任意球精度74，弧度83，弹跳95，顶球87，技术91，配合95，进攻欲望80，位置WB,SB,CB,特技-擅长前插,大力界外球,平均素质90，29岁停长)范登博雷(比利时,身高185,右脚,进攻85，防守90，平衡97，体力99，速度95，加速95，反应95，敏捷79，盘球精度95，盘球速度95，长传精度96，长传速度96，短传精度95，短传速度96，射门精度85，射门力量97，射门技术90，任意球精度83，弧度88，弹跳95，顶球91，技术95，配合93，进攻欲望72，位置CB,SB,WB,DMF,特技-外脚背,平均素质90，27岁停长)孔帕尼(比利时,身高190,右脚,进攻82，防守95，平衡99，体力97，速度92，加速90，反应90，敏捷72，盘球精度92，盘球速度90，长传精度96，长传速度95，短传精度93，短传速度95，射门精度81，射门力量97，射门技术85，任意球精度81，弧度77，弹跳93，顶球91，技术95，配合93，进攻欲望68，位置CB,SW,特技-外脚背,铲断,平均素质90，29岁停长)施密特(德国生成妖人,身高187,右脚,进攻45，防守91，平衡95，体力70，速度82，加速91，反应90，敏捷75，盘球精度75，盘球速度80，长传精度85，长传速度90，短传精度72，短传速度86，射门精度65，射门力量92，射门技术69，任意球精度69，弧度71，弹跳90，顶球92，技术80，配合90，进攻欲望63，位置CB,特技-盯防,铲断,后防核心,平均素质90，22岁停长)根特尔(德国电脑生成妖人,身高183,右脚,进攻44，防守97，平衡96，体力86，速度83，加速88，反应90，敏捷66，盘球精度64，盘球速度69，长传精度69，长传速度87，短传精度61，短传速度85，射门精度61，射门力量90，射门技术57，任意球精度55，弧度60，弹跳95，顶球91，技术68，配合86，进攻欲望55，位置CB,特技-盯防,铲断,后防核心,平均素质88，20岁停长)博斯：身高180,右脚,DMF，CB，SW，荷兰人,进攻88，防守97，平衡97，体力93，速度81，加速85，反应96，敏捷78，盘球精度93，盘球速度94，长传精度97，长传速度95，短传精度94，短传速度96，射门精度82，射门力量98，射门技术84，任意球精度85，弧度80，弹跳87，顶球82，技术87，配合92，进攻欲望86，特技-擅长盯防，补位，铲断高手，平均素质93，22岁停长.本内德蒂（意大利，身高185，右脚，进攻80，防守91，平衡90，体力95，速度93，加速93，反应86，敏捷79，盘球精度75，盘球速度88，长传精度91，长传速度87，短传精度85，短传速度94，射门精度66，射门力量95，射门技术80，任意球精度73，弧度79，弹跳95，顶球88，技术88，配合88，进攻欲望60，位置WB，SB,CB,特技-盯防,铲断，平均素质90，22岁停长）马蒂乌（法国，身高189，左脚，进攻86，防守71，平衡93，体力97，速度93，加速87，反应84，，敏捷75，盘球精度88，盘球速度85，长传精度91，长传速度93，短传精度85，短传速度77，射门精度90，射门力量96，射门技术84，任意球精度95，弧度90，弹跳86，顶球87，技术91，配合79，进攻欲望77，位置SMF，DMF，CMF，SB，特技-前插，助攻，边路，外脚背，平均素质92，26岁停长）菲利佩.巴西新人.身高180,左脚,WB,CB,SB，进攻68，防守95，平衡97，体力97，速度92，加速90，反应92，敏捷75，盘球精度89，盘球速度84，短传精度86，短传速度84，长传精度90，长传速度81，射门精度70，射门力量89，射门技术74，任意球精度74，弧度76，顶球86，弹跳95，技术90，进攻欲望62，配合88，特技-后防核心,铲断高手,擅长盯防,平均素质96，26岁停长.比安奇.意大利电脑生成妖人.身高183,右脚,DMF,SB,CB，进攻75，防守97，平衡98，体力95，速度87，加速95，反应93，敏捷80，盘球精度80，盘球速度88，短传精度78，短传速度95，长传精度90，长传速度91，射门精度75，射门力量95，射门技术71，任意球精度70，弧度81，顶球93，弹跳97，技术70，进攻欲望71，配合85，特技-补位,平均素质94，22岁停长.中场卡诺.西班牙电脑生成妖人.身高179,左脚,CF,ST,OMF，进攻90，防守65，平衡96，体力90，速度95，加速91，反应96，敏捷68，盘球精度95，盘球速度96，短传精度91，短传速度96，长传精度92，长传速度96，射门精度88，射门力量97，射门技术97，任意球精度91，弧度91，顶球95，弹跳95，技术97，进攻欲望85，配合84，特技-喜好盘带,擅长前插,平均素质95，23岁停长.奥兰多.意大利电脑生成妖人.身高175,右脚,CF,ST,OMF，进攻95，防守62，平衡93，体力94，速度91，加速97，反应83，敏捷75，盘球精度86，盘球速度95，短传精度94，短传速度90，长传精度97，长传速度84，射门精度92，射门力量97，射门技术91，任意球精度92，弧度97，顶球97，弹跳90，技术95，进攻欲望86，配合91，特技-一脚传球,点球大师,中路,擅长前插,平均素质96，22岁停长.卡多索.阿根廷新人.身高172,右脚,SMF,OMF，进攻88，防守75，平衡86，体力97，速度97，加速98，反应86，敏捷85，盘球精度96，盘球速度95，短传精度95，短传速度86，长传精度94，长传速度87，射门精度86，射门力量90，射门技术90，任意球精度72，弧度87，顶球76，弹跳93，技术97，进攻欲望77，配合79，特技-擅长助攻，擅长外脚背,平均素质94，25岁停长.山田（日本，右脚，身高168，进攻94，防守77，平衡94，体力93，速度94，加速95，反应90，，敏捷73，盘球精度95，盘球速度82，长传精度85，长传速度84，短传精度91，短传速度87，射门精度94，射门力量92，射门技术85，任意球精度95，弧度84，弹跳96，顶球90，技术90，配合65，进攻欲望74，位置CF，ST，OMF，CMF，特技-进攻核心，擅长助攻，边路，平均素质93，22岁停长，电脑生成妖人，强烈推荐买进，实战超强，曾经进过2个48米的远射）清水(日本电脑生成妖人.身高160,右脚,进攻95，防守63，平衡76，体力90，速度96，加速96，反应97，敏捷98，盘球精度90，盘球速度93，长传精度95，长传速度96，短传精度90，短传速度93，射门精度90，射门力量87，射门技术90，任意球精度90，弧度95，弹跳77，顶球76，技术96，配合95，进攻欲望78，位置SMF,CMF,ST,CF,特技-擅长前插,擅长盘带,进攻核心,擅长助攻,一脚传球,外脚背,平均素质93，21岁停长)：L.普列托(西班牙,身高178,左脚,进攻80，防守91，平衡96，体力95，速度95，加速95，反应95，敏捷81，盘球精度84，盘球速度95，长传精度93，长传速度95，短传精度87，短传速度92，射门精度91，射门力量96，射门技术87，任意球精度90，弧度85，弹跳95，顶球95，技术87，配合90，进攻欲望68，位置SMF,CMF,WB,DMF,特技-进攻核心，中距离射门,，平均素质90，26岁停长)前锋特维兹.阿根廷新人.身高169,右脚,CF,ST,进攻96，防守55，平衡97，体力95，速度95，加速95，反应91，敏捷86，盘球精度99，盘球速度97，短传精度93，短传速度92，长传精度91，长传速度90，射门精度95，射门力量95，射门技术98，任意球精度92，弧度90，顶球80，弹跳87，技术98，进攻欲望82，配合85，特技-擅长盘带,擅长单刀,擅长外脚背,平均素质97，29岁停长.迭兹.西班牙电脑生成妖人.身高169,左脚,进攻87，防守48，平衡90，体力85，速度93，加速92，反应87，敏捷83，盘球精度97，盘球速度95，短传精度97，短传速度88，长传精度85，长传速度88,射门精度92，射门力量95，射门技术87，任意球精度70，弧度68，顶球90，弹跳93，技术99，进攻欲望77，配合85，位置ST,CF,特技-喜好盘带,射手,平均素质92，22岁停长)弗雷尔.好象是西班牙的.电脑生成妖人.迭身高177,右脚,进攻95，防守57，平衡87，体力70，速度93，加速97，反应90，敏捷87，盘球精度88，盘球速度96，短传精度86，短传速度95，长传精度90，长传速度95,射门精度90，射门力量95，射门技术95，任意球精度78，弧度80，顶球64，弹跳86，技术97，进攻欲望93，配合74，位置WG,特技-喜好盘带,抢点,助攻,边路,一脚穿球,平均素质91，28岁停长)施瓦茨。身高190,左脚,CF,ST，德国电脑生成妖人,进攻98，防守40，平衡98，体力87，速度91，加速93，反应98，敏捷83，盘球精度85，盘球速度96，长传精度80，长传速度83，短传精度90，短传速度93，射门精度97，射门力量98，射门技术97，任意球精度97，弧度83，弹跳97，顶球98，技术97，配合87，进攻欲望85，特技-一脚传球，中路，擅长抢点，擅长前插，射手，单刀，强力中锋，反越位，平均素质94，23岁停长.实战也超级厉害，维耶里类型的，身体非常强壮，把球踩住用身体靠着别人，别人是怎么也的不到球的。斯维尔科斯,身高183,右脚,CF,捷克人,绝非电脑生成妖人.进攻93，防守60，平衡95，体力95，速度97，加速97，反应95，敏捷80，盘球精度93，盘球速度95，长传精度81，长传速度81，短传精度85，短传速度85，射门精度95，射门力量98，射门技术97，任意球精度80，弧度76，弹跳92，顶球91，技术95，配合86，进攻欲望82，特技-擅长前插,边路,平均素质93，26岁停长.实战中远射,突破,30度-75度射门尤其变态罗比尼奥。身高172,右脚,进攻95，防守40，平衡80，体力91，速度97，加速97，反应88，敏捷90，盘球精度99，盘球速度99，长传精度88，长传速度86，短传精度92，短传速度86，射门精度93，射门力量91，射门技术92，任意球精度75，弧度81，弹跳95，顶球83，技术98，配合95，进攻欲望86，位置ST,WG,特技-喜好盘带,边路,外脚背,平均素质92，27岁停长)马汀斯。身高170,左脚,CF,WG，尼日利亚人,进攻88，防守51，平衡95，体力95，速度99，加速99，反应88，敏捷97，盘球精度87，盘球速度99，长传精度82，长传速度85，短传精度81，短传速度80，射门精度87，射门力量88，射门技术90，任意球精度71，弧度72，弹跳99，顶球86，技术90，配合78，进攻欲望88，特技-喜好盘带,边路,射手，擅长外脚背，平均素质92，26岁停长.鲁尼（英格兰，身高178,右脚,进攻95，防守60，平衡96，体力95，速度95，加速96，反应95，敏捷85，盘球精度96，盘球速度95，长传精度95，长传速度95，短传精度95，短传速度95，射门精度95，射门力量96，射门技术96，任意球精度95，弧度95，弹跳82，顶球85，技术96，配合90，进攻欲望87，位置CF，ST，ST，WG，OMF特技-盘带，扑救不脱手，擅长前插，擅长助攻，射手，单刀球，中距离射门，外脚背，铲断，平均素质95，28岁停长)波多尔斯基（德国，身高180,左脚,进攻95，防守66，平衡91，体力95，速度96，加速97，反应92，敏捷85，盘球精度96，盘球速度95，长传精度92，长传速度90，短传精度93，短传速度90，射门精度95，射门力量96，射门技术95，任意球精度83，弧度82，弹跳93，顶球87，技术95，配合83，进攻欲望88，位置CF，ST，OMF,WG,特技-前插平均素质93，28岁停长)瑞安巴贝尔（荷兰，身高185,右脚,进攻95，防守56，平衡99，体力95，速度99，加速99，反应99，敏捷83，盘球精度99，盘球速度99，长传精度87，长传速度85，短传精度92，短传速度90，射门精度95，射门力量99，射门技术99，任意球精度85，弧度80，弹跳99，顶球96，技术99，配合85，进攻欲望90，位置CF，WG,特技-盘带，射手，扑救不脱手，中距离射门，平均素质95，28岁停长)博吉诺夫(保加利亚,身高178,左脚,进攻95，防守50，平衡96，体力95，速度96，加速97，反应95，敏捷86，盘球精度96，盘球速度95，长传精度91，长传速度90，短传精度95，短传速度92，射门精度95，射门力量95，射门技术95，任意球精度95，弧度95，弹跳95，顶球90，技术96，配合84，进攻欲望84，位置CF，WG，特技-射手,外脚背,中路，平均素质94，26岁停长,平均素质93)阿兰.史密斯(英格兰,身高175,右脚,进攻95，防守68，平衡96，体力96，速度92，加速94，反应96，敏捷86，盘球精度94，盘球速度94，长传精度88，长传速度83，短传精度90，短传速度87，射门精度90，射门力量95，射门技术96，任意球精度82，弧度87，弹跳96，顶球96，技术95，配合93，进攻欲望83，位置CF，ST，OMF,SMF,特技-抢点,前插,射手,强力中锋,一脚传球,铲断，平均素质95，28岁停长)I GYONFUN(韩国电脑生成妖人,身高191,右脚,进攻95，防守35，平衡95，体力95，速度82，加速83，反应93，敏捷78，盘球精度77，盘球速度78，长传精度60，长传速度80，短传精度61，短传速度80，射门精度96，射门力量95，射门技术95，任意球精度95，弧度73，弹跳95，顶球95，技术87，配合95，进攻欲望90，位置CF，特技-抢点,射手,强力中锋，反越位,断球,平均素质92，22岁停长,强烈推荐,简直是巴蒂2世)法尔范（秘鲁，右脚，身高176，进攻91，防守60，平衡95，体力94，速度95，加速95，反应94，敏捷83，盘球精度95，盘球速度94，长传精度90，长传速度95，短传精度90，短传速度85，射门精度91，射门力量95，射门技术95，任意球精度92，弧度93，弹跳91，顶球82，技术95，配合77，进攻欲望87，位置CF，SMF，WG，特技-擅长盘带，前插，边路，中路，平均素质94，26岁停长）克里斯蒂亚诺.罗纳尔多(葡萄牙,身高184,右脚,进攻90，防守57，平衡96，体力96，速度96，加速96，反应96，敏捷96，盘球精度99，盘球速度99，长传精度95，长传速度99，短传精度91，短传速度90，射门精度90，射门力量98，射门技术96，任意球精度90，弧度96，弹跳96，顶球96，技术99，配合73，进攻欲望98，位置ST,WG,SMF，特技-擅长盘带，喜好盘带，边路，外脚背，平均素质95，27岁停长)其中有一部分是实况游戏中自己制作的原创妖人电脑原创转世球员的特征是：1、是现实中不存在的球员2、是一种不定期出现的转世球员3、是往往具有十分出色素质的球员（包括数值，身高，特殊技能，成长状况等等方面异于常人。其实每年都会出现电脑随机转世球员，但他们有些并不出色，并不是每个电脑随机转世球员都具有十分出色素质4、具有十分出色素质的电脑随机转世球员并不容易出现以下是一些千月没有培养完毕的，但是成长完毕后素质却非常厉害，颠峰前线不下90的妖人，请试试施魏因斯泰格（德国，前腰，边前卫，右脚）范德法特（荷兰，前腰，左脚，成长后会下降2年然后又长）唐宁（英格兰，边前卫，边锋,左脚）O.塞尔拉诺(西班牙,边前卫,边锋,左脚）斯内德(荷兰,前腰,右脚)伊涅斯塔(西班牙,后腰,右脚)鲁本(荷兰,边锋,左脚)华金(西班牙,边锋,右脚)卡萨诺(意大利,2前锋,右脚)西芒(葡萄牙,边锋,右脚)穆图(罗马尼亚,2前锋,右脚)德罗西(意大利,后腰,右脚)姆巴米(喀麦隆,后腰,右脚)切赫(捷克,门将,左脚)马斯切拉诺(阿根廷,后腰,右脚)齐沃(罗马尼亚,后卫,左脚,成长后会下降2年然后又长）范德梅德（荷兰，边锋，右脚，成长后会下降2年然后又长）卡拉奇奥诺（意大利，中锋，右脚）卡卢（科特迪瓦，边锋，右脚）伊布拉西莫维奇（瑞典，中锋，右脚）吉拉迪诺（意大利，中锋，右脚）巴莫戈（法国，2前锋，右脚）莫尼奥（？，前腰，右脚）武西尼奇（塞黑，中锋，右脚）马丁科拉尔（捷克，边前卫，左脚）巴尔博萨（巴西，前腰，左脚）卡伊比（伊朗，边后卫，右脚）杜费（架空妖人，后腰，右脚）萨拉姆（埃及架空妖人，中锋，右脚）金山希（韩国架空妖人，中锋，右脚）戈特瓦尔德（捷克架空妖人，前腰，右脚）科尔曼（荷兰架空妖人，边前卫，右脚）乔科尔（英格兰，边前卫，右脚）库卡（德国架空妖人，后卫，右脚）海廷加（荷兰，后卫，右脚）科洛奇尼（阿根廷，后卫，右脚）巴普蒂斯塔（巴西，前腰，右脚）卢克（西班牙，中锋，左脚）拉莫斯（西班牙，后卫，右脚）尼哈特（土耳其，2前锋，右脚）波兹（意大利架空妖人，中锋，右脚）曼奇尼（巴西，边前卫，右脚）西西尼奥（巴西，边后卫，右脚）里瑟（挪威，边前卫，左脚）米西莫维奇（波黑，2前锋，右脚）阿德里亚诺（巴西，中锋，左脚）卡卡（巴西，前腰，右脚）托雷斯（西班牙，中锋，右脚）冯兰滕（瑞士，中锋，右脚）林德格伦（瑞典，前腰，右脚）希望我的答案对你有帮助 </t>
  </si>
  <si>
    <t xml:space="preserve">医学。生理学为什么以舒张压高低来确定是否患有高血压 </t>
  </si>
  <si>
    <t>从生理角度考虑，收缩压易受多种因素影响，如紧张、运动、年龄等，舒张压相对较稳定，所以高血压一般以安静时舒张压持续超过诊断标准确定。目前临床上高血压的诊断标准有了大的修改，收缩压和/或舒张压任何一项达到或超过诊断值均为高血压。</t>
  </si>
  <si>
    <t xml:space="preserve">怎么多出来两个文件夹?每次打开‘我的电脑’在页面上都出现C、D、 </t>
  </si>
  <si>
    <t>正如一楼所说，xp中共享文档是系统建的，而另一个是建立用户时建的，，如果你再建立个用户，就会又有一个某某文档。文件夹删不掉，但里面的文件还是可以删除的。当然如你权限不够，你无法删除其他用户文档中的文件。</t>
  </si>
  <si>
    <t xml:space="preserve">高数一道简单课后题求不定积分题在图上： </t>
  </si>
  <si>
    <t>主要利用指数函数、反正切函数的导数，及换元积分法看图</t>
  </si>
  <si>
    <t xml:space="preserve">怒江属于哪个省 </t>
  </si>
  <si>
    <t>属于云南啊,你自己都划分了类别</t>
  </si>
  <si>
    <t xml:space="preserve">关于核心选购员NPC问题2请不要只回答“关于您反馈的建议，我们会 </t>
  </si>
  <si>
    <t>关于您反馈的建议，我们会提交相关人员进行考虑，至于是否会被采纳或进行修改我们无法为您保证，建议您留意官方的相关消息。</t>
  </si>
  <si>
    <t xml:space="preserve">怎么回事呀，额头上长了好多的痘痘/晕。 </t>
  </si>
  <si>
    <t>想要祛痘，你首先要做好清洁，因为痘痘的形成是因为肌肤没有清洁干燥，导致毛孔堵塞，毛孔发炎形成的，当然和饮食，作息时间，都是有关系的，你清洁好之后在做好保养和针对性的护理，多注意好饮食和作息习惯额头长痘跟你的心情有关 心情烦躁或者压力过大都可能是额头长痘 或者和你的内分泌有关 月经不正常也会导致额头长痘痘  建议去看医生 好好调理一下 多吃蔬菜 每天早晨一起床就排便 多喝水 洗干净脸  长痘痘期间要慎重使用化妆品 最好是用洗面奶洗净脸后只用化妆水就可以  其他的有可能会堵塞毛孔 洗脸用温水  凉水会请不干净毛孔  但水温也不可过高 这样会老化肌肤  适合的温度因该是 手放进水里不感觉冰就可以了</t>
  </si>
  <si>
    <t xml:space="preserve">谜语请猜一工具。我肚压你肚，你肚有我半节物。 </t>
  </si>
  <si>
    <t>石磨</t>
  </si>
  <si>
    <t xml:space="preserve">谁能具体介绍一下秘鲁和藤森秘鲁是不是很穷,从电视上看破破烂烂,经 </t>
  </si>
  <si>
    <t>国名：秘鲁共和国 (The Republic of Peru，La República del Perú)     国旗：呈长方形，长与宽之比为３：２。由三个平行相等的竖长方形组成，中间为白色，两侧为红色，白色长方形中间有国徽图案。白色象征自由、民主、和平与幸福；红色象征人民在独立战争中取得的胜利，也表示人民对烈士的怀念。  12日，日本外务省宣布秘鲁前总统藤森拥有日本国籍。报道说，日本政府经过调查作出上述结论的主要根据是：一、熊本县有藤森的户籍；二、藤森没有办理过脱离日本国籍的手续；三、秘鲁法律中没有日裔必须脱离日本国籍的规定。这家报纸说，如果日本国籍得到确认，藤森便可以在日本无条件地住下去。如果秘鲁方面要求引渡，日本政府将以《逃亡罪犯引渡法》不承认引渡日本国民而拒绝。最近一段时间，秘鲁前总统藤森一直是传媒关注的焦点。直到在日本宣布辞职，人们才知道，领导了秘鲁整整10年的他原来具有双重国籍。但围绕藤森仍有许多谜团，而他的身世便是其中之一，有人怀疑，藤森根本不是在秘鲁出生的，理由是他的出生证有明显的涂改痕迹，所以，当初他根本就没有资格出任秘鲁总统。　　那么，这些怀疑站得住脚吗？日本著名传记作家木村岭在他的《敢做梦的总统——藤森全传》中给出了答案——　　背井离乡闯秘鲁　　1920年，藤森的父亲藤森直一19岁从日本熊本贫穷的乡下来到秘鲁，在距离首都利马约200公里的帕拉蒙加找了份工作，希望凭自己的辛勤劳动，几年后像其他日裔移民那样衣锦还乡。　　然而，这个美梦并没有变成现实，棉花田里的活儿是如此辛劳，很多像直一这样的合同工最后都没有履行完合同就逃进附近的城镇，寻找那些对他们来说稍轻松的工作。　　1933年的某一天，在养父的建议下，他娶熊本老家的一位远亲的女儿——井原六田为妻。　　1934年8月，这对新婚夫妻与另外90名日本人乘船离开日本，他们经夏威夷、旧金山、洛杉矶、墨西哥、巴拿马，前后行驶了45天，9月23日终于抵达秘鲁的卡劳港。直一夫妇并没有在胡亚乔呆多长时间。3个月后，直一决定搬到首都利马去。他们在利马的托马斯大街建了新家。　　小藤森差点一命呜呼　　1938年7月28日晚上9时，他们一直期待的儿子藤森谦也出生了，他给直一和六田的生活带来了光明和希望，他们给他起名“肯尼亚”。藤森的生日正好和秘鲁独立日是同一天，所以，直一夫妇认为这孩子将来或许有出息。他们猜对了，藤森后面不仅证明了自己，也给秘鲁的日裔人挣足了面子。　　藤森出生不到一个月，为了减少开支，开始新的生活，直一和六田终于放弃了棉花园，在利马的格劳大街526号建立了新家。由于家门口正冲着街道，所以每天家里都落得满是灰尘。直一不再做裁缝，在家里干起了修补轮胎的营生。直一这次选择算是选对了，因为秘鲁人很少换轮胎，所以补胎业十分吃香。直一总算尝到了赚到钱的滋味，至少供养孩子没有问题。　　然而，这只是暴风雨前的片刻宁静。当一名秘鲁当地妇女被害后，这股旋风立即转化成种族暴力，秘鲁人冲上街头，袭击日本人，抢劫他们的商店。日本移民对此无能为力，保护自己的最好方法就是静待风暴过去。幸运之神终于又一次光顾了直一夫妇，因为暴徒只袭击那些较大的商店，他们的轮胎修补店并没有引起人们的注意。　　1940年5月24日，利马地区发生地震，正是这场地震让秘鲁人变得理性起来，对日本移民的暴力活动因此停止，包括直一家在内的所有日本移民再也不用担心他们的家门半夜被人猛地踹开。格劳大街也是藤森未来的妻子居住的地方，当时两家距离并不远。　　不久，直一一家从格劳大街搬到相邻的维多利亚大街，新家正对着一个大公园，儿时的藤森性情温顺，脸上总挂着笑容，邻居们都叫他“会笑的东方男孩”。有时候在家惹了祸，他就跑到这个公园躲起来。和其他的日裔孩子一样，藤森说夹杂着日本话的西班牙语，为此没少受当地人的嘲笑。　　在接下来的两年里，藤森一家的生活比较平静，直一的生意做得红红火火，藤森和哥姐都很争气，进步不少。1941年，藤森突然患了白喉，六田还认为他只是患了感冒，就没怎么在意。但他的病越来越严重，她终于意识到小藤森面临生命危险。当时的医疗条件相当艰苦，穷人家的孩子夭折是家常便饭。但六田发誓尽最大努力，保住自己的孩子。一个个白天黑夜，六田守在儿子的床边，虽然医生都对她说，怕是为时已晚，但她还是祈祷儿子能坚强地活下去。直到3天过后，医生终于告诉她，这孩子的心肺功能特别好，他终于挺过危险期，死不了了。大难不死，必有鸿福。六田更相信儿子将来会有出息。　　受尽了白眼与欺凌　　1941年12月7日，日本偷袭珍珠港。直一认为，战争距离他们那么遥远，他们的生活应该不会受到影响。然而，他错了，到最后，战争还是把他们全家卷了进去，原因就是他们是日本人。秘鲁政府在美国的压力下对日本人实施不公平的活动限制，5个人以上的任何集会都被禁止，在没有许可的情况下，日裔不准离开秘鲁。日文报纸被迫停刊，发行者被拘捕。秘鲁政府随后宣布关闭所有的日本小学和初中，日文老师要么失业，要么被驱逐。六田最后决定雇一名家庭教师。这是一个为教育孩子采取的聪明而有实际意义的行动，其他一些日裔家庭也陆续采取了这种做法。随着时间的流失，日裔居民已经习惯了局势的不断恶化。美国政府建议秘鲁与日本、德国断交，这导致日本使馆被关闭，不久，所有由日本人开办的零售店、工厂和其他商业都被政府控制。　　藤森一家用惊恐的眼神关注着这一切，好在第二次反日浪潮并没有因此出现，秘鲁政府只是要剥夺日裔人的财产、教育和文化。这让日裔人士意识到，这个国家其实一直没有把他们当成自家人。整个战争期间，藤森一家和其他日裔家庭一样，是在动荡和恐惧中度过的。在美国政府的指令下，秘鲁政府列出了一份著名日裔人士黑名单，定期提审或拘禁。到1942年4月，约有1771名日本人被拘捕，其中一些人还被用军舰送到了位于美国德克萨斯州的肯尼迪监狱。六田天天祈祷：直一只是一个补胎匠，政府不会把他怎么样的。　　然而，她又错了。一天，有人敲他们家的门。六田开门一看，立即傻了：来人是一名警察。他把直一带到了警察局。六田跟到警察局，与当局据理力争。经过与黑名单核对，警察局最后把直一放了，六田这才一块石头落了地。　　在以后的岁月里，六田的这种倔强性格对藤森产生巨大影响。藤森成年后，凭借顽强的毅力，克服一个又一个困难，终于登上了总统宝座。随后，他与恐怖组织“光辉道路”巧妙周旋，以非凡的智慧解决了持续长达127天的劫持使馆人质案，成为秘鲁铁腕领导人，被国际舆论誉为“藤森现象”。　　然而，藤森显然低估了秘鲁人民的力量，他晚节不保，最终只落得被迫辞职的下场，流落日本。如果不是他拥有双重国籍，日本连收留他的理由都不充分，他会落得个什么下场，怕是连藤森自己也不清楚。    国徽： 中心图案为盾徽。盾面左上方是一只南美骆马，为该国国兽，代表国家的动物资源，也是秘鲁民族的象征之一；右上方是一棵金鸡纳树，代表该国的植物资源；下半部为一只象征丰饶的羊角，代表该国的自然资源和矿藏。盾徽上端为一个绿枝叶环；两侧各有两面秘鲁国旗。    国花： 向日葵     国树：金鸡纳树     国兽：骆马     独立日：７月２８日（１８２１年）     国庆日：７月２８日（１８２１年）     国家政要：总统 阿兰·加西亚(Alan Garcia)，２００６年６月当选，７月宣誓就职；国会主席路易斯·冈萨雷斯－波萨达，２００７年７月宣誓就职。  前总统藤森     自然地理：面积为１２８５２１６平方公里。位于南美洲西部，北与厄瓜多尔和哥伦比亚接壤，东同巴西毗连，南与智利交界，东南与玻利维亚毗连，西濒大西洋。海岸线长２２５４公里。安第斯山纵贯南北，山地占全国面积的１／３。全境从西向东分为三个区域：西部沿海区为狭长的干旱地带，有断续分布的平原；中部高原区主要为安第斯山中段，平均海拔约４３００米，亚马孙河发源地；东部为亚马孙林区。科罗普纳峰和萨尔坎大山海拔都在６０００米以上，瓦斯卡兰山海拔６７６８米，为秘鲁最高点。主要河流为乌卡亚利河和普图马约河。秘鲁西部属热带沙漠、草原气候，干燥而温和，年平均气温１２－３２℃；中部气温变化大，年平均气温１—１４℃；东部属热带雨林气候，年平均气温２４—３５℃。首都平均气温１５—２５℃。年平均降水量，西部不足５０毫米，中部不足２５０毫米，东部在２０００毫米以上。    人口：２７２２万（２００５年）。其中印第安人占４１％，印欧混血种人占３６％，白人占１９％，其他种族占４％。西班牙语为官方语言，一些地区通用克丘亚语、阿伊马拉语和其他３０多种印第安语。９６％的居民信奉天主教。     首都：利马（lima），人口７８１. ６７万（２００５年）。     行政区域：全国划分为２４个省和１个直属区（卡亚俄区）。各省名称如下：亚马孙省、安卡什省、阿普里马克省、阿雷基帕省、阿亚库乔省、卡哈马卡省、库斯科省、万卡维利卡省、瓦努科省、伊卡省、胡宁省、拉利伯塔德省、兰巴耶克省、利马省、洛雷托省、马德雷·德迪奥斯省、莫克瓜省、帕斯科省、皮乌拉省、普诺省、圣马丁省、塔克纳省、通贝斯省、乌卡亚利省。  安第斯山脉中的马丘比丘古城遗迹是目前保存最完好的印加古城之一,1983年被列入世界文化遗产名录  利马街头女交警（2004年7月）。利马市从1999年开始选用女交警，到现在该市交警几乎全部改由女性担任。     简史：古代境内居住着印第安人。公元１１世纪，印第安人以库斯科城为首府，在高原地区建立了“印加帝国”。１５－１６世纪初形成美洲的古代文明之一─印加文明。１５３３年沦为西班牙殖民地。１５３５年建立利马城，１５４４年成立秘鲁总督区，成为西班牙在南美殖民统治的中心。１８２１年７月２８日宣布独立，建立秘鲁共和国。１８３５年玻利维亚和秘鲁合并，称秘鲁—玻利维亚邦联。１８３９年邦联瓦解。１８５４年废除奴隶制。１８７９─１８８３年，秘鲁联合玻利维亚同智利进行争夺硝石产地的“太平洋战争”。秘鲁战败后，智利夺取了世界最大的硝石产地塔拉帕卡省，并控制了秘鲁的塔克纳、阿利卡两省。１９２９年双方经过和平谈判，秘鲁收回塔克纳省。１９３３年与哥伦比亚发生边界战争，秘战败。１９４８年１０月奥德利亚发动军事政变上台。１９６３年６月人民行动党贝朗德·特里当选总统。１９６８年１０月３日贝拉斯科陆军中将发动政变后出任总统。１９７５年８月２９日莫拉莱斯将军接管政权，１９７７年宣布“还政于民”。   秘鲁费利佩城堡  皇家费利佩城堡——秘鲁历史的见证  秘鲁高原古都库斯科　秘鲁将每年3月30日定为“佣人节”     政治：现行宪法于１９９３年１２月３１日生效。宪法规定总统可连任一届，隔届可再当选；增设第一、二副总统、国会两院改为一院制；对恐怖分子可处极刑等。２０００年１１月，秘国会通过宪法修正案，规定总统不得连任。议会称国会。一院制。国会拥有立法和监督职能。议员由选举产生，任期五年，可连选连任。  身穿民族服装的秘鲁姑娘跳起传统舞蹈     经济：秘鲁为传统农矿业国，经济属拉美中等水平。“秘鲁”在印第安语中是“玉米之仓”的意思。矿产丰富，石油自给有余。秘矿业资源丰富，是世界１２大矿产国之一。主要有铜、铅、锌、银、铁和石油等。铋、钒储量居世界首位，铜占第三位，银、锌占第四位。目前石油探明储量为４亿桶，天然气７１０００亿立方英尺。森林覆盖率为５８％，面积达７７１０万公顷，在南美洲仅次于巴西。水力和海洋资源极为丰富。秘工业以加工和装配业为主。秘还是世界主要鱼粉、鱼油生产国。秘鲁是印加文化的发祥地，旅游资源丰富。主要的旅游景点有利马大广场、托雷塔格莱宫、黄金博物馆、库斯科城、马楚－皮楚遗址等。   货币：索尔　  利马唐人街入口处的中国牌楼。利马唐人街位于秘鲁首都利马市中心繁华地段的帕鲁罗街，是该国最大的华人聚居地  　新闻出版：全国共有各种报纸及刊物２０余种，其中在利马发行１１种，主要有《商报》、《快报》、《共和国报》、《秘鲁人报》和《太阳报》。主要政论期刊有《假面具》周刊、《请听》和《是》。秘鲁新闻社和安第斯新闻社为官方通讯社。全国共有广播电台１１０７家，除一家国家电台外，其余均为私人电台。影响较大的电台有：国家电台、圣罗莎电台、秘鲁节目电台、团结电台和联合电台等。全国共有电视台７４家，其中５７家为发送台，１７家为转播台。电视七台为国家台，其余均为商业性电视台。  秘鲁士兵在首都利马参加阅兵游行     外交：奉行民主、积极和独立的外交政策，优先任务是：巩固民主、人权、民主安全、地区一体化、贸易和投资、关心秘鲁旅外侨民、部内改组和新的对外文化政策。秘主张遵循国际法、联合国宪章和泛美体系的准则，推动国际和平与安全，尊重作为普遍性价值的人权。强调外交为经济发展服务。重视发展同周边及其它拉美国家关系，积极参与地区一体化进程。加强同美国、加拿大和欧盟等工业化国家以及亚太国家的关系。主张在反毒、反恐、反腐和扫除贫困等领域加强国际合作。   秘智两国又因领海问题起纷争    与中国关系：１９７１年１１月２日，秘鲁与中国建交。２００５年６月，托莱多总统对中国进行国事访问。</t>
  </si>
  <si>
    <t xml:space="preserve">南京治疗皮肤病的最好医院《是？治疗皮肤病专业医院是哪家》 </t>
  </si>
  <si>
    <t>南京现代长城皮肤病研究所是一所集临床、科研、治疗、预防为一体的大型现代化皮肤病专科医院，是全国十大皮肤病医院之一、国家皮肤病重点治疗基地、华东皮肤病研究所、江苏皮肤病名医会诊中心。研究所依托百年中医传承的精华自主研发治疗牛皮癣、白癜风等皮肤顽疾技术。立足华东，走向亚太，在治疗牛皮癣、白癜风、鱼鳞病、湿疹、座疮、皮炎、荨麻疹、腋臭、灰指甲等各种皮肤疾病方面，在国内享有广泛的赞誉。被誉为皮肤病的终结圣地。多年来，在吴勇华等权威专家的不断努力下，举世瞩目的璀璨新星“k-p牛皮癣康复标准化工程”和“k-v白癜风黑色素种植疗法”诞生了，为世界皮肤病研究做出了不可磨灭的贡献。</t>
  </si>
  <si>
    <t xml:space="preserve">宝宝六个月了，纯母乳喂养，请问感冒初期鼻塞、打喷嚏、轻微咳嗽，喝? </t>
  </si>
  <si>
    <t>喝这个是有点作用的</t>
  </si>
  <si>
    <t xml:space="preserve">设想一下，德军拿下斯大林格勒，二战还会有转折点吗？ </t>
  </si>
  <si>
    <t xml:space="preserve">二战有多个战场,各地情况不同,因此转折点也有多个.没了这个还有别的.如果德军在斯大林格勒胜利,以当时苏军的实力,完全可以再组织一场大规模的会战,后来的库尔斯克战役就充分说明了这一点.同时苏联国土广阔,有比较深远的战略纵深,即使莫斯科丢了,他们也完全可以在乌拉尔再来一仗.而德军如果占领了乌克兰南部和高加索,势必要分出更多的兵力去把守更加宽广的战线,能用于突击的力量更少,还是会失败.那个失败就是新的转折点.以下是二战的几个转折点.1、苏德战场是斯大林格勒保卫战；也是最大的转折点。（这莫斯科战役结束时。列宁格勒还在包围之中，苏军仍然在败退，直至斯大林格勒战役结束后苏军才全线反攻，收复失地）、  2、太平洋战场中途岛战役；（无需解释）。  3、北非是阿拉曼战役。（无需解释）。 4.不列颠空战（英国如果陷落，美国参战还有什么用？希特勒全力对付苏联，俄国也会垮掉，还是英国的皇家空军贡献还行）。  </t>
  </si>
  <si>
    <t xml:space="preserve">请问清泉老师：000927一汽夏利、000800一汽轿车后市如何? </t>
  </si>
  <si>
    <t>000927一汽夏利、即将突破.持有.000800一汽轿车 基本结束调整.</t>
  </si>
  <si>
    <t xml:space="preserve">关于SF的建议本人3区F准备SF.但是现在SF被人们那样的歧视. </t>
  </si>
  <si>
    <t>就是因为官方把SG的3分命中改得太准，又有太多的过人技能，才使得高等级的SG在一对一的时候更容易摆脱防守从而空位投3，而且很准。所以很多板好的或不好的C或PF喜欢带2G（SG）打比赛，一门心思的靠3分赢球，这根本就有违之道，不符合现实情况。另外对于7楼的说法，个人不认同。你说和C比跑动？难道你想说C在进攻时一直在外面跑？防守的时候C主动到中远距离来防SF而放弃内线？你说和和PF比3分？PF投3分用的？别人是呆子？不打内线打3分？你说和SG比弹跳？对，SF是比SG会跳，但那又怎么样？难道和SG抢篮板？是不是要C和PF当观众看戏呢？你说和PG比冲撞？撞人就这么容易？都是纸做的好不？所以所谓的SF全能换句话说就是没特点，很中庸！除了中投准点外几乎没特点，而且许多人会因中投准而一味地接球就投，不管面前有人没人。不错，把SF用得好的人是有，BT的也有，但很少，不是每个人都能如此，所以还是安心当球队的绿叶，多干点脏活累活，有时可能一场下来，没篮板，没助攻，没断球，1-2个盖帽，10分左右这样的数据，你会觉得SF作用不大，但就是你得的这些分，会帮助球队获胜！！！既然选了SF，就要努力努力再努力，多思考如何去巧妙地打球。</t>
  </si>
  <si>
    <t xml:space="preserve">请问木耳的类别及各有何特点我想了解木耳的行情，木耳的类别及各自特 </t>
  </si>
  <si>
    <t xml:space="preserve">先把木耳用水泡开了以后，再切一点儿生洋葱一块儿搅拌，加上一些调味料，如椒、陈醋、味精、酱油、盐等。 （如爱吃辣椒的人，可以再加入辣椒面儿） 保证味道鲜美，又不会因为加热而破坏食物中的营养成份。对老年人来说，把木耳和红枣一起用水煮烂每天服一小杯增加抵抗力。贫血的人把木耳用水焯过沾辣根吃最好。便秘的人木耳用水发过洗净每天早晨空腹服用既解解决便秘，又有营养。 2木耳选择 黑木耳：选体大、朵轻、颜色乌黑、表面平滑有光泽，质地干脆易择断。纹理清晰，无僵块卷耳，有清香味，无混杂 者。 二、 银耳：优质银耳耳花松放，二肉肥厚，色泽鲜白，捎带微黄，蒂头无黑点和杂质，朵大而美观。新鲜银耳无酸臭异味，久藏的银耳颜色发黄，并有微酸气味。 三、 搀假木耳的巧辩： 好木耳呈黑色色泽均匀。搀假木耳为黑灰色，拌有白色附着物，望去白花花一片，这是用米浆浸泡所致。 好木耳质地坚硬，且有韧劲，手指不宜捏碎，牙齿也咬不断，搀假木耳轻轻一掰即碎断脱落，含在嘴里也马上变软。 好木耳卷曲紧缩，叶薄且无完整轮廓。搀假木耳含有大量米汤和糖，其体态膨胀，边缘也较为完整，很少卷曲。 还可采取浸泡法判别：捏一小撮放入碗中，用开水浸泡后，若膨胀盛满满一碗，即为好木耳，若比原先没有膨胀多少即为搀假木耳。 </t>
  </si>
  <si>
    <t xml:space="preserve">坐标重庆，谁知道哪里有卖打口碟的？ </t>
  </si>
  <si>
    <t>沙中路，重大A区中门。解放碑，新艺时空楼上。美院菜市口那附近。希望我的回答能带给你帮助，给个好评吧亲！！！谢谢！！~</t>
  </si>
  <si>
    <t xml:space="preserve">如何为企业申请一个网站?我想为我的企业申请一个网站?谁能告诉我如 </t>
  </si>
  <si>
    <t xml:space="preserve">中小企业首选，建个网站只要39元……　　不需要懂任何程序，只需要你会打字。不需要你专门请设计师和程序员，交给你的文员，3分钟就可以建立你的企业网站。　　因为自助网站是由一系列由动态页面和静态页面组成的，可随时随地自主更新的独立网站，功能强大，互动性能高，它的应用对于个人和企业来说都已经非常广泛，可以建设成文字信息型网站，也可以建设成图片信息型网站，还可以建设成图文并茂型网站。　　自助网站的用途之多，恐怕没法一一数清楚。可以肯定一点的是，在这个传媒高速发展的社会，在注意力经济的今天，拥有一个属于自己的网站无疑可以为个人或者企业树立自己的独立品牌，成为宣传自己的媒体，在与外部世界进行信息交流的同时，还可以发布各种供求信息，以开拓自己的业务。申请网址：  提供多种版本：免费的, 收费的 , 自由选择.而且有详细的赚钱计划,简单操作,轻松赚钱!强者创造时机,智者利用时机,弱者等待时机.几点忠告：A、新开通的网站全部是试用版，试用期为20天，在这20天内，至少建立5个栏目，发布10篇以上文章信息，并且做出相应的选择：要么申请为永久免费版，要么升级为收费版，否则将被关闭。切记！ B、请好好善待自己的网站，她将陪伴你、并记录你人生岁月里的点点滴滴；她将成为你的门户网站、你的网络媒体、你的网上办公室、你与亲朋好友交流的平台——而完成所有这一切，没有任何技术门槛，只要你会打字就可以完成……C、网站建立后，还可以参加赚钱计划。只是：别想一夜暴富,但求增加收入.有人能月入5000元，值得借鉴---  </t>
  </si>
  <si>
    <t xml:space="preserve">LoveJJ的，HateLay的进！ </t>
  </si>
  <si>
    <t>林俊杰是最棒的！支持！！！！！！！！！！！！！！！！！！！！！永远支持！越看越可爱</t>
  </si>
  <si>
    <t xml:space="preserve">请问绿服的7级蓝色搜魂石什么价？有大虾知道吗？可能现在绿服的价格 </t>
  </si>
  <si>
    <t>现在人人都很穷,而且级不高.这个要加C武器的,现在有几把C武器啊?所以很便宜的,你不见B5都是25万扔商店吗?这个五六万块吧,能卖出去不错了.不过你留着日后会涨起来的.</t>
  </si>
  <si>
    <t xml:space="preserve">我看到一个SG投3分先是脚离地了然后停了一下再投的高手请回答下这? </t>
  </si>
  <si>
    <t>那是投篮技巧 我只弄出过一次 你按D当球快出手时放开 再马上按D       你去试试 多试几次 这是一个防被盖的好办法 推荐!!!!!!!!!</t>
  </si>
  <si>
    <t xml:space="preserve">设函数y=f(x+y),其中f具有二阶导数,且f'不等于1,求二? </t>
  </si>
  <si>
    <t>设函数y=f(x+y) ,其中f具有二阶导数,且f'不等于1,求二阶导数y=f(x+y)则：y'=f'(x+y)*(1+y')=f'(x+y)+f'(x+y)*y'===&gt; [1-f'(x+y)]*y'=f'(x+y)===&gt; y'=f'(x+y)/[1-f'(x+y)]所以：y''={f''(x+y)*(1+y')*[1-f'(x+y)]-f'(x+y)*[-f''(x+y)*(1+y')]}/[1-f'(x+y)]^2=f''(x+y)*(1+y')/[1-f'(x+y)]^2=f''(x+y)*[1/1-f'(x+y)]/[1-f'(x+y)]^2=f''(x+y)/[1-f'(x+y)]^3.</t>
  </si>
  <si>
    <t xml:space="preserve">请问这样的他可靠吗？我和他是在老家经过别人介绍认识的，第一次见面 </t>
  </si>
  <si>
    <t>经人介绍,第一次见面,印象还可以;然后每天都通电话,一个月左右回去见第二面,是你回去;你跑了,又聊着聊着一个月左右回去见第三面,还是你回去了;(写到这,我笑了哦)总体来说,你对他印象很好,也喜欢他的性格。这么说吧，相亲嘛，目标本来就是找对象的，你们每天不停地打着电话，你是不冷不热、爱理不理还是热情大方地传递着一种叫感情的东西？没理由是前者，因为那样你根本就不会不止一次地回去见他；后者，他能感觉到你的好感，在“对象”概念干扰下，他的举动你不觉得可以给予一点点的理解吗？虽然反感，但不要把这事当作判他“死刑”的证据。继续考察吧，延长对他的考察期*^_^*</t>
  </si>
  <si>
    <t xml:space="preserve">塔奇拉VS科林蒂比分多少？1：0还是1：1？ </t>
  </si>
  <si>
    <t>最后科林蒂绝杀扳平！1：1！！！</t>
  </si>
  <si>
    <t xml:space="preserve">生活怎样减少脱发：洗头时脱落头发较多，用防脱发的洗发露也不是很有 </t>
  </si>
  <si>
    <t>可能头皮层缺少蛋白，建议擦生姜片然后涂鸡蛋液，早晚两次，注意冲洗。</t>
  </si>
  <si>
    <t xml:space="preserve">我的头要暴了啊99我高3了，英语才考得30+，有没有什么办法让我 </t>
  </si>
  <si>
    <t>背课本上的课文，每天都要这样做，不能松懈。许多题型都出自课本，所以不能忽略它的重要性。一定要记熟。加油吧！！！！</t>
  </si>
  <si>
    <t xml:space="preserve">什么是混凝土试配强度？“试配”是什么意思？ </t>
  </si>
  <si>
    <t>混凝土试配强度一般是指在施工前，根据设计强度（比如C15、C20、C25、C30、C40、C50、C60等）进行的试验配比，主要由水泥、黄沙、石子组成，特殊混凝土要掺加外加剂（如减水、彩色、粉煤灰、速凝等），试配强度是施工配合比的依据和参考，有3d、7d、14d、28d等试验结果</t>
  </si>
  <si>
    <t xml:space="preserve">8号线延线有什么1500内的精装修好房吗？非常急的 </t>
  </si>
  <si>
    <t>延吉这里是还可以的，那个凰球我知道，正好离8号线延吉中路不远的</t>
  </si>
  <si>
    <t xml:space="preserve">如何通过八卦方位尽快找到另一半?怎么知道未来配偶是哪个方向的？ </t>
  </si>
  <si>
    <t xml:space="preserve">未婚的往往为找到自己的另一半而发愁，满眼迷茫，甚至很多女性朋友在求偶的道路上遭遇很多陷阱，走很多弯路。为此，本文介绍一些简单的知识，也许可以给你一些参考，让你尽快确定自己的另一半。         一是要明确自己真正的另一半的方位。         笔者在2008年9月12日的博客文章《怎么知道你未来配偶是哪个方向的？》一文中已经详细介绍了如何自己推算配偶的方向，有兴趣的朋友可以找来读读，这里只简单介绍一下该方法。     首先要搞清楚十二地支代表的方位。子为正北方，丑、寅为东北方，卯为正东方，辰、巳为东南方，午为正南方，未、申为西南方，酉为正西方，戌亥为西北方。         接着是找到出生月份，即正月出生的为寅、二月出生的为卯、三月出生的为辰、四月出生的为巳、五月出生的为午、六月出生的为未、七月出生的为申、八月出生的为酉、九月出生的为戌、十月出生的为亥、十一月出生的为子、十二月出生的为丑，再从出生月份的这个地支起算，按照十二地支的顺序（顺序为子、丑、寅、卯、辰、巳、午、未、申、酉、戌、亥）循环数到出生日，生日为农历初十，就数到10，生日为农历二十五，就数到25，以此类推，按照这种循环，数到生日指向的地支为止，该地支所代表的方向和该方向相反的方向，就是未来配偶的方向。         比如，你是农历二月二十日出生的，就从卯开始数，卯、辰、巳、午、未、申、酉、戌、亥、子、丑、寅、卯、辰、巳、午、未、申、酉、戌，数到20正好是“戌”，说明将来配偶的方向可能是戌所代表的西北方向、或者是西北方向相反的东南方向。  注意，这里的方向所指一律是双方出生地。 二是要了解自己命理中可能结缘结婚的年份。 </t>
  </si>
  <si>
    <t xml:space="preserve">床前明月光(打一字) </t>
  </si>
  <si>
    <t>旷</t>
  </si>
  <si>
    <t xml:space="preserve">房事不规律会使阴茎变小吗？我与女友在不同城市，2、3个月才见面一 </t>
  </si>
  <si>
    <t>用进退废，就像一把刀越用越利，长期不用就会生锈，但作爱也不能暴食暴饮呀。你们两三个月才见一次面这样会引起JJ的一定的功能上的退废，你们见面就像过狂欢节一样势必会因纵欲过度造成一定的萎缩。根据你的实际情况建议你半月之内要活动一下JJ；年轻人身体壮，条件允许可以每天作一次也无妨，但是千万不要打连发，作爱关键要讲质量，年轻人不要依仗身体好一味的追求数量，那样会造成性生活质量低下和阳萎的。</t>
  </si>
  <si>
    <t xml:space="preserve">鼻炎是怎么治疗的？我得了鼻炎，还没到医院治疗。到医院的话是怎么治 </t>
  </si>
  <si>
    <t>实际上也不用花钱,特别是别找西药来治疗,因为西药的副作用都很大,如果你是属于过敏性鼻炎,那你完全可以不治疗,只要你换一个空气质量好的城市,空气清鲜就可以了.我也是属于过敏性鼻炎,整天流鼻涕,特别是冬天,治疗过很多,一点用都没有,可是我父母由于工作需要,我们就搬到桂林住,那里的空气质量指数可是20多啊,够低了吧,空气可好了,现在这个冬天,我都没怎么流过鼻涕了.我可先声名啊,桂林的冬天可比我们家乡冷啊~~</t>
  </si>
  <si>
    <t xml:space="preserve">6岁男孩和妈妈亲亲抱抱说我爱你，这样好吗？陈老您好，儿子今年快六 </t>
  </si>
  <si>
    <t xml:space="preserve">6岁也还是小孩，亲昵活动可以促进情感交流，有利于亲子关系的发展，这很好，但别流于形式。 </t>
  </si>
  <si>
    <t xml:space="preserve">会计CPA考试共几门？要求怎样？ </t>
  </si>
  <si>
    <t>　考试简介　　注册会计师（简称CPA Certified Public Accountant）考试是中国的一项执业资格考试。　　财政部成立注册会计师考试委员会（简称财政部考委会），组织领导注册会计师全国统一考试工作。财政部考委会设立注册会计师考试委员会办公室（简称财政部考办），组织实施注册会计师全国统一考试工作。财政部考办设在中国注册会计师协会。　　各省、自治区、直辖市财政厅（局）成立地方注册会计师考试委员会（简称地方考委会），组织领导本地区注册会计师全国统一考试工作。地方考委会设立地方注册会计师考试委员会办公室（简称地方考办），组织实施本地区注册会计师全国统一考试工作。地方考办设在各省、自治区、直辖市注册会计师协会。　　备注：为便于更多的境外行业专业人才加入中国注册会计师队伍，提升中国注册会计师整体服务能力，扩大中国注册会计师行业的国际影响，中国注册会计师协会在欧洲地区设立了中国注册会计师统一考试考场。　报名条件及免试条件　　专业阶段考试报名条件及免试条件：　　报名条件：　　符合下列条件的中国公民，可以申请参加注册会计师全国统一考试——专业阶段考试： 　　（一）具有完全民事行为能力； 　　（二）具有高等专科以上学校毕业学历、或者具有会计或者相关专业中级以上技术职称。　　免试条件　　具有会计或者相关专业高级技术职称的人员（包括学校及科研单位中具有会计或者相关专业副教授、副研究员以上职称者），可以申请免予专业阶段考试1个专长科目的考试。　　 综合阶段考试报名条件：　　符合下列条件的中国公民，可以申请参加注册会计师全国统一考试——综合阶段考试：　　（一）具有完全民事行为能力；　　（二）已取得财政部注册会计师考试委员会（简称财政部考委会）颁发的注册会计师全国统一考试专业阶段考试合格证并且在有效期内。　　有下列情形之一的人员，不得报名参加注册会计师全国统一考试：　　1.因被吊销注册会计师证书，自处罚决定之日起至申请报名之日止不满5年者；　　2.以前年度参加注册会计师全国统一考试因违规而受到停考处理期限未满者。　报名方式　　注册会计师全国统一考试报名通过“注册会计师全国统一考试网上报名系统”进行。报名分为网上预报名、资格审核、交费确认三个步骤。　　登录中国注册会计师协会网站（ ），点击“注册会计师考试网上报名”链接，进入“注册会计师全国统一考试网上报名系统”（或直接登录 ）进行网上预报名。　　首次报名参加专业阶段考试的报名人员，须持预报名信息表、身份证件原件及复印件、学历证书或中级以上职称证书原件及复印件，到报名地现场办理报名资格审核。　　持有国外学历证书的报名人员，还应当提供学历证书原件以及经公证机关公证的该学历已获得国家部认可的中文证明。　　非首次报名参加专业阶段考试的报名人员，以及报名参加综合阶段考试的报名人员无需进行报名资格审核。 　报名时间　　报名的具体时间在各年度财政部考委会发布的《注册会计师全国统一考试报名简章》中规定，地方考委会应当据此确定本地区具体报名日期，并向社会公告。　　境外考生（即欧洲考区）专业阶段报名时间一般为3——8月份。　　2012年注册会计师考试专业阶段及综合阶段具体报名时间：　　境内考生考试报名时间为：2012年6月11日—6月25日　　附： 2012年度注册会计师全国统一考试报名简章　　　　 2012年度香港特别行政区、澳门特别行政区、台湾地区居民及外国人 参加注册会计师全国统一考试报名简章　　　　 财政部注册会计师考试委员会办公室负责人就2012年度注册会计师全国统一考试报名相关问题答记者问　　境外考生考试报名时间为：2012年6月26日—7月31日　　　　 欧洲考区2011年中国注册会计师考试报名简章　　2012年全国各地注册会计师考试报名时间汇总　考试科目、考试范围及考试方式　　1．考试科目：　　考试划分为专业阶段考试和综合阶段考试。考生在通过专业阶段考试的全部科目后，才能参加综合阶段考试。　　专业阶段考试科目：会计、审计、财务成本管理、公司战略与风险管理、经济法、税法6个科目；　　综合阶段考试科目：职业能力综合测试（试卷一、试卷二）。 　　2．考试范围：由财政部注册会计师考试委员会在发布的《注册会计师全国统一考试大纲》中确定。　　3．考试方式（特定范围报名人员除外）：　　考试采用闭卷、计算机化考试（简称机考）方式。即，在计算机终端获取试题、作答并提交答案。　　考试系统支持8种输入法：微软拼音输入法、全拼输入法、智能ABC输入法、谷歌拼音输入法、搜狗拼音输入法、王码五笔型输入法、极品五笔输入法、万能五笔输入法。　考试时间　　2012年具体考试时间为:　◎ 境内考生（即内地、港澳台居民及外国人） 考试阶段 考试日期 考试时间 考试科目 专业阶段考试 2012年10月13日 上午08：30—11：00  《审计》 下午13：00—15：30 《财务成本管理》 下午17：30—19：30  《经济法》 2012年10月14日 上午08：30—11：30 《会计》 下午13：30—15：30  《公司战略与风险管理》 下午17：30—19：30 《税法》 综合阶段考试 2012年9月16日 上午08：30—12：00 《职业能力综合测试（试卷一）》 下午14：00—17：30 《职业能力综合测试（试卷二）》 ◎ 欧洲考区（以下时间均为比利时当地时间） 考试阶段 考试日期 考试时间 考试科目 专业阶段考试 2012年11月16日 上午09：00—11：30 《审计》 下午14：00—16：30 《财务成本管理》 2012年11月17日 上午09：00—11：00 《经济法》 下午14：00—17：00 《会计》 2012年11月18日 上午09：00—11：00 《公司战略与风险管理》 下午14：00—16：00 《税法》 综合阶段考试 2012年11月18日 上午08：30—12：00 职业能力综合测试（试卷一） 下午14：00—17：30 职业能力综合测试（试卷二） 　成绩管理　　（一）考生答卷由财政部注册会计师考试委员会办公室（简称财政部考办）集中组织评阅。考试成绩经财政部考委会认定后发布。考生可登录中国注册会计师协会网站查询成绩并下载打印成绩单。　　（二）每科考试均实行百分制，60分为成绩合格分数线。　　合格标准：　　每科考试均实行百分制，60分为成绩合格分数线。　专业阶段合格证书管理　　专业阶段考试合格证管理　　参加注册会计师全国统一考试的应考人员，专业阶段考试的单科考试合格成绩5年内有效。对在连续5个年度考试中取得专业阶段全部科目考试合格成绩的应考人员，财政部考委会颁发专业阶段考试合格证书。　　　注册会计师全国统一考试专业阶段考试合格证由考生到参加专业阶段考试最后一科考试报名地的地方考办领取。　　综合阶段考试合格证管理　　综合阶段考试科目应在取得注册会计师全国统一考试专业阶段考试合格证书后5个年度考试中完成。对取得综合阶段考试科目考试合格成绩的考生，财政部考委会颁发注册会计师全国统一考试全科合格证。 　　注册会计师全国统一考试全科合格证由考生到综合阶段考试报名地的地方考办领取。　　全科合格证管理 　　根据《注册会计师全国统一考试管理工作指南》规定，参加注册会计师全国统一考试的应考人员，在取得注册会计师全国统一考试专业阶段考试合格证后5个年度内，取得综合阶段职业能力综合测试合格成绩者，财政部考委员颁发全科合格证书。取得综合阶段职业能力综合测试成绩合格的申请人，应持综合阶段职业能力综合测试成绩合格凭证向参加综合阶段职业能力综合测试所在地的地方考办申请换发全科合格证书。 　　全科合格证上的发放日期为财政部考办下发的批复文件日期。　　地方考办在发放全科合格证书时，应同时向全科合格证申请人发放《中国注册会计师协会非执业会员登记表》，督促其申请成为中注协非执业会员。　注册办法　　第一条　为了规范注册会计师注册工作，根据《中华人民共和国注册会计师法》及相关法律，制定本办法。　　第二条　申请注册成为注册会计师适用本办法。　　第三条　省、自治区、直辖市注册会计师协会（以下简称“省级注册会计师协会”）负责本地区注册会计师的注册及相关管理工作。中国注册会计师协会对省级注册会计师协会的注册管理工作进行指导。　　注册会计师依法执行业务，应当取得财政部统一制定的中华人民共和国注册会计师证书（以下简称“注册会计师证书”）。点击查看全文&gt;&gt;</t>
  </si>
  <si>
    <t xml:space="preserve">不买补篮光买补扣能扣么？ </t>
  </si>
  <si>
    <t>不可以的。“补扣”这个技能发动的前提就必须安装“补篮”这个技能。光购买“补扣”这个技能是不能发动的。</t>
  </si>
  <si>
    <t>英汉翻译</t>
  </si>
  <si>
    <t>We take the liberty to introduce our company M/s. Al-Hareth Medical Company as one of the leading medical company in Kuwait since 2002. We are actively engaged in the field of supplying Medical items to various government departments and Hospitals in Kuwait. 请允许我冒昧的介绍我公司，自2002年来成立以来， 在科威特Al-Hareth医药公司一直是处于领导地位的医药公司。我们积极地致力于向科威特各种政府部门和供应医药产品。We are very much interested to promote your Infection Control products to Government and Private Hospitals in Kuwait. Please let us know whether you are represented in Kuwait or not. If you are not yet represented, please confirm your willingness to co-operate with us for promoting your products to our potential customers in Kuwait. Please not that we do require representation letter for registering your company name with the Government Hospitals in Kuwait. 我们对于促进您在科威特的政府部门以及私人医院的控制传染病的产品非常感兴趣。请告知您是否是科威特的代理商。如果您还不是代理商，请确认您是否愿意与我们合作以促进您的产品在科威特潜在客户中的销售。请注意我方需要代理信函为贵公司在科威特的医院登记。Please send price list to our mail and 5 set of catalogues, to the below mentioned address for our evaluation and market survey.请把价格表和5份产品目录按照以下地址邮寄给我们，以便我们进行评估和市场调研。</t>
  </si>
  <si>
    <t xml:space="preserve">衣服上沾了墨汁，用什么洗掉？请问衣服上沾了墨汁（写毛笔字用的那种 </t>
  </si>
  <si>
    <t>用米饭粒搓</t>
  </si>
  <si>
    <t xml:space="preserve">打字怎样重复说多遍打字发言怎样重复刷屏 </t>
  </si>
  <si>
    <t>晕~上面的果然是新手.....         控制台里输入:say 输入你想说的话(按回车,在按方向键“↑”,在按回车键,反复~这是群聊,CT跟T都能看到) 队聊重复发言:say_team 你想说的话,记住中间空一格~</t>
  </si>
  <si>
    <t>163期</t>
  </si>
  <si>
    <t>最好加1，客队的状态还是不错的，防守也很好</t>
  </si>
  <si>
    <t xml:space="preserve">脸上像针孔一样的凹坑疤痕怎么治疗 </t>
  </si>
  <si>
    <t>你这个可能是毛孔粗大造成的,出现了这种情况一般是不能治疗的,只能采取补救措施.你一定要使用深层洁肤的洗面奶,因为那些针孔里分泌的油脂如果得不到好的清洗的话,会很容易吸进一些灰尘,和我们的皮肤正常代谢的死皮相结合,就会产生黑头.毛孔也会越来越大.你每次洗完脸后再使用收缩水,不仅可以收缩毛孔又可以再次清洁皮肤平衡面部酸碱度.最好坚持每星期去一次死皮.</t>
  </si>
  <si>
    <t xml:space="preserve">脑图、心智地图，心像图，心智图各是什么？ </t>
  </si>
  <si>
    <t>心智地图：人们之所以对于变革的需求视而不见，是因为人们头脑中根深蒂固的观念——心智地图——限制了他们的眼界和看问题的角度。所以，克服视而不见的脑障需要改变人们的心智地图。改变心智地图最有效的方法就是通过不可逃避的体验让人们刻骨铭心地感到原本正确的事情变得不正确了。克服知而不行的脑障就是要在明确目标的基础上，让人们相信他们有足够的资源和能力把新的正确事情做好，并且能够得到应有的回报。克服行而不达脑障的利器就是支持和沟通。支持是全方位的支持，包括提供必要的资源和心理的支持；沟通也是全方位的沟通，不仅要报告好消息，而且还要报告坏消息。 心像图是提供一把普遍钥匙打开脑子的潜力的一个强有力的图表技术。它利用表皮技能- 词、图像、数字、逻辑、节奏...心像图可能向改善的学会和清除器认为将提高人的表现的每 个的方面被应用。... 心智图 心智图，又称脑图、思维导图、灵感触发图、概念地图或思维地图，是一种利用图像式思考辅助工具来表达思维的工具。 心智图由英国的托尼·博赞（Tony Buzan）于20世纪70年代提出的一种辅助思考工具。心智图通过在平面上的一个主题出发画出相关联的对象，像一个心脏及其周边的血管图，故称为“心智图”。由于这种表现方式和人思考时的空间想象比单纯的文本更加接近，已经越来越为大家用于创造性思维过程中。心智图在头脑风暴、创意、文档规划和记录笔记等场合中广为应用。Mindjet公司的MindManager是专业的心智图工具，微软的Visio 2002及以上版本提供了画心智图的功能。 脑图是供人使用的众多创造工具集里最简单有效的工具之一,它组织信息和技巧的非线性方式让你捕捉你的意识流。</t>
  </si>
  <si>
    <t xml:space="preserve">五月天第一场万人演唱会是什么时候？ </t>
  </si>
  <si>
    <t>是1999年吧1999年8月28日</t>
  </si>
  <si>
    <t xml:space="preserve">不唯上不唯书不唯心只为实，知识人尤当如此。求联 </t>
  </si>
  <si>
    <t>上联：不唯上不唯书不唯心只为实，知识人尤当如此【非常强生活】下联：要索真要索善要索美应除假，诗词联理该这般【凡夫俗子】</t>
  </si>
  <si>
    <t xml:space="preserve">什么是SOX法案？具体内容是什么？ </t>
  </si>
  <si>
    <t xml:space="preserve">2002年7月，美国颁布了《2002年公众公司会计改革和投资者保护法》（简称SOX法案）。SOX法案规定： 　　●禁止向本公司董事或高管人员提供私人贷款； 　　●公司高管、董事或者受益权人10％的股权变动必须在两个营业日内披露； 　　●在养老金计划管制期内，公司的董事和高层管理人员不能直接或间接交易持有的该公司或从中获益的其他行为； 　　●对于有违反证券法规情节的有关人士，美国证监会可以禁止他们担任公司的管理人员或者董事等。 　　再建立上市公司高管人员责任追究机制 　　1.明确CEO/CFO的会计责任 　　SOX法案要求在上市公司公开披露的信息中，须附有首席执行官（CEO）和首席财务主管（CFO）的承诺函，保证所提交的定期信息披露报告的真实性。此前，美国的上市公司定期信息披露并不需要CEO/CFO签字，因此一旦其上市公司的财务丑闻被揭发，其CEO/CFO往往以自己不知情来开脱个人的法律责任；由于专业性强，程序复杂，一般也很难找到直接证据来证明CEO/CFO明知或故意披露虚假财务信息。结果，美国无罪推定的司法原则使监管部门经常无计可施。 　　SOX法案规定： 　　●上市公司所有定期报告(包括公司依照1934年证券交易法规定编制的会计报表)应附有公司首席执行官与首席财务官签署的承诺函； 　　●承诺函中的内容包括：确保本公司定期报告所含会计报表及信息披露的适当性，并且保证此会计报表及信息披露在所有重大方面都公正地反映了公司的经营成果及财务状况。 　　这样一来，监管者即使找不到或者不再需要寻找财务欺诈的直接证据，也可以要求其CEO/CFO本人承担法律责任。 　　2.要求公司CEO/CFO本人承担不当行为的法律责任 　　此前，在那些造成重大危害的上市公司财务欺诈事件中，公司CEO/CFO本人仅面临个人职业声誉下降（Reputation Risk）的威胁；即使监管者对其采取种种处罚措施，这些惩罚可能也会以各种方式转嫁给上市公司负担，却难以对CEO/CFO本人形成有效威慑。 　　SOX法案此次直接明确了公司CEO/CFO本人面临的法律责任，为监管机构查处财务欺诈提供了强有力的法律武器，弥补了监管体系上的漏洞，使公司的激励机制与责任追究机制达成某种平衡。 　　SOX法案规定： 　　●在公司定期报告中若发现因实质性违反监管法规而被要求重编会计报表时，公司的CEO/CFO应当返还给公司12个月内从公司收到的所有奖金、红利，其他形式的激励性报酬以及买卖本公司股票所得收益； 　　●如果公司CEO/CFO事先知道违规事项，但仍提交承诺函，最多可以判处10年监禁，以及100万美元的罚款； 　　●对于故意做出虚假承诺的，最多可以被监禁20年并判处500万美元的罚款。 　　强化内外制衡 　　安然事件的引爆，并非始于监管机构的稽查行动，而是市场投资机构（主要是对冲基金等）对安然公司的信息披露产生怀疑，即向公司管理层提出一连串的问题要求予以澄清，并大量抛空安然股票所致。因此可以说，提高信息披露义务、加强信息披露，是各国对上市公司进行监管的基本手段。 　　但是一般而言，如何使投资者获得全面、准确、有用的信息以便作出正确的投资决策，并形成对上市公司的监管，还是一个难题。尽管在上市公司信息披露的有关制度方面，美国走在世界前沿，但是SOX法案依然提出了更高的要求，似乎有点矫枉必须过正的味道。 　　SOX法案规定： 　　●进一步缩短财务报告披露的滞后期，提高及时性。其中，未来3年内，年度报告由90天缩短为60天；季度报告由45天缩短为35天。年报及季报都需要注册会计师的审计。 　　●强化上市公司内控及报告制度，要求公司年度报告中提供“内部控制报告”，说明公司内部控制制度及其实施的有效性，“内部控制报告”要出具注册会计师的意见； 　　●提高对公司信息披露可用性的要求，包括定期报告中披露所有的资产负债表外交易、财务状况的预测性信息、高层财务人员的道德守则、所有由注册会计师出具的实质性的纠正调整、临时报告中公司财务状况或财务经营状况的实质性变化等。 　　加强内部独立监督能力 　　与我国上市公司不同，美国上市公司内部设有审计委员会，但不设立监事会。审计委员会的职责是监督该公司的会计及财务报告程序，以及审计该公司的财务报告。2002年上市公司系列财务丑闻表明，公司的审计委员会没有发挥应有的作用，甚至形同虚设。 　　SOX法案规定： 　　●为保证独立性，审计委员会必须完全由“独立董事”组成，独立董事不得是公司或者其子公司的关联人士，其中至少一人应是财务专家；独立董事不得从公司中接受任何咨询、顾问费或者其他酬金; 　　●公司聘用会计师事务所及报酬方式要由审计委员会批准，并接受审计委员会的监督；会计师事务所在审计过程中遇到的重大事项必须及时报告审计委员会； 　　●为保证审计委员会能够及时发现公司的会计和审计问题，还需要建立一套处理举报或投诉的工作程序以及相应的监测系统、反应机制。 　　SOX法案所提出的措施，是否能确保对会计、审计及公司高官人员的监督，还需要实践检验。但是会计审计本身的专业性较强，即使由审计委员会进行监督，还是能够给注册会计师留有一定的操作空间。 　　杜绝注册会计师利益瓜葛 　　美国上市公司的连锁会计丑闻，已使有关会计师事务所深陷其中。然而，负有审计责任的会计师事务所不但没有履行职责，五大会计师事务所之一的安达信甚至为虎作伥，帮助安然销毁证据。 　　实际上，美国证监会在很早以前就注意到并着手开始纠正会计师事务所与被审计公司之间存在的利益瓜葛问题。例如：若一个事务所长期服务于同一客户，就有可能和客户发生复杂的利害关系，它们会在进行审计业务的同时，再提供企业咨询等非审计业务。而非审计业务的收益，很可能会超过审计业务等。 　　前任美国证监会主席阿瑟·莱维特曾经力主：所有会计师事务所的审计业务与咨询业务必须分拆。但此建议曾遭到五大会计师事务所的抵制。对此，SOX法案授予美国证监会一柄尚方宝剑，严格限制会计师事务所那些可能产生利益冲突的做法。 　　SOX法案规定： 　　●禁止会计师事务所在进行审计业务的同时提供非审计业务。其中，明确列举了8类不适当业务被禁止，并授权美国证监会的会计监督委员会可以根据情况对其他类业务作出禁止规定。 　　●强制实行注册会计师定期轮换制。规定会计师事务所的主审会计师，或者复核审计项目的会计师，为同一公司连续提供审计服务不得超过5年。 　　●限制注册会计师去被审公司任职。公司的现任CEO/CFO等高管人员，若在一年内曾经受雇于会计师事务所并参与该公司有关的审计工作，则该事务所不得再担任该公司的审计工作。 　　●实行会计师事务所注册备案制度。从事上市公司审计业务的会计师事务所，必须在会计监督委员会进行注册，并且要定期更新注册信息。 　　●针对安达信销毁审计档案的问题，SOX法案还规定：注册会计师有保管审计工作底稿的责任。要求会计师事务所审计上市公司的工作底稿至少保存7年。 　　由于此项措施的强制性，到目前为止，五大会计师事务所已经基本完成审计和咨询业务的分拆。例如毕马威的咨询业务分拆为毕博咨询；普华永道的咨询业务分拆后被IBM收购；因为分拆较早，从安达信分拆出来的埃森哲咨询得以从安然事件中幸免。 　　会计师行业由自律改为监管 　　以往，美国注册会计师行业的监管与服务职能都集中在美国注册会计师协会（AICPA）。然而，证券市场的系列会计丑闻，已使注册会计师行业自律的有效性遭到空前质疑。 　　实际上，美国注册会计师协会是依靠会员会费的资助在维持运作，所以少数大型会计师事务所对协会的影响很大，使协会不可避免地会自发维护注册会计师的利益。因此，仅依靠协会自律，很难杜绝丑闻再度发生。 　　SOX法案规定： 　　●要求美国证券交易委员会（SEC）成立上市公司会计监督委员会(PCAOB)，而原来由AICPA行使的对注册会计师行业的监管职能，则交给更具公共职能的PCAOB。 　　●PCAOB由五人组成，直接归美国证监会管辖，但不属于其内部雇员。为消除注册会计师事务所对其的影响，该委员会的运行经费不再由会计师事务所承担，而是改为由上市公司分担； 　　●美国证监会授权该委员会制定审计准则、会计师事务所注册权、日常监督权、调查和处罚权；检查和处理上市公司与会计师之间的会计处理分歧。 　　尽管此前在《1934年证券交易法》中已明确：制定上市公司会计准则的权限属于美国证监会。但是，由于政府机构的效率、经费、专业人才等方面的不足，更由于对行业自律的有效性存在幻想，美国证监会一度将会计准则的制定权代理给了民间自律机构。SOX法案要求美国证监会对这个问题进行纠正，并向国会报告有关情况。 　　确保证券分析师的客观性和独立性 　　美国证券市场系列会计丑闻中，除了注册会计师外，证券公司在其中也扮演了不光彩的角色。尤其证券公司内部投资银行部门和证券分析师相互勾结，发布虚假分析报告，操纵市场价格，误导投资者。此类情况被揭发后，证券公司面临大量的法律诉讼和监管部门的处罚。 　　SOX法案规定： 　　●要求美国证监会SEC制定相关的规定和细则，以避免证券分析师在其研究报告或公开场合向投资者推荐股票时“见利忘义”，以提高研究报告的客观性，向投资者提供更为有用和可靠的信息。规定的内容包括：禁止公开发布由经纪人和交易商雇佣的从事投资银行业务的人员所提供的研究报告，以及非直接从事投资研究的人员提供的研究报告；由经纪人和交易商雇佣的非从事投资银行业务的官员负责对证券分析师的监管和评价；要求经纪人和交易商，以及他们雇佣从事投资银行业务的人员，不得因证券分析师对发行人证券提出了不利的或相反的研究结论，并因该结论影响到经纪人、交易商同发行人的关系而对证券分析师进行报复和威胁； 　　●规定一定期限内担任或即将担任公开发行股票承销商或坐市商(dealers)的经纪人和交易商不得公开发布关于该股票或发行人的研究报告； 　　●在执业的经纪人和交易商内部建立制度架构体系，将证券分析师划分为复核、强制(pressure)、监察等不同的工作部门，以避免参与投资银行业务的人员存有潜在的偏见； 　　●要求证券分析师、经纪人和交易商在研究报告公布的同时，披露已知的和应当知晓的利益冲突事项。 　　SOX法案还注意到纠正各种干扰证券分析人员独立性的问题，例如来自公司内部投资银行部门的威胁利诱等。 　　加强刑事处罚 　　由于上市公司会计丑闻给投资者造成极大损失，人们迫切要求将犯罪分子绳之以法。因此，除了对CEO/CFO的处罚规定外，SOX法案中还制定了严厉处罚证券犯罪的法规。 　　SOX法案规定： 　　●任何人通过信息欺诈或价格操纵在证券市场获取利益，最多可监禁25年或处以罚款；对违法的注册会计师可被判处10年以下监禁或罚款； 　　●延长了对证券欺诈的追诉期，起诉时间可以延长至非法行为发现的两年内，或者非法行为实施后的五年内； 　　●新的规定将保护公司检举揭发的员工，对举报者进行打击报复的，最高可判处10年监禁，还规定了对举报者的具体的补偿措施，比如恢复职务、补发报酬及其他损失等。 　　SOX法案是匆忙出台的产物，这与美国特定的政治背景有关。 　　从目前情况看，SOX法案提出的措施，对于稳定美国股市起到了一定作用。但要使投资者全面恢复信心，解决证券市场深层次的问题，还需要一定的时间，也并非制定几条法律法规那么简单。　　SOX法案即《萨班斯-奥克斯莱法案》 　　又称《2002年公众公司会计改革和投资者保护法》。美国国会为纠正2001年安然事件后爆发的连串上市公司会计丑闻，恢复投资者对股票市场的信心，推出此亡羊补牢之举。该法案于2002年7月由美国总统布什签署发布。 　　SOX法案主要针对公司财务丑闻中揭露出来的问题，修补完善了《1933年证券法》和《1934年证券交易法》的有关章节。具体内容很长，看这里。 </t>
  </si>
  <si>
    <t xml:space="preserve">请问宝宝肚子里长蛔虫有什么症状我的宝宝一岁了会长吗 </t>
  </si>
  <si>
    <t>【病理】 蛔虫病是蛔虫寄生在人体肠道所引起的疾病。蛔虫卵污染泥土、水或食物，如果人吃了被污染的食物就会患病。儿童容易玩泥土，如果手上沾了蛔虫卵，饭前又没洗手，就易患上蛔虫病。 【症状】 蛔虫病人多没有症状，有的常有脐周有阵发性腹冯，有的食欲不好，有的食欲很好却日渐消瘦，有的伴有腹泻，大便中带有不消化的食物并排出蛔虫；有的有低热，烦躁不安，晚上易惊醒、磨牙，蛔虫常引起严重的并发症，诸如肠梗阻、急性阑尾炎、胆道蛔虫症和急性胆道炎、急性腹膜炎等疾病都有可能由蛔虫引起。参考资料： 蛔虫病是吞食蛔虫蚴卵后感染的一种最常见的肠道寄生虫病。其临床表现有发热、咳嗽、皮肤瘙痒、上腹部或脐周阵发性疼痛、时有呕吐或腹泻、睡眠时磨牙、面部有色素变浅的环状虫斑等。蛔虫又具有攻窜的特性，可到处乱窜而导致多种并发症，如胆道蛔虫症等。 一条成熟的雌性蛔虫寄生在人体的小肠中，每天能产卵达二十万个之多。但这些虫卵并不能在人体内发育成熟，而必须随粪便排出体外，在体外发育成熟。蛔虫卵对外界环境的抵抗力很强，在泥土中它甚至能生存3-5年。当人们吃了含有被虫卵污染的蔬菜、喝了生水以后，便可能吞下活的蛔虫卵。这种发育成熟的蛔虫卵，到人体小肠中脱壳而出，逐步发育成为一条条蛔虫。蛔虫在人体内寄生，它的寿命为一年左右。 蛔虫病在我国流行相当广泛，农村高于城市，儿童多于成人，其感染率可达85％以上。 有人误认为人体内应该有蛔虫寄生，把它称为“消食虫”，似乎有蛔虫寄生，才能有助于消化。事实上蛔虫寄生，对人体有许多危害： 1．蛔虫的幼虫从卵中脱壳而出，侵入肠粘膜血管进入门静脉，经肝脏、心脏至肺泡，再由气管到喉头，被重新吞下至小肠中，才正式发育成为一条成虫。在这个过程中，如有大量蛔虫的幼虫经过肺部，可以引起病人发热、咳嗽，肺部透视有阴影，称为过敏性肺炎。蛔虫的幼虫如果误入歧途，进入眼部，可能引起失明；进入脑部，可能引起癫痫。 2．蛔虫寄生在人体可以引起病人营养不良，尤其在大量寄生时更为明显。病人面黄肌瘦、食欲不振，并常失眠，儿童夜间睡眠多梦，并常磨牙。 3．蛔虫有钻孔的习性。当服用驱虫药时，或有发热及腹泻时，蛔虫可以钻入胆道，引起胆道蛔虫症。蛔虫成团可能引起肠梗阻等。 蛔虫寄生给人体造成许多危害，所以对蛔虫病千万不可等闲视之。 诊断蛔虫病，只要化验粪便，如果在其中发现有蛔虫卵，便可以确诊为蛔虫病。 治疗蛔虫病的药物很多，近年来又有许多新药，疗效很高，而副作用很少，如左旋咪唑、甲苯咪唑、四咪唑等，患蛔虫病的人，可以在医生指导下服用这类药物治疗。有人服药后虽然驱出很多蛔虫，但仍然不能根治，因此重点在于预防蛔虫的再感染，它的关键是把好饮食卫生关。蔬菜要洗净煮熟，瓜果要洗净去皮，不喝生水，饭前便后要洗手。勤剪指甲也很重要，因为指甲下面的污垢中常含有许多蛔虫卵。 驱除蛔虫二法 取石榴树皮15克，洗净入锅，加水500克，煎浓汁约半碗，清晨空腹服用，除蛔虫有特效。 食醋2汤匙，6小时服1次，连服2日，可驱蛔虫。 蛔虫是如何进入人体的 蛔虫病是獐最觉的寄生虫病，农村患病率比城市高。蛔虫孵被人吞食后，大部分被胃酸杀死，部分进入小肠，在人体内发育成成虫，产卵。雌蛔虫体内有大量虫卵，每条雌蛔虫约含虫卵2000万个以上，通过人的大便每天约20万个。虫卵随烘便后广泛分面在厕所、烘坑和土壤中，通过施肥、尘土飞扬及苍蝇、蟑螂、猎、鸡、狗等的携带使蛔虫散布在蔬菜、食物、水及环境中。蛔言在壤内可以生存1－2年，甚至更长。蛔早人体主要通过以下几个途径：1、食物感染主要是吃附有虫卵的生菜、水果，或食入被带有蛔虫卵的苍蝇和尘土污染的食物。2、经手感染小儿生性妇动，对一些新鲜的喜欢东摸摸、本抓抓，同时又喜欢在地玩耍，蛔虫卵很容易沾在手上和指甲疑内。而且小儿又不易做到饭前便后洗手，有些婴幼儿还有手指的飞快，因此蛔虫卵很容易被带进口中，得蛔虫病的机会要比成人多。3、饮水感染一些农村饮用浇水或池塘水，容易到虫孵的污染。有些农村的孩子有喝生水的飞快，因而这也是一条主要的感染途径。4、呼吸道感染尘土中的蛔虫卵可被吸入呼吸道，然后再被吞入消化道感染人体，国外有人调查发现3．2％的小儿鼻内有蛔虫卵。 早刚的卵必须土壤中成内含幼虫 的虫留言，变成具有感染能力的虫卵，蛔虫留 蛔虫对人体危害 蛔虫 的可怕之处在含有幼虫的蛔虫卵被吞入人体后并不是直接 肠道内生长发育，而是由虫卵变成幼虫后，通过人的血循坏，经过心、肺等重要器官再回到肠道发育成成虫。蛔虫在人体内的漫游和发育会对会造成严重的危害。 1、幼虫移行症短期内天入大量蛔虫卵后经8－9天，幼虫进入肺泡可引起发热、咳融洽、哮喘、荨麻疹等。重症有气急或痰中带血，血中酸怀粒细胞明显增高。病程短，大多经2周左右完全恢复。幼虫还可侵入肝、脑、眼等器官，引起相应器官的损害，如肝大、癫痫、眼睑浮肿等。 2、成虫引起的症状轻度感染者无明显症状，严惩者引起营养不良、消瘦、多食、异食癖、发育障碍等。常伴有上部或脐周阵发性疼痛，可自行缓解，与饮食无关。 3、胆道蛔虫症蛔虫有喜欢钻孔的特性，当爱到药物、湿度或其他因素刺激时会乱钻一通。若钻入胆道，刺激胆总管括约肌产生强列痉挛，出现剧列的右上腹疼痛，常伴呕吐，有时吐出蛔虫。体检仅在右上腹 有轻度压痛，腹 部体征剧列腹痛不一致为本病的特征。当蛔虫自行退出后，腹痛即缓解。 4、蛔虫性肠梗阴发病仅次于胆道蛔虫症。由于蛔虫成团阻塞肠腔，或蛔虫毒素剌激引起肠壁痉挛所造成。表现为剧烈腹痛、伴呕吐，往往吐出胆汁或蛔虫。腹胀明显，腹部可摸到包块或有条索感。如果治疗不及时，可因肠壁血液循环的阻断而发生肠坏死；肠穿孔，继发腹膜炎。因呕吐严重可出现电解质紊乱。 5、其他 蛔虫还可钻入阑尾或肝脏，导致蛔虫性阑尾炎或"肝脓肿"。昏迷的病人，蛔虫会从喉部钻入气管，引起窒息。蛔虫病的诊断主要根据大便中找到虫卵或大便中排出成虫为根据。至于面部的白斑'指甲内的白点、晚上磨牙等都不能作为诊断蛔虫病的依据。 治疗蛔虫病有啥诀窍 常听一些家长反映，小儿打虫药也服过了，但不见蛔虫打出，到底应该如何治疗蛔虫病呢？ 1、合理选择药物 （1）甲苯咪唑为广谱驱虫药，目前常用的驱虫药的主要成分就是甲苯咪唑 ，服用时不必忌油和空腹。 （2）枸橼酸哌哔嗪（驱蛔灵），它的作用是麻痹蛔虫肌肉，使蛔虫失去活动能力，最后随粪便排出体外。每日每公斤体重0．15克，睡前一次服，连服2天。 2、判断肠内蛔虫是否全部排出 服药7－10天后再次查大便，若未找到虫卵，说明驱虫彻底。千万不能认为服药1－2天后大便中找不到虫卵就以为蛔虫已经驱净。因为附着在肠壁的虫卵1－2天内不可能完全排出，需7－10天才能排尽。 以上是彻底治疗蛔虫病的关键。此外，在临床上常会遇到这样的情况，有些小儿从临床症状看可能是肠蛔虫病，但大便化验却找不到虫卵，这是为什么呢？我们说，大便化验只是在一份大便标本中挑取绿豆大小的一块进行涂片检查，找不到虫卵不能完全排除蛔虫病的可能，如能用大便沉淀浓缩找虫卵，则可大大提高阳性率。 什么是蛔虫病？应如何治疗？ 蛔虫是人体中最常见的一种肠道寄生虫，儿童感染率最高。其主要表现是食欲不好，腹痛，或腹泻、便秘，甚至可以造成小儿营养不良、贫血、智力发育差等症状。由于毒素的刺激，小儿可出现不安、易怒、易惊、磨牙等症，甚至引起蛔虫性肠梗阻、胆道蛔虫症，蛔虫性阑尾炎、腹膜炎、过敏性肺炎等严重的并发症。因此，小儿蛔虫病要及时检查和治疗。治疗小儿蛔虫病的药物种类较多，比较完全的有驱蛔灵、肠虫清等。中药有使君子、南瓜子、乌梅等药，但要在医生的指导下用。还用一种方法是将花椒与杂质及椒籽，取9克，麻油取120克，置于锅内加热，再将花椒倒入油中煎熬，至微焦时停火，待凉后滤除花椒，此油即为一剂量，如一次服不下，间隔2～3小时后继续服用。治疗小儿蛔虫性肠梗阻，服后2小时腹痛即会明显减退，半天后自动排虫。 如何预防蛔虫病？ 首先应了解人体是如何感染蛔虫病的。寄生于人体内的蛔虫每天都要从大便中排出大量虫卵，刚刚排出的虫卵并无感染力，在适当的条件下，变为具有感染力的虫卵，并散布于食物、水源及生活环境之中。它在土壤中可生存1～5年。这些具有感染力的蛔虫卵又会以多种渠道进入人体。如，小儿可能吃了附有虫卵的生菜、水果等污染食品受到感染；也可能小儿受到虫卵的污染而感染，因为小儿经常在地上玩闹，双手哪儿都摸，加上饭前便后不洗手；水源受到虫卵的污染也是感染蛔虫的途径之一。小儿感染蛔虫后，因虫体刺激肠壁、分泌毒素、消耗营养，从而影响小儿生长发育。因此，对于小儿蛔虫病，应以预防为主。方法就是阻止虫卵进入人体。蛔虫寄生在体内一般多在1～2年内即死亡，也就是说，如果感染了蛔虫病，不经任何治疗，只要做到不再重复感染，过1～2年虫体可自行排出。另一方面，蛔虫病虽经有效的治疗，但如果不注意卫生，使虫卵再进入人体，两个月后在肠道内又会发育为成虫。因此预防初次感染和再次感染是非常重要的。教育小儿养成良好的卫生习惯，不生吃瓜果，蔬菜要洗干净，饭前便后要洗手，要常剪指甲，不吮手指头。另外还要消灭苍蝇、蟑螂，做好粪便和水源管理，搞好环境卫生，就能避免虫卵进入人体内。 蛔虫是怎样进入人体的? 蛔虫成虫，一般生活在小肠，每条雌虫每次产卵约20万，这些虫卵随粪便排出体外。受精卵在合适的条件下，逐渐变为有感染力的虫卵，通过各种途径，被人吃到肚里，在小肠里面虫卵脱壳，变为幼虫，穿过肠壁进入血流，长途跋涉，移行到肺，穿过微血管进入肺泡，然后沿支气管树向上逆行，抵达咽喉，被人咽下，经胃到小肠定居。从虫卵进入人体，到成虫产卵约60～75天。幼虫在移行的过程中也不是一帆风顺的，有部分的幼虫在胃肠被消灭掉。 蛔虫病有什么表现? 蛔虫生活在人的小肠里面，由于虫体活动刺激肠壁，小儿经常发生腹痛，多在脐周，疼痛不定时，疼时喜欢揉按。由于很多虫子在肠道内与小儿争夺营养，小儿营养就不足了，从而影响小儿的生长发育，可以导致营养不良和贫血。由于蛔虫的毒素和代谢产物的影响，患儿食欲不振，个别孩子发生偏食或异食，患儿喜欢吃煤渣、墙灰等非食用物。有的孩子出现低热、易怒、磨牙、易惊。幼虫移行的时候，可出现咳嗽、胸痛、哮喘、呼吸困难、体温升高、皮肤瘙痒、血液中嗜酸性白细胞增多等过敏现象。肠道中的成虫可引起蛔虫性肠梗阻、胆道蛔虫症、蛔虫性阑尾炎、蛔虫性腹膜炎等合并症。 怎样能知道宝宝肠内有蛔虫? 许多家长，特别重视孩子面部上的虫斑(单纯糠疹)、眼睛上的巩膜蓝斑、手指甲上的白斑，和嘴唇内侧面的粟粒点，其实这些局部改变与肠蛔虫病的关系不大，不能仅凭这些改变就认定孩子肠内有蛔虫。最可靠的证据，是孩子近期排过蛔虫或吐过蛔虫。如果没有排出蛔虫或吐蛔的病史，那就得做粪便显微镜的检查，如果发现有蛔虫卵，即使只有一个，也应该定为孩子肠内有蛔虫。但一二次检不到蛔虫卵，也不能否定肠蛔虫症的存在。 怎样防治蛔虫病? 蛔虫症好治不好防。好治是说优质的驱虫药疗效好，副作用少。不好防是说蛔虫卵经过许多途径都能进入人的肠道，例如经过污染的食物、污染的双手、污染的水源，都能造成感染。所以预防初次感染、重复感染都很重要。因此要做大量的工作，才能杜绝蛔虫病，如消灭苍蝇、蟑螂，做好粪便的管理、水源管理和食物管理，教育孩子不要随地大小便，饭前便后坚持洗手，常剪指甲，不吮手指，生吃瓜果蔬菜要洗净，或用消毒液浸泡。如能认真做到这些，就不会再感染蛔虫卵。 驱蛔药物选用：①丙硫咪唑(史克肠虫清)，每片200毫克，每次吃2片(婴儿驱蛔虫，不能吃这种药)。治愈率96%，虫卵转阴率100%。②甲苯咪唑( 安乐士)有两种剂型：片剂，每片100毫克；安乐士口服混悬液，每瓶30毫升，每毫升含药20 毫克。服法是每日200毫克，1次顿服，或每次服100毫克，每天2次，连续服3天。治愈率87%～100%，虫卵转阴率90%～100%。 中药如何治疗蛔虫病 ? (1)一般蛔虫症 表现为反复阵发性绕脐腹痛或反复脐周隐痛，喜揉按，食量或多或少，或嗜食异物，夜寐不安，磨牙，挖鼻，咬指甲，有吐蛔、大便排虫史，甚者嗜食泥土、生米炭灰等物。多数患儿面部有淡白斑迹，巩膜有蓝色斑点，或唇下有细颗粒点状隆起，舌淡红苔白，脉弦细。周围血象检查，嗜酸性粒细胞增多。治法：驱蛔醒脾。以四君子汤煎送追虫丸，药用：党参、白术、茯苓、甘草、槟榔、雷丸、苦楝皮、黑丑、木香、茵陈、皂角。 (2)蛔阻症 平素有吐蛔或便蛔史，时有脐腹疼痛，突发腹痛剧烈，腹部包块隆起，或可触及团块，按之软而可移动，呕吐，大便不通，面色苍白，脉弦。治法：安蛔润下驱虫。方选油椒饮，即以豆油100毫升，油炸川椒4～6克，以焦为度，去川椒喝油，分1～2次喝下。 (3)蛔厥症 有蛔虫病史及蛔虫症的一般症状，突发上腹或偏左腹部绞痛，弯腰曲背，肢冷汗出，呕吐常吐蛔，腹痛时作时止，可以突然痛失如常人，重者腹痛持续，时轻时剧，或有畏寒发热，苔黄腻，脉弦数或滑数。治法分三步：①安蛔。②驱蛔。③调补。方药：陈米醋口服20～30毫升，半小时后可再服一次。疼痛缓解后作常规驱虫治疗，治以安蛔驱虫。方选乌梅丸加减，药用乌梅、川椒、黄柏、槟榔、苦楝皮、干姜、细辛。水煎服。虫体排出，腹痛缓解，宜安蛔补脾胃，用五味异功散：党参、白术、茯苓、陈皮、甘草。水煎，日分 3次服。 小儿蛔虫病会发热吗? 蛔虫病在儿童中发病较多，尤其在学龄期与学龄前期儿童发病率最高。蛔虫是一种大型的蚯蚓状线虫，寄生在小肠上段。人经口摄入感染期虫卵后，其幼虫在小肠上段孵出，经过体内移行，最后在小肠发育为成虫。 蛔虫病在病程早期，当幼虫在体内移行时，幼虫经过肺脏，由于其代谢产物或幼虫本身死亡，可引起炎症反应。这时患儿可出现低热、阵发性咳嗽、咽部有异物感。当成虫在小肠内寄生时，多数患儿可无任何临床症状，有的患儿可出现腹痛等肠道功能紊乱，但一般都没有发热等全身症状。 小肠内寄生的蛔虫通常处于安静状态，但如果受到发热、腹泻等刺激后可引起骚动。由于蛔虫有钻孔习性，因而可产生各种并发症。当蛔虫钻入胆道，可引发急性胆囊炎、急性胆管炎，甚至可引起急性胰腺炎或肝脓肿等。当蛔虫引起胆道并发症时，由于继发感染，可出现高热、腹痛等症状。当蛔虫大量在小肠内缠结成团时，可引起肠梗阻。这时，患儿除有剧烈腹痛症状外，一般都可能出现发热。当蛔虫从小肠或阑尾穿孔进入腹腔后，可引起蛔虫性腹膜炎，也会出现腹痛和发热等症状。 总之，小儿肠蛔虫病一般没有发热症状。在幼虫移行至肺脏时，由于代谢产物的刺激引起炎症反应，可出现发热，但发热症状一般轻微，多表现为低热。而只有在出现各种并发症时，由于继发感染，才会引起高热。因此，当患儿突然出现腹痛、高热时，家长一定要及时请医生诊治。 驱蛔灵中毒对小儿智力发育有影响吗? 驱蛔灵为广泛应用的驱肠虫药物，驱蛔虫、蛲虫效果良好。其价格便宜，毒性较小，但误服过量可发生中毒。原有肾脏疾病或对本药敏感的小儿应用治疗剂量也可发生严重反应。 驱蛔灵中毒一般在服药7～8小时出现症状，也有迟到2天以后出现症状者。病儿有恶心、呕吐、腹痛、腹泻等症状，也可导致中毒性肝病，还可有头痛、头晕、精神不振、听力减退、视物不清、运动不协调、步态不稳、舞蹈样动作、震颤、记忆力减退，严重者引起中毒性精神病、惊厥、嗜睡、昏迷、瘫痪，并可因呼吸麻痹而死亡。此外还可能出现血尿、蛋白尿等。对本药敏感的小儿可出现高热、恶心、呕吐、腹痛、面色苍白、紫绀、四肢冰冷、哮喘发作、脉搏减弱、血压下降等严重反应。 由于驱蛔灵中毒可引起记忆力减退、中毒性精神病、昏迷、惊厥、呼吸麻痹，说明该病对大脑中枢神经系统影响大，如不能及时抢救，对小儿智力影响是可想而知的。另外还可引起听力减退，视物不清，可间接影响小儿的智力发育。因此给小儿服用驱蛔灵应遵照医嘱，一次用量不能过大，而且两次用药要间隔一定的时间，以防中毒。 服驱蛔虫药而引起中毒的小儿，应立即送往医院，先催吐，后洗胃，然后导泻。出现惊厥、昏迷时应给氧、止惊，呼吸麻痹时应用人工呼吸器辅助呼吸，还要注意保护肝、肾功能等。对本药过敏的小儿应立即使用激素抗过敏。</t>
  </si>
  <si>
    <t xml:space="preserve">原材料单价填错了怎么办10月份有100kg的铝材料出库单的单价填 </t>
  </si>
  <si>
    <t>两种处理方法：方法一：1、按单价19元填写红字的100KG领料单，做红字冲销凭证借：生产成本 1900（红字）贷：原 1900（红字）2、再按单价17元填写篮字的100KG领料单编制凭证借：生产成本 1700贷：原材料 1700方法二1、可以按多记材料差额直接作红字冲销凭证。2、摘要写：冲销10月份第xx号凭证，材料单价记错金额3、会计分录（100*2=200）借：生产成本 200（红字）贷：原材料 200（红字）2010-12-08 11:33 补充问题10月份领用的材料做的产品还没有入库 1、如果没有完工，按上面的分录作。2、如果已完工（1）先做冲销凭证借：生产成本--vv产品--材料费 200（红字）贷：原材料 200（红字）（2）结转完工产品借：产成品--xx产品 200（红字）贷：生产成本--vv产品--材料费 200（红字）方法二需要填红字领料单的咐件吗？可以按出库材料单价的差额2元填写红字领料单做附件。</t>
  </si>
  <si>
    <t xml:space="preserve">我在淘宝中的支付宝实名认证一个星期都没有通过审核，经确认是身份证? </t>
  </si>
  <si>
    <t>实名认证有银行信息认证和个人身份认证！~银行信息认证就是开通网上支付功能后提交信息`再有支付宝转帐1元以下到你的账户！~然后邮件通知你去XXX地址确认！~这就需要你上网上银行查询！~如收到5分钱就在连接地址的   我看到      元   处输入0.05提交个人身份就要真实的个人信息！~身份证图片建议用数码相机或高像素手机拍摄然后剪切至原始大小再上传！！</t>
  </si>
  <si>
    <t xml:space="preserve">请专家讲解换手率高,低对股价的影响?谢谢! </t>
  </si>
  <si>
    <t>换手率的高低往往意味着这样几种情况：　　(l)的换手率越高，意味着该只股票的交投越活跃，人们购买该只股票的意愿越高，属于热门股；反之，股票的换手率越低，则表明该只股票少人关注，属于冷门股。　　(2)换手率高一般意味着股票流通性好，进出市场比较容易，不会出现想买买不到、想卖卖不出的现象，具有较强的变现能力。然而值得注意的是，换手率较高的股票，往往也是短线资金追逐的对象，投机性较强，股价起伏较大，风险也相对较大。　　(3)将换手率与股价走势相结合，可以对未来的股价做出一定的预测和判断。某只股票的换手率突然上升，成交量放大，可能意味着有投资者在大量买进，股价可能会随之上扬。如果某只股票持续上涨了一个时期后，换手率又迅速上升，则可能意昧着一些获利者要套现，股价可能会下跌。　　一般而言，新兴市场的换手率要高于成熟市场的换手率。其根本原因在于新兴市场规模扩张快，新上市股票较多，再加上投资者投资理念不强，使新兴市场交投较活跃。换手率的高低还取决于以下几方面的因素：　　(l)交易方式。证券市场的交易方式，经历了口头唱报、上板竞价、微机撮合、大型电脑集中撮合等从人工到电脑的各个阶段。随着技术手段的日益进步、技术功能的日益强大，市场容量、交易潜力得到日益拓展，换手率也随之有较大提高。　　(2)交收期。一般而言，交收期越短，换手率越高。　　(3)投资者结构。以个人投资者为主体的证券市场，换手率往往较高；以基金等机构投资者为主体的证券市场，换手率相对较低。　　世界各国主要证券市场的换手率各不相同，相差甚远，相比之下，中国股市的换手率位于各国前列。我们在挖掘领涨板块首先要做的就是挖掘热门板块，判断是否属于热门股的有效指标之一便是换手率。换手率高，意味着近期有大量的资金进入该股，流通性良好，股性趋于活跃。 因此，投资者在选股的时候可将近期每天换手率连续成倍放大的个股放进自选或者笔记本中，再根据一些基本面以及其他技术面结合起来精选出其中的最佳品种！ 首先要观察其换手率能否维持较长时间，因为较长时间的高换手率说明资金进出量大，持续性强，增量资金充足，这样的个股才具可操作性。而仅仅是一两天换手率突然放大，其后便恢复平静，这样的个股操作难度相当大，并容 易遭遇骗线，如06年2月24日，27日的高换手伴随天量，并不意味天价见天量，实为做量吸引眼球，为利空出货吸收买盘！之后是一浪一浪的下跌！ 另外，要注意产生高换手率的位置。高换手率既可说明资金流入，亦可能为资金流出。一般来说，股价在高位出现高换手率则要引起持股者的重视，很大可能是主力出货（当然也可能是主力拉高建仓，此种情况以后论述）；而在股价底部出现高换手则说明资金大规模建仓的可能性较大，特别是在基本面转好或者有利好预期的情况下！ 投资者操作时可关注近期一直保持较高换手，而股价却涨幅有限（均线如能多头排列则更佳）的个股。根据量比价先行的规律，在成交量先行放大，股价通常很快跟上量的步伐，即短期换手率高，表面短期上行能量充足。形态上选择圆弧底，双底或者多重底，横盘打底时间比较长，主力有足够的建仓时间，如配合各项技术指标支撑则应该引起我们的密切关注！</t>
  </si>
  <si>
    <t xml:space="preserve">佣兵纹身.纹什么好 </t>
  </si>
  <si>
    <t xml:space="preserve">    建议:52级后在纹,因为52后可以穿青狼重,青狼重+7移动速度,+5%HP回复速度,+3力量,-2敏捷&lt;dex&gt;,-1体质&lt;con&gt;。现在你可以-体质+敏捷.    佣兵血厚,他是天2第二血牛(第一是破坏),但他天生敏捷低,也就是命中低,所以你要狂+敏捷...</t>
  </si>
  <si>
    <t xml:space="preserve">怎样才能不掉头发其他方法有吗?该怎么办啊?之前长发掉特多，就给理? </t>
  </si>
  <si>
    <t>脱发的原因有很多，有脂溢性脱发、血虚、血热性脱发、肾虚脱发及遗传性因素脱发，宜对症治疗为佳；另外，还要注意营养调理，头发的主要成分是胶原蛋白，因此要补充优质蛋白质、B族维生素及维生素C和钙，并保持愉快心情，少吃辛辣刺激性食物，和油脂过高的食物，保证充足的睡眠，希望可以帮到你（好评哦，谢谢）</t>
  </si>
  <si>
    <t xml:space="preserve">晚上睡觉出汗怎么办去医院看过，说是阴虚，开了中药，第一天吃都有效 </t>
  </si>
  <si>
    <t>吃中药一天就想好？那有这么快。你这种现象叫盗汗，看来还比较严重，阴虚的话可先吃段时间左归丸，以后长期吃六味地黄丸</t>
  </si>
  <si>
    <t xml:space="preserve">100元钞票被撕国家有损失吗？假如有人有一张100元钞票，并把这 </t>
  </si>
  <si>
    <t>不会的！货币只是一种等价物，一张100元钞票没了，但其对应的货物还在啊！对国家来说，它有发行纸币的权利，只要到时再印一张100元，因为那100元对应的货物还在，那么国家多印这一张100元就根本不会造成通货问题，所以对国家来说是一点损失也没有。另外，举个例子，银行每年都会回收很多残破币，进行消毁，然后再印等值的货币出来。银行和国家每年都在这么做，如果损失，那他还要这么做干嘛呢？</t>
  </si>
  <si>
    <t xml:space="preserve">如何上传大容量的照片？一些网站对上传文件和照片的容量由一定限制。 </t>
  </si>
  <si>
    <t>有的网站支持较大的容量照片。如 里，就支持单张最大为2M的。效果很好，许多论坛也支持的。另外，你处理照片时，一定要选择“另存为”，这样，你原来的照片依然存在。</t>
  </si>
  <si>
    <t xml:space="preserve">儋州的中通快递在哪里谁懂谁回复 </t>
  </si>
  <si>
    <t>在儋州市那大镇那忎路68号，电话是23866661，你对我的答题满意请选择【对我有用】谢谢你的采纳</t>
  </si>
  <si>
    <t xml:space="preserve">CPU硅脂多少？我买的九州风神散热器自带的硅脂应该放多少？我都放 </t>
  </si>
  <si>
    <t>拆了看看，CPU表面涂一层就可以了，太多弄掉点，以前看别人的机子涂多了CPU粘在风扇上拿都拿不下来。</t>
  </si>
  <si>
    <t xml:space="preserve">机票有没有半价 </t>
  </si>
  <si>
    <t>孩子的半价票只能是原价的一半，所以有的时候大人的票会比孩子的还便宜，目前这已经引起民航总局的注意，但是如何改变不得而知</t>
  </si>
  <si>
    <t xml:space="preserve">战歌峡谷????求教~~~~去战歌峡谷要多少级????我30级在 </t>
  </si>
  <si>
    <t>30级可以进的，和30-39在一组，危不危险要看你的职业和操作。但是这个级别刷战场的人是很少的，因为不值得，建议等50+再去</t>
  </si>
  <si>
    <t xml:space="preserve">有不没有一次架也没有吵过的恋人 </t>
  </si>
  <si>
    <t>不可能有的，如果有的话那这两个人也太可怕了，简直不是凡人。吵架并不是坏事，吵架能够反应两个人感情上的问题，吵完了之后冷静下来双方都反思一下，反而能增进相互的感情。</t>
  </si>
  <si>
    <t xml:space="preserve">护士是怎么提高称号的，像生产系一样还是和战斗系一样为啥我转了以后 </t>
  </si>
  <si>
    <t>不要着急烧技能，我的护士是24级转的，现在30级了，等称号花了3天，练级花了2天，昨天晚上称号到了，今天早上急救烧到4转正了，因为我是边练级边帮队友加血，这样既能烧技能又能很快得到称号，一句话，不要太着急烧技能，在练级的时候用就行了</t>
  </si>
  <si>
    <t xml:space="preserve">街头篮球怎么改密码？ </t>
  </si>
  <si>
    <t xml:space="preserve">如果您忘记了密码，或发现帐号被盗，请立即通过下述任何一种方式密码或取回帐号!1.通过保密邮箱第一步：填写您的通行证用户名和您登记的保密邮箱，点击-&gt;&gt;下一步；第二步：提交成功，我们会给您的保密邮箱中发送一封设置新登录密码的确认邮件；第三步：请您根据邮件中的提示，点击修改密码的链接，并在三天内重新设置密码；第四步：填写您的通行证用户名和新密码，点击-&gt;&gt;下一步；第五步：提交成功，完成新登录密码设置。2.通过安全码第一步：输入通行证帐号、安全码和设定新的登录密码，点击-&gt;&gt;下一步；第二步：如果用户名和安全码正确，即可完成新登录密码设置。3.通过密码提示问题/答案第一步：回答您设定的密码提示问题答案、新密码和随机码点击-&gt;&gt;下一步；第二步：提交成功，完成新登录密码设置。4.通过客服中心如果您无法通过上述方法重新取回密码，或者发现他人非法使用您的帐号或利用安全漏洞的情况，请您立即联系客户服务中心，我们会竭诚为您服务。以上方式点击“参考文献资料”链接，然后选择页面左上角的按钮登录链接即可操作！ </t>
  </si>
  <si>
    <t xml:space="preserve">几句翻译一共就几句，很短，也很简单，请不要使用机器翻译，这个我也 </t>
  </si>
  <si>
    <t>the aim is first to obtain a condting chain containing relatively stable dye precursors, and then to convert these into the desired dyes. The third approach involves: 1) the synthesis of certain molecules containing readily polarised groups of substituents, and 2) the controlled polymerisation or crystallisation of these molecules.目的首要是找到一个具相对地稳定的染料前驱体的导带，然后将这些转成所需要的染料。第三种方法包括： 1)将含极性取代基的染料分子合成；2)控制染料分子的聚合或结晶过程。 conducting chain - 导带（导带本?閏onduction band，不知是否相同，请翻查）dye precursors - 染料前驱体synthesis - 合成（dye) molecules - 染料分子polarised - 含极性substituents - 取代基polymerisation - 聚合过程crystallisation- 结晶过程********原文出自“High-temperature Exciton Superconductivity: Synthetic Aspects”（译：高温超导激子的合成），一篇由Eduard B Yagubskii在1972年发表的文章。字汇翻译参考： （并非专业翻译，仅供参考。）</t>
  </si>
  <si>
    <t xml:space="preserve">完美世界的角色名可以修改吗？完美世界的角色名可以修改吗 </t>
  </si>
  <si>
    <t>角色名是不可以修改的　你只能将就着用或删号从来！！</t>
  </si>
  <si>
    <t xml:space="preserve">请问小米2S，自动的短信功能，支持短信备份吗？如果没有的话，希望? </t>
  </si>
  <si>
    <t>没有“ 导出到电脑” 这个功能，只能说用另外一个小米手机  登录你备份的这个账户； 短信会自动恢复在这个手机上， 然后再用相关的功能导出吧。</t>
  </si>
  <si>
    <t xml:space="preserve">关于观世音菩萨道场我们大家常说"南海观世音菩萨",请问各位师兄, </t>
  </si>
  <si>
    <t>　　据‘新华严经’卷六十八的记载，观世音菩萨住南海补陀落伽山。这个“南海”大致在印度洋一带。在中国，普陀山和布达拉宫也被视为补陀落伽山，都是观世音菩萨的道场。　　其实，菩萨悲心救苦，不舍任何众生，有机则应，无感不通。凡供养观世音菩萨圣像的佛教寺院，无不皆是观世音菩萨的道场。凡有苦难灾患之处，无论此界他方，皆有补陀洛迦山。苦恼众生，但能一心称念菩萨圣号，菩萨无不寻声救苦，令得安乐。可谓圣迹处处，并不限于补陀落迦山。　　另请参阅我个人中心的《普门品讲话》，对于这个问题会有更深的体悟。</t>
  </si>
  <si>
    <t xml:space="preserve">王者世界是不是九城公司代理的？ </t>
  </si>
  <si>
    <t>是九城代理的</t>
  </si>
  <si>
    <t xml:space="preserve">电脑上有没有类似于手机上的gglive看电视剧软件?适合窄带宽看 </t>
  </si>
  <si>
    <t>ggtv可以,有电脑端,类似于gglive</t>
  </si>
  <si>
    <t xml:space="preserve">倭寇棒子联赛小单一张，指点正确送100分；周六021日本职业联赛 </t>
  </si>
  <si>
    <t xml:space="preserve">周六021 日本职业联赛 大宫松鼠 VS 名古屋鲸八 --30 周六022 日本乙级联赛 FC爱媛 VS 富山胜利 --10   周六024 日本职业联赛 FC东京 VS 神户胜利船 --10  周六026 日本职业联赛 新泻天鹅 VS 大阪樱花--10 周六028 日本职业联赛 山形山神 VS 仙台维加泰-31 </t>
  </si>
  <si>
    <t xml:space="preserve">力土怎样才能秒的多些我是在2力2敏和3力1敏之间的土号，90级准 </t>
  </si>
  <si>
    <t>既然你是敏土 你的相前2个 肯定需要先加完土和火了 接下来你应该加木 不然大多数人点5法到160 可能就秒不起来了 蓝不够 还有木相增加法力 增加气血 很好的选择 在带上一些首饰 加高灵的 准备一套金套FM专用 这样的话蓝够 你在FM也能秒的很多了 还有你是土号 你加了土相 土相还有土系法术抗性上身 这样你秒的又增加了</t>
  </si>
  <si>
    <t xml:space="preserve">急！我的脚指甲怎么啦？我的左脚指甲的大指甲呵小姆子、无名子，还有 </t>
  </si>
  <si>
    <t xml:space="preserve">    这是得了甲癣，俗称”灰指甲”。一般以1－2个指（趾）甲开始发病，重者全部指（趾）甲均可罹患。患病甲板失去光泽，日久甲板增厚变形，呈灰白、污黄色。甲板变 脆而破损脱落，有时甲板与甲床分离。    甲癣有两种类型。    一种表现为白甲，常先从甲根开始，甲板表面出现小白点，逐渐扩 大，致甲板变软下陷。    另一种损害先从甲游离缘和侧壁开始，使甲板出现小凹陷或甲横沟，逐渐发展至甲板变脆，易碎，增厚，呈内褐色。甲下碎屑堆积常易使甲变空，翘起与甲床分离，甲板表面凹凸不平，粗糙无光泽。    健康的指甲不易受感染。甲感染真菌的趋向可能与遗传、糖尿并局部动静脉 循环和淋巴回流障碍、周围神经性疾病等因素有关。在潮湿环境作业及经常受外伤的指趾甲容易被真菌感染。趾甲真菌病大多由足癣直接传播，指甲真菌病则可能从手癣传播或由经常抓足而感染，甲真菌病在足趾比手指更多见。甲真菌病的病原菌包括皮肤癣菌、酵母菌和霉菌。皮肤癣菌最常见为红色毛癣菌、须癣毛癣菌和絮状表皮癣菌。同一甲可感染两种癣菌、两种皮肤癣菌加一种酵母菌(包括马拉色菌)或皮肤癣菌加酵母菌和霉菌等。    治疗灰指甲的方法很多，可以外涂药，可以内服药，还可以手术拔除病甲,病甲清除后用碘酒清除真菌，直至新甲长出。    现在由于多种新药问世，口服药物治疗甲癣也取得良好效果，常用的口服药物有：伊曲康唑(斯皮仁诺)，酮康唑(理素劳)，盐酸特比萘芬(兰美抒)等。 但是此类药物会有非常严重的副作用。    局部用药：软化或去除病甲后局部外用抗真菌软膏，霜剂。还可外用30％冰醋酸、2.5％碘酊等。病甲要不断清除，直至完全正常甲长出，一般要坚持半年以上。      建议最好用外用药治疗（如硝酸咪康唑）。</t>
  </si>
  <si>
    <t xml:space="preserve">关于改造SLM的零件~!改造零件有两种.一种是普通的.还一种是优 </t>
  </si>
  <si>
    <t xml:space="preserve">优化组件：改造出来的改造液态史莱姆必、命、闪、反均增加3的属性值，液态史莱姆总档数加5。抗咒组件：改造出来的改造液态史莱姆抗昏、混、石均增加20的属性值，液态史莱姆总档数加5。疾风迅雷组件：可以进行布丁史莱姆的改造，改造出来的布丁史莱姆必杀+30命中+30反击减30闪减30，血敏能力大幅度提高。重生组件：可以进行液态史莱姆的改造，出来的液态史莱姆无附加属性，液态史莱姆总档数加10。 </t>
  </si>
  <si>
    <t xml:space="preserve">诛仙怎么截图啊？？？我不会截图，怎么截啊？？？？QQ截图的就不要 </t>
  </si>
  <si>
    <t>按F9回弹出一个对话框,调整以下角度按截图就行了,图回保存在诛仙文件夹中的element中的screen文件夹中</t>
  </si>
  <si>
    <t xml:space="preserve">在深圳有没有可以上半天班的，因为我现在上的班太闲了，我想都做一份? </t>
  </si>
  <si>
    <t>现在很多地方都有兼职啊，你有空找找看吧！</t>
  </si>
  <si>
    <t xml:space="preserve">枪侠怎么加点！要经典！ </t>
  </si>
  <si>
    <t>标准加点金土各半，这是一般练级加点，如果喜欢效率的，或是有钱的，火土加点，枪后期技能都是土系，增加法伤，枪后期一般用不到了很多力，毕竟不是灵剑</t>
  </si>
  <si>
    <t xml:space="preserve">我太阳穴胀疼得厉害，帮帮我我这几天太阳穴胀疼得厉害，几个晚上没睡 </t>
  </si>
  <si>
    <t>你上火了，多喝水，休息好，多吃水果蔬菜，保持大便通常哦。可以自我按摩，可以减轻头痛。口腔溃疡可以用碘酒涂溃疡面，一日两次。</t>
  </si>
  <si>
    <t>期准备购买侯选单，不知有望否？01利　恩(0)06</t>
  </si>
  <si>
    <t>01 利　恩(0) 06-29 00:00 维　京(0)vvv31 02 汉　坎(0) 06-29 00:00 布　兰(0)vvv03 03 利斯菲(0) 06-30 03:00 弗拉门(0) 04 阿勒桑(0) 06-29 02:00 莫尔德(0) 05 史卓加(0) 06-29 00:00 利勒斯(0) 06 斯塔贝(0) 06-29 00:00 特罗姆(0)vvv31 07 人(0) 06-29 05:10 桑托斯(0)vvv3     可能出108 维多利(0) 06-29 05:10 戈伊亚(0)vvv3      1009 巴拉竞(0) 06-30 03:00 科里蒂(0)vvv3 10 克鲁塞(0) 06-30 03:00 圣保罗(0) 11 费古埃(0) 06-30 03:00 米涅罗(0)vvv31 12 弗鲁米(0) 06-30 05:10 博塔福(0) 13 格雷米(0) 06-30 05:10 巴国际(0)vvv3       1014 帕尔梅(0) 06-30 05:10 诺蒂卡(0)vvv30这3场过你就可以数钞票了，祝你好运</t>
  </si>
  <si>
    <t xml:space="preserve">装备发光问题看了一下截图看见装备发的光是闪电想请问是打几级石头? </t>
  </si>
  <si>
    <t>★看我的吧！！！他们说的不完全对！！首先装备要是想发闪电效果的光，必须得4孔的镶4个8级以上的生命石头（4个8级的生命石头）记住装备必须要4孔的！我本人目前除了生命的闪电效果外！！还给裤子上了4个8级的火红，可惜效果没生命的好。只是火比5级的大些，别的没什么，其他的效果没见过！听说是白雾的效果最好！！还有就是建议你最好给90以上的装备上4个8级的石头！！你还要做好准备以后卖装备赔钱的打算！！因为没几个人会买的！！我的就是为了效果！现在要是卖肯定亏大啦！！★我试着给你把我的截图发上来！！如果不行！！那就你自己上了石头看吧！！★注意我的船长腿就是上的4个8级的火红！！那效果不好！！我后悔死啦！！●很可惜截图太大传不上来！！★</t>
  </si>
  <si>
    <t xml:space="preserve">今天清仓广发稳健\聚丰,易积极前段时间咨询专家的意见,想来想去长 </t>
  </si>
  <si>
    <t>大盘目前已下跌了120点了,下面的空间不是很多了,反弹最近就要开始了,你可以等反弹时再减低仓位的话,不要在错误的时间作出错误的决定.供参考.</t>
  </si>
  <si>
    <t xml:space="preserve">76期球队介绍矿工主场迎战游击球队上下不敢怠慢在欧足联欧洲联赛第 </t>
  </si>
  <si>
    <t>76期球队介绍矿工主场迎战游击 球队上下不敢怠慢：看好主队</t>
  </si>
  <si>
    <t xml:space="preserve">化疗后小腿涨痛,麻痹,有什么方法缓解!我妈做了化疗后(乳腺癌早期 </t>
  </si>
  <si>
    <t>化疗之后,会出现各种奇怪的反应.例如,连续不断打嗝.只能帮助她做点事,心理安慰一下.48小时至72小时,就会减轻或者消失.</t>
  </si>
  <si>
    <t xml:space="preserve">哪些二本学校有广播电视新闻学专业 </t>
  </si>
  <si>
    <t>广州大学 惠州大学</t>
  </si>
  <si>
    <t xml:space="preserve">“比萨”饼的起源 </t>
  </si>
  <si>
    <t xml:space="preserve">“比萨”是一种由特殊的饼底、乳酪、酱汁和馅料做成的具有意大利风味的食品，但其实这种食品已经超越语言与的壁障，成为全球通行的名饮，受到各国消费者的喜爱。但这种美食究竟源于何时何地，现在却无从&lt;script src="/ad/news/pic.js"&gt;&lt;/script&gt; 考究。如今，面对每天由遍及全球的“比萨专家”——必胜客餐厅里烤制的几百万个比萨，大家都自然地认为这是400年前意大利那不勒斯的面包师傅首创的。 　　那么到底是谁发明了比萨呢﹖有人认为，比萨来源于中国：当年意大利著名旅行家马可·波罗在中国旅行时最喜欢吃一种北方流行的葱油馅饼。回到意大利后他一直想能够再次品尝，但却不会烤制。一个星期天，他同朋友们在家中聚会，其中一位是来自那不勒斯的厨师，马可·波罗灵机一动，把那位厨师叫到身边，“如此这般”地描绘起中国北方的香葱馅饼来。那位厨师也兴致勃勃地按马可·波罗所描绘的方法制作起来。但忙了半天，仍无法将馅料放入面团中。此时已快下午两点，大家已饥肠辘辘。于是马可·波罗提议就将馅料放在面饼上吃。大家吃后，都叫“好”。这位厨师回到那不勒斯后又做了几次，并配上了那不勒斯的乳酪和作料，不料大受食客们的欢迎，从此“比萨”就流传开了。 </t>
  </si>
  <si>
    <t xml:space="preserve">谁能告诉我这个水果叫什么？ </t>
  </si>
  <si>
    <t>这个叫做菱角</t>
  </si>
  <si>
    <t xml:space="preserve">我的宝宝现在刚三个月了,宝宝的鼻子在睡觉时好像呼吸很重的样子,但? </t>
  </si>
  <si>
    <t>您好：     首先确定孩子睡觉时是否打鼾，如无，则没有问题，如有，先调整睡姿，（一般孩子，一岁以上可以自动的将头后仰，使呼吸道通畅，而婴幼儿则行为能力差，做不到）使孩子头不稍微后仰，即可缓解。如仍不能，去看医生。    还有有一个小常识：如果孩子有鼻痂阻塞鼻道，可以点一些母乳即可将其溶解排出。</t>
  </si>
  <si>
    <t xml:space="preserve">双顶径87MM.股骨长径60MM.肱骨长径55MM.腹围294M? </t>
  </si>
  <si>
    <t xml:space="preserve">如果按宝宝的股骨长计算应该是747.42*6-2232.56=2251.96g你的孕周是多少呢，是31周左右吗？不过双顶径看起来不小啊。如果按腹围算体重为2354.91g。b超数据和估算公式本身就有一定误差，所以，只是个概数。如果其它数据都正常，宝宝就应该健康，别太担心。。胎儿体重预测： 公式1: Y＝－4973.72＋260.69HC 公式2: Y＝－2686.60＋171.48AC 公式3: Y＝－2232.56＋747.42FL 公式4: Y＝－2513.51＋1049.90FTH 公式5: Y＝－5168.32＋100.97HC＋110.86AC＋143.09FL＋331.43FTH 说明： 1. 可以使用其中任一个公式计算，公式5的精度最高。 2. 参数的含义如下，参数可以从B超单中查到： Y: 胎儿体重的估算值(g) HC: 头围 AC: 腹围 FL: 股骨长 FTH: 胎儿腿部皮下脂肪厚度 </t>
  </si>
  <si>
    <t xml:space="preserve">你在森林里迷了路，孔雀、老虎、猴、狗、大象这些跟在你身边的动物你? </t>
  </si>
  <si>
    <t>大象、孔雀、老虎、狗、猴</t>
  </si>
  <si>
    <t xml:space="preserve">年末年头时出生，如何判断确切的生肖属相？举个例子：我父亲生于19 </t>
  </si>
  <si>
    <t>判断属相确实是以立春为界线的,四柱推命也是用立春作为年的界线的.因此你父亲是属狗的.</t>
  </si>
  <si>
    <t xml:space="preserve">找英语培训学校要注意什么?我是南京的，大学毕业但没学到什么东西，? </t>
  </si>
  <si>
    <t>电话咨询然后实地考察，我原来也是这么做的，必须得这样，电话咨询了解他们的收费与服务，实地考察是看现场情况是否与电话了解的一样，我最后是选的环亚西文，花多少钱其实是小事，但一定要值</t>
  </si>
  <si>
    <t xml:space="preserve">2005年在济南设办学点的在职研究生院校有哪些？包括这些院校的招 </t>
  </si>
  <si>
    <t xml:space="preserve">山大也有，具体情况可以到山大的网页上去找找看 </t>
  </si>
  <si>
    <t xml:space="preserve">请高手指教:筹建期间的费用处理我所在的公司尚处于筹建期,期间发生 </t>
  </si>
  <si>
    <t>一、《企业所得税暂行条例实施细则》第三十四条第二款：“开办费是指企业在筹建期发生的费用，包括人员工资、办公费、培训费、差旅费、印刷费、注册登记费以及不计入固定资产和无形资产成本的汇兑损益和利息等支出。”（一）记入开办费的具体内容1、筹建人员开支的费用（1）工资福利费用：包括人员工资奖金等工资性支出，以及应交纳的各种社会。（2）差旅费：包括市内交通费和差旅费。2、企业注册登记费：主要包括工商登记费、验资费、税务登记费、公证费等。3、筹资费用：主要是指筹资支付的手续费以及不计入固定资产和无形资产的汇兑损益和利息等。4、人员培训费： （1）选派职工外出参加培训的费用。（2）聘请专家进行技术指导和培训的费用。5、企业资产的折旧、摊销、报废和毁损6、其他费用（1）筹建期间发生的办公费、印刷费、电话费、招待费；（2）印花税（可能还会发生车船使用税、房产税）；（3）经投资人确认由企业负担的进行可行性研究所发生的费用；（4）其他与筹建有关的费用，如咨询费、庆典礼品费等支出。（二）不列入开办费范围的支出1、取得各项资产所发生的费用。如购建固定资产和无形资产支付的运费、安装费、保险费和购建时发生的其他相关费用。2、规定应由投资各方负担的费用。如投资各方为筹建企业进行了调查、洽谈发生的差旅费、咨询费、招待费等支出。3、筹建期间应当计入资产价值的汇兑损益、利息支出等（因专门借款而发生的利息、折价或溢价的摊销和汇兑差额并符合资本化条件）。二、按照上面开办费核算的内容，如果评估费、咨询费、测绘费、勘察费、设计费等，属于筹建期的建设项目支出，应该记入“在建工程”科目。</t>
  </si>
  <si>
    <t xml:space="preserve">苦瓜炒着吃还能减肥吗？ </t>
  </si>
  <si>
    <t>生吃不一定绝对好，关键看你吃苦瓜的目的是什么 从的角度说，生苦瓜性寒，熟苦瓜性温 所以生吃苦瓜会对肠胃产生刺激作用，有时会导致腹泻。但是这样却可以达到去火、清热、排毒解毒的功效。尤其在盛夏季节对人体颇有好处。同时生吃苦瓜，其苦味很重，炒熟后再吃苦味会减轻一些，而且苦瓜中的抗营养因子也会因为加热而被消除。 而熟着吃苦瓜，因为熟苦瓜性温且抗营养因子被消除，对肠胃刺激作用小，所以可以达到滋补的作用。如果是用油炒一下的话，还能提高多种营养成分的吸收率 总的来说：生吃苦瓜清热去火，熟吃苦瓜滋补身体 最后必须说明大家普遍认为食物做熟了以后营养，尤其是维生素会发生大量损失，从而不管什么都鼓励生吃。这其实是大众对食品营养学的普遍误解。生吃是降低了加热对营养成分造成的损失，但同时也普遍降低了人体对营养成分的吸收率。这是因为营养成分大多存在于特殊的分子结构中，如果不通过加热破坏掉这个结构，很多营养物质人体是不易吸收的。 对于植物性食品而言这个问题更突出，因为植物性食品中有部分蛋白质和多肽，其分子结构或构象如果不被破坏掉的话，不但不能被人体消化分解吸收，而且对人体造成毒性。这类物质就是抗营养因子，如果不消除这类物质不但食品的营养价值会降低，而且还会导致腹泻甚至食物中毒。一般而言，对于植物性食品蛋白质含量越高，这个问题就越突出。比如大豆就是这样，有的人喝生豆浆会拉肚子，还有如果豆角没有炒熟有时会引起食物中毒都是这个道理。总体来说蔬菜蛋白质含量较低（比起肉类等），因此可以生吃的品种也就多些，但是苦瓜恰恰是蔬菜中蛋白质含量较高的品种，因此要生吃的话还是慎重些，且不要过量生吃，否则肠胃可能会受到强烈刺激。</t>
  </si>
  <si>
    <t xml:space="preserve">关于阴囊潮湿和腋窝潮湿大概有半年多了，突然阴囊潮湿，腋窝也潮湿， </t>
  </si>
  <si>
    <t>是体内有湿气啊，现在还不是很厉害，不加治疗的话估计会引起瘙痒，湿疹，现在抓紧用点中药洗洗，避免进一步恶化。而且初期治疗效果比较好。需要此药可加975745735</t>
  </si>
  <si>
    <t xml:space="preserve">高二中译英一句，翻错没关系，在线等！风暴有没有损害庄稼？ </t>
  </si>
  <si>
    <t>Storm damage to crops there?</t>
  </si>
  <si>
    <t xml:space="preserve">猎人单刷厄运的问题!高手进猎人单刷厄运大树BOSS。需要主什么副 </t>
  </si>
  <si>
    <t>17173上有录像，你可以去看下</t>
  </si>
  <si>
    <t xml:space="preserve">急:国际贸易,名词解释:OCP </t>
  </si>
  <si>
    <t>OCP条款——陆上运输通常可到达的地点。OCP地区是以落基山脉为界，其以东地区均定为内陆地区范围。从远东地区向美国OCP地区出口货物，如按OCP条款达成交易，出口上可以享受较低的OCP海运优惠费率，进口商在内陆运输中也可以享受OCP优惠费率。</t>
  </si>
  <si>
    <t xml:space="preserve">我看到了网上有很多家买钻石戒指的但是不知道哪家卖的钻石戒指是真的 </t>
  </si>
  <si>
    <t>最好是到实体店去看下，一般他们都有体验店的，，可以先去看看，如果还是不放心，可以上网查询下证书编码的真假，，就能避免买到假货了。。。</t>
  </si>
  <si>
    <t xml:space="preserve">如何办理居民个人携带外汇进出境？ </t>
  </si>
  <si>
    <t xml:space="preserve"> 国家管理局、海关总署于1996年12月31日联合制定的《关于对携带外汇进出境管理的规定》和1999年6月17日发布的《关于启用新版&lt;携带外汇进出境许可证&gt;有关问题的通知》规定： 1、居民个人携带折合2000美元以上现钞进境，应向海关申报。 2、无本次入境申报数额记录的居民个人携带外币现钞、外币支付凭证出境，按以下金额查验放行：（1）携带金额折合2000美元以内（含2000美元），不需申领“携带外汇进出境许可证”（以下简称“携带证”），海关准予放行；（2）携带2000美元至4000美元（含4000美元），银行凭携带人护照、有效签证等材料签发“携带证”，并在“携带证”上加盖银行印章，海关凭加盖银行印章的“携带证”查验放行；（3）携带4000美元以上，携带人凭护照、签证等有关材料先向银行申领“携带证”，然后凭加盖银行印章的“携带证”及有关材料到该银行所在地外汇局申领核准。外汇局对携出外汇来源及用途进行真实性审核，审核无误后，在银行签发的“携带证”上加盖外汇局核准章。海关凭加盖银行印章和外汇局核准章的“携带证”查验放行；（4）进出境人员一般不得携带超过10000美元以上的外币现钞出境。如因特殊原因，确需携带等值10000美元以上外币现钞出境，应由携带人向存款或购汇银行所在地外汇局提出申请。外汇局严格审查其外汇来源及用途，对确有必要的，向银行出具核准文件。银行凭外汇局核准文件签发“携带证”。携带人持“携带证”到外汇局加盖外汇局核准章。海关凭加盖银行印章和外汇局核准章的“携带证”查验放行。 3、居民个人携带境外的外币有价证券出境，比照对带出外币现钞的规定办理，超过规定数额外币有价证券需报外汇局总局核准。 4、自1999年8月1日起，启用新版“携带证”。银行自1999年8月1日起停止签发旧版“携带证”，海关自1999年9月1日起停止验放旧版“携带证”。 　 </t>
  </si>
  <si>
    <t xml:space="preserve">房地产中介人员在活动中禁止哪些行为？ </t>
  </si>
  <si>
    <t>（1）房地产中介服务机构未取得房地产中介资格擅自从事房地产中介业务；责令停止房地产中介业务，并可处以1万元以上3万元以下的罚款；（2）伪造、涂改、转让房地产中介服务人员相应资格证书的，收回资格证书或公告资格证书作废，并可处以1万元以下的罚款；（3）中介服务人员同时在两个或两个以上中介服务机构执行业务；（4）允许他人以自己的名义从事房地产中介业务；（5）索取、收受委托合同以外的酬金或其他财物，或利用工作之便索取其他不正当利益；（6）与一方当事人串通损害另一方当事人利益；（7）为权属不清或法律、法规禁止转让、抵押、出租的房地产提供中介服务；（8）超越核准的中介服务业务范围经营；（9）法律、法规禁止的其他行为。违反（3）-（9）条规定的，收回资格证书或公告资格证书作废，并可处以1万元以上3万元以下的罚款。</t>
  </si>
  <si>
    <t xml:space="preserve">各位高手帮帮我我现在喜欢一个女生她对我感觉还好可我一直不感跟她表 </t>
  </si>
  <si>
    <t>大胆的说吧！男人啊！说出来痛快些！男人就要敢做敢当！</t>
  </si>
  <si>
    <t xml:space="preserve">应该3月2号来月经由于月经不调延期直3月21号没来，于是3月21? </t>
  </si>
  <si>
    <t>您好！  根据您的描述您的末次月经是3月23日，您在3月21日同房不会怀孕，您做检查无胚芽胎心，那么一定要检查，定期产检，如果有胎停育，那么要尽早处理。祝您健康！</t>
  </si>
  <si>
    <t xml:space="preserve">晚上睡觉,总说梦话什么原因晚上睡觉,总说梦话什么原因 </t>
  </si>
  <si>
    <t>你好，一般晚上睡觉总说梦话多是考虑是属于典型的气血不足引起的心脾失养引起的症状，可以考虑使用点滋补气血及安神的药物进行治疗一下，药物可以考虑使用点滋补气血的八珍胶囊加上点安神的朱砂安神丸或是刺五加片进行口服治疗一下就是可以的</t>
  </si>
  <si>
    <t xml:space="preserve">古代有何计量长度的单位？除了尺，丈之外，还有啥？ </t>
  </si>
  <si>
    <t>度--即长度，由于和密切相关，自人类有始就出现了，原始人布指为寸，布掌为尺，舒肘为丈，到秦始皇统一度量衡，直至今天的现代计量技术的出现，古代度制演变反映着历史的变迁。 夏 1尺 = 10寸（1尺=24.9厘米） 商 1尺 = 10寸,1寸 = 10分（1尺=31.1厘米） 周 1丈=10尺, 1尺=10寸, 1寸=10分（1尺=19.9厘米） 秦 1引=10丈, 1丈=10尺, 1尺=10寸, 1寸=10分（1尺=27.7厘米） 汉 1引=10丈, 1丈=10尺, 1尺=10寸, 1寸=10分（1尺=27.7厘米） 新莽；后汉 1引=10丈, 1丈=10尺, 1尺=10寸, 1寸=10分（1尺=23厘米） 三国 1丈=10尺, 1尺=10寸, 1寸=10分（1尺=24.1厘米） 西晋 1丈=10尺, 1尺=10寸, 1寸=10分（1尺=23厘米） 东晋 1丈=10尺, 1尺=10寸, 1寸=10分（1尺=24.5厘米） 十六国 1丈=10尺, 1尺=10寸, 1寸=10分（1尺=24.5厘米） 南北朝 1丈=10尺, 1尺=10寸, 1寸=10分（1尺=24.5厘米；1尺=29.6厘米） 隋 1丈=10尺, 1尺=10寸, 1寸=10分（前期：1尺=29.6厘米;后期：1尺=23.5厘米） 唐; 五代 1丈=10尺, 1尺=10寸, 1寸=10分（小尺：1尺=31.1厘米；大尺：1尺=36厘米） 宋 1丈=10尺, 1尺=10寸, 1寸=10分（1尺=30.7厘米） 元 1丈=10尺, 1尺=10寸, 1寸=10分（1尺=30.7厘米） 明 1丈=10尺, 1尺=10寸, 1寸=10分（裁衣尺:1尺=34厘米；量地尺:1尺=32.7厘米；营造尺:1尺=31.1厘米） 清 1丈=10尺, 1尺=10寸, 1寸=10分（裁衣尺:1尺=35.5厘米；量地尺:1尺=34.5厘米；营造尺:1尺=32厘米） 现代 1丈=10尺, 1尺=10寸, 1寸=10分（1尺=33.33厘米） 一公顷等于15亩,一亩等于六十平方丈,十五亩等于一公亩,一亩约等于667平方米 ?,六尺为步,百步为?。秦田二百四十步为?。?或从十久。——《说文》。字亦作畆、畒、亩、?。如:亩制(以亩为单位划分、计算土地面积的制度);亩级(田地土壤质量好坏的等级);亩积(每一亩田的面积) 咋样?很全面吧~!</t>
  </si>
  <si>
    <t xml:space="preserve">当职业粉丝好不好？我在网上惊讶地看到，演唱会的主办方给应聘的粉丝 </t>
  </si>
  <si>
    <t>会…献花一次多少钱？拥抱一次多少钱？吐血一次多少钱？献花的时候拥抱＋吐血又多少？</t>
  </si>
  <si>
    <t xml:space="preserve">肾阳虚怎么调理 </t>
  </si>
  <si>
    <t>你好肾阳虚，即肾脏阳气虚衰，是肾脏阳气衰竭表现的症候。多由素体阳虚，或年老肾亏，或久病伤肾，以及房劳过度等因素引起的。临床表现为腰膝酸痛，畏寒肢冷，尤以下肢为甚，头目眩晕，精神萎靡，面色白；或黎黑，舌淡胖苔白，脉沉弱；或阳痿，早泄，妇女宫寒不孕，或大便久泄不止，完谷不化，五更泄泻；或浮肿，腰以下为甚，按之凹陷不起，甚则腹部胀痛，心悸咳喘。现代医学认为肾阳虚与神经内分泌免疫系统（NEIS）有关。杜仲腰花,茴香炖煮肾,杞地山药粥都是不错的补肾食疗方法，肾阳虚可以吃狗肉、羊肉、韭菜、泥鳅来进行食补，药物则有肾宝、玉苁蓉、金匮肾气丸、右归丸等。您好，中医讲肾阳为一身阳气之根本，如果肾阳虚的话，容易导致机体怕冷等症状。机体怕冷的治疗，主要是温补肾阳，建议您服用温补肾阳的药物，如金匮肾气丸。平时宜多食用温热性质的食物，如牛羊肉，生姜，桂圆等，不宜食用生冷食物，注意休息。</t>
  </si>
  <si>
    <t xml:space="preserve">最近我们广州市有什么活动吗？ </t>
  </si>
  <si>
    <t>楼主你好，据我了解我这里就有一个，知名的，一个，公司叫骐利配，也是我们广州首创的热点，3W。骐利配，COM！有网模比赛！</t>
  </si>
  <si>
    <t xml:space="preserve">劝人上进的词，生活化点哈，被劝人不太能接受文化造句，谢谢最近我弟 </t>
  </si>
  <si>
    <t>冷处理吧，冷落他，不要理他，让他好好想一想，小青年有个时期都这样。</t>
  </si>
  <si>
    <t xml:space="preserve">历史中得来几个疑问　　统一的目的是为了利益还是面子？是不是统一就 </t>
  </si>
  <si>
    <t>统一肯定有好处。当然如果处理统一事物的部门太无能，好事办坏也是有可能的。英国、德国、意大利或者美国之类，牛人辈出，引领世界潮流几百年的国家在统一与否的问题上都态度一致，真不明白我们这里怎么还会出现质疑的声音。稳定的说法太宽泛。个人觉得在社会安全领域应该尽量稳定，比如不应该有犯罪浪潮，或者军阀夺权的隐患，疾病控制或者社会保障之类不能有大的漏洞。这些方面的稳定绝对是必须的。而思想潮流或者社会基础等领域，虽然有可能过犹不及，不过只有一个声音不合适。关于动乱和英雄么。楼主可以去看一下《银英》里杨威利的设定。也就是说和平年代里不缺乏有能力搅风雨的人，但是他/她们或者要过更安稳的生活，或者在和暴力无关的领域大放光彩（比如钱学森、王淦昌等，如果不搞国防工程，说不定可以拿两个诺贝尔奖之类），再或者是被各种约束机制束缚住（比如靠政变起家的袁世凯、蒋介石之类就可能没法出头）而和普通的牛人无异。能创造时势的英雄凤毛麟角，大多数所谓英雄不过是被历史的车轮给撵到风口浪尖上而已。无论如何，百姓是不会喜欢动乱年代的。其实现在不缺少英雄啊。比如袁隆平，靠自己的成果养活了多少人？如果把眼界放开些就可以发现，英雄并不一定只能用人命堆出来。</t>
  </si>
  <si>
    <t xml:space="preserve">联通卡如何报开我新买了一个联通卡，怎样自己开通 </t>
  </si>
  <si>
    <t>新SIM卡的话，不是插在手机里随便打个电话或者发个短信就自动开通了么</t>
  </si>
  <si>
    <t xml:space="preserve">想独自好好逛一下北京，不知道住那里经济实惠并且安全？谢谢！ </t>
  </si>
  <si>
    <t>东方晨光青年旅社：东城区东单3条8-16 床位80 双人房140/间 65284347</t>
  </si>
  <si>
    <t xml:space="preserve">这是什么颜色的头发？这个头发是什么颜色？适合我吗？ </t>
  </si>
  <si>
    <t>皮肤白皙的话可以用这种颜色,皮肤黄建议用偏红的颜色</t>
  </si>
  <si>
    <t xml:space="preserve">扁桃体肿大怎么办？我每次受一点冷扁桃体就会发炎，并且还很痛。但是 </t>
  </si>
  <si>
    <t>你是"慢性扁桃体炎",细菌潜伏其中,当受凉感冒后,则急性发作,还可并发风湿热及急性肾炎,因此我建议当感染控制后,去正规医院耳鼻咽喉科就诊,做扁桃体摘除.</t>
  </si>
  <si>
    <t xml:space="preserve">祁山怎么过 </t>
  </si>
  <si>
    <t xml:space="preserve">诸葛带5：春季出2弓分宝先让曹真和郭打成撞死夏季出2弓和诸葛刀，灭曹真，另2个去射成仓，要离关6格的位置，在就是射了号召和王双。4弓下天水回一弓3弓下武都！最好春3月下！回城诸葛去打下副风，不要进去！不要超过桥的饿位置。超过了，长安会出兵的。联1个弓映，有找云和麻袋带！营好了就往高里训！第2年夏季出1弓营1弓队。等气。秋季出3弓。梦货的木鹿秋1月去猜了长安的火，诸葛的弓营站住，可以2年灭长安！梦货的打法，带2马1书1见春季。真骑出目录 联1次刀去汉中和间隔当中。2月可以看到司马的！夏季，联1次刀，见2米，当住车的并！木鹿去汉中前面2搁的位置不要动！秋季见3个米，当住司马的并木鹿在去副风。不要朝过桥的饿位置！冬季，分宝，梦货带3个，夫人带1马战斗是休息1月，在向前，饶过成古。春季见1米仓侦察成古，可以看到司马招，饶过他，去男乡当中见米仓当住驷马 的并夏季合计1下男乡，猛货翻山去威信。夫人下男乡，在下上用威信靠汉中那里没正的！2年可灭司马的！还要注意：木鹿秋季去长安踩了正，让诸葛的工站住位置！ </t>
  </si>
  <si>
    <t xml:space="preserve">关于近视问题我的眼睛右边近视50度，左边远视150度现在配了眼镜 </t>
  </si>
  <si>
    <t>1、眼镜只有在需要的情况下戴，如为看清黑板上的字、行路时为了安全或看清远方目标，这时戴是必要的。2、由上面一条决定了近视镜只在需要的时候戴，不需要的时候不要戴。有一种观点认为，近视镜不戴度数会加深。这种观点是不对的，一说眼镜越戴度数越深是一种经验总结，眼镜商或某些医生会劝你坚持戴，不戴度数会加深，这是一种商业目的，不要盲从。从理论上说，比如200度的近视患者在看书写字或看电脑时不需眼镜，如戴200度近视镜，就会增大眼睛200度的调节，这就加重了眼睛的调节负担，从而容易导致近视度数加深，你的情况是看近时不需要戴。3、关于远视问题：同样是需要的时候戴，不需要时不戴，这样不会使远视加重，而且因为人眼睛有适应能力，远视会逐渐恢复，或者说远视眼因不断看近，从而患近视，再患一定近视就会变成正视眼。4、关于眼镜问题在本人网站上已阐述地比较系统，你可看看（详见： ）</t>
  </si>
  <si>
    <t xml:space="preserve">芝麻应该怎么炒？怎么才知道是炒好了又没糊呢？ </t>
  </si>
  <si>
    <t>用小火炒,避免焦,芝麻入锅开炒前喷少许清水,这样炒出的芝麻更香</t>
  </si>
  <si>
    <t xml:space="preserve">男篮世锦赛一节几分钟？ </t>
  </si>
  <si>
    <t>不一样！NBA一节12分钟！，世锦赛一节10分钟！好运！</t>
  </si>
  <si>
    <t xml:space="preserve">冬天到了要准备的药冬天到了又要面临流感，今年又是特别的一年甲型流 </t>
  </si>
  <si>
    <t>感冒药啊，小柴胡啊，口罩啊，洗手液啊</t>
  </si>
  <si>
    <t xml:space="preserve">布达佩斯赛道在哪个国家？ </t>
  </si>
  <si>
    <t>匈牙利啦,2005年刚建立好,KIMI既得到杆位又拿到冠军,非常有历史意义~</t>
  </si>
  <si>
    <t xml:space="preserve">现在魔力6.0还能玩吗？11111 </t>
  </si>
  <si>
    <t>可以玩  魔力1还在正常运营中</t>
  </si>
  <si>
    <t xml:space="preserve">公司近期准备组织销售队伍外出拓展旅游，想找个服务好价格又适中的公? </t>
  </si>
  <si>
    <t>你们创新互联深圳网站制作公司的待遇还不错嘛 公司还经常组织一些活动，不过你可以去旅行社呀或者是报团可能要稍微便宜点</t>
  </si>
  <si>
    <t xml:space="preserve">郡圃春晚的前两联描写怎样的画面，有何用意？ </t>
  </si>
  <si>
    <t>“溶溶春水满方塘”，一个“满”字，活画出春水方生的气象。当此碧波平岸、春深如海之际，诗人本应开口一笑，愁苦俱忘。但突然之间，微风送来几缕淡淡的清香，诗人敏感地知道：这是春花正在随风飘堕。芳时难留，烟景不再，该送春了。诗人目光所对是自然界的落花，心中所思则是生命的凋谢，于是悲从中来。但妙在诗人并不将这种愁情一泻无余，而是极为含蓄，暗寓于景物描写之中：“尽日杨花飞又歇，有时林鸟见（即‘现’）还藏。”“尽日”，这是根据当时的观察作出的推论，从中隐隐可见诗人的闲愁。在用字遣词上，“又”、“还”，亦意在表现景物的不断重复，单调可厌，从而展示出诗人心境的烦闷、孤寂。希望我的回答能帮到你，诚心为你解答，给个好评吧亲，谢谢了</t>
  </si>
  <si>
    <t xml:space="preserve">"袅袅兮秋风"的下一句是什么?出自&lt;&lt;九歌&gt;&gt; </t>
  </si>
  <si>
    <t xml:space="preserve">袅袅兮秋风,洞庭波兮木叶下。登白薠兮骋望，与佳期兮夕张。鸟何萃兮蘋中，罾何为兮木上？《九歌》是我喜欢的楚辞，《湘夫人》全篇：帝子降兮北渚，目眇眇兮愁予。????兮秋风，洞庭波兮木叶下。登白薠兮骋望，与佳期兮夕张。鸟何萃兮蘋中，罾何为兮木上？ 沅有芷兮澧有兰，思公子兮未敢言。荒忽兮远望，观流水兮潺??麋何食兮庭中，蛟何为兮水裔？朝驰余马兮江皋，夕济兮西?獭?闻佳人兮召予，将腾驾兮偕逝。 筑室兮水中，葺之兮荷盖。荪壁兮紫坛，播芳椒兮成堂。桂栋兮兰?鳎?辛夷楣兮药房。罔薜荔兮为帷，擗蕙?≠饧日拧?白玉兮为镇，疏石兰兮为芳。芷葺兮荷屋，缭之兮杜衡。合百草兮实庭，建芳馨兮庑门。九嶷缤兮并迎，灵之来兮如云。 捐余袂兮江中，遗余?兮醴浦。搴汀洲兮杜若，将以遗兮远者。时不可兮骤得，聊逍遥兮容与。 </t>
  </si>
  <si>
    <t xml:space="preserve">生物题,急!有丝分裂和减数分裂中,基因突变和基因重组分别在什么时 </t>
  </si>
  <si>
    <t xml:space="preserve">         有丝分裂      减数分裂基因突变   后期    减数第一次分裂中期、减数第二次分裂后期基因重组    不     减数第一次分裂中期、后期</t>
  </si>
  <si>
    <t xml:space="preserve">xp和vista双系统,重装xp后不能进vista,重写i文件后? </t>
  </si>
  <si>
    <t>用VistaBootPRO 3.0就可以了。 方法如图：BOOTLOADER-&gt;REINSTALL THE VISTA BOOTLOADET-&gt;APPLY,重启电脑后自动修复VISTA启动项。</t>
  </si>
  <si>
    <t xml:space="preserve">狗脱毛及脚趾间长疙瘩我家京吧狗9岁，从去年秋天开始脱毛，现在好多 </t>
  </si>
  <si>
    <t>这有可能是长癣了。就是痒，你可能买点硫黄给它擦试下</t>
  </si>
  <si>
    <t xml:space="preserve">美国瞳仁眼贴在哪里有卖的 </t>
  </si>
  <si>
    <t>眼镜店就有 有一些药店也会有</t>
  </si>
  <si>
    <t xml:space="preserve">圣埃帝安加油啊，扳回来。。。加油，加油！ </t>
  </si>
  <si>
    <t>没板回来我也买的3</t>
  </si>
  <si>
    <t xml:space="preserve">清泉老师600963如何操作谢谢 </t>
  </si>
  <si>
    <t>24.40元附近可少量补仓.</t>
  </si>
  <si>
    <t xml:space="preserve">RFID标签使用隔磁片有什么作用？ </t>
  </si>
  <si>
    <t xml:space="preserve">    RFID 标签读卡距离不仅与自身有关，同时与其所处环境有很 大的关系。在使用电感耦合的射频识别系统时，经常提出这样的要求： 将读写器或电子标签的天线直接安装在金属表面上。然而，将磁性天 线直接安装在金属表面上是不可能的。    因为天线磁通量穿过金属表面 会产生感应涡流，根据楞次定律可知，涡流会对天线的场实施反作用， 并使金属表面上的磁场迅速地衰减，以至于读写器与电子标签之间的 数据读取距离将会受到严重的影响，甚至可能出现误读或读取失败。不管在金属表面上安装的线圈本身产生的磁场，还是从外部接近金属 板的场（电子标签在金属表面），其结果都是一样的。</t>
  </si>
  <si>
    <t xml:space="preserve">6区LR号~能卖几钱，请指教容火之心的BL男巨魔LR号~T1套， </t>
  </si>
  <si>
    <t>你是学生还是？？？学生的话，我建议你6区买个500以上，现在买号真不好说，你说你的买个1000也有人信，你说你的买了200也有人信，</t>
  </si>
  <si>
    <t xml:space="preserve">现在深圳买房给送深圳户口吗? </t>
  </si>
  <si>
    <t xml:space="preserve">    从来在深圳市区内买房就是没有户口指标的，没有实行过这个。这个政策已经取消很久了，去年我特地去公安局问了，如果想入户深圳，只能劳动局招调，或者夫妻随迁。以前关外的购房可入蓝印户口，现在取消了。关外的购房入蓝印户口虽然取消，但个别发展商手中还是有一些指标。现在有许多帮办蓝印户口的就是这些指标。还有一些业主的指标卖，当然这是私底下的交易。价钱大约是一个蓝印户口指标是三至四千元左右，另外还需交纳二万元增容费。不过,私底下的交易帮办蓝印户口这个方法最好不要用，很多人搞了许久也搞不定，现在骗子太多了，建议你不可为。</t>
  </si>
  <si>
    <t xml:space="preserve">发明专利大概值多少钱 </t>
  </si>
  <si>
    <t>那要看是什么专利，而且要看是不是有人买，人家出多少，你想卖多少，要是很重要的核心技术或产品那值上百上千万的都有，要是生活小发明也有值几千几万的，关键看技术含量和需求程度，希望对你有帮助，谢谢我呗</t>
  </si>
  <si>
    <t xml:space="preserve">志愿兵现在工资津贴是多少?谢谢! </t>
  </si>
  <si>
    <t>志愿兵取消了， 现在叫士官，  属于职业军人 。  工资津贴按的士官的级别来算，一期士官一月1800左右。</t>
  </si>
  <si>
    <t xml:space="preserve">马来西亚和新加坡的经济怎么样啊，有没有中国好？在这两个国家的生活? </t>
  </si>
  <si>
    <t>如果比较说大马与新加坡的经济，个人认为差不多，也许新加坡ok点，因为那里的货币值是比大马高，所以人们的购买能力会比大马人强，经济自然是会强些。这两个国家的生活水平，大致上差不多，但新加坡人生活压力也很大咯。大马人的生活算ok，只要个个政要不再勾心斗角的，大马会是个好地方啦。如果比较说大马与中国，个人认为中国发展多过大马啦，毕竟大马没啥国内大工程在进行着，中国就不同啦。如果比较说新加坡与中国，个人不太清楚，因为我是大马人。</t>
  </si>
  <si>
    <t xml:space="preserve">五菱鸿途前后喇叭尺寸想换一下车子的4个喇叭，但又不知道是什么尺寸 </t>
  </si>
  <si>
    <t>建议楼主还是到4S店去更换吧</t>
  </si>
  <si>
    <t xml:space="preserve">夏利A+夏利N3+哪个好，买两厢好还是买三厢好RT </t>
  </si>
  <si>
    <t>夏利A+和N3+最大区别就是发动机运行结构。但动力、油耗相差不多A+发动机为单顶置凸轮轴，适合跑城市道路低转数高扭矩N3发动机是双顶置凸轮轴，适合跑高速公路的高转数扭矩其实两厢与三厢的后备箱大小相差并不是太大，而且两厢车后座放倒后就变成小面包货车了，年轻人适合开两厢。</t>
  </si>
  <si>
    <t xml:space="preserve">目前我该如何治疗再次麻烦大家，今年25岁。我是去年9月感冒起就咳 </t>
  </si>
  <si>
    <t>你这是急性气管炎的愈后遗留症状，只要日常服用一些甘草片就可以了．还有你的咽炎症状只要服用利咽解毒冲剂治疗即可．祝健康</t>
  </si>
  <si>
    <t xml:space="preserve">谁能告诉我西安哪里有卖辣白菜的呀或者叫韩国泡菜之类的我快馋死了！? </t>
  </si>
  <si>
    <t>在各大超市就有的，华润万家，家乐福。（赠人玫瑰，手有余香，帮你，点好评）</t>
  </si>
  <si>
    <t>..埃弗顿VS泽尼特312.纽伦堡VS克马尔</t>
  </si>
  <si>
    <t>. 纽伦堡 VS 克马尔-----0 ？？</t>
  </si>
  <si>
    <t xml:space="preserve">现在有什么好看的电视剧吗? </t>
  </si>
  <si>
    <t>天下第一、海豚湾恋人、天国的嫁衣、浪漫满屋、大长今</t>
  </si>
  <si>
    <t xml:space="preserve">崴脚请专家进...上上个星期天踢球不慎吧脚崴了当时很疼回来我用红 </t>
  </si>
  <si>
    <t>你这只是普通的软组织损伤,用点中药敷上就会好的,没必要太紧张的.需要帮助可以联系我把药方给你你自己处理一下就行了.阿弥陀佛!!!</t>
  </si>
  <si>
    <t xml:space="preserve">月经推迟4天怀孕能做人流吗 </t>
  </si>
  <si>
    <t>月经推迟，如果有性生活史，不排除怀孕的可能。但是在没有确诊是宫内孕的情况下是不能做人流手术的。\r\n注意观察看看，不要着急，等到月经推迟一周左右时间还是不来月经的话，最好是去医院检查确诊一下，确诊是宫内孕，一般需要等到怀孕40多天时可以做人流术。廊坊友谊医院祝您身体健康！</t>
  </si>
  <si>
    <t xml:space="preserve">物理问题四个完全相同的弹簧都处于水平位置,它们的右端受到大小皆为 </t>
  </si>
  <si>
    <t>1、弹簧的左端固定在墙上；2、弹簧的左端受大小也为F的拉力作用；3、弹簧的左端拴一小物块，物块在光滑的桌面上滑动；4、弹簧的左端拴一个物块，物块在有摩擦的桌面上滑动。结论：j=k&gt;m&gt;l（或者j=k=m&gt;l）因为：1、第1、2情况是作用力等于反作用力，所以 长度一样；2、第4种情况是有摩擦力，移动可能是匀速运动或加速运动，那么F必定大于或等于摩擦力f，因此作用在弹簧上的力取决于f；3、第3种情况理解为没有摩擦力的桌面，摩擦力f=0，作用在弹簧上的力=0，弹簧没有拉伸。</t>
  </si>
  <si>
    <t xml:space="preserve">在MSN上怎么改变成中文从ＭＳＮ哪里改，可以将英文的邮箱该成中文 </t>
  </si>
  <si>
    <t>你说的是Win Live Messenger的邮箱名还是网页啊？要是邮箱名的话，是不可以改的哦~网页你可以用谷歌的语言工具翻译就是了</t>
  </si>
  <si>
    <t xml:space="preserve">有木有人知道这是什么水果啊？据说是台湾的，求真相～ </t>
  </si>
  <si>
    <t>看起来好像是番石榴呀</t>
  </si>
  <si>
    <t xml:space="preserve">初一数学题，急！！！1、在式子x&amp;sup2;+ax+b中，当x= </t>
  </si>
  <si>
    <t>解：1、当x=2时，则有4+2a+b=3,       当x=-3时，则有9-3a+b=3解之得：a=1,b=-3所以当x=1时，即有1+1-3=-12、∵2x-5y=0,即x=5y/2∴（6x-5y)/(6x+5y)=(6*5y/2-5y)/(6*5y/2+5y)=2/4=1/23、由于题意不明，假设方程为ax+by-2=0,b若不同，按此法可解由题意有方程a-b-2=0，2a+2b-2=0所以有a=3/2,b=-1/2，所以方程为3x/2-y/2-2=0∴当x=3时，则有3*3/2-y/2-2=0即y=c=54、x+y=1，x－y=3可知，x=2，y=-1又∵与ax+by=1，ax－by=2的解相同将x，y代入上方程组得2a-b=1,2a+b=2解方程组得：a=3/4,b=1/2</t>
  </si>
  <si>
    <t xml:space="preserve">房产中介这样起诉我我该怎么办？因为卖卖二手房，和房产中介签了居间 </t>
  </si>
  <si>
    <t>1、如果你能证明你与房产中介约定的必须是“用公积金贷款的”，而他实际的不是，你就可以拒绝支付中介费。2、如果该中介是没有注册的“黑中介”，他没有合法的经营权，就没有向你收取费用的权利。以上两项只要有一项成立，你就应该是能赢。</t>
  </si>
  <si>
    <t xml:space="preserve">从哪可以下载三国6？（免费，速度快） </t>
  </si>
  <si>
    <t xml:space="preserve">    如果你问的是三国志６，请到这个网址使用http下载（IE直接下载或使用网际快车下载):         如果你问的是三国群英传6，目前尚只推出了其繁体中文版，但目前其BUG较多，如果你实在需要，请到这个网址用eMule下载：         如果你有耐心，请还等半个月，其简体中文版预计于2月底3月初推出，预计到时BUG将减少，到时再说吧。详情请关注：    宇浚奥汀三国群英6官网            寰宇之星：          </t>
  </si>
  <si>
    <t xml:space="preserve">10个月的宝宝一天饮食合理吗？6：00奶粉180ML，8：00核 </t>
  </si>
  <si>
    <t>你可以多加一次奶，减少一次辅食，十个月的孩子一天奶量最好也要保证600毫升，不过你的辅食蛮不错的，花样很多，和我家差不多，但是你不要一天喂那么多，不过每天鸡蛋肯定是要吃的，还有水果蔬菜。可以换着吃，今天吃这样，明天吃那样。</t>
  </si>
  <si>
    <t xml:space="preserve">猎人有新宠物？？？（高级猎人请入）最近看到有一个60级猎人，带了 </t>
  </si>
  <si>
    <t>60级的好象是冬泉谷上面的豹子吧。都50+会隐身的。名字我忘了</t>
  </si>
  <si>
    <t xml:space="preserve">头痛失眠，求医生帮忙张医生您好，已经在微博上咨询过您两次，抱歉， </t>
  </si>
  <si>
    <t>平时情绪好吗？有没有心烦，易怒，心慌，腹痛涨？你把你不舒服的其他情况说一下。</t>
  </si>
  <si>
    <t xml:space="preserve">乙肝两对半核心抗体是阳性要不要紧我到医院检查乙肝两对半,第五项是 </t>
  </si>
  <si>
    <t xml:space="preserve">   它提示你已经感染过乙肝，是无症状携带者。如果肝功能正常的话，就没有什么问题。不必治疗。</t>
  </si>
  <si>
    <t xml:space="preserve">仙三外的合成成功需要有什么条件吗？ </t>
  </si>
  <si>
    <t>合成是100%成功的，但是需要一定的好感度，如果好感不够，那就会显示“让我再想想”。</t>
  </si>
  <si>
    <t xml:space="preserve">股藓患者跟女友发生性关系后股藓会传染给女友吗: </t>
  </si>
  <si>
    <t>股癣为体癣的一种，是指股内侧、会阴、臀部感染真菌后引起的皮肤病。股癣极为常见，特别是在集体宿舍里。不要因为病得不是地方而耽误了治疗，让自己沉浸在不必要的病痛之中。股癣的真菌可以通过内衣、浴巾等传播，也可通过性生活传播，故股癣也被列入性传播性疾病之中。但我们千万不要以为股癣就一定是通过性交传染的，临床上80%以上的股癣是通过非性交传播的。本病容易复发。多由于接触患癣病人或通过猫、狗等传染，或通过衣物用具而间接传染，或先患足癣，因搔抓蔓延而传染。夏季时节，气候炎热潮湿，人体多汗，尤其是股内，如不及时洗澡，或穿着紧身内裤大量汗液来不及蒸发，则易得此病。另外，患有糖尿病、白带过多等的病人，以及长期口服或局部应用大量广谱抗生素或皮质类固醇，也易患股癣。从发病率来看，主要是青年人，男性多于女性。本病多发于夏季，气候潮湿或炎热往往使病情加重，冬季缓解或痊愈。</t>
  </si>
  <si>
    <t xml:space="preserve">妈妈的奶放在冰箱冷藏，喝的时候取出来就奶瓶泡下开水，使奶达到38? </t>
  </si>
  <si>
    <t>可以放冰箱啊,但不可超过小时. 热的时候最好使用开水泡奶瓶.可以放冰箱啊,但不可超过小时. 热的时候最好使用开水泡奶瓶.微波炉热的话里面可能很烫你还感觉不到.不要用开水冲奶啊,那营养就破坏了.还有就是不可放在保温瓶中,那样细菌滋生得更快. 如果对你有帮助，请给有用，谢谢这个是正确是方法。拉肚子跟这个没有关系的。初秋时节，着凉。感冒都会引起拉肚子的。拉肚子可以吃斯密达的。</t>
  </si>
  <si>
    <t xml:space="preserve">没声音就是显示没有可用的输出设备 </t>
  </si>
  <si>
    <t>没声音的话，首先会检查下你的声卡驱动吧，如驱动的话，也会导致这个结果，可以选择自己对应的声卡型号在网上下载下其驱动包，然后就会考虑到硬件这块，比如声卡是否已经坏了，和自己的连接声卡的音响或者音箱设备吧，一一去排除，希望可以帮你。。</t>
  </si>
  <si>
    <t xml:space="preserve">滚存吧！这期要是滚存，下期下血本，急死我了，这么多1，不是假球才 </t>
  </si>
  <si>
    <t>不会的很多人都活着呢.</t>
  </si>
  <si>
    <t xml:space="preserve">请问做人流对人体有什么危害呢？ </t>
  </si>
  <si>
    <t>你好， 人流需要人为扩张宫颈，可造成宫颈不同程度的损伤，易引发早产。吸宫可伤及子宫内膜，受损的子宫内膜易感染细菌而患子宫内膜炎，会妨碍今后妊娠时胎盘的正常植入，引发产后大流血。由于子宫内膜的损伤，有碍胎儿正常发育和生长,并可使产程中胎儿窘迫症或窒息机率增加。由此可见，人流利少弊多，尤其是对今后需要生育者更为不利。所以育龄妇女应尽量减小人流。你好，如果操作没有严格按照无菌要求，或者在术后没有注意个人卫生，就会导致女性容易感染妇科炎症，如慢性盆腔炎等，也可能会导致女性月经异常、继发不孕等。你好，女性人流可能会导致妇科感染，如果过多人流有可能会导致不孕。</t>
  </si>
  <si>
    <t xml:space="preserve">女孩子看过来一般如果做了一件让你女孩子不开心的事情后怎么样正确的 </t>
  </si>
  <si>
    <t>我认为你必须真诚的向那位女生说：“对不起”。虽然是简简单单的三个字，但它让很多人无法开口。哄女需要的是耐心.如果你有足够的耐心,即使你嘴再笨,也会得到女孩子的谅解.像楼上所说的,无论多生气都只是希望你能多在意她一点.最忌讳的是以同样冷淡的态度来回应她.如果是那样的话,她会真的生气.并且对你感到失望.现在我在网吧.我已经很久没来网吧了.我甚至想要在这里上通宵.其实我觉得我是在虐待我自己.(噢!不好意思,你会觉得我说这些离题了,但请你看下去.)我和男朋友在闹别扭.因为他做了些令我生气的事--他总是没天没夜的打牌.昨晚,我跟他闹了脾气.他问我怎么啦,我都没做声.只哭.其实他心里应该清楚.他刚开始还哄我几句,可后来也沉默了.我很不安.我不要面子,先向他屈服了.可他却无动于忠.一个晚上我跑到洗手间冲了三次冷水澡...今天我没上班.他也没喊我吃饭.我饿了一整天.我觉得他好无情.我想结束冷战.于是我刚叫他陪我出来散步,他说他要睡觉.同事一进宿舍,他就跑起来了.他们又开档了(打牌).我很难过.向他同宿舍的好友借网卡,他竟然对我说:"你不要乱动我们宿舍的东西....."我会跟他分手.这是我的决定.一个对我没耐心.又不会哄我的男孩子.我要来干什么?无论他做什么,我都会原谅他.即使我生气,也是暂时的.只要他来哄我,我绝对原谅他.所以,楼主,切记要好好哄她.不然你会失去很多...</t>
  </si>
  <si>
    <t xml:space="preserve">关于网上银行建行帐户签约,需到柜台办理,有效证件是否可用户口簿? </t>
  </si>
  <si>
    <t>申办条件：　　个人客户持本人有效身份证明（仅指中华人民共和国居民身份证、军官证、士兵证、护照、户口簿、回乡证）可在光大银行代销网点申请办理账户签约及开立基金账户手续。这是光大的协议,我想建行的也一样.</t>
  </si>
  <si>
    <t xml:space="preserve">"…wouldn'thaveeverseenthishappen? </t>
  </si>
  <si>
    <t>「......一万年也没见过这种情况发生」，Mia在唠唠叨叨。我担忧的是不能把她也算上一个，最少是大部分（时间）。Cancel someone out 的意思是把某人从名单上剔除，如：We had to cancel them out. We canceled out all the people who did not show up.</t>
  </si>
  <si>
    <t xml:space="preserve">父母这样过分吗？大家好！我把事情简单明了的说一下，请你们给点建议 </t>
  </si>
  <si>
    <t>朋友，作为过来人，给你一个劝告：爱情可以培养，长相可以熟视。你的婚姻不是操纵在家长手里，依然在你手里，你依然可以选择你的未来，相亲的，不一定不好。自己谈的，不一定好。你不要和你父母吵架了，坐下来和你父母好好谈一次，说说你的想法，了解他们的想法。最后说一句：婚姻方面，只要你的父母不是嫌贫爱富，那么，父母的话，还是听吧。他们，是为了你好。以后你会知道，婚姻，不仅是两个的人事！</t>
  </si>
  <si>
    <t xml:space="preserve">请输入网络密码是怎么回事??两台计算机相连出现一个表单:上面是请 </t>
  </si>
  <si>
    <t>另外一台上,进入控制面板-管理工具-计算机管理-本地用户和组-用户-里,把guest帐号开启就行.(2000和XP适用)</t>
  </si>
  <si>
    <t xml:space="preserve">现在世界上有用W型的发动机的车吗？是什么车呢？ </t>
  </si>
  <si>
    <t>W12：第一台W12发动机首先运用在布加迪概念车上。这款发动机结合了两个VR6发动机，由两个夹角为15度的VR6发动机，以72度的夹角组成，它拥有5.6升的排量。 多年来，奥迪一直致力于W型发动机的研发，最新的奥迪A8L6.0以及大众辉腾6.0就是用的W12。W16发动机：就像W12一样，W16是建立在两个VR8发动机的基础上的。当然，大众集团并没有开发过VR8发动机，但这不影响W16的开发。与VR6类似，VR8是由两列4气缸的发动机以15度的夹角组成的，两个VR8发动机再以72度的夹角，构成W16发动机。全球最贵的跑车----布加迪威龙，使用了W16发动机。W8发动机 ： W8发动机首先被装配在大众的帕萨特的W8上。就像W系列的其他成员一样，它的结构与W12和W16相同，它比W12发动机每列少两个气缸，有点类似半个W16发动机。实际上，W8发动机是由两个15度夹角的VR4发动机以72度的夹角组成的。W18发动机：虽然同样称作W发动机，但是与其他W发动机不同，W18并不是由VR发动机组成的。可以相像，18是不能被4整除的，所以W18的结构不可能来源于VR发动机。事实上，W18发动机是来自于老款奥迪发动机的设计理念，它由三列围绕曲轴的6缸发动机组成。由于没有采用VR发动机，这种结构的缺点：在这三列气缸中，有两列气缸形成的V字型夹角太大。如果按照60度的夹角设计，它的总跨度将达到120度。要知道，W16发动机的总夹角不过曲曲87（15/2+72+15/2）度。正因为这样，W18发动机的宽度非常大。同样，由于W18是由三个6缸发动机构成的，它的长度也非常大，相当于一台直列6缸发动机的长度，而相比之下，W16的长度最多相当于一台直列5缸发动机。</t>
  </si>
  <si>
    <t xml:space="preserve">卖帐号我的基本注册质料的邮箱忘了别的都有可以在5173上卖吗 </t>
  </si>
  <si>
    <t xml:space="preserve">尊敬的客户:    您好！5173回复客服02很高兴为您服务！    如果游戏帐号的注册邮箱地址忘记是无法出售的，请您先联系游戏官方查询正确的资料后再出售。                                                   </t>
  </si>
  <si>
    <t xml:space="preserve">韩国服务器怎么下载~！帮帮我。。我不会玩。。韩国服务器怎么下啊！ </t>
  </si>
  <si>
    <t>不用下载，但需要你用代理服务器才能连接，可以到 这个网站去看看，他卖，你先下载最新的大陆版本，开启代理服务器后，在天堂图表的属性里，有个目标，在后面加上/korean就行了，然后让他更新到最新的韩国版本就能进了</t>
  </si>
  <si>
    <t xml:space="preserve">请高手看看002065,短期还可以持有吗？成本21.5 </t>
  </si>
  <si>
    <t>002065 东华合创大盘情?r已不好,建议逢高减仓,做中线也要耐心等待趋势转折时再逢低吸纳较好.</t>
  </si>
  <si>
    <t xml:space="preserve">为什么介绍对象不成功，介绍人5年来想起来就问“你为什么不愿意？当? </t>
  </si>
  <si>
    <t>简单的跟一一样，你没看上人家呗，你完全可以告诉介绍人真正的原因就是他的长相不是我喜欢的类型~</t>
  </si>
  <si>
    <t xml:space="preserve">提出的问题显示不出来是怎么回事?我想打到它采纳最好佳答案,不然对? </t>
  </si>
  <si>
    <t xml:space="preserve">服务器的问题，多耐心等一会儿，提问应该全部显示出来。服务器恢复正常后就可以看到了。 </t>
  </si>
  <si>
    <t xml:space="preserve">阴历七月搬家可以吗？我是1971年5月30日出生，我先生是196 </t>
  </si>
  <si>
    <t>夫: 1969（己酉）年4月7日出生。妻: 1971（辛亥）年5月30日出生。女儿: 2003（癸未）年12月22日出生。阳历2008年7月21～31日适宜你们搬家的日子：7月25日或7月30日。分析如下：  1、阳历2008年7月25日，农历（阴历）六月二十三（丙寅）日：丙寅日的贵人是夫生肖；丙寅日的贵人是妻生肖；丙寅日和妻生肖五合；丙寅日和妻生肖六合。 “入宅仪式”时请生肖属猴的亲朋好友占时避开。2、阳历2008年7月30日，农历（阴历）是六月二十八（辛未）日：辛未日的禄是是夫生肖；辛未日和妻生肖三合。“入宅仪式”时请生肖属牛的亲朋好友占时避开。“入宅仪式”指入宅当天新居上香祭祖时。阳历2008年8月6日、8月16日、8月26日、8月28日可以搬家，但对全家人助益不大。恭喜乔迁之喜，祝事事大吉。</t>
  </si>
  <si>
    <t xml:space="preserve">节气门的作用是什么? </t>
  </si>
  <si>
    <t>节气门是控制进入汽缸空气流量多少的开关.油门踩的大,进气就多,空气流量计就检测到了,电脑控制多喷油,车速就上去了.节气门=油门</t>
  </si>
  <si>
    <t xml:space="preserve">QQ直播现在怎么不能看呢？我昨天打开QQ直播，出来的提示是“直播 </t>
  </si>
  <si>
    <t>QQ直播3.1版本应该是很好用的，这可能是你安装时出了问题，你可以先卸载，再重装，估计应该没有问题的。</t>
  </si>
  <si>
    <t xml:space="preserve">医院用的中药熏蒸床什么价格，大概需要多少钱我们医院想买中药熏蒸床 </t>
  </si>
  <si>
    <t>熏蒸的价格从几千到一两万不等。医院的话可以买质量稍微好点的，力源二区熏蒸床、力源三区熏蒸床、力源太空舱都可以选择。合肥力源科技发展有限责任公司是专业的中药熏蒸床、太空舱生产厂商。电话：0551 5318388、5218800</t>
  </si>
  <si>
    <t xml:space="preserve">硬盘旋转部分没有机械接触吗？ </t>
  </si>
  <si>
    <t>当然有啊！比如中心电机轴承！</t>
  </si>
  <si>
    <t xml:space="preserve">钱老师好，今天38元买入恒邦股份，不知道该股短线如何？可否持有，? </t>
  </si>
  <si>
    <t>恒邦股份：大盘K线出现“仙人指路”要调整了。该股谨慎持有。破10日均线减仓。</t>
  </si>
  <si>
    <t xml:space="preserve">邮寄行李到内蒙古需要多少钱 </t>
  </si>
  <si>
    <t>你要说明你从哪寄，寄多少公斤，邮局是按重量和路程远近算的。邮局有3种包裹邮寄法,1是普通包裹,简称普包,是绿色单子,2是普通快递包裹,简称快包,粉红色单子,3是国内特快专递 简称EMS,一般你去邮局，邮局的人会问你是快包还是慢包,你说快包，那么她给你的是EMS,你说是慢包，那么多直接给你那个粉红单子,根本不会提到普通包裹,绿色单子.所以请你们去邮局,直接说明，我要绿色单子的普通包裹单据.这个单子是5毛一张，EMS的单子是1.5元.粉红色的单子也是5毛.、平邮：一律6元/500克，超重加收5元/500克。(一般为7-10天)B、普通快递12元/500克，超重加6元/500克。（建议使用，大城市2-3天，略远地区4-5天，边远部分地区不到）C、特快EMS20元/500克，超重加10元/500克。（全国各地都到3-7天左右，根据地方远近时间或长或短）详细的情况可以去中国邮政主页地址:  可以去这里查看平邮包裹的详细收费情况.</t>
  </si>
  <si>
    <t xml:space="preserve">谁能告诉我怎么做才算是一个真正的男人~一个合格的男朋友~？朋友都 </t>
  </si>
  <si>
    <t>再学得成熟点吧!一个心理成熟的人不会把自己的喜怒哀乐轻易的表露出来,他们更懂得如何去隐藏自己!假如朋友做了某些事而你觉得是他不对的时候,不要去批评或者责骂对方.这时候能否换种角度去想一下.其实一件事,换几个角度去看,自然会得到不一般的结论!</t>
  </si>
  <si>
    <t>交费??一般纳税人公司关于交纳河道费用,一般在什么时间交纳?1</t>
  </si>
  <si>
    <t>一般纳税人公司按当年流转税总额的0.5%交纳河道费</t>
  </si>
  <si>
    <t>71期14场功课.01帕尔玛(09)09</t>
  </si>
  <si>
    <t xml:space="preserve"> 切　沃  VS  热那亚===========3</t>
  </si>
  <si>
    <t xml:space="preserve">篮球比赛规则我想了解？ </t>
  </si>
  <si>
    <t xml:space="preserve">具体规则太多了，你自己看吧 下面的网址比赛规则: 1.球队人数 出场人数 5 人 2.裁判 设正, 副裁判及计分员各一名. 3.比赛时间 比赛分两节, 每节各十五分钟. 两节之间有十分钟的休息时间.如果两方均在完场时得同分数, 就要加时五分钟直至分出胜负为止 4.比赛开始 比赛开始时, 由球证於中圈抛出篮球让双方作出跳球. 第二节开始时也是以跳球开始的. 球队有主队和客队之分, 客队在第一节有权选择进攻方向, 而到了第二节, 双方要交换进攻方向以示公平. 5.得分方面 当篮球由上而下的穿过篮框就是入球. 若在三分线内射入可得两分, 若能在三分线外射入可得三分. 射入罚球可得一分. 如果篮球入了己方的篮框, 分数就判给对方. 6.走步违例 球员要不拍球移动, 必须以其中一只脚为重心脚, 这只脚不能离地只能转动, 直至球离手为止, 否则算走步. 7.两次运球违例 1. 运球结束后,再次运球. 2. 双手拍球 8.踢球违例 若故意以脚碰球, 就算违例. 若故意以脚大力踢球则可能被判技术犯规. 9.暂停 每队各有两次机会, 暂停要由教练向裁判申请. 10.换球员 当有人犯规,叫暂停或跳球等暂停情况才可以二十秒之内换人,人数不限. 11.罚球的情况 1. 守方以犯规动作导致攻方射球失败, 攻方可得罚球. 若攻方在三分线外 射球则可判得三个罚球. 若攻方在三分线内射球则可判得二个罚球. 2. 若射球成功且守方犯规, 分数照计兼得一罚球. 3. 其中一队犯规次数由第九次起, 每次犯规敌队可得两个罚球. 12.个人犯规 球员对方球员发生不合理的身体接触皆是个人犯规行为. 一个人若达到五 次犯规, 该球员须立即离场, 由其他球员代替比赛. 13.技术犯规 1. 不尊重裁判的裁决. 2. 以语言或动作戏弄或不尊重对方球员. 3. 擅自更换号码或在比赛中擅自换人. 4. 故意拖延时间, 妨碍比赛进行.参考资料： </t>
  </si>
  <si>
    <t xml:space="preserve">使用国际卡还能赚取国航里程？ </t>
  </si>
  <si>
    <t>如果您是“国航知音”的会员，用国际卡的消费积分可以兑换国航里程，从而有机会得到免费机票。如您的消费积分达到规定的分值，请拨打24小时服务热线010-95588索要兑换申请表，我们会帮您办妥兑换事宜。　　为了给您提供更优质的服务，我们需要您各种准确的联系方式,如电话、通信地址、邮编等。如果您在牡丹卡有效期内有工作调动、住址迁移或身份证件变更，须及时将变更情况书面通知发卡机构，以便与您保持联系。欢迎随时致电24小时服务热线（国际卡请致电010-95588，信用卡、贷记卡请致电发卡机构所在地95588），或登录我行网站： ，我们随时为您服务。</t>
  </si>
  <si>
    <t xml:space="preserve">减肥皂的原理是什么？减肥皂真能减肥么？它的原理是什么？我很好奇哦 </t>
  </si>
  <si>
    <t>这些东西都是骗人的</t>
  </si>
  <si>
    <t xml:space="preserve">发好孕棒!我最后一次YJ是08年1月30日,3月1号去医院做了检 </t>
  </si>
  <si>
    <t>恭喜您，你终天好孕了，真替您开心！电器多多少少会有一些辐射产生,虽然不确定现在市场上的防辐射衣是否真的有效,但穿着它也求个心安吧.另外可以在电脑旁边放盆鲜人球，听说可以减少电器辐射，祝你孕期愉快！</t>
  </si>
  <si>
    <t xml:space="preserve">为什么从冰箱里拿出来的东西上有一层水气 </t>
  </si>
  <si>
    <t>拿出来的东西温度低 外面温度高 高温中空气里的水蒸气遇低温的东西 就会在它上面凝结成小水珠 甚至冰霜 同温就不会出现此现象。</t>
  </si>
  <si>
    <t xml:space="preserve">请问男士们,进来看看再说吧,看看也不会很长时间!不管怎么样,进来 </t>
  </si>
  <si>
    <t>可爱的姑娘你好：你知道吗，人生最宝贵的就是善良，而你说你或你的朋友只剩下了善良，那我真觉得你是最纯真的美了，现在你的勇敢也成了你善良的部分，我真为你高兴，如果某个男人不为你拥有的善良高兴，那你应该知道世界上还有很多男人正渴望着你的善良，还有，我敢肯定：你认为你已失去最宝贵的那件事决不是你一个人干的，而且绝对是和一个男人干的，对不对？干吗还要向男人求救，多亏还有凡叔！谢谢我吧！</t>
  </si>
  <si>
    <t xml:space="preserve">你心目（理想）中的另一半是什么样的？ </t>
  </si>
  <si>
    <t>有上进心。对自己的未来有很好的规划。重感情、浪漫的人。重要的是要宽容。豁达。又能心细如发，会温柔、真心的体贴我。讨厌粗心大意，对你的喜怒哀乐毫无知觉的男孩子。是不是要求太高了。现在还没找到。</t>
  </si>
  <si>
    <t xml:space="preserve">设a、b、c、d∈R+，a+b+c+d=1，则√(4a+1)+√ </t>
  </si>
  <si>
    <t>证明:变形后可用权方和不等式:√(4a+1)+√(4b+1)+√(4c+1)+√(4c+1)=[(4a+1)^(1/2)]/1^(-1/2)+[(4b+1)^(1/2)]/1^(-1/2)+[(4c+1)^(1/2)]/1^(-1/2)+[(4c+1)^(1/2)]/1^(-1/2)≤[(4a+1)+(4b+1)+(4c+1)+(4d+1)]^(1/2)/(1+1+1+1)^(-1/2)=[4(a+b+c+d)+4]^(1/2)/4^(-1/2)=4√2&lt;6，故命题得证.</t>
  </si>
  <si>
    <t xml:space="preserve">五星火线送胆*****96主场力擒霍村！！?h諾威V賀芬咸3!! </t>
  </si>
  <si>
    <t>全北兄弟重新出山了？全力顶兄弟！！</t>
  </si>
  <si>
    <t xml:space="preserve">zjyzgb老师请进，又有动量问题请进刚刚初学动量守恒，感觉问题 </t>
  </si>
  <si>
    <t>分析:以平板小车、甲、乙两人（整体系统）为研究对象。由于在水平方向受到的合外力为零，所以系统在水平方向动量守恒。再由于小车向左移动即小车的动量向左，则甲乙两人的合动量一定向右。如果两人相向而行（甲向右、乙向左）的速率一样时，一定有甲的质量大于乙的质量，才能够保证合动量一定向右。所以两人速率一样时有：m甲&gt;m乙如果两人相向而行（甲向右、乙向左）的质量相同时。一定有甲的速率大于乙的速率，才能够保证合动量一定向右所以两人质量一样有：v甲&gt;v乙</t>
  </si>
  <si>
    <t xml:space="preserve">今年济南购物节银座地下购物广场都有什么活动啊我想去买渔的衣服。 </t>
  </si>
  <si>
    <t>渔的衣服好像不怎么打折啊,不过到春节的时候有可能会打七折.去看松春节的时候好像没打折</t>
  </si>
  <si>
    <t xml:space="preserve">今世进士皆是近视我对忠诚中丞终成忠臣请问对的工整否此对联为绝对 </t>
  </si>
  <si>
    <t>不太工整,对联讲究对仗,"今世进士"是偏正短语,而"忠诚中丞"呢,"今世进士近视"三个谐音,而"忠诚中丞忠臣"音不谐</t>
  </si>
  <si>
    <t xml:space="preserve">失眠求解救|什么样的装修风格会比适合我自己的小窝 </t>
  </si>
  <si>
    <t>温馨一点的。 比如说紫色、深蓝色、深粉色、玫红色</t>
  </si>
  <si>
    <t xml:space="preserve">各位老师好：600827可以现价介入吗？ </t>
  </si>
  <si>
    <t>600827受均线压制，调整仍将继续，暂不介入。</t>
  </si>
  <si>
    <t xml:space="preserve">诸葛亮为什么一定要跟刘备？是不是因为刘备姓‘刘’，而当时汉室姓刘? </t>
  </si>
  <si>
    <t xml:space="preserve"> 　　　　以上各位说的都有道理.　但是个人觉得诸葛亮属于一界文人.文人最大的特点是什么?古今都一样————清高且希望得到他人的尊重。 刘备三顾茅庐并且以框扶汉室为理由，一是满足了他个人的虚荣心，二是有个充分的理由——他出山不是为了金钱仕途，而是为了天下苍生。 借于此，可以判断为什么诸葛亮会跟随刘备.</t>
  </si>
  <si>
    <t xml:space="preserve">牛初乳成人每天吃多少朋友送来些牛初乳,(加拿大维力多胶囊)说明上 </t>
  </si>
  <si>
    <t>成人每天应吃应该是孩子的2到3倍,这个是保健食物,没有严格的要求的,因该在身体状态好的情况下吃</t>
  </si>
  <si>
    <t xml:space="preserve">我才20岁黑眼圈很严重，吃什么用什么能让黑眼圈消失或变淡 </t>
  </si>
  <si>
    <t>吃一些含有铁 镁的物质 对黑眼圈的减淡有很大的好处。牛羊肉，蛋黄，豆类都含丰富的铁，同时搭配维生素C，加强铁元素的摄取。此外，蛋白质，氨基酸，胶原蛋白对黑眼圈的减淡也很有好处。</t>
  </si>
  <si>
    <t xml:space="preserve">翻译句子3 </t>
  </si>
  <si>
    <t>天下无不散之筵席大江东去条条大路通罗马善有善终会发光的不都是金子天下无难事，只怕有心人只学不玩会变呆多问问题才会博学人力有限一心不能二用从交友上可以看一个人</t>
  </si>
  <si>
    <t xml:space="preserve">这是干燥综合症的症状吗？求指点。每隔一段时间会出现，先是红色，慢? </t>
  </si>
  <si>
    <t>期间有没有伴随瘙痒等症状？如果病情比较严重，可以考虑来本地医院预约就诊，上海武警总队医院皮肤科位于上海市长宁区虹许路831号，是公立三甲医院，疗效显著，收费合理，希望对您有所帮助你好   有多长时间了？建议去你们当地医院看一下。</t>
  </si>
  <si>
    <t xml:space="preserve">你好，买房子，资金不是很宽敞，现在是全额还是贷款合适，怎样最合适? </t>
  </si>
  <si>
    <t>明年再买房吧，价格松动。这样的建议给你，请你先将款定期严格不动！否则现在就全额买房吧</t>
  </si>
  <si>
    <t xml:space="preserve">大一贫穷学生2000元能投资什么没风险？我是一位大一贫穷学生很不 </t>
  </si>
  <si>
    <t>我也是大一的学生，开学升大二。根据你的情况，我建议还是投资基金，具体的知识你可以去我个人中心的博客看看。钱的多少不是问题，关键你要有理财的认知。我也是和你一样一步步走过来的。</t>
  </si>
  <si>
    <t xml:space="preserve">高一数学题已知一等比数列的前三项依次为x,2x+2,3x+3,那 </t>
  </si>
  <si>
    <t>已知等比,有 X*(3X+3)=(2X+2)^2得X=-4或-1{an}=-4,-6,-9  ,q=1.5 {an}=-1,0,0, 不是等比数列,舍去.a1=-4,q=1.5an=a1*q^(n-1)  &gt;&gt;&gt;  -27/2=-4*1.5^n得n=4,是第四项</t>
  </si>
  <si>
    <t xml:space="preserve">我是个得分型，组织后卫，你信吗？本来我有个得分后卫的号（21）， </t>
  </si>
  <si>
    <t>的确，PG的招牌JN啊，不带SS怎么打球，偶遇到不带SS的会郁闷4，再强也不会和他打，再说了，真正的高手也不会不带SS的。PG的QE直接是SS传，多照顾PG，还有就是F的感觉不如DF，建议换成DF。SS必带的，突破运球没什么大用，没有槽的话换掉好了。PG现在过人的确优势很大，本身JN好，时间少，偶的PG也是得分型的，但助攻要远高于你的哦，作为一个PG不仅要会得分，最重要的还是会帮助别人得分，一般一场比赛除了偶得的分队友的得分也都是有偶的助攻，也就是说每个球都有PG的功劳。为什么你叫组织后卫？？3分命中40%+的确很一般，但你J比较低8错了，偶39的PG3分命中一般在49%左右，比较稳定的。总之加油了</t>
  </si>
  <si>
    <t xml:space="preserve">83级３Ｄ不掉血防魔掉２敏１攻的ＱＢＴ魔和精神破标可以卖多少请大 </t>
  </si>
  <si>
    <t>QBT是好东西啊,而且掉的很不错不过150W不要卖啊</t>
  </si>
  <si>
    <t xml:space="preserve">不擅交际的人,适合做哪些职业? </t>
  </si>
  <si>
    <t>不知你的学历和专业。我不太赞成楼上人之说，因为档案管理、设计等都要求与人沟通才能做好。如档案管理不是仅仅守着档案，除了省市级大档案馆，单位档案都要求档案员从资料的收集、汇编、整理等做起，这就要与各部门打交道；设计更要反复与委托设计的单位、部门及人员交流，才能满足人家的要求。我认为，如果笼统地说，适合不擅交际的人干的职业可分两类：一、白领方面：图书管理员、会计、地方志编纂、计算机编程、网络设计等。二、蓝领方面：适应的范围很广，主要是生产型企业的流水作业线上。</t>
  </si>
  <si>
    <t xml:space="preserve">我想问一个脸部的问题!!!我的眼睛下面,鼻子在过来一点长了一些黑 </t>
  </si>
  <si>
    <t>那你是不是有便秘的状况的？如果是的话要先把便秘治疗好，可多吃水果、蔬菜、菌类的食品。每天还要多多的喝水至少8杯的。产草要出根的。脸上是豆豆可千万不要去扣的，我有经历的，有巴痕的。如你已有的话，可试试熏衣草精油的。有效果的哟~呵呵</t>
  </si>
  <si>
    <t xml:space="preserve">请问怎样学好英语请问怎样才能学好英语? </t>
  </si>
  <si>
    <t>每天背20个英语生词，每天坚持自学2小时，坚持数年，必定长进。</t>
  </si>
  <si>
    <t xml:space="preserve">高手帮忙给参谋参谋机器配置赛扬2.0，256DDR，GF2MX4 </t>
  </si>
  <si>
    <t>+条内存效果好，最好买1条256新的，要不以后坏了找谁啊，和2手钱差不到哪里去用一样的牌子好，256金世顿的好像不到300，   290左右HY 的都是假的请注意再把预算提高300左右，就可以把剩下的钱换个显卡，要是没钱就算了</t>
  </si>
  <si>
    <t xml:space="preserve">设置路由器中上网账号和口令是什么？为什么输入账号和密码后还是不能? </t>
  </si>
  <si>
    <t>先搞清楚自己的上网方式，一般有拨号（需要上网帐号、密码）、静态地址、网关等，看你说的估计是拨号的，设置时看下是不是设置的自动分配地址，是就电脑的网络莲叶也要自动，不是的花就要自己设置网络连接的地址，一般是192.168.0.***,最后的*随便输，反正超不过最大值，下边的子网掩码系统会自动输入，不用管。网关、DNS可以不用管。</t>
  </si>
  <si>
    <t xml:space="preserve">请问哪里有好的印刷培训学校,我想学习平面印刷,学开印刷机已经出来 </t>
  </si>
  <si>
    <t>欢迎到北京印刷学院来看看,这里有你需要的.</t>
  </si>
  <si>
    <t xml:space="preserve">请问什么是"AT总线"和"AC电源"? </t>
  </si>
  <si>
    <t xml:space="preserve">AT bus（AT总线）AT总线，也称为ISA总线（工业标准结构），是始于IBM-AT系统的16位总线。它仍然是大多数PC机扩充卡的标准接口。总线指的是连接着所有设备控制器和插入卡的电线和电子元件的集合，这些控制器通常与外部设备连接。因此，总线是电脑传输数据的主要高速通道。AC电源直流输入直流输出的一种电流或电压转换电源 </t>
  </si>
  <si>
    <t xml:space="preserve">重庆市区寻求音乐爱好者，共同音乐或乐队的发展，我在学做曲我一生都 </t>
  </si>
  <si>
    <t xml:space="preserve">李莉娟：7岁开始学习一直到现在，曾跟随雷果阳老师学习童声6年.13岁进入银杏少女合唱团，连续三年参加在锦城艺术宫举行的新年音乐会，16岁先后跟随四川省群众艺术馆史小丽老师、四川音乐学院声乐系刘琼老师学习声乐，现在师从战旗歌舞团李鹤飞老师。天府早报、华西都市报、成都晚报、四川人民广播岷江音乐电台、成都广播电台LOVE RADIO、成都全接触、四川电视台《综艺大世界》、湖南卫视《音乐不断》、北京新京报、星周刊等，对她都有所专访或报道 &gt;2002年7月 荣获四川音乐学院颁发的成人声乐八级证书;&gt;2003年11月 荣获顺爽先锋音乐行“校园原创新锐选拔赛”最佳人气奖二等奖;&gt;2003年12月 荣获蓉城校园十佳歌手荣誉称号;&gt;2004年6月 荣获统一冰红茶“闪亮之星”全国大学生歌手选拔赛成都赛区冠军,西部赛区季军;&gt;2004年7月获全国通俗歌手大赛成都赛区铜奖 四川赛区优秀奖;&gt;2004年7月参加“2004QQ之星全国歌手大赛”四川赛区进入19选4，最后进入全国总决赛。【主要录制原创作品】 《昨日的》、《中华风采》、《被你想起》、《寻你》、《飞鸟爱情》、《可惜》《抉择》…… 原创歌曲现在有59首主要公益活动：原创音乐新力量--西南高校大学生原创歌手巡演城市之音CITYFM102.6---广播节开幕式（四川高校巡演共5场-四川大学、四川师范大学、成都理工大学……）2004年度中医药大学助残晚会2004年度科技文化博览节开幕式李莉娟和太合麦田还有腾讯有１年的歌手协议，明年７月满约....朴树..爱戴....美眉组合..房祖明都这个公司～  </t>
  </si>
  <si>
    <t xml:space="preserve">刚有了身孕，老公就入了狱，被判15年。我该怎么办呢？谁能帮帮我，? </t>
  </si>
  <si>
    <t>人生能有几个15年？对于一个女人，23至38岁是人生最美丽的年华。提请您三思。</t>
  </si>
  <si>
    <t xml:space="preserve">求助，哪儿能买到《建筑遗产》2014年第5期呀？或者网上能查到期? </t>
  </si>
  <si>
    <t>你好，据业内人士了解，是被同行的和建筑遗产杂志有竞争关系的《城市建设理论研究》这个杂志给办了，因为《城市建设理论研究》这个杂志是电子期刊，很多参评机构不认可，而且很多作者发了文章，无法参评，也不给作者解决，所以，很多作者都改发其他杂志了，其中，建筑遗产杂志，就是城市建设理论研究杂志有力的竞争对手，很多作者都改发建筑遗产了，建筑遗产，在今年的3月份之前，在万方还是可以查询到的，从三月份以后，就暂时无法查询了，不过现在搜去年发的论文还是可以搜到的，去年发表的论文，在万方上面都可以搜到，今年的还在更新中，在龙源期刊网，已经更新到今年的第二期了。现在杂志行业互相竞争激烈，很多都不是大家想的那么简单，所以，还需要大家理性分析，不要被一些莫名的消息左右。</t>
  </si>
  <si>
    <t xml:space="preserve">怎样在电脑文档中制作公章 </t>
  </si>
  <si>
    <t xml:space="preserve">可用Word制作电子公章：1、图章轮廓 选择“插入→图片→自选图形”，在“绘图”工具栏中选择椭圆，按下Sfift键在文档中拖出一个圆，设置为“无填充色”，线条宽度为2磅，颜色为红色，“叠放次序”为“最底层”。 2、编辑文字 在文档中插入艺术字，选择环形艺术字，输入内容后设置字体、字号，然后用艺术字周围的8个拖拉按钮把文字拖成圆形，并放在已经画好的圆内，可以用ALT键和方向键帮助移动到准确的位置。并把艺术字设置成红色。 3、插入五角星 在“自选图形→星与旗帜”中选中五角星，然后在文档中画出一个大小适合的五角星，并设置成红色，移动到圆中合适的位置，然后选中圆、艺术字、五角星，单击鼠标右键，选择“组合”，一个公章就制作出来了，要用时复制一下就行了。 </t>
  </si>
  <si>
    <t xml:space="preserve">人人都说不要做钱的奴隶,但为什么还要拼命的赚钱呢? </t>
  </si>
  <si>
    <t>因为拼命赚钱不仅是为了提高生活品质,而且也是为了争当金钱的主人!</t>
  </si>
  <si>
    <t xml:space="preserve">更新中断的同志请进来看一下我昨晚也是更新到15%时中断了,以后再 </t>
  </si>
  <si>
    <t>打个8月30号的手动补丁,就好了</t>
  </si>
  <si>
    <t xml:space="preserve">请问：新浪积分有什么用啊？？新浪积分有什么用啊？？ </t>
  </si>
  <si>
    <t>·积分　1)积分是为鼓励用户参加而设计的一套奖励系统。回答问题并被提问者采纳才是积分增加的最好途径。　2)用户凭积分不仅可以提高自己的级别，还有机会获得“爱问”定期颁发的大礼。　3)平时储备足够的积分，您有问题时才有足够的积分可悬赏。  4)积分增减的详细规则： 希望对你有所帮助：）</t>
  </si>
  <si>
    <t xml:space="preserve">为什么男人这么累 </t>
  </si>
  <si>
    <t>因为身上有责任，很很多。的确,男人都是累的。为心劳,为命劳,为情劳......因为男人自降临到这个世界以来,他的肩上就担当了许多重要的责任:家族、学业、事业、功成...因为男人肩膀上扛着一份责任，对爱人的对家庭的，让自己爱的人幸福是许多男人追求的目标，男人压力却是很大，但是有压力才有动力，有奋斗的目标人生才不会迷失方向，我希望你变压力为动力，努力为美好的明天加油！因为男人总是想着要比女人干的更多.你好，简单说来，就是为了生存和生活。不是吗？1，为自己的生存。2，为你爱的和爱你的人。3，为了事业。4，为了追求精神享受。</t>
  </si>
  <si>
    <t xml:space="preserve">什么是SD娃娃? </t>
  </si>
  <si>
    <t>Super Dollfie 简称SD 一般常见的SD高58cm，还有高60cm的13岁SD以及高43cm的mini SD，价格 都是不同的，一般都在人民币4500-8500元左右，mini SD一般也在2000-4000元左 右。 SD的特色是可以让玩家自行改装，因为SD的眼珠、头发、身体关节、手 脚、胳膊、腿都是可以分开的，不会组装的玩家可以购买到组合完成的SD，正是因 为这些灵活的关节，所以我们看到的SD娃娃们才能摆出那么多的Pose，或潇洒或优 雅，栩栩如生的在镜头前演出一幕幕的故事。还有就是SD的脸部可以让玩家自行化 妆，不论是眉毛、睫毛、眼线、唇彩甚至是脸部肤色胭脂等等都能够让玩家将自己 的SD装扮成国色天香的美女或貌比潘安的帅哥，塑造你独一无二的SD。 记住她们不只是娃娃哟， 她们是有生命，有思想的， 不过很可惜好像没人知道她们在想什么……</t>
  </si>
  <si>
    <t xml:space="preserve">有谁知道铀矿储量前三位的国家… </t>
  </si>
  <si>
    <t xml:space="preserve">美国能源部提供的数据，目前至少在43个国家中有铀矿分布。其中，铀矿储藏量较大的几个国家为澳大利亚(约占全球总储量的27%,但其国内却没有核电站)、哈萨克斯坦(17%)、加拿大(15%)、南非(11%)、纳米比亚(8%)、巴西(7%)、俄罗斯(5%）、美国和乌兹别克斯坦（4％）。 全球最大的铀生产国为加拿大。2004年，加拿大的铀矿开采量占到了全球开采总量的29％。 </t>
  </si>
  <si>
    <t xml:space="preserve">阿猫阿狗2是一款什么样的游戏啊?给个游戏介绍和截图视频最好. </t>
  </si>
  <si>
    <t xml:space="preserve">大宇RPG经典大作《阿猫阿狗2》介绍 -------------------------------------------------------------------------------- 　　在1998年，曾经有一款轻松搞笑风格的RPG出现在玩家面前，嘿，别想到欧美的卡通风格RPG去了，难道只有卢卡斯和暴雪会在中挥洒幽默吗？这款风格独特的中文RPG就是《阿猫阿狗》一代啦！ 　　也许很多玩家只知道大宇的“双剑”，却错过了这么一款趣味多多、爆料不断的好游戏，但是，相信玩过它的玩家都会对它念念不忘，现在，它就要回来了！当然，无论是电影世界还是游戏世界中，不是总会说“I’ll be back”吗？！OK！就让我们看看这款延续下去的经典游戏是不是比以前更加吸引人呢～　　近未来的乡野小镇　　如果你在游戏包装盒上见到古装的侠客，一般会想到“啊，又是一段江湖恩怨”；看到手握宝剑的勇者，不用说，那是传说中的第2005号救世主；而被那些长袍长须的法师、身穿能量装甲的未来战士占据封面的游戏包装盒，里面的东西肯定只有魔戒的死忠FANS和那帮会为D100掷出1而抓狂的人才会感兴趣……嗯，但是如果封面上是几个现代少年和一群猫猫狗狗——呃？它会是什么？　　现代少年和猫猫狗狗？对！游戏的故事就发生在十几年后，一个既接近现实又充满幻想的时代，而且游戏中会充满温暖的生活气息和浓浓的人情味～没错！《阿猫阿狗2》的故事仍然发生在那个盛产南瓜的木桶镇上，在这么一个贴近生活的地方冒险，你能想像得出会经历怎样的故事吗？老鸟们以往的RPG游戏经验在这里将完全失效，因为这是一个你从来没有见过的时空环境！在全新的环境中，感受着不知道将会发生什么事件的好奇和紧张，你是否找回了初次玩RPG的那种兴奋了呢？　　Come on,baby～你绝对不会失望而回！　　2D还是3D？这不是难题！　　除了游戏的背景，诸多的角色也会带给你既新鲜又欢乐的感觉，这一点，玩过一代的玩家不会有任何怀疑吧？在本作中，前代那群个性角色将以全新的面貌重新出现在你们面前！　　相隔8年，如果《阿猫阿狗2》还是纯2D，那么难免会被没见过一代的新玩家“看扁”，所以，为了让它的画面充实起来，我们用了3D；如果《阿猫阿狗2》失去了原来的轻松可爱风格，那么肯定会被老玩家拖出去XX一百遍，所以，我们用了卡通渲染；如果在游戏发行前就将画面吹得天花乱坠，那么这个游戏不是需要恐怖的配置才可以享受，就是会索性以年为单位跳票，所以，我们静静地看着网上“3D化会不会拖《阿猫阿狗2》后腿”的帖子偷笑。嘿嘿～　　你是不是已经看腻了游戏中冰冷阴暗的铠甲战士？来吧，《阿猫阿狗2》在卡通渲染技术的帮助下，将向你展示简洁明快的画面。而且在这款游戏中，动画化的角色可不仅仅只会扮可爱而已啊，他们丰富的个性连一些人气动画中的人物都要自叹不如了！　　玩过一代的玩家还没忘记那位名符其实的闪腰侠吧？想知道这位改行做正义英雄的退休公务员如今有了什么变化吗？或者你想让自己家的宠物向整天快乐无忧、大脑记忆“内存”只有8兆的毛姐学习保养毛发？还是有志于地球和平、环境保护，想加入拯救地球协会，向“伪原始人”杰西学习在战场上劝架的绝招？他们这次重出江湖，必定会有更精彩的演出！连路人甲这种程度的NPC都加入大量的个性动作，小心别看花了眼，分不清哪位才是主角了哦！　　木桶镇再建工程队　　《阿猫阿狗》虽然不如《仙剑奇侠传》与《轩辕剑》系列一样名声在外，但是只要是玩过一代的玩家，都认为它是足以和“双剑”齐名的经典。当年《阿猫阿狗》首先在中文RPG中踏出了创新的一步，《阿猫阿狗2》的制作者们，也将延续前代独树一帜的风格。　　在制作过程中，连制作组碰到的问题和麻烦都充满了这种“独特”风格。什么？想知道？等待N年后的《猫狗制作组密闻》吧！在这些举世无双的问题魔王面前，幸好有一代的老玩家对《阿猫阿狗》系列坚贞不渝的支持和喜爱，让制作组好像修改过属性一样，三两下KO掉HP999999的挡路魔王，成功驯服了《阿猫阿狗》系列的“独特”，然后——把它转化为引诱玩家的利器！　　在《仙剑奇侠传》系列中我们以压榨玩家的眼泪为目标，现在却要来个超超超级大逆转，拼尽全力在玩家的嘴角拉扯出笑容来。如果可以，我们真想从屏幕里伸出手来直接挠玩家痒痒，看你笑不笑？！不过有木桶镇的众多个性角色协助，嘿嘿，这项工作进展顺利。　　我们真诚地吐血跳楼强力推荐玩家们，最好先去抢购一份木桶镇最新版地图，这样才能在面部抽筋或者下巴脱臼时，迅速找到新建的木桶医院。时间不等人，动作要快！否则那些疯狂购物者可不会给你留下一丁点纸屑哦！　　木桶镇，就在前方　　顺带一提，木桶镇上现在正忙着筹备各项活动，某个神秘的明星组合也将登台演出！想知道进一步的小道消息吗？想一睹少女明星组合的风采吗——啊！不对、不对！说漏嘴了！！　　呃，总之，几个月后木桶镇旅游热线就要开通了，不要像错过一代一样，再一次错过开往木桶镇的班车哦！在那之前，在   </t>
  </si>
  <si>
    <t xml:space="preserve">网上订车票安全么？怎么订呢？ </t>
  </si>
  <si>
    <t>现在的航空公司车站一般都有自己的网站网上订票是比较安全的建议你找比较大的网站或你想搭乘的那家公司网站去订票</t>
  </si>
  <si>
    <t xml:space="preserve">假如我存1万,5年期.如果存到第三年,把它取出,请问利息如何算,? </t>
  </si>
  <si>
    <t>存定期提前支取一律按支取当日银行挂牌的活期存款利率计算利息。</t>
  </si>
  <si>
    <t xml:space="preserve">中国中期近半年来成交量为何这样大？请大家帮忙分析一下。 </t>
  </si>
  <si>
    <t>救市主:你好!如果你做短线.是可行的.但不可恋战;贪多.关键:有利就走.设好止损.坚决执行.祝你好运!</t>
  </si>
  <si>
    <t xml:space="preserve">血刀怎么加点? </t>
  </si>
  <si>
    <t>有加纯功的 有纯敏的 有功敏混加的 有加魔的根据自己宠物情况 考虑加点方式吧</t>
  </si>
  <si>
    <t xml:space="preserve">打完甲肝疫苗有什么反映吗？宝宝打完后今天怎么很兴奋？连午觉也不睡 </t>
  </si>
  <si>
    <t>不会 可能的反应是发热等不适</t>
  </si>
  <si>
    <t xml:space="preserve">飚车大侠们请问全改是什么意思。。。还有那TP怎么加都加什么好。。? </t>
  </si>
  <si>
    <t>全改就是把加扭力.加刹车~~还有一些特殊的装备都装上~~具体如下:第一~扭力~ 这是最重要的~在咖啡厅中~有卖引擎的店~~进去把加扭力的装备(最贵的)也就是加扭力最多的(有NEW的)装备全买上~~~~装吧~别忘了~~车身也可以加扭力的~~(可以在引擎店旁边的店里买到,同样选最贵的装)第二~~刹车~~这个也同样重要~首先把刹车加满~就在咖啡厅的店里~~把该买的都买上,还有轮胎钢圈(就是加摩擦系数的)第三特殊装备~1防滚条.2承吊装置(加方向盘灵敏的).3外侍品,(全装,一共4件,说白了就是保险杠),4弹簧(一共4个~2个硬的~2个软的~)这个怎么加看你是什么车了~这个就 116113378,我会详细给你讲解的~~行了~~如果你做完以上3步~恭喜你~你的车全改了</t>
  </si>
  <si>
    <t xml:space="preserve">天刑之地的入?鋈梢越灰酌?RT </t>
  </si>
  <si>
    <t>您好：    这个物品是不能交易的，从购买之时起就已经开始计时了。    谢谢您的支持！</t>
  </si>
  <si>
    <t xml:space="preserve">山东鲁圣大厦四星级酒店室内外装饰装潢招标 </t>
  </si>
  <si>
    <t>日照市亮丽装饰有限公司申法超0633-3315818</t>
  </si>
  <si>
    <t xml:space="preserve">为什么月经前后腰疼？偶每次月经前后腰很疼，感觉是骨头疼，不能弯腰 </t>
  </si>
  <si>
    <t>不是骨质疏松,是因为月经的时候盆腔充血引起的腰痛,没有什么大碍,属正常现象,你只要在月经的时候做好调理,吃些调经的药就可以了.不是，不象</t>
  </si>
  <si>
    <t xml:space="preserve">什么是对等网？ </t>
  </si>
  <si>
    <t>对等网也称工作组。在对等网络中，计算机的数量通常不会超过10台。所以对等网络相对比较简单。在对等网络中，对等网上各台计算机的有相同的功能，无主从之分，网上任一节台计算机既可以作为网络服务器，其资源为其它计算机共享，也可以作为工作站，以分享其它服务器的资源。任一台计算机均可同时兼作服务器和工作站，也可只作其中之一。同时，对等网除了共享文件之外，还可以共享打印机。也就是说，对等网上的打印机可被网络上的任一节点使用，如同使用本地打印机一样方便。因为对等网不需要专门的服务器来做网络支持，也不需要其他组件来提高网络的性能，因而对等网络的价格相对要便宜很多。</t>
  </si>
  <si>
    <t xml:space="preserve">12110期出14个3有木有？R9奖金会不会创新低？ </t>
  </si>
  <si>
    <t>14个3肯定没有</t>
  </si>
  <si>
    <t xml:space="preserve">发票抬头大家好，请问我单位是分公司，是刚成立的，有好多发票的抬头 </t>
  </si>
  <si>
    <t xml:space="preserve">  首先应明确你公司（分公司）是属于独立核算还是非独立核算：你说：我的所得税是带征的，是打外经证的，但我的公司的性质是一般纳税人的工业企业，   由此，可以判断你公司是非独立核算的，你做进去的发票应该也只是费用等发票，没有用于抵扣增值税的增值税专用发票，是不是？那就没有事了。因为，关于代征，只是所得税的一种征收方式，是以销售收入为基数按照一个固定的比例作为应纳税所得额，再乘以所得税税率来计算征缴的一种方法，与利润无关（就是无论盈亏，只要有销售收入，都要交所得税）。代征是不需要汇算清缴的。  如果不是代征，应该也没太大问题，因为你们不是独立核算的，所所以费用应该统一交由总公司来做，你做了，只当作是帮总公司代垫款，没影响的</t>
  </si>
  <si>
    <t xml:space="preserve">由于特殊关系我要改个名字请大家把我想个好名字谢谢该姓蓝，我的生日 </t>
  </si>
  <si>
    <t>叫蓝天吧！蓝天一样的宽广，蓝天一样的清澈，蓝天一样的明朗！好机上口有特别！</t>
  </si>
  <si>
    <t xml:space="preserve">临时防御和临时气血可以同时存在吗一个武器上可以同时存在临时气血和 </t>
  </si>
  <si>
    <t>可以同时存在，最多打3种，但是临时伤害和临时命中不能同时存在</t>
  </si>
  <si>
    <t xml:space="preserve">《国际关系》论文求救啊我读大二。我们每学年都有年级论文。但我都不 </t>
  </si>
  <si>
    <t>你首先给自已定位，心一定要静下来。静后心才定下来，你就有牾处，你的思路清晰。分清主，次。学习要用心而不是用脑。只要你用心去做，一定能做到。你写论文时你用心去看这方面的书[工具]事事留心就是学问。</t>
  </si>
  <si>
    <t xml:space="preserve">照明开关和插座有竖着排列安装的吗？合规定吗？ </t>
  </si>
  <si>
    <t>一般的都会成横排排列，也没有硬性规定规定不准竖排，但是竖排的的确很罕见</t>
  </si>
  <si>
    <t xml:space="preserve">古剑奇谭存档在哪？古剑奇谭游戏存档在哪？古剑奇谭游戏存档在什么地 </t>
  </si>
  <si>
    <t xml:space="preserve">不知道你是什么系统，我是win7，存档在C:\Users\用户名\AppData\Local\Aurogon Games\GuJian\SaveData </t>
  </si>
  <si>
    <t xml:space="preserve">宠物点问题3当的丸子暴了+什么啊 </t>
  </si>
  <si>
    <t>丸子的精神很高，我见过养丸子的人主要是pk用，打杂魔，相当疼，因此精神比较重要！建议在爆前多加几点防，或者血，他的生存能力也太有限，而且血多座任务也方便，最后加什么还看你自己的想法了。。</t>
  </si>
  <si>
    <t xml:space="preserve">糖尿病能治好吗?都说糖尿病是不治之症真是这样吗难道糖尿病挣得治不 </t>
  </si>
  <si>
    <t>糖尿病好象只能控制，目前还没办法彻底治愈。</t>
  </si>
  <si>
    <t xml:space="preserve">学生爱上老师该怎么办 </t>
  </si>
  <si>
    <t>想办法搞定她</t>
  </si>
  <si>
    <t xml:space="preserve">如何看待余秋雨？余秋雨做为一文化名人，但他却被认为很有争议！我们 </t>
  </si>
  <si>
    <t>有点水平，不过有点过。</t>
  </si>
  <si>
    <t xml:space="preserve">皇马果然平给李 </t>
  </si>
  <si>
    <t>平局还是要杀一些单子！</t>
  </si>
  <si>
    <t xml:space="preserve">我想给歌厅起名字谢谢大家喽 </t>
  </si>
  <si>
    <t>金色年华春满人间</t>
  </si>
  <si>
    <t xml:space="preserve">我的宝宝现在7个多月了,现在是否可以断奶,吃奶粉有什么要求? </t>
  </si>
  <si>
    <t>如果没有必须断奶的理由，就不要断奶哦，要知道金水银水不如妈妈的奶水哦，有条件的话坚持到一岁半至两岁最好，下面这篇文章写得很好，希望对你有所帮助。我儿子一岁月两个月断的奶，现在长得很好，不过我很后悔哦，宝宝在怀里吃奶的感觉真是一种幸福，以后再也体会不到了。断奶后，选择安婴宝很不错，味道和母乳相近，品质也很好。断奶，别听偏见的文：小巫《父母》杂志2002年11期    凡是喂过母乳的妈妈，都在不同的阶段面临过断奶的问题。断奶，远非字面意义上那样简单，而是母子关系的一种重大转变。顺利地断奶，对于母子双方的身心健康都至关重要。断奶方式掌握不当，很容易给母亲遗留终生的遗憾，给孩子造成心灵的创伤。    关于断奶，最根本最常见的一个问题就是：我应该什么时候给孩子断奶？    对这个问题，其实没有统一的标准答案。什么时候给孩子断奶，是每一对母子之间根据自己的具体情况而做出来的私人性决定，旁人没有权利对其指手画脚。    如果你一定要知道一个最佳时机，回答是，这要视乎孩子的成长情况，最好等到孩子自动脱离对母乳的需要，自然地断奶。这样的断奶方式最顺利最容易，会避免诸多由于提早强行断奶而必然出现的母子之间的矛盾、争斗、哭闹、伤心和烦乱。    你会问，孩子一般什么时候才会自动脱离对母乳的需要呢？    每一个孩子的成长时间表都不一样，一般来说，自动断奶发生在一岁半到三岁之间。一岁以下的婴孩，不会有自动断奶现象。即使孩子表现的不好好吃奶或者拒绝吃奶，也是因为吃奶环境不够安静，干扰过多，或者因为心理原因而导致的“罢奶”。    也许这时候你要吃惊了：一岁半到三岁之间？难道可以让孩子吃这么久的母乳？那为什么我周围的人、包括医生，都在劝我六个月就给孩子断奶呢？他们说，六个月以后的母乳就没什么营养了，而且，如果不断奶，孩子就不好好吃饭。的确，对于许多人（包括一些医生）来说，延续到一岁以后的母乳喂养是一件新鲜事。而且，在他们的头脑中，对母乳有两个根深蒂固的偏见：第一个常见偏见是，“X个月之后，母乳就没营养了。”    大量的研究证明，母乳无论在什么时候，都富含营养，如脂肪、蛋白质、钙和维生素等等，尤其是对孩子身体健康至关重要的免疫因子。幼儿自身的免疫系统要到六岁左右才健全，在这之前，长期的母乳喂养，等于为孩子建立起一道天然的免疫屏障，能够有效地预防诸多疾病的侵袭，比如耳道、肠胃和呼吸道等幼儿常见感染，以及幼儿癌症、少儿糖尿病、风湿性关节炎等重症。那些过敏体质的婴儿，更是应该母乳喂养至一岁以上。特别神奇的是，随着孩子月份的增长、对辅食摄入的增多，吸吮母乳频率有所降低，母乳却会自动浓缩养分和抗体，将孩子所需要的营养丝毫不差地输送进来。    与营养价值相等重要的，是长期母乳喂养对于幼儿心理和情感方面需求的彻底满足。延长母乳喂养，有助于巩固母子亲密关系、建立孩子的安全感。在孩子疲劳、受惊、烦躁或者悲伤时，吸吮母乳能够给予孩子最及时最有效最温馨的安慰，让孩子在需要帮助时，得到的是人的帮助，而不是物品（奶嘴、玩具、零食等）。    吸吮动作是婴幼儿成长过程中必不可少的需要，这个需要直到三岁左右才淡化。长期母乳喂养，使得孩子在母亲的怀抱里彻底满足这项生理需求，母亲的乳头也不象其他吸吮替代品（手指、奶嘴、玩具、零食、被角、头发等等）那样会变质、坏掉、或者弄脏。从母亲那里得到吸吮满足的孩子，往往很少吸吮自己的手指或者将所有拿到手里的东西放进嘴里，也因此减少感染疾病的几率。    长期的母乳喂养还有许多其他好处，比如有利于幼儿口腔的发育、从而提高语言能力，比如母乳中独特的生长激素促进孩子大脑的发育，另外也有利于母亲自身的健康。    这就是为什么国际卫生组织、国际母乳会以及美国卫生部等权威机构，呼吁全球的母亲们将母乳喂养坚持到孩子满两岁。    人们对延长母乳喂养的第二个常见偏见是：不断奶，孩子会因为依恋母乳而不好好吃饭。    这样的说法既没有任何依据，又严重缺乏逻辑性。母乳和辅食添加以及过渡到正式吃饭，从来都是水乳相融、相辅相成的朋友，根本不是势不两立、不共戴天的仇敌。母乳喂养有助于孩子接受固体食品，因为母亲的饮食成分与味道会渗透到母乳里（因此专家都劝告母亲在哺乳期一定要注意自己的饮食，尽量避免刺激性食品，以免引起婴儿的不适、过敏甚至拒绝吃奶），孩子从母乳中已经遍尝人间百味，十分乐意接受新的食品。倒是那些吃奶粉的孩子，免不了有时会挑食，因为奶粉的味道千篇一律，没有变化，孩子习惯了单一的口味，不愿意接受新花样。    还有人说，如果不断母乳，孩子就永远不会接受奶粉或者鲜牛奶。母乳比奶粉和牛奶香甜，吃惯了母乳的孩子当然抗拒奶粉和牛奶。但是这绝对不是一种“永远”不变的状态，也不是没有办法解决的问题，更无需采用断奶这种笨法子。    有一些孩子，无论是吃母乳还是吃奶粉，确实存在不好好吃饭的问题，但这和他们吃的是什么奶没有任何关系，而是大人在喂养方面的失误造成的。极有可能是在添加辅食阶段，家长没有采用科学喂养方式，没有培养孩子良好的进食习惯。或者是因为家长总以为孩子吃得不够、逼迫孩子多进食而造成孩子厌食；或者是因为家长过于频繁督促孩子吃东西，甚至不惜端着碗到处追着喂，而导致孩子失去了饥饿感。饮食是婴幼儿学习探索人生的重要途径，父母一定要谨慎行事，把握好这方面的喂养关系。小孩子天生自知饥饱，无需大人在一旁过多操劳，喂养原则应该是让孩子做主，饿了就吃，饱了就停；吃饭时在餐桌上认真吃，吃完了离开餐桌再去玩儿。当孩子出现进食方面的问题时，如果不是病理原因，家长应该审视自己的喂食手段和态度，从中找到问题根源，而不要将责任推诿到母乳身上，强迫孩子断奶，给孩子造成更大的损失和伤害。吃奶粉的孩子不好好吃饭，你们让他们“断”什么呢？断了母乳之后孩子依然不好好吃饭，你们又要谁来负这个责任呢？    那么，有没有贪恋母乳，不爱吃饭的孩子呢？有！但是，这仍然不是母乳的错。大多数见了妈妈就粘在奶头上不肯吃饭的孩子，是由于母子关系出了问题，是因为孩子从母亲那里没有得到足够的关爱，母亲除了喂奶之外，陪伴孩子的时间无论是质还是量都不够高，孩子以无休止地要求吃奶来满足自己对母亲的需求。这样的情况下，如果断奶，岂不是与孩子的愿望背道而驰？这时候断奶，给孩子造成的心灵伤害最深。    另外还有一些常见的因素，导致母亲提早断奶。比如需要上班的母亲，其实无需断奶，工作单位有条件的，可以把奶挤出来储存在奶瓶里，白天让看护人喂给孩子，下班后母亲直接哺乳。工作单位没有条件的，可以让孩子白天吃奶粉，母亲在家时则吃母乳，对孩子的健康远远强于完全断奶。还有母亲需要短期出差，也无需断奶，可以提早把奶挤出来，储存在冰箱冷冻室里，母亲离开的那几天给孩子吃。母亲在出差过程中，要注意及时挤奶，以保证乳汁分泌量不下降。    断奶是每一位母亲在了解延长母乳喂养的优势之后，经过深思熟虑而做出的谨慎决定。</t>
  </si>
  <si>
    <t xml:space="preserve">NOKIA7260里面还有内存，但怎么存不进去东西啊？；这个是怎? </t>
  </si>
  <si>
    <t>是不是格式不对,或者是文件太大了,手动恢复一个出厂设置试试.</t>
  </si>
  <si>
    <t xml:space="preserve">企业法定代表人与自己签订的劳动合同是否有效？李律师：你好！查找判 </t>
  </si>
  <si>
    <t>指教谈不上。可以交流下我的看法：签订劳动合同是人事权的一部分，是否有效，关键看签约人是否拥有特定的人事权，或已获得此种授权。一般而言，公司高层的人事权并不掌握在某个个人手中，而是要通过董事会甚至是股东会决议，公司章程应明确这些内容。 另外，签字盖章的效力主要是对外，是对善意第三人利益的保护效力。对内是否有效？还要看是否符合公司章程等内部规范。如果上述三类人，超越公司章程以及决策机构授权，甚至根本不享有特定职务的任命权，而与自己签订合同，就是越权或无权代理行为，属效力待定行为，其效力如何，取决于公司是否事后追认，如追认则有效；反之，则无效。 上述看法供参考，也欢迎提出批评意见。</t>
  </si>
  <si>
    <t xml:space="preserve">乙肝大三阳转成了小三阳是否更严重? </t>
  </si>
  <si>
    <t>有人说，“小三阳”要比“大三阳”好，且没有传染性。这是一个错误的观念。“小三阳”照样有传染性，只不过血液循环内的病毒含量相对较低一些而已。乙肝病毒感染者的情况好不好，与是否为“小三阳”或“大三阳”无关，而与感染者是否有肝功能受损有关。有些“大三阳”的人，希望变成“小三阳”，甚至使用一些药物，其实大可不必。</t>
  </si>
  <si>
    <t xml:space="preserve">住宅小区的物业管理有收费标准吗？我家是河北唐山的，小区的物业收费 </t>
  </si>
  <si>
    <t>根据该国家计委、建设部印发的《城市住宅小区物业管理服务收费暂行办法》规定，物业管理服务收费根据所提供服务的性质、特点等不同情况，分别实行政府定价、政府指导价和经营者定价。为物业产权人、使用人提供的公共卫生清洁、公用设施的维修保养和保安、绿化等具有公共性的服务以及代收代缴水电费、煤气费、有线费、电话费等公众代办性质的服务收费，实行政府定价或政府指导价，由省、自治区、直辖市物价部门根据当地经济发展水平和物业管理市场发育程度确定。凡属为物业产权人、使用人个别需要提供的特约服务，除政府物价部门规定有统一收费标准者外，服务收费实行经营者定价。实行政府定价和政府指导价的物业管理服务收费标准，由物业管理单位根据实际提供的服务项目和各项费用开支情况，向物价部门申报，由物价部门征求物业管理行政主管部门意见后，以独立小区为单位核定。实行政府指导价的物业管理服务收费、物业管理单位可在政府指导价格规定幅度内确定具体收费标准。实行经营者定价的物业管理服务收费标准由物业管理单位与小区管理委员会或产权人代表、使用人代表协商议定，并应将收费项目和收费标准报当地物价部门备生案。住宅小区公共性服务收费的费用构成包括以下部分：①管理、服务人员的工资和按规定提取的福利费；②公共设施、设备日常运行、维修及保养费；③绿化管理费；④清洁卫生费；⑤保安费；⑥办公费；⑦物业管理单位固定资产折旧费；⑧法定税费。其中第②项和第⑥项费用支出是指除工资及福利费以外的物资损耗补偿和其他费用开支。经物价部门核定的或由物业管理单位与小区管理委员会或物业产权人代表、使用人代表协商议定的收费项目、收费标准和收费办法应当在物业管理合同中明文约定。物业管理服务收费实行，明码标价，收费项目和标准及收费办法应在经营场所或收费地点公布。物业管理单位应当定期(一般为6个月)向住户公布收费的收入和支出帐目， 公布物业管理年度计划和小区管理的重大措施，接受小区管理委员会和物业产权人、使用人的监督。</t>
  </si>
  <si>
    <t xml:space="preserve">这样的感情怎样处理前不久,我的女朋友出国留学了,但我们的感情还是 </t>
  </si>
  <si>
    <t>美女怕缠夫，当初我那位硬是追了我3年，从我对他没啥感觉到现在我们结婚了，可是感情的变化是很快的，随着生活环境都会让一个人变化的，也不敢保证。毕竟爱情这东西不是食品有保质期，就看自己是怎么对待这份情了</t>
  </si>
  <si>
    <t xml:space="preserve">身患感冒能与白血病患者接触吗？白血病和感冒 </t>
  </si>
  <si>
    <t>第一白血病并不是传染性疾病，所以你一个健康的只是患了感冒的人不用害怕白血病患者对你有什么侵害的，倒是你在感冒的时候不应该去探望白血病患者，因为他们机体的抵抗能力已经很差了，你的感冒病毒会轻而易举地伤害到他们。</t>
  </si>
  <si>
    <t xml:space="preserve">我们小区是集中供热，可以安装地暖吗？ </t>
  </si>
  <si>
    <t>当然可以。集中供热的小区热水供应温度为60-90℃，如果直接连接地板采暖系统显然温度过高，不仅会因地表温度过高造成人体不适，还降低了地暖系统的寿命。可在集中供热入户端设立混流旁路连接地板采暖系统，将地板采暖系统的水温控制在地暖所需的30-50℃温度，即可使用地板采暖系统。  如果您还不是很清楚，您可以登录安歌地暖咨询。</t>
  </si>
  <si>
    <t xml:space="preserve">请教大虾们;我的word2003不能插入图片,找不见剪贴画,插入? </t>
  </si>
  <si>
    <t>把你的office 2003重新安装一次。如果你是下载的，重新按装也不行的话，再重新下载一次。</t>
  </si>
  <si>
    <t xml:space="preserve">关于活动问题，大家进来下！谢谢ＴＺ送的ＳＣ装备是什么车类的呢？Ｓ </t>
  </si>
  <si>
    <t>laj  活动！ 才一件 我都有几套了！ 都不知道有什么用！      哎！</t>
  </si>
  <si>
    <t xml:space="preserve">出息了，不听我话了！不知猫咪犯了什么错儿，不过态度挺好的，我看， </t>
  </si>
  <si>
    <t>猫咪心里想，我不过翻了一句嘴，值得发这么大的火吗？</t>
  </si>
  <si>
    <t xml:space="preserve">工程款会计分录我公司给对方公司用转帐支票转了两笔工程款,现在只有 </t>
  </si>
  <si>
    <t>银行进账单是收款方收到款项后据以编制记账凭证的依据，你单位付给对方公司款项，可将进账单交给对方单位，有对方单位出具收款收据（或发票），你单位凭转账支票存根联和对方单位出具的收款收据（或发票），作为原始凭证编制记账凭证记账。</t>
  </si>
  <si>
    <t xml:space="preserve">肚脐左侧小腹感觉有点不适！男34岁今天中午吃完午饭，过一会感觉肚 </t>
  </si>
  <si>
    <t>左下腹的脏器主要为结肠、小肠、左侧输尿管、左侧精索等。在进食后，出现脐左侧小腹短暂不适，多可能是因结肠或小肠轻度、一过性肠痉挛所致。诱因可有饮食不当，进食过快或过饱、生冷或刺激性食物刺激、消化不良、腹部受凉等。如时间短暂，呈一过性，又没有其他疾病，则不必担心，不会对身体引起影响，也不需处理，但平时要注意饮食调养，如饮食规律，定时定量，少食生冷、烟酒与刺激性食物，同时要放松精神，消除顾虑等。如疼痛经常发作，则应检查除外肠道功能性或器质性病变可能。</t>
  </si>
  <si>
    <t xml:space="preserve">林心如的男朋友是谁 </t>
  </si>
  <si>
    <t>“唐季礼要取我，过五年十年再说。”这是林心如自己说的。现在这世界分分钟在变，谁知过几天又是哪一位作她男友！</t>
  </si>
  <si>
    <t xml:space="preserve">好看的动漫任何类型的都可以 </t>
  </si>
  <si>
    <t>魔法咪路咪路，爱丽丝学院，网球王子~~~等等都很好看啊</t>
  </si>
  <si>
    <t xml:space="preserve">中国2006年上半年的GDP是多少 </t>
  </si>
  <si>
    <t>2006年上半年还没完呢,所以没法统计.</t>
  </si>
  <si>
    <t xml:space="preserve">有宫颈息肉的情况下影响顺产吗？请问有宫颈息肉的情况下，是否影响顺 </t>
  </si>
  <si>
    <t>取决于息肉的大小和位置。大部分人都不影响顺产，只是产检和产前需要告知产科医生，因为出血的风险会增加。</t>
  </si>
  <si>
    <t xml:space="preserve">道具现在为什么人少了人比以前少多了，道具3牧羊已经没市场了,道具 </t>
  </si>
  <si>
    <t>SE的责任刷钱阶段，闪了一批玩家新手HELP又闪了一批SF增多有闪了一批</t>
  </si>
  <si>
    <t xml:space="preserve">什么牌子的面膜最补水?什么牌子的面膜最补水？ </t>
  </si>
  <si>
    <t>面膜要根据自己的肤质选择，美即面膜就挺好的，不贵也好用。</t>
  </si>
  <si>
    <t xml:space="preserve">关于“添加或删除程序”点击控制面板里的“添加或删除程序”，出现一 </t>
  </si>
  <si>
    <t>你用的是XP操作系统吧，这个问题是由于你使用了不规范的桌面主题后引发的，你只需将桌面主题改回预设值即可，方法如下：在桌面空白处点右键，选择“内容”，单击“外观”选项卡，将“Windows 和按钮”改为“Windows XP样式”，确定即可。</t>
  </si>
  <si>
    <t xml:space="preserve">什么是电话三方通话?是怎么操作的?如何收费呢?谢谢 </t>
  </si>
  <si>
    <t>　　当甲与乙通话时，如需丙参加一起谈话就可以在不中断与乙通话的情况下拨叫丙，实现三方共同通话，或分别与双方通话。?羌牵涸谟没昵胝庀钜滴袷保炭氐缁熬志鸵言诨恐苯邮淙氲羌牵虼耍没г谑褂们安恍枰俳械羌遣僮鳌?　　使用： 　　1)在甲、乙用户通话中，如甲用户需和丙用户通话，按下“R”键(或拍一下叉簧)，此时乙用户被保留等待，甲听到拨号音后，即可拨叫丙用户，接通后甲与丙通话。如甲用户拨叫丙用户未通，只需按下“R”键，即可恢复同乙用户的通话。 　　2)在甲、丙用户通话后，如仍需与乙用户通话并保留丙用户，则可按一下“R”键，听到拨号音后，按一下“2”字键即可。如不需保留丙用户时，甲可按“R”键，听到拨号音后，按一下“1”字键，即可恢复与乙用户通话。 　　3)在甲用户与丙用户通话时，如需乙用户也同时加入，甲可按“R”键，听到拨号音后，按一下“3”字键。 　　4)在甲、乙、丙三方通话中，如甲用户需与某一方通话，而使另一方保留时，可按“R”键，听到拨号音后，按一下“2”字键；在不需保留另一方时，按“R”键，听到拨号音后，按一下“1”字键。　　程控新功能开通时要交新费10元，每月使用费2元。通话中，甲与乙，再拨丙，都是按普通的通话费收取。</t>
  </si>
  <si>
    <t xml:space="preserve">我填写的当前手机号码明明是正确的，确一直显示错误，导致我无法继续? </t>
  </si>
  <si>
    <t>你好，如果确认登录名、密码正确，需要联系客服查询账号状态，进行申诉。可能被冻结、封号等。【帅哥！美女！如果对您有帮助，给我的答案一个好评哦^^,谢谢,亲】</t>
  </si>
  <si>
    <t xml:space="preserve">初学者想做点心，需要买什么必备物品？烤箱也没买，呵呵。那种比较好? </t>
  </si>
  <si>
    <t>炸春卷，炸鲜奶，炸鹌鹑，炸小鸡</t>
  </si>
  <si>
    <t xml:space="preserve">成功是什么？现在人人都会追求成功，但常常急功近利。 </t>
  </si>
  <si>
    <t>成功是一次完美的超越自我的过程</t>
  </si>
  <si>
    <t xml:space="preserve">手里有几千欧元是应该换成人民币还是换美元？ </t>
  </si>
  <si>
    <t>不用换,持币待沽.目前欧元兑人民币天天在涨,看看再说!</t>
  </si>
  <si>
    <t xml:space="preserve">治疗肛门出血有什么快速有效的方法吗&gt; </t>
  </si>
  <si>
    <t>肛门便血莫大意  　　排便时肛门会出血的情景对患有肛肠疾病的人来说，是常有的事，也容易使人恐惧不安。肛门便血的原因在专科医学理论上来讲有多种，但不管是什么原因，其结果都是不容忽视的。带着这个健康话题，笔者来到位于泉州市温陵路站对面的温陵医院肛肠科，并邀请著名肛肠疾病专家刘守进教授，对肛门便血的原因进行析释。同时欢迎广大患者拨打刘主任工作热线：2160073,对更多肛肠疾病中的疑难性问题进行咨询。下面是刘教授为我们作的现场讲解。 　　肛门大便便血突然出现了鲜红，或覆盖于粪便表面，或与大便相混，也有肛门滴血甚至喷血的，或只是手纸上带血。但不管是什么情况，都不容忽视。 　　便血可因小肠病变所致，更多的是乙状结肠、直肠出血。就病变性质来说，肿瘤、炎症、畸形等均可出现便血。血色越鲜红，说明出血部位离肛门越近。 　　中老年人出现便血，特别是新近出现便血，应该比青年人更加引起重视。这是因为随着年龄的增长，乙状结肠与直肠的肿瘤性病变（包括良性与恶性）明显增多。 　　乙状结肠与直肠出血可能患有以下疾病。 　　痔疮：有外痔时可在肛门口摸到柔软的小结节，内痔则摸不到。出血量多且不与大便混合，有时只在手纸上沾有血迹，出血常与大便干结或排便时用力过度有关。 　　直肠、结肠癌：近年来这几种病明显增多，发病率增加了2－3倍。此病初时可见少量血液覆盖粪便表面，随着病情发展，便血量逐渐增多，也可出现大便变细，甚至发生肠梗阻（不排便、不排气、呕吐、腹部出现包块、腹痛）。粪便可有脓黏液及癌肿组织产生的特殊臭味。当全身出现症状，如食欲下降、消瘦、浮肿、贫血等，已属病变晚期。 　　溃疡性结肠炎：血色或鲜或暗，几乎每次大便均混有血、脓黏，常有腹痛、腹泻，反复发作或迁延不愈。 　　大肠息肉：有的属良性，有的易恶变（如腺瘤样息肉、绒毛状腺瘤）发病率随年龄增长而增高，可单个或多个。便血常呈间隙性，血色鲜红，一般血量不多，血液不与粪便混合。粪便本身无特殊变化。 　　结肠血管发育不良：中老年人较多见，出血多为陷鲜血，出血量较多，大便本身无改变。 　　总之，出现便血的患者一定要有所警惕，千万不要大意，要及时去医院检查，以明确出血原因。</t>
  </si>
  <si>
    <t xml:space="preserve">存放马铃薯的最佳温度是几摄氏度，温度过高就会发芽从而影响食用？ </t>
  </si>
  <si>
    <t>3度</t>
  </si>
  <si>
    <t xml:space="preserve">离婚抚养权我现在准备离婚，孩子不到一岁，还在吃奶，我能争取到孩子 </t>
  </si>
  <si>
    <t>好像听人说哺乳期的孩子一般都会判给母亲，但也不完全都是这样的吧，还是应该找个律师咨询咨询，余婧律师好像是专业做婚姻家庭案子的，你可以网上搜索一下看能不能联系上她做咨询，希望能帮到你。</t>
  </si>
  <si>
    <t xml:space="preserve">对"拼车"的看法?拼车假设:分白天和夜里,分熟人和陌生人.尽可能 </t>
  </si>
  <si>
    <t>“拼车”好！不“拼人”就行了。</t>
  </si>
  <si>
    <t xml:space="preserve">目前治再障的新疗法有哪些？ </t>
  </si>
  <si>
    <t>您好，血浆置换是今年来兴起的一种新疗法，其作用机制已逐步被阐明，现在，越来越多的疾病可用血浆置换的方法得到治疗或控制，尤其是一些常规治疗效果不佳的急症、重症。目前认为再生障碍性贫血是一种自身免疫性疾病，其血浆抑制活性来源于其抗体，因此可以通过血浆置换治疗去除血浆中的抗体进行治疗，尤其是经免疫抑制剂治疗效果不佳的患者，血浆置换治疗一般可起到明显疗效。您好， 再障应视为内科急症，尤其是重型再障，必须立即采取积极的治疗措施。造血干细胞移植和应用免疫抑制剂是治疗重型再障的两种有明确疗效的治疗方法，应尽早采用。此外，一些轻型再障患者可在病程中逐渐转成重型，因而对于初次发病的轻型再障要进行随诊观察，输血和血小板时要注意去除白细胞，以减小将来采用造血干细胞移植时出现严重排斥反应的危险。您好，再障的治疗包括病因治疗、支持疗法和促进骨髓造血功能恢复的各种措施。慢性型一般以雄激素为主，辅以其他综合治疗，经过长期不懈的努力，才能取得满意疗效，不少病例血红蛋白恢复正常，但血小板长期处于较低水平，临床无流血表现，可恢复轻工作。急性型预后差，上述治疗常无效，诊断一旦确立宜及早选用骨髓移植或抗淋巴细胞球蛋白等治疗。</t>
  </si>
  <si>
    <t xml:space="preserve">有什么能不有禁饮食还可以减肥的方法 </t>
  </si>
  <si>
    <t>一个简单的方法：每天上下班时步行，晚饭吃点稀的。这是我的亲身体验，有效，我从208 斤减至160斤，现在步行已是我生活内容的一部份，至今没有反弹。如果上班路程比较远，可以推着自行车走，走一段骑一段，或者到某个有一定距离的汽车站，坐汽车。如果我的方法能给你一点启示，我将非常高兴。</t>
  </si>
  <si>
    <t xml:space="preserve">飚车请问在电2小牛B区新手抓人厉害的是哪几个? </t>
  </si>
  <si>
    <t>只要是抓人的猎手 都是勇敢的  至于厉害的 到还没听说过电2 有专门抓 飞车的车队☆≮城市猎手≯☆  ★≮城市猎手≯★  这2个车队里我也忘了是哪个了</t>
  </si>
  <si>
    <t xml:space="preserve">龙鳞有什么用啊?龙鳞有什么用啊,能卖多少传奇币啊?我是15区2服 </t>
  </si>
  <si>
    <t>盛大说是用来换新版本首饰的.各区的价格不一样,我那区才50W.</t>
  </si>
  <si>
    <t xml:space="preserve">公司照片墙我们公司准备把拓展训练的照片贴到墙上（大概30张左右） </t>
  </si>
  <si>
    <t>直接排队没什么不好的呀,这样大家看照片时还舒服些,如果歪七扭八的,还要拧着脖子看.</t>
  </si>
  <si>
    <t xml:space="preserve">苍之涛封神台在哪？我进入之罘山龙脉找到了姜太公墓，走了N遍怎么都 </t>
  </si>
  <si>
    <t>怎么找不到？很好找的！龙脉迷宫非常简单，到了姜太公墓之后，再往前走穿过那段迷宫，然后就能抵达封神台了。～～～～～～～～～～～～～～～～～～～～～～～～～～～～～～有什么疑问请给我发信息，如果你直接补充，我有可能看不到。『回答指数：★★★☆☆』</t>
  </si>
  <si>
    <t xml:space="preserve">哪里买香啊我找不到卖香的地方 </t>
  </si>
  <si>
    <t>和卖药的对话激活界面后，上面的金色箭头是翻页的。</t>
  </si>
  <si>
    <t xml:space="preserve">完美国际91的极品疯魔乱舞能和刚心比么?我看到有个人拿2D有狂战 </t>
  </si>
  <si>
    <t>S B啊，没玩过啊，是新武器啊，天泪生产的，不懂别乱回答啊，不精炼比刚心精炼+7还好，你说怎么样啊,昨天我们区还有人卖啊，比较贵的，不过没刚心贵</t>
  </si>
  <si>
    <t xml:space="preserve">关于牛仔裤的松紧我看中了一条牛仔裤，穿上去很漂亮，显得腿又长又直 </t>
  </si>
  <si>
    <t>牛仔裤是越穿越松的。买好看的！</t>
  </si>
  <si>
    <t xml:space="preserve">电脑上的“我的电脑”中有两个DVD驱动器。这两个只有第一个可以用 </t>
  </si>
  <si>
    <t>另一个是虚拟光驱吧，看看你的机器program file里有没有装deamon或是金山虚拟光驱，把它删掉就可以了。</t>
  </si>
  <si>
    <t xml:space="preserve">是牛死市，急病难治，又何妨？死牛市买牛皮！谁要牛鼻圈？ </t>
  </si>
  <si>
    <t>牛市的特征：急跌慢涨。大家别急，好戏在后头呢。给想加仓的朋友提供机会。</t>
  </si>
  <si>
    <t xml:space="preserve">呵呵，问题多多，希望大家回答哦我是22日的YJ,上个月我已经用了 </t>
  </si>
  <si>
    <t>隔天AA比较容易怀孕的.你的排卵期应该在十月的6-8-10,这三天每天AA就可以了,那几天是排卵期呀,心情一定要放松,要有高潮啊,不然不容易怀孕的,AA以后不要马上起来,要用枕头把臀部垫起来,平躺半个小时再起来,这样容易使精子进入.</t>
  </si>
  <si>
    <t xml:space="preserve">na2sio3高温煅烧反应吗？rt </t>
  </si>
  <si>
    <t>Na2SiO3硬化后形成的二氧化硅网状骨架，在高温下强度下降很小，当采用耐热耐火骨料配制水玻璃砂浆和混凝土时，耐热度可达1000℃。因此水玻璃混凝土的耐热度，也可以理解为主要取决于骨料的耐热度。所以，高温下是不反应的。望进步！</t>
  </si>
  <si>
    <t xml:space="preserve">不上班的女人要不要藏点私房钱呢?因为种种原因，譬如放弃了工作在家 </t>
  </si>
  <si>
    <t>如果是恩爱的夫妻，我认为没这个必要！</t>
  </si>
  <si>
    <t xml:space="preserve">如果晚上不出冷9场有10块你们就偷着乐吧 </t>
  </si>
  <si>
    <t>您太乐观了，今晚必有2大冷，不信走着看！一个30年的老球迷</t>
  </si>
  <si>
    <t xml:space="preserve">在哪抓珍兽玄武岛在哪师们的耳海茶马到在哪如题 </t>
  </si>
  <si>
    <t>玄武从洛阳珍兽那传送去。后半句没看懂，洱海在大理南边</t>
  </si>
  <si>
    <t xml:space="preserve">猎人的宝宝和猎人一起升级吗？抢猎人的经验吗？？ </t>
  </si>
  <si>
    <t>猎人的经验是猎人的~~宝宝是宝宝的不会抢的~~</t>
  </si>
  <si>
    <t xml:space="preserve">广州到东莞市区坐车要多长时间？ </t>
  </si>
  <si>
    <t>坐大巴走高速1个小时就可以到咯~开小车当然更快走107就不用说了，慢哦</t>
  </si>
  <si>
    <t xml:space="preserve">前后鼻音问题我以前前后鼻音不分，后来下力气改过来了。但是我发现我 </t>
  </si>
  <si>
    <t xml:space="preserve">我是语言艺术老师。正确的读音要讲究归音吐字。要时刻注意嘴形的变化。前鼻韵母和后鼻韵母有“前”和“后”之分，建议你有三种方法：1、用食指轻轻指住自己的鼻子，把嘴闭严，发“嗯------”的四声，提醒自己，用鼻子发音。2、把前鼻韵母分解来读音。比如“an”。你就可以把这个音的n音伸长，读成“an-------”，最后“嗯”音收尾。3、从嘴形来区分，an en in un ün 在说完的时候，嘴巴都应该是闭严的，如果闭不严发音就会不完整，听上去就不规范了。不仅仅是读拼音，说话时亦是如此。如果舌头的生理没有问题的话，相信如果你把前鼻韵母练习的好，后鼻韵母的问题就迎刃而解了。但要持之以恒，时刻注意。希望我的建议，对你会有所帮助。 </t>
  </si>
  <si>
    <t xml:space="preserve">高一物理1质量为M的小车置于光滑的水平面上，车的上表面粗糙，有一 </t>
  </si>
  <si>
    <t>1、车与木块组成的系统动量守恒，车与木块间的摩擦属于内力，由于车表面足够长，因此物理摩擦如何，最后车与木块一定能达到相同的速度，也就是mV=(m+M)V'则木块的动量的变化量为△P=mV'-mv，因此不管车表面的粗糙程度如何，木块的变化量相同2、AB组成系统动量守恒，原来都是静止的，因此任意时刻都有MAVA=MBVB,因为mA=2mB，VB=2VA故答案应该是ACD，弹簧恢复原长时就是两物体速度最大时3、在碰撞的瞬间，只是两车相碰，单摆上的小球由于惯性作用，碰撞瞬间，其速度保持不变，因此正确答案应该是BC1.表面足够长,所以最终两车速度相同,用动量mv=Mv1+mv12.A,D还是用动量mAvA=mBvB,vA&lt;vB,弹簧对两端的推力相同,恢复到原长时,对两端都为0,自然就脱离了.3.这个...应该选D吧,至于解释我再想想.</t>
  </si>
  <si>
    <t xml:space="preserve">装修包水管问题卫生间有两个下水管我想包一下，开始打算用轻钢龙骨加 </t>
  </si>
  <si>
    <t>包水管不用砖斗砌，而是直接将瓷砖紧贴着水管铺装。而水管与墙面的缝隙用碎砖嵌入，加水泥抹平，就会做成非常标准的直角，最大限度地留出室内空间。这种包法，一般做过家装的泥工应当都会的。与你的第一个办法略有不同的是用轻钢龙骨加防水石膏板，这也很节省空间。这是一些较高资质的装修公司的标准做法。希望我的回答能够对你有所帮助。</t>
  </si>
  <si>
    <t xml:space="preserve">有乙肝抗体了，但被乙肝患者咬了一口会不会被传染乙肝？有乙肝抗体了 </t>
  </si>
  <si>
    <t>一般情况下，乙肝抗体滴度的正常值为10mIU/ml，当乙肝抗体滴度大于这数值时，乙肝表面抗体便能够有效的保护体内。一旦乙肝抗体滴度小于此数值时，乙肝表面抗体的保护能力减弱，一旦患者接触到含有乙肝病毒的血液，或者与携带乙肝病毒的患者亲密接触时，便有感染乙肝的可能。乙肝主要是经血液传播，母婴垂直传播、医源性传播、生活上的密切接触和性传播等;乙肝抗体的滴度&lt;10，要再注射一支乙肝疫苗加强针，如果乙肝病毒抗体滴度&gt;10，不用再注射乙肝疫苗。如果实在担心，去专科医院问一下医生。</t>
  </si>
  <si>
    <t xml:space="preserve">心理承受能力太底怎么办？我不知道我怎么了我好象是从小被惯坏了吧， </t>
  </si>
  <si>
    <t>下面摘自别人文章段落,供参考:走出阴暗的心理，这是提高心理承受力的关键所在。　　第一，必须理性地思考自我、周围世界及传统，随时准备放弃、扔掉那些僵化的自我灌输的腐朽思想和陈腐观念。　　第二，坚持开拓性思维、创造性思维和逆向思维，以科学的人生哲学作为自己的合理的支柱信念。出门无车，不必烦恼，给自己一个意念：\"走路可以锻炼身体\"；粗茶淡饭，不必发愁，给自己一个意念：\"用不着因身体发胖而想方设法去减肥\"；没有好衣服，不必叫苦，给自己一个意念：\"外出挤车不用担心弄脏弄破\"；居室内未铺瓷砖、地毯，不要感到寒酸，给自己一个意念：\"进进出出不必换鞋，方便极了\"。姑娘失恋了，被小伙子抛弃了，不要想到去死，你死了，他还会和别的姑娘恋爱、结婚、生子，过着幸福生活，你的死毫无意义。如果有人骂你是\"乌龟王八\"，旧的思想观念是\"士可杀不可辱\"，那么你听到这句骂人的话之后一定会怒发冲冠，会找对方去拼命。但如果你理性地思考一下，乌龟王八的寿命都很长，\"千年的王八，万年的龟\"。对方骂你\"乌龟王八\"实际上是祝你\"健康长寿\"，\"万寿无疆\"，所以你应该恭首向他道一声\"谢谢\"才对。这样做不是侮辱了你的人格，更不会伤害你的面子，你这样做后，对方一定会感到震惊，感到你不是一般的人物，是个了不起的人物，因为只有宰相肚里能撑船。他一定会对你敬佩得不得了，不但不会丢面子，你在别人心目中的形象反而会变得越来越伟大。　　千万不要认为这是阿Q精神，嗤之以鼻，恰恰相反，这在心理学上非常重要，这是用智慧排解烦恼和痛苦，用智慧捕捉快乐，是最高层次的生活质量。　　同是一件事，想通了就是天堂，想不通就会产生心理问题，心理问题处理不好，就会失去生活的信心，失去追求的朝气，变得心灰意懒，自我放纵，可能会由一个有远大理想和宏伟目标的勇士沦为得过且过、混天聊日的懦夫。一个人能不能成才，智商只是基础，心理素质才是成才的关键所在。　　世间有许许多多的悲伤或哀痛，如果认真剖析一下，倒不是真的由于什么失败，什么挫折，而是由于狭隘的思想和认识上的偏见。当然，人的一辈子有时也会遇上大的困难，大的失败，或者大的打击，但只要正确理解突发事件，正确对待挫折。思想上自己不把自己打倒，外界的任何力量也打不倒你，再大的挫折也伤害不了你。所以，一个人的心理承受力提高的过程，实际上就是不断地与自己的僵化思想和陈腐观念斗争的过程，就是自己做自己的心理医生的过程。</t>
  </si>
  <si>
    <t xml:space="preserve">5等天魔和５等定魂值多少钱？5等天魔和５等定魂值多少钱网通江湖霸 </t>
  </si>
  <si>
    <t>40定左右吧，和五等水晶什么的同价</t>
  </si>
  <si>
    <t xml:space="preserve">诺贝尔文学奖是从什么时候开始评选的？ </t>
  </si>
  <si>
    <t>诺贝尔文学奖从1901年开始颁奖。</t>
  </si>
  <si>
    <t xml:space="preserve">psp的记忆卡是专用的吗？是跟手机（什么品牌）记忆卡通用的吗？ </t>
  </si>
  <si>
    <t>PSP所使用的是索尼的短记忆棒，是闪存卡的一种，虽然不及SD卡和TF卡等主流闪存卡普及率那么高，但是由于是索尼自己的产品，所以索尼的数码相机、索爱手机还有笔记本电脑等等都是使用这种记忆棒，都是通用的。</t>
  </si>
  <si>
    <t xml:space="preserve">杀毒软件听说瑞星杀毒可以免费无限期升级,是真的吗?金山可是不能啊 </t>
  </si>
  <si>
    <t>瑞星的确是全免费了！但是好像只能查毒，MS有全免费版！推荐你用卡巴斯基！对国内的不错！建议如果您的电脑配置还行就用卡巴7！如果不怎么样就用卡巴5，如果实在很差就用卡巴斯基3.5!卡巴斯基7 KIS 卡巴斯基5 卡巴斯基3.5 建议AVP3.5再加个E盾和风云防火墙吧！就不提供了，到网上SOSO,都找的到的！全免费！</t>
  </si>
  <si>
    <t xml:space="preserve">人真的可以同时爱吗?人可以同时喜欢.同时被感动.同时对几个人有好 </t>
  </si>
  <si>
    <t>爱是自私的,同时也是排他的,不会有人愿意你在爱着他的同时也爱其他人.如果他知道你在爱他的同时还爱别人,肯定会离开的 .</t>
  </si>
  <si>
    <t xml:space="preserve">顶我500W合买方案的朋友进来领赏！决不食言，呵呵！不成敬意啊！ </t>
  </si>
  <si>
    <t>能跟大师的单是我们的荣幸....就等着收钱了,哈哈.....</t>
  </si>
  <si>
    <t xml:space="preserve">办银行卡时输密码都能输几位啊，只能输数字吗？ </t>
  </si>
  <si>
    <t>两点：1，所有银行都一样的，就是密码只能设为0-9的阿拉伯数字，不能有字母或符号。      2，绝大多数银行的密码的位数上限是6位，而下却没有限制，一位都可以，设为6为是为了最大限度的保证资金安全，有效预防密码被破译，加大了破译难度！但是部分银行虽然设为6位，但是系统却做得更为高明，就是不能将6个0或6个相同的其他数字以及6个顺序排列的数字作为密码（例如123456）。有的人可能认为这太苛刻，自己会记不住。但这是非常聪明的做法，因为有的人卡丢了以后，就是因为密码太简单而被人破译，导致资金损失！</t>
  </si>
  <si>
    <t xml:space="preserve">win2000没有msconfig，怎么办? </t>
  </si>
  <si>
    <t>把XP中的MSCONFIG.EXE复制出来就可以了</t>
  </si>
  <si>
    <t xml:space="preserve">想要在江苏要国产SUV，哪个好呢？希望能买一款品质过得硬的 </t>
  </si>
  <si>
    <t>国产车的品质现在都有很大提升了，身边有很多朋友开的都是国产车，反映都不错。SUV里品质过得硬的，比亚迪S6很不错。S6花了3年的时间打造出来，车身上很多细节都得到了修饰。S6整车模具全部由荻原馆林工厂打造，生产、品质和模具均由日本专家管理，制造工艺提高了一个档次。S6外观造型大气和谐，比较符合国人的审美观点。全车车身长4810mm、宽1855mm、高1725mm，轴距为2720mm，车内空间宽大。从车身侧面可以观察到轮胎和轮眉之间的空间也比较大，这样就可以增加了最小离地间隙和接近/离去角，增加了通过性。轮眉线条突出，具备一定的力量感。大倾角的尾箱造型和尾翼平添了不少动感的元素。</t>
  </si>
  <si>
    <t xml:space="preserve">关于我换运7谷雨的感想！！有的说俺亏了，但是你们难道不知道吗。不 </t>
  </si>
  <si>
    <t>幸运太重要了  我觉得你没有亏   配上项链绝对好使</t>
  </si>
  <si>
    <t xml:space="preserve">是江南的戒指好还是长安的好同上它们的各个属性是多少?? </t>
  </si>
  <si>
    <t>LS的说错了。长安的戒指是+2暴击抗性。相当于让所有攻击你的人2点暴击做费。所以，两个江南戒指的作用是提高自己2点暴击在攻击目标上。两个长安戒指的作用是让所有攻击你的人损失4点暴击。而且长安的戒指攻击力高。而且长安的戒指加生命。而且长安的戒指难刷。你自己说呢？如果都升级的话。那么最好的搭配是：人公、不死。</t>
  </si>
  <si>
    <t xml:space="preserve">晕血能克服吗就是怕打针，而且晕血 </t>
  </si>
  <si>
    <t>你好！晕血在一定程度上是可以通过练来消除恐惧感的。你可以先进行想象。把打针的每一个步骤，诸如拿药瓶，用注射器吸取药液，用碘伏为皮肤消毒……把这些步骤充分而真实的进行想象。如果某一步骤让你感到不适，这时可能告诉自己“我很安全”，并慢慢的做深呼吸，直到不安的感觉消失，再进行下一步想象。如果每个步骤的想法都可以顺利进行，这时再进入实际阶段。比如有朋友需要打针的时候，陪着朋友，感受打针的所有步骤，有害怕的感觉时重复调整呼吸，放松自己的方法，直到不再有恐惧感。最后就在自己实际经历这些。做这样的练习可能需要时间，但没关系，一点一点来。</t>
  </si>
  <si>
    <t xml:space="preserve">紫罗兰监狱钥匙这个是哪的??怎么获得? </t>
  </si>
  <si>
    <t>还没开放呢，等着吧</t>
  </si>
  <si>
    <t xml:space="preserve">我左手食指.中指.无名指部分却失,运动开车和常人一样.请问可以开? </t>
  </si>
  <si>
    <t>可以啊，你去交警大队那边去问问```我们这边得</t>
  </si>
  <si>
    <t xml:space="preserve">寨的五笔怎样打寨这个字时常想不出来刻怎样打，请教高手帮忙 </t>
  </si>
  <si>
    <t>寨:pfjs 宝盖头P 二行F 二竖J 木S</t>
  </si>
  <si>
    <t xml:space="preserve">请问齐齐哈尔那里治皮肤病最好？湿疹。皮炎。 </t>
  </si>
  <si>
    <t>第一医院的皮肤科</t>
  </si>
  <si>
    <t xml:space="preserve">招牌水蓝和地精各是多少钱？我网通一牧羊 </t>
  </si>
  <si>
    <t>10W  地精30W没问题</t>
  </si>
  <si>
    <t xml:space="preserve">法师怎么可以看到隐形的盗贼啊?老被别人偷袭,郁闷,还打不过 </t>
  </si>
  <si>
    <t>你说的是游戏吧,去"一般问题&gt;游戏",那里有好多高手!!!</t>
  </si>
  <si>
    <t xml:space="preserve">排卵期性交次数在排卵期,应该如何掌握性交的次数,从而提高受孕的概 </t>
  </si>
  <si>
    <t>实际受孕是一个很复杂的过程，首先是要在排卵期过性，使排出的卵子能够遇上精子而结合受精。输卵管通畅与否，对卵子及精子的活力等等。都有一定的要求。不是简单的在排卵期一性交就一定怀孕的。这只有身体各方面都很健康的男女才是那样。只要有一方的谋个方面有了问题，都有可能导致受孕失败的。如果男女双方身体健康，不存在不育方面问题，那么提高受孕率大约可以下三个方面着手： 1、首先做好身体素质的准备，双方坚持日常体育锻炼提高身体素质。并注意加强营养，适当控制性生活频度，养精蓄锐以提高精子质量和精子储备。 2、时间上选择在排卵期(附后)。由于精子进入女性生殖道后至少能保持活力24小时以上，所以每天只需要一次高质量的性生活即够。 3、技术上宜采用男上位，最好将女性臀部垫高一点，射精后不要急忙抽出，让阴茎继续堵住阴道口，避免精液过快流出。若是有了，以后的性生活一般不会对腹中胎儿发育没多大影响，不过孕期性生活需要注意采取恰当的姿式和体位，如女上位、后入式及侧位后入式等不会对腹中胎儿构成挤压，尤其是后两种孕妇的体力上也是比较的轻松的。这样夫妻同样可以享受性爱的快乐，对腹中胎儿的发育非但无害，由于准爸爸、准妈妈夫妻恩爱、心情愉悦，给腹中胎儿发育带来许多有益的因素。需要注意的是，前三个月，这个时期胎盘正在形成，胎儿的各器官正在分化发育，防止流产的孕激素分泌还不充分，因此最容易发生流产，这时需要小心谨慎，若有过流产继往史的，最好是暂时禁止性生活；最后的三个月比较容易发生早产，需要特别注意一点就是。仅供参考，祝你们早生贵子！附：排卵期的计算方法：女人一个月排卵一次，排卵期是月经前的第14天，男性精子在女性生殖道内最多可以存活3天，女性排出的卵子最多存活2天，那么如果加上 1－2天的保障系数，则从排卵的前1－2天到排卵的后1－2天为可能受孕的时间，在这些日子做爱就容易怀孕。要掌握好排卵期，首先要做好自己月经周期的记录，因为每个人的月经天数不尽相同，总是有些许差异；根据记录测定出自己的月经周期的天数范围，这个工作很重要。假如你的月经周期是n至N天，[其中N为最长的天数，n为最短的天数]那么排卵期为从月经来的那天起的第n-17天起到第N-11天止。例如，某人的月经周期时26-31天，他正好在元旦那天来了例假，那么其排卵期就是在从11日到20日之中。女子健康状况越好月经期越稳定，n和N之间差别越少，也越容易掌握。</t>
  </si>
  <si>
    <t xml:space="preserve">Whydoyouthinkso是什么意思？ </t>
  </si>
  <si>
    <t>你为什么这样认为?</t>
  </si>
  <si>
    <t xml:space="preserve">男的还是女的？只能生一个了，究竟生男还是生女好？不是为了决定生男 </t>
  </si>
  <si>
    <t xml:space="preserve">   生下来再制定方案吧。 再说了，是自己的就好！</t>
  </si>
  <si>
    <t xml:space="preserve">用生姜每天敷脸真的会有祛痘疤的功效吗？好多的痘疤，而且现在还会偶 </t>
  </si>
  <si>
    <t>这都信？别那么好骗行不行？拜托！！长痘痘最主要清洁皮肤，别搞乱七八糟的东西往脸上敷，越敷越长痘痘！！</t>
  </si>
  <si>
    <t xml:space="preserve">还有没解决的BUG啊本人在河阳跳旗杆，不小心掉了下来。所处的位置 </t>
  </si>
  <si>
    <t>你有个技能是可以飞的，忘了么？</t>
  </si>
  <si>
    <t xml:space="preserve">文件夹中常用任务一侧变黑是怎么回事？双击我的电脑，左边的常用任务 </t>
  </si>
  <si>
    <t>遇到过病毒会产生这类的问题，但是你重装了系统应该不是病毒的问题了（是格了硬盘全新安装的吗？）硬件问题不会只打我的电脑才会有一面黑的，还是从软件上找吧，试试进安全模式有没有这样的问题</t>
  </si>
  <si>
    <t xml:space="preserve">最近老是天天做梦/大哭这是咋回事啊！求解答！ </t>
  </si>
  <si>
    <t>平时可以多补充一些有助于神经功能的食品。如海鱼、虾、猪肝、猪腰、核桃、花生、苹果、蘑菇、蚕豆、牛奶等。予人玫瑰，手有余香，如果感觉我的回答对您有用，请给好评,谢了，好运与你常在!最近是不是心里有很大的压力和恐慌，试着放松心态</t>
  </si>
  <si>
    <t xml:space="preserve">电脑扫盲本人属于一级电脑白痴，怎么可以用最快最简单的方法学会电脑 </t>
  </si>
  <si>
    <t>1.&lt;&lt;WINDOWS应用基础&gt;&gt;不错2.逛逛坛子(电脑报,中关村等)</t>
  </si>
  <si>
    <t xml:space="preserve">怪物的小宝箱是干什么用的啊 </t>
  </si>
  <si>
    <t>圣诞任务~开出东西可以换饰品</t>
  </si>
  <si>
    <t xml:space="preserve">眼白的地方有蓝色的线眼白有点发淡淡的蓝色是什么原因呢眼白的地方有 </t>
  </si>
  <si>
    <t>白发蓝 医学上名之为蓝色巩膜。这种征象多是慢性缺铁造成的。铁是巩膜表层胶原组织中一种十分重要的物质，缺铁后可使巩膜变薄，掩盖不了巩膜下黑蓝色的脉络膜时，眼白就呈现出蓝色来了。而慢性缺铁又必然导致缺铁性贫血。凡中、重度贫血患者，其眼白都呈蓝白色。 所谓贫血是指循环血液单位容积内的血红蛋白、红细胞计数或红细胞比容(压积)低于正常值的下限。这个正常值可因不同的性别、年龄、地区海拔高度的不同以及生理性血浆容量的变化而有所差异。一般地说，婴儿和青春期前儿童的血红蛋白比成人低，女性在青春期后与男性的差异明显，妊娠期的妇女由于血容量的增加，血红蛋白相对减少，久居海拔较高的居民的血红蛋白比海平面居民的正常值高。因此，诊断贫血应综合各种因素全面考虑。在实际工作中，通常要测每单位体积中血红蛋白量、红细胞数以及红细胞比容。 世界卫生组织(WHO)1972年制订的标准认为，血红蛋白低于以下数值者为贫血：6个月～6岁l10克／升，6～14岁120克／升，成年男性130克／升，成年女性120克／升，妊娠妇女110克／升。国内掌握的贫血标准为(克／升)：成年男性＜125，成年女性＜l10，孕妇＜1 根据血红蛋白含量的不同，贫血的严重程度可分为以下四级：①轻度：血红蛋白低限～91克／升，症状轻微。②中度：血红蛋白90克／升～61克／升，体力劳动后心慌气短。③重度：血红蛋白60克／升～31克／升，休息时已感心慌气短。④极度：血红蛋白＜30克／升，常合并贫血性心脏病。 我国最常见的贫血症是缺铁性贫血，由于铁是制造血红蛋白（即 血色素）必不可少的原料，如果铁供应不足，血红蛋白减少，即易形 成贫血。对于缺铁性贫血，常用的补血药如下： 硫酸亚铁片 为二价铁，易于吸收，疗效显著。若与胃蛋白酶合剂、维生素C同 服，则促进其吸收。而与四环素类药物并用，可形成络合物，相互妨 碍吸收。一般在饭后服用，可减少其对胃肠道的刺激，但仍可引起胃 部不适，出现恶心、呕吐、腹泻等反应，偶可导致便秘。服药后大便 呈灰黑色，为部分铁在粪便里排出的缘故。服用期间，不宜喝茶、喝 咖啡，或吃橄榄等食品，因其中所含鞣酸会与铁结合产生沉淀，影响 疗效。 富马酸亚铁片（富血铁片） 口服后较易吸收，其含铁量较高，奏效迅速，副作用较少。可用 于治疗各种缺铁性贫血。但对铁过敏者，或有消化道溃疡及溃疡性结 肠炎、肠炎者禁用。其余注意点同硫酸亚铁片。 枸橼酸铁铵溶液 由于是三价铁，不如硫酸亚铁片、富血铁片容易吸收，但无刺激 性，适用于儿童及不能吞服药片的病人。因其含铁量低，不适用于重 症贫血的病人。此药遇光易变质，应贮放在冷暗处。服后应漱口，或 以玻管吸服，以保护牙齿。腹泻病人慎用。 叶酸片 在人体内参与氨基酸及核酸的合成，并与维生素B12共同促进红细 胞的生成和成熟，故用于各种巨幼红细胞性贫血。尤适用于妊娠期及 婴儿型巨幼红细胞性贫血。用于恶性贫血时，需与维生素B12合用，可 防治其神经症状。 维生素B12针剂 对骨髓造血功能及肝脏功能等均有一定作用。主要用于各种巨幼 红细胞性贫血，或恶性贫血，疗效较好。此药可能引起过敏反应，甚 至过敏性休克，故不可滥用。 辅酶维生素B12片 是一种新型的维生素B12。主要用于巨幼红细胞性贫血、营养不良 性贫血等。需避光密闭贮存。 肝精片 含有维生素B12、叶酸等成分，用于恶性贫血等。但作用较弱。 氯化钴溶液 可刺激骨髓，促进红细胞的生成，主要用于再生障碍性贫血、肾 性贫血。饭后服。可能有厌食、恶心、腹痛等副作用。 需要注意的是，贫血病人除用药物治疗外，还要重视日常饮食， 并增加营养。没有贫血的人，则无须服用补血药。</t>
  </si>
  <si>
    <t xml:space="preserve">男孩20岁以后还长高吗,我20了才166还可以再长吗?麻烦各位给? </t>
  </si>
  <si>
    <t>很多人都关心自己的身高问题，都希望自己长的高点再高点，甚至不惜采取“各种手段”，相信各种“方子”，我们来分析一下与身高有关的一些因素，你就会少走些弯路，更不要上当受骗。将来的身高，一般说来父母的遗传占绝大因数。简单的计算方法是，父母的平均身高，男孩加6厘米，女孩减6厘米，最终身高在此数据上下4厘米范围内波动。简单地说，将来的身高是可以预测的，不该瞎忙呼的就不要瞎忙呼了。身高与后天的关系，主要体现在营养、、睡眠、生长年龄阶段上。后天环境对身高有一定影响，但注意不要无限扩大。营养要特别注重蛋白质的补充，特别要注意不要偏食，营养一定要全面均衡，因为长高需要人体全面的营养。运动能促进肌体的全方面的发展、发育。在生长发育期能刺激骨骼的生长，使人长高。但运动要有规律，要持之以恒。人的生长长高与脑垂体分泌生长激素有很大关系。人在睡眠中生长激素分泌最为旺盛，所以充足的睡眠十分重要，特别是在孩子的生长旺盛期。不要因为学业压力大或贪玩而失去宝贵的睡眠。睡眠不仅要保证时间，还要保证质量。笼统地说，在人体的骨骺线还没有完全钙化时，人体都会长高。骺线钙化的年龄，女孩一般16-18岁，男孩略迟2-3年（女孩发育更早，结束也就更早）。之后就停止生长,即使生长也不会出现突飞猛进的情况。人体生长的高峰期有两个，一是婴儿的一岁期，另外是青春期，抓住这两个生长关键期，注意上面提及的问题，对身高长高有促进作用。所以对身高在不同的生长阶段有不同的速度要有所认识。象你这样的年龄有增高的可能，但要期望值不要太高。一般说来，男孩发育较女孩迟，所以停止发育的时间也相应迟些。特别提醒，不要相信增高药物，增高器械，不要相信推销增高产品的广告和“专家”。想想看，如真有那么好的办法，世界上矮子不就少之又少了？谁还会有身高问题呢？有些人花费了很大的金钱代价，不是也失望而归吗？如有疑问，可通过正规渠道咨询专家(当然不是推销产品的专家），或做相应检查以判断。</t>
  </si>
  <si>
    <t xml:space="preserve">视频保存收看到一些电视节目,想下载保存到电脑,怎么操作. </t>
  </si>
  <si>
    <t>非常简单,除了可以搜索到的视频下载地址,相对于无法找到明显下载地址的视频,参照以下方法,你将轻易成功!   你可以分别进入以上网站,输入你准备欣赏网络视频的页面,点击放大镜或者开始,即可显示视频的下载地址,然后你就可以用相关下载软件保存到电脑!你也可以在欣赏完毕各类音频,视频之后,打开IE_工具_internet选项_常规_设置_查看文件,你刚才所欣赏的各类诸如. g.wmv等扩展名的媒体文件都保存在这个临时文件夹,你将它们复制并保存到新建文件夹重新命名即可!另外,你可以下载世界浏览器! 以上为官方主页!运行后,请浏览你将欣赏的媒体页面,然后点击菜单栏_工具_页面元素查看器_网络嗅探_刷新[页面元素列表],所有音频视频信息都会显示其中,你只须复制连接用下载工具即可保存!当然,以上是最为基本的方法!如果更加复杂的情况也许要用到影音神探等专业嗅探流媒体的工具,一般来说,除了正常可以下载的各类连接,以上方法足够!祝你成功!</t>
  </si>
  <si>
    <t xml:space="preserve">山西名酒除了汾酒竹叶青还有什么? </t>
  </si>
  <si>
    <t xml:space="preserve">太原特曲      太原特曲是太原市传统地方名酒，产于太原酒厂。该酒于1980年被评为山西省优质产品，1984年、1988年又连续两届蝉联山西省优质产品称号。产品畅销华北、东北及南方部分省市。    太原位于晋中平原北端，濒临汾河，是我国历史上著名的产酒地区。《酒名记》一书中载有。“河东太原府玉液又静制堂”。元《酒小史》中在百余个酒名里，就有山西太原酒。清代张煦所辑的《山西通志》中载有：“太原酒颇清醇，而甚酽，难醉易醒。”可见太原所产名酒，历代驰名于世。    太原酒厂继承传统酿造方法，结合现代酿酒工艺，所酿制的酒取名为“太原特曲”。该酒选用优质高粱为原料，以多菌种麸曲为糖化发酵剂。在工艺上采用清蒸馏酒、闷渣配醅、适当发酵等工序酿制而成。此酒无色透明、清香纯正、醇和绵甜、回味爽净，具有清香型白酒的特点。酒度分为38度、51度、54度、60度。注册商标“晋泉”牌。瓶形有500毫升、250毫升无色玻璃瓶及1500毫升、500毫升多种彩釉陶瓷瓶，并配有礼品盒组装酒。  甘泉酒        甘泉酒是山西省的地方历史名酒，产于平顺县酒厂，因该厂位于平顺县境内的甘泉村，故名为甘泉酒。    在清代乾隆三年（公元1741年），甘泉村就有用本村甘泉井水酿酒的记载。传说在很久以前，甘泉村住着一位姓王的老人。有一天，天欲晓时，老人起床准备下地劳动。忽见一位芳龄少妇跨进自家院门，老人正欲询问，谁知少妇却直奔他家西院。老人紧跟进西院，那少妇却已无影无踪，只见一只大母鸡正在一块直径1米的湿地上创啄，老人疑惑不解。正待唤老伴来说个究竟时，那只大母鸡却腾空而去，从此这一怪事一直压在老人心头，终日惶惑不安。一日，一位打着“未卜先知”招牌的道人路过他家，王姓老人便请道长卜个吉凶。道长问了前因后果，又在西院环视一周，然后屈指一算，缓缓说道：“该是东家发洪福，湿处是水，鸡属酉，水并酉，不是个‘酒’字吗？”言罢飘然而去，踪迹不见。老人转忧为喜。于是便找来工匠在清水湿过的地方深挖，果然挖出一股清泉，泉水非常甘甜。此后，王姓一家人便开始用清泉水酿酒，其酒晶莹清亮，醇香扑鼻，绵软甘甜，沁人心脾，每回顾客络绎不绝；此酒还远销三府，王姓一家也从此人财两旺。久而久之，甘泉村闻名远近，甘泉酒也从此而得名。为纪念此事，王姓老人在清泉旁修缮了一座娘娘庙，将昔日所见的少妇形象重塑金身、终日供奉。并在庙院内植有松树一株，至今枝叶茂盛，盘踞奇特，形如龙状，故称“龙松。”据历史记载，此树已有380余年的历史。    1981年平顺县在传说王姓老人酿过酒的地方建起了酒厂，酿制甘泉酒，并以“龙松”商标注册。该酒酒质无色，透明清亮，味道清香纯正，甘甜爽口，余净味长，于1986年获农牧渔业部优质产品，同年评为山西省优质产品，年产甘泉酒300余吨，畅销国内19个省市。  木瓜黄酒     木瓜黄酒是山西省传统地方名酒，为介休市义安经济开发公司的产品，深受消费者的欢迎。    在介休酿酒史上，久负盛名的是义安镇的“咸享涌”黄酒。“咸享涌”酒坊开办于清代咸丰年间（1851～1861年），至今已有100余年的历史，主要生产木瓜黄酒、佛手黄酒、玫瑰黄酒。在当地传有“若想活到九十九，天天得饮咸享酒”之说。1943年“成享涌”酒坊在抗日战争中被迫停产。1978年在广交会上，一位曾经销过义安镇黄酒的外商，向中方提出要订购“中国义安老酒”，引起了有关方面的重视。几经查证核实，才知义安老黄酒是义安镇的传统历史名产。    1980年介休县义安经济开发公司在广泛收集传统工艺的基础上，首先恢复了传统木瓜黄酒的生产。  干榨黄酒     干榨黄酒是大同市酒厂的产品，为山西省的优质产品，在1981年山西省名优酒质量品评会议上，荣获同类产品第一名。    该酒选用优质黄米为原料，附加一定量的炒黄米和红枣、竹叶，以大曲和新曲为糖化发酵剂（称为双套糖化）。工艺特点是：蒸米时，锅底水加入花椒以串味，将饭捣烂冷却，加大曲进行糖化，在糖化中加入一定比例的65度白酒，浸泡数十天。压榨取得第一次酒液后，再加入黄米，蒸制、冷却、加曲、进行第二次糖化。然后将第一次酒液加入第二次糖化醅中，入缸密封，经陈酿、压榨、过滤、杀菌、装瓶等工序而成。    干榨黄酒色泽棕黄、清亮透明、香气醇正、有焦糖味、酸甜协调、爽口舒适、风味十分独特，是山西黄酒类中的特殊品种。酒度为17度，糖分19％～20％，总酸0.2％～0.3％。  潞酒     潞酒是山西省的传统名酒，为长治市潞酒厂产品。1974年被评为山西省“信得过产品”，1979年、1983年、1987年蝉联三届山西省的优质产品。    潞州是历史上著名的酿酒之地。元代宋伯仁《酒小史》里有“潞州有珍珠红酒”的记载。清代的《清两般秋雨庵》说：“……此外不得不推山西之汾酒、潞酒，然禀性刚烈，弱者恿焉，故南人勿尚也”。清代李汝珍的《镜花缘》里有：“山西潞安酒”的记载。《山西通志》有“酒之美者”“汾潞之火酒盛行于世”的记载。由此可见潞酒是历史上著名的白酒，最少也有300多年的历史。在很长的历史时期，该酒已销往晋、冀、鲁、豫等北方各省份，并享有很高的声誉。    1958年长治市潞酒厂为继承祖国遗产，通过调查，整理传统酿制方法，获得成功。    该酒以当地优质高粱为原料，用优质大麦、小红豆制成大曲为糖化发酵剂，其工艺为地缸分离，适温发酵，清蒸续渣，经分段接酒，贮存老熟，勾兑出厂等精酿而成。在操作上掌握“稳、准、细、净、冷、热、潮、燥”等要诀，经过26年的实践和不断改进，该酒质量和产量都达到历史上最好水平。    潞酒无色透明、清香醇正、绵软醇厚、余香较长。行家对它的评价是：柔绵纯正、清香醇厚、味厚回甜。它的独特之处在于有浓厚的梨花香气。此酒系清香型大曲酒，酒度为60度、57度、53度、sl度几种规格。注册商标为“上党门”“潞”牌。瓶型有圆柱形无色玻璃瓶，以及四种不同造型陶瓷瓶和塑料礼品盒酒。容量分500毫升、250毫升、125毫升等规格。  山西白葡萄酒      “锦林牌”山西白葡萄酒是太原市清徐露酒厂的产品。山西白葡萄酒于1974年被评为山西省地方名酒。1980年、1984年、1988年获三届山西省优质产品奖，1984年获轻工业都酒类质量大赛银杯奖。目前，年产量100余吨，产品畅销全国10多个省市，远销英、美等国家。    清徐县位于太原市南郊，是我国北方古代著名的盛产葡萄和葡萄酒的地方。在唐代《地理志》中有太原郡贡葡萄酒的记载：魏文帝召群臣说，“葡萄云醉，酒宿淹露而食，甘而不饴，酸而不醉，冷而不寒，味长汁多，除烦解渴，他方之果，宁有匹其者？今太原尚作此酒，或寄之都下。”魏文帝时代距今已有1700余年。唐代王翰（晋阳人）在《凉州曲》中写有“葡萄美酒夜光杯，欲饮琵琶马上催”的诗句。意大利人马可·波罗《中国游记》（1298年《东方见闻录》载：“太原府有许多好葡萄园，制造很多的酒。”    1921年清源县（今清徐县）成立益华酿酒公司，酿制各种葡萄酒。解放后更名为清徐露酒厂。此酒以当地特产的龙眼、白羽和秋白葡萄等优良品种为原料。这些葡萄的果实饱满，糖分高，出汁多，并有适量的酸和单宁，是酿造优质白葡萄酒的好原料。由于不断总结经验和改进发酵、贮存、勾兑和采取冷冻过滤、添加稳定剂等措施，使品质日益提高。特别是全部采用自流质不用压榨汁，推迟第一次换桶时间，进行一段时间的“带酵母贮存”，从而增加了酒的清爽感、细微的香气和酒体的完整性，品质更臻完美。    山西白葡萄酒为淡黄色，清亮透明，有葡萄果的自然芳香，陈酒有芳香浓郁、味甜微酸、协调柔和、爽净利口、回味悠长等特点。酒度为13度，糖分11％，总酸0．6％，是甜型白葡萄酒。  汾雁香酒     汾雁香酒为新绛县酒厂的产品，是山西省著名的优质清香型麸曲酒。于1979年、1983年、1987年蝉联三届山西省优质产品奖。产品畅销北哀。天津、上海、河南，东北各省及内蒙古自治区。    新绛县古称“绛州”，位于山西南部、吕梁山麓和份水之畔，这里汾水滩头是每年秋季大雁飞往南方必经的栖息之地，古诗有“不见汾水上，年年秋雁飞”的诗句，秋雁飞来之际，正是饮酒佳日，故酒名为“汾雁香”。    该酒选用本地优质高粱为原料，以河内白曲菌、德国12号酵母菌及多种糖化菌等多微菌种制成的麸曲和酒母为糖化发酵剂，混和使用，在工艺上采用“一清到底操作法”，即原料清蒸、辅料清蒸、清蒸混渣、清蒸馏酒等工序制成。    汾雁香酒无色、清亮透明、清香纯正、香醇柔和、入口醇和绵顺、味净爽口、饮后余香，虽大口饮用也觉顺口，无暴烈刺喉之感。此酒属清香型麸曲酒，酒度有38度、50度、54度，注册商标“汾雁”，容量为500毫升，无色玻璃瓶装。  堡子酒      堡子酒是榆次市的传统地方名酒，产于榆次市堡子酒厂。    榆次市古代时属“太原府”管辖，明代就已有酿酒业。据《榆次县志》记载：“烧酒性香烈，行销远近，以产于高家堡、乔家堡者为最，所以人称堡子酒。”明代高家堡、乔家堡有酿酒作坊8家，常年生产堡子酒。清代庚子事变（1900年），慈禧太后一行逃往西安，途经榆次时，曾饮堡子酒，赞不绝口，“堡子酒”被列入御酒之列。传说慈禧回京后，念念不忘堡子酒，曾为设在前门大街的“堡子酒馆”亲书匾额。    1915年高家堡、乔家堡生产的堡子酒，在巴拿马万国博览会上荣获一等奖，从此名震海内外。由于历史原因，堡子酒曾一度停产。直到中日复交后不久，日本一访华团来山西访问，专程到榆次寻访堡子酒，才引起有关方面的重视。1977年榆次县政府在安宁村重建榆次堡子酒厂，决定恢复堡子酒生产。该厂以传统酿制秘方为基础，采用现代酿酒技术，使失传多年的堡子酒不仅恢复了传统特色，而且有了新的发展。其酒质无色、透明、清亮，味道清香纯正，醇厚爽口，尾净味长，在1985年被评为山西省优质产品。目前年产量达70余吨，产品畅销华北、东北各省及北京市，还远销马来西亚、美国等国家。  菖蒲酒     菖蒲酒是山西省的历史名酒，产于垣曲县酒厂，是一种滋补饮料酒。在1981年广州秋季商品交易会上，博得外商的好评，出口量逐年上升，于1980年、1884年、1988年分别获山西省优质产品奖。1983年，溥杰先生为此酒题《菖蒲酒颂》诗一首：“名酿溯源肇炎汉，历代曾闻列御膳；琼浆玉液庆延龄，盈轶连牍见经传。”廖承志同志品尝后挥书“菖蒲酒山西名酒。”中国科学院副院长裴丽生题《赞甚蒲酒》诗：“根源二千年，英名自古传；今朝更争艳，跻足‘四化’间”。产品销往北京、天津、上海、河北、山东、广东等省、市及港澳地区，远销东南亚各国。    菖蒲酒是我国历史传统名酒，在汉朝就声名远扬，尤为历代帝王、官宦所喜用。在《后汉书》里有“孟陀，字伯良，以菖蒲酒一斛遗张让，即拜凉州刺史”的典故。菖蒲酒早已被列为皇家宫廷时令御酒，明代刘若愚《明宫史》中说：“五月初一日起，至十三日止，宫眷内臣穿五毒艾虎补子衣，门两旁安菖蒲、盆盒。初五日午时，饮朱砂、雄黄、菖蒲酒吃棕子。”中医将菖蒲酒列为治病药酒。明代李时珍《本草纲目》载：“菖蒲酒治三十六风，一十二痹，通血脉，治骨瘘，久服耳目聪明。”    1958年垣曲县酒厂成立，该厂广泛收集民间菖蒲酒秘方，终以唐代《外台秘要》的配方为基础，采用现代配制酒生产技术，经数年研制成功。    垣曲县酒厂地处黄河中游的历山脚下，它具备了得天独厚的生产菖蒲酒的天然条件。一是在历山之颠的舜王坪产有我国名贵安神中药“九节菖蒲”，为酿酒主料；二是在历山脚下，有清澈甘美的泉水“舜王泉水”，为酿酒用水，加之该厂的精湛酿造技艺，成为菖蒲酒著名产地。    本酒选用当地优质高粱为原料，以大麦及豌豆制成的大曲为糖化发酵剂，经传统地缸为酵酿造工艺而成的70度优质大曲酒为基酒，加入九节菖蒲，辅以党参、当归、沉香、砂仁、天麻、阿胶、黄芪等十余味名贵中草药，经过浸泡、密封贮陈、过滤检验等精酿而成。    菖蒲酒微黄翠绿，清亮晶明，气味芳香，清香恰远，酒香醇厚，药香和酒香协调，入口香甜，略带药味，醇和爽口，甜而不腻，辣不呛喉，饮后有清爽感。酒度为45度、37度。此酒不仅是醇和可口的饮用酒，又是有疗效作用的滋补酒。据名医临床验证，有补脑益肾、除痹通脉、柔身扶老、清爽神气、益寿延龄之功效。  北芪黄酒     北芪黄酒产于代县酒厂，为山西省地方名酒。1984年、1988年连续两届被评为山西省优质产品，产品销往山西、内蒙等地。    代县古称代州，战略地位险要，是历代兵家必争之地，“威镇之关”巨匾，至今仍高悬宋代建的城中鼓楼之上。代县酿酒历史悠久，金代名士礼部尚书赵秉文《代州书事》中载有：“金波沉醉雁门州，端有人间六月秋”的诗句。清代代州城镇的“六成行”设有“缸房”。民间家制黄酒的风俗也很盛行，一直延续到民国。《山西轻工业志》中载有：“至1930年全省有100个县生产酒，各县产品不一，黄酒以阳曲、平遥、介休、代县、繁峙、崞县（现原平市崞阳镇）、怀仁等7县最多。”    1981年成立代县酒厂。1983年代县酒厂广泛搜集民间家制黄酒工艺，取其精华，利用现代工业化生产设备，试制成功具有北方特色的典型性软黄米黄酒，以黄酒为基酒，又佐以北菌药材，生产出北芪黄酒。    该酒以优质软黄米为原料，以优良菌种制成麸曲为糖化剂，采用黄米浸泡、蒸煮、凉散，加曲入缸糖化，佐以北芪、白酒、发酵陈酿30天，经压榨、加色、澄清、煎酒等工艺而酿成。该酒质呈金黄色、清亮透明，黄酒香气浓郁、酸甜酸和、鲜美协调。中医认为此酒有补中益气、健力活血、提神御寒之功效，是中医药引及佐餐之佳品。  晋阳酒        晋阳酒是山西的传统名酒，产于太原市清徐县徐沟酒厂。    清徐县地处晋中平原，有汾河。乌马河、象峪河、金水河和萧河等五条河环绕徐沟流经而过，河水水质优良。清徐县又盛产高粱，素有“曲乡”“酒乡”之称。    据《徐沟县志》中记载：“物产有酒”。并有文人诗句。“壶怀粟里”“愁用酒杯宽”“平生不解饮，今日已配额。”当地传有民谣：“昔株丰满尤为贵，徐水酿酒引人醉，别乡饮得三两杯，无饥喜怀梦思泪。”    徐沟镇在宋代就有“聚庆泉”，清代又有了“天聚恒”“晋恒达”“福源涌”“天源盛”等烧锅作坊，所产大曲酒为世人称颂：“饮得徐水液，乐闻醉清香”。相传“聚庆泉”酒坊常年开烧大曲酒，镇中“城隍庙”里有一口4999.5公斤重的古钟（现存放在晋饲公园内）。传闻每当大曲酒烧时，古钟便嗡、嗡、嗡、连响三声，以示祝贺，传告民众，因而流传“历有名佳大曲酒，古钟幽响驰晋阳”之说。    1976年在“聚庆泉”烧锅的旧址上，建成清徐县徐沟酒厂，恢复了传统大曲酒的生产，因太原古称“晋阳”，故取名为“晋阳酒”。    该产品清亮透明，清香纯正，入口绵软，喉舌舒畅，甘洌爽口，饭后余香。1984年被评为山西省优质产品，1986年被评为农牧渔业部优质产品，1988年获首届中国食品博览会金奖和中国优质保健产品金奖，同年在日本酒展中获金奖，1989年获得国家优质产品银奖。    1988年李德生同志为该厂题写了厂名。同年日本访华团和加拿大友人叶祥馨夫妇参观了该厂，当品尝晋阳酒后，给予高度赞扬；并题写了“晋阳春蕾酒长寿，徐酒芬芳扬中外”。晋阳酒现已销往北京、天津、上海、深圳等省市及台湾、港澳地区，还远销日本、加拿大等国家。  白玉汾酒     白玉汾酒又称白玉酒，系用汾酒配制的系列产品，产于杏花村汾酒厂。    白玉酒在1984年被评为山西省优质产品、轻工业部酒类质量大赛铜杯奖。郭沫若来山西杏花村汾酒厂这样题道：“白玉含香甜蜜蜜，红霞成阵软绵绵”。用这样的诗句赞美白玉酒，是名副其实的。    白玉酒系莲花白配制酒。酒度分40度、35度2种。瓶装有100毫升、250毫升、500毫升无色圆柱形玻璃瓶，配有汾酒厂系列产品礼品金组装。    白玉酒已销往北京、天津、上海、广东、河南、河北等省、市及港澳地区，还远销东南亚，倍受消费者的青睐。  恒山老白干     恒山老白干产于浑源县酒厂，为山西省传统名酒，已有500多年的历史。于1984年、1988年获两届山西省优质产品奖，畅销内蒙、河北、陕西等省、自治区。    浑源县古称“浑源州”，位于我国五岳之一的恒山脚下。1923年在李峪村曾发掘出春秋时代的“铜牺尊”“铜钫”，1973年在毕村西汉墓又出土“铜温酒”“四神铜炉”等酒器，可知浑源县确有古老的酿酒历史。    恒山老白干始产于明代，盛产于清代。道光年间（公元1821一1850年）全县有酒坊40余家，到了光绪年间发展到103家。当时民间传有“吸水烟到兰州，喝烧酒浑源州”的民谚。    “佳酒必有佳泉”，北岳恒山的北麓泉水甚多，有一泉为“甘泉”，清澈透明，清香纯正，绵甜爽口，含钙盐甚少。明朝有诗赞此泉：“若教酿酒堪称圣，纵使簟瓢亦自贤”。此酒就是引用恒山甘泉之水酿造，故曰“恒山老白干。”    该酒遵守自己独特的生产工艺，以高粱为原料，低温青曲为糖化发酵剂，清蒸原副料，低温发酵，定温蒸馏，量质摘酒，陈贮老熟，精心勾兑，装瓶典雅。    恒山老白干系清香型新曲酒，晶莹透明、清香味正、醇和绵软、回甜爽口，色、香、味俱佳。酒度分60度、40度2种规格。注册商标为“恒山”牌。酒瓶形状为无色四棱玻璃瓶装。  “汾雁香”酒        山西省新绛县产“汾雁香”酒，是1979年山西省命名的优质白酒，在清香型地方名酒中，仅次于祁县的“六曲香”。    据古籍记载：新绛濒临汾水，隋置绛郡，唐为绛州。县北九原山，为晋大夫赵盾葬地；县西大黄村，亦称仁贵村，为唐平阳郡公薛仁贵故里。从管涔山南下的千里汾河，至新绛倏然西折，形成一道大河湾，为大雁栖息之所，古诗有“不见汾水上，年年秋雁飞”的佳句。相传，当年薛仁贵及其子薛丁山打雁为生就在这个地方。至今传统戏曲还有“汾河湾”的剧目，说的就是这个故事。“汾雁香”酒，即由此得名，酒瓶的商标上，还有展翅的大雁。    产品特点：新绛酒厂生产的“汾雁香”酒，系采用特种工艺酿制的优质清香型白酒，该酒酒质无色透明，清香纯正，入口绵顺，落口有余香。    原料配方：“汾雁香”酒以优质高粱为主料，以玉米芯为辅料，采用多种微生物共同发酵。其主要菌种有河内白曲，白曲925，生香酵母酒精酵母，拟内孢霉，白地霉等18种，各种微生物单独培养，混合使用。    制作方法：采用清蒸混入老五瓶的传统操作，原料清蒸，辅料清蒸，清蒸流酒，回醅发酵，发酵期长达10天，然后经缓火蒸馏，掐头去尾，因而，酒质纯净。再加以精心勾兑，贮存半年以上方装瓶出售，所以酒味更加清香绵顺。  </t>
  </si>
  <si>
    <t xml:space="preserve">谁知道龙隐村右边的那个小岛怎么进去？我得了个挖宝地图坐标是267 </t>
  </si>
  <si>
    <t>那你快去挖啊。宝图只有1个小时的时间，1小时内没挖就没了。首先你的宝宝要有采集技能,在宠物训练那里能学到.然后带着你的宝宝去宝图给你说的坐标267 159 用你宝宝的采集技能在周围挖,挖到东西后宝图会自动消失,在战绩里会有说"宠物采到什么什么"就这样。你可能没有仔细看宝图 既然是走不到的地方,宝图是肯定不会出的.楼下说的那个岛是做猎奇任务用的,从来没在那出过挖宝!!楼主的宝图可能是说集宝区的或者藏宝区的,分别是东芝麻的1 2层,东芝麻楼主会去吧? 宝图也有出在东的,而且不少,可能楼主的就是这个情况.下次看仔细些哦,看清楚是哪个地图的</t>
  </si>
  <si>
    <t xml:space="preserve">这个规则变了吗？其实吧，聊得再嗨，见面之后，外貌还是决定一切的。 </t>
  </si>
  <si>
    <t>大多数人有同感</t>
  </si>
  <si>
    <t xml:space="preserve">天堂1里怎样开个人商店找不到相关的介绍，只好悬赏找大家问了，麻烦 </t>
  </si>
  <si>
    <t>其实只需要打/商店 回车就可以了!注意你放上去的东西要注意价格啊少加个0就惨了!所以要多加注意!不想卖东西了就/商店 就结束模式了!呵呵希望加分!!!!</t>
  </si>
  <si>
    <t xml:space="preserve">我27级的药,在哪练好我没有过20级主线任务啊！！！！！！！！！ </t>
  </si>
  <si>
    <t>你的文件打不开，还是说说吧，做到哪一步了</t>
  </si>
  <si>
    <t xml:space="preserve">tom.com是什么网站？ </t>
  </si>
  <si>
    <t>TOM在线( 香港创业板 : 8282; 美国纳斯达克 : TOMO) 为领先业界的移动互联络公司，旗下互联网门户网站  。提供广泛的在线及移动服务，包括无线增值服务 (WVAS)和网络广告。 TOM在线在无线增值服务中提供不同种类的产品，如 短信 、 彩信 、 WAP ，也是首家于门户网站提供语音增值服务（IVR）的公司 。</t>
  </si>
  <si>
    <t xml:space="preserve">提前还部分按揭款有何要求？如何办理？我去年按揭方式买了房，现在想 </t>
  </si>
  <si>
    <t>如果你是商业银行的按揭贷款，一般各银行允许在按揭期间有一次改变原还款计划的机会。即你通知银行房贷部，约定时间去办理改变还款计划，在收取你提前还款的部分后，计算余下的金额及还款期，重新算出每月按揭还款额度。注意的是，这里指的重新计算，是每月的还款数，一般不能改变你原来贷款合同的还款期（如10年期，在这里改变为5年），只能因为提前还款一部分，从而改变了还款额。当然，这时的还款额因你提前还了一部分就会每月减少了。目前，住房公积金按揭贷款的办理方式与商业银行的要求大致相同。但实际上，住房公积金的还款计划改变在办理时难度要大一些，因为，他们多少有点“老爷”派头，手续上时间上甚至条件上苛刻一些。</t>
  </si>
  <si>
    <t xml:space="preserve">地理：合肥工业经济布局的优势和劣势？ </t>
  </si>
  <si>
    <t>山区的开发利用有利条件：山区在发展旅游、采矿和农业多种经营等方面优势...⑶沿海：集中了4个工业基地、5个经济特区、14个沿海开放城市等工业最发达的... 高科技工业布局在环境优美的地区。 ⑥距离城市的远近——规模小、无污染的...在此类问题的分析中，首先需要先分析该区域的背景，找到发展的优势条件和... 规模经济和产业集聚及区域协调 ———入世后我国产业竞争优势的培育 梁小萌 ...再看工业。工业产业组织的地方组织...产业集聚的实现:区域协调 产业集聚是... 3.改变了区域地理环境 4...我国的产业转移主要是从劳动密集型产业、加工制造业和资源型加工业开始，产业...美国经济史学家亚历山大·格申克龙1962年创立了后发... 投资环境作为一个系统的整体结构，一方面的整体的合力状态对经济增长和发展起...由于自然资源的分布在地理位置上有一种不平衡性，因此就对生产力的空间布局... 内部，如... 主要是产业结构趋同，城市间缺乏合理的垂直分工和水平分工、生产力布局重复、...这种战国纷争的结果，造成资源的浪费，无法形成整体力量，其区域经济的竞争优势... -</t>
  </si>
  <si>
    <t xml:space="preserve">银行存折我在广州工商银行办理了个存折，现在人不在广州，回湖北了， </t>
  </si>
  <si>
    <t>当前能通存通兑的是借记卡，不是存折，要想取到钱，一是办理托收，二是自行到广州去销户。</t>
  </si>
  <si>
    <t xml:space="preserve">显示器黑屏显示器在使用一段时间后黑屏硬盘灯光驱灯一直在闪烁主板是 </t>
  </si>
  <si>
    <t>你的重启按钮有问题,所以你的电脑一直在重启,可以从主板上拔掉与之相联的电线,看看如何.</t>
  </si>
  <si>
    <t xml:space="preserve">油漆对人体影响很大,我不是经常喷漆，可以怀孕吗？如怀孕会不会影响? </t>
  </si>
  <si>
    <t xml:space="preserve">怀孕前注意事项：(1)、怀孕前三个月双方应尽量避免烟酒；(2)、服用避孕药者，应在怀孕前一段时间采用其它避孕方法，在停服避孕药六个月后方可怀孕；(3)、药物流产及人工流产者应在流产半年后怀孕，以利于子宫损伤的恢复：(4)．取环者应在三个月后怀孕;(5)、避免接触有害气体和有害物质，如：油漆、农药、放射线等(6)．怀孕的最佳时机为夫妻双方心情、身体状态均好时，应避免过度疲劳；(7)．怀孕的季节应选在蔬菜瓜果较多的三至七月份内，应避开严寒和酷暑季节以益于孕妇和产后母子的饮食营养、身体康复及抚养；(8)、养宠物者，应在怀孕前进行体检并和宠物隔离；(9)、进行乙肝五项检查，如有病毒携带应积极治疗；(10)、预防神经管畸形，应在怀孕前三个月至妊娠的前三个月的半年时间内每日服用０.4毫克叶酸。 四大室内“杀手”一.甲醛甲醛是一种无色易溶的刺激性气体，可经呼吸道吸收。已经被世界卫生组织确定为可疑致癌和致畸形物质。大量文献记载，甲醛对人体健康的影响主要表现在嗅觉异常、刺激、过敏、肺功能异常、肝功能异常、免疫功能异常等方面。其浓度在每立方米空气中达到0.06～0.07毫克时，儿童就会发生气喘；当室内空气中甲醛浓度达到0.1毫克时就会有异味及人体出现不适感；浓度再高时可刺激眼睛引起流泪、咽喉不适或疼痛，甚至引起恶心、呕吐、咳嗽、胸闷、气喘甚至肺气肿；长期接触低剂量甲醛可以引起慢性呼吸道疾病、女性月经紊乱、妊娠综合症，引起新生儿体质降低、染色体异常，甚至引起鼻咽癌。 目前我国家庭和写字楼中空气中的甲醛来源主要有以下几个方面：1.用作室内装饰的胶合板、细木工板、中密度纤维板和刨花板等人造板材，生产人造板使用的胶粘剂是以甲醛为主要成分的脲醛树脂，板材中残留的和未参与反应的甲醛会逐渐向周围环境释放，是形成室内空气中甲醛的主体。2.用人造板制造的家具，一些厂家为了追求利润，使用不合格的板材，或者在粘接贴面材料时再使用劣质胶水，制造工艺不规范，结果消费者买回家去，等于买回了一个小型废气排放站。3.来自含有甲醛成分并有可能向外界散发的其他各类装饰材料，比如贴墙布、贴墙纸、化纤地毯、泡沫塑料、油漆和涂料等。二.苯苯是一种无色具有特殊芳香气味的液体，沸点为80.1℃，甲苯、二甲苯属于苯的同系物，都是煤焦油分馏或石油的裂解产物。目前室内装饰中多用甲苯、二甲苯代替纯苯作各种胶、油漆、涂料和防水材料的溶剂或稀释剂。因为苯具有易挥发、易燃、有爆炸性的特点，人在短时间内吸入高浓度的甲苯、二甲苯时可出现中枢神经系统麻醉作用，轻者出现头晕、头痛、恶心、胸闷、乏力、意识模糊等现象，严重者可致昏迷以致呼吸、循环衰竭而死亡。如果长期接触一定浓度的甲苯、二甲苯会引起慢性中毒，可出现头痛、失眠、精神萎靡、记忆力减退等神经衰弱样症候群。苯化合物已经被世界卫生组织确定为强烈致癌物质。室内空气中的苯主要来自建筑装饰中使用大量的化工原材料，如涂料，填料及各种有机溶剂等，都含有大量的有机化合物，经装修后挥发到室内。主要在以下几种装饰材料中较高：1.油漆。苯化合物主要从油漆中挥发出来，苯、甲苯、二甲苯是油漆中不可缺少的溶剂。2.各种油漆涂料的添加剂和稀释剂。苯在各种建筑装饰材料的有机溶剂中大量存在，比如装修中俗称天那水和稀料，主要成分都是苯、甲苯、二甲苯。3.各种胶粘剂。特别是溶剂型胶粘剂在装饰行业仍有一定市场，而其中使用的溶剂多数为甲苯，一些家庭购买的沙发释放出大量的苯，主要原因是在生产中使用了含苯高的胶粘剂。 4.防水材料。特别是一些用原粉加稀料配制成防水涂料，操作后15小时后检测 ，室内空气中苯含量仍会超过国家允许最高浓度的10多倍。5.一些低档和假冒的油漆、涂料和防水材料，是造成室内空气中苯含量超标的重要原因。三.TDI TDI又叫做甲苯二异氰酸酯（C9H6N2O2），为无色透明或淡黄色液体，是具有强烈刺激性气体的有机化合物。TDI是生产聚氨酯材料的重要基础化工原料，主要用于制造聚氨酯油漆和聚氨酯涂料的固化剂，同时也用于生产软质聚氨酯泡沫等。 TDI 对皮肤、眼睛和呼吸道有强烈刺激作用，长期接触或吸入高浓度的TDI蒸气可引起支气管炎、过敏性哮喘、肺炎、肺水肿。游离TDI对人体的危害主要是致敏和刺激作用。人体接触TDI气体后，对眼部刺激表现有疼痛流泪，结膜充血；呼吸道吸入后有咳嗽胸闷、气急、哮喘症状；皮肤接触后可发生红色丘疹、斑丘疹、接触性过敏性皮炎；个别重病者可引起肺水肿及哮喘，引起自发性气胸，纵膈气肿，皮下气肿。TDI主要来自于以下几个方面1.室内装饰装修材料。室内装饰装修中使用的聚氨酯类油漆和胶粘剂，近几年，我国聚氨酯涂料的用量迅速增长，有的家庭装修后往往产生白色的乳胶漆墙面泛黄 ，主要原因由于油漆中含有游离的TDI造成的。 2.聚氨酯泡沫塑料。聚氨酯泡沫是家庭床垫垫层及复合面料内必不可少的部分，也是沙发中的主要材料。3.聚氨酯弹性地板。聚氨酯弹性地板是近年来快速发展起来的新型材料，广泛用于电子机房、宾馆、接待室等各种地面设施，特别是大面积用于室内外各类球场、体操房、塑胶跑道等体育运动设施以及人行桥路面。由于其主要成分是聚氨酯材料，材料中的TDI在炎热或强光下会不断释放出来，夏天在跑道上运动时，会闻到一种难闻的气味， 另外，TDI还来自于聚氨酯皮革涂饰剂。聚氨酯皮革涂饰剂是近10年才逐步发展起来的高、中档皮革涂饰材料。它具有综合性能好，附着力强，耐磨性好的特点，从根本上解决了丙烯树酯普遍存在热粘冷脆的弊端。其主要原料中也有TDI。四.氡无色无味的氡具有放射性，它存在于各种各样的岩石中，常在开采和施工建筑时释放出来。氡还经常在如混凝土、不合格的水泥、墙砖、石材等建筑材料中发现。氡气在空气中分离并产生放射性氡元素。人体呼吸时氡气及其子体随气流进入肺脏，氡子体衰变时放出α射线，这种射线像小“炸弹”一样轰击肺细胞，使肺细胞受损，从而引发患肺癌的可能性。医学研究已经证实，氡气还可能引起白血病、不孕不育、胎儿畸形、基因畸形遗传等后果。科学家测算，如果生活在室内氡浓度为200贝克／立方米的环境中，相当于每人每天吸烟15根。氡气污染在肺癌诱因中仅次于吸烟排在第二位，我国每年大约有5万人因氡气及其子体致肺癌而死亡。 室内的氡含量无论高低都会对人体造成危害，但只要注意降低住房里的氡含量就可以减少这种危害。 另外还有一种是铅:　铅污染的情况比我们了解的还要普遍和严重。对婴幼儿来说，他们的生存空间中铅污染的途径非常多，对他们大脑发育十分不利。我们知道，油漆中附加的色粉多含有镉、铁、铬、砷等，尤以铅最普遍，因铅可使油漆快干。儿童床、玩具上的油漆也是如此，很可能经由宝宝误咬、误食而发生慢性中毒。不但食品中的皮蛋、用传统的容器制成的爆米花中含铅，有些彩色图书、蜡笔、铅笔也含铅，水管道中含铅，地表也有一定量的重金属元素，其中包括铅。汽车尾气、助动车尾气中都含有一定量的铅，对于矮小、呼吸次数多的儿童来说危害极大。所以,孕妇和胎儿的抵抗力较低,这时如果在室内时间较长的话,应该说对身体是非常不好的.很难说有害物质何时才可以释放完.这时最好的办法是让孕妇暂时离开这里换一个地方住,等相关单位用仪器检查完了,证实确实安全时再搬回来也不迟.否则万一出现什么问题后悔就晚了. </t>
  </si>
  <si>
    <t xml:space="preserve">众泰5008的发动机是国产还是进口的 </t>
  </si>
  <si>
    <t>是国产的~~丰田的~</t>
  </si>
  <si>
    <t xml:space="preserve">请解释：古语“今日得宽余” </t>
  </si>
  <si>
    <t>今天有闲暇的时间</t>
  </si>
  <si>
    <t xml:space="preserve">100千瓦发电机组能带几个5P空调100千瓦发电机组实际发电量是 </t>
  </si>
  <si>
    <t xml:space="preserve">   最多不可超四至五台同时启动的 运转起来后可以多几台 因为空调并不是连续工作的</t>
  </si>
  <si>
    <t xml:space="preserve">我已经有老公了，可是现在爱上了别的男人，并且这个男人也爱我，我应? </t>
  </si>
  <si>
    <t xml:space="preserve">    亲爱的朋友，我要告诉你：赶快远离他！原因如下：第一，你"已经有老公了"，你是有家有室的人了；第二，你并不能确定是否是真正爱他,可能只是因为他是你的上司;第三，他虽然是单身,但你并不知道他是否会跟你建立家庭;第四，他是你的上司，也可以说是"立业有成",但为什么没有"成家"呢?是不是他对别的女人也是如此呢?所以不要对"单身男人"抱有幻想;第五,可以看出你对目前的婚姻和家庭不是百分的满意，你需要寻找“真爱”，但你如今遇到的不是真爱；第六，你可以继续寻找，但不能止步在这个男人的身上；第七，继续寻找并不意味着要抛离现在；生活在于发现，“给生活以细心，它将还你以温馨”！学会爱自己的家,爱自己的老公吧!第八，好人一生平安，祝你幸福、快乐！</t>
  </si>
  <si>
    <t xml:space="preserve">买了128元实弹，必中！土耳其13日01:30匈牙利3斯洛伐13 </t>
  </si>
  <si>
    <t>土耳其 13日01:30 匈牙利 3 斯洛伐 13日00:30 威尔士 3/1 芬　兰 13日00:00 波　兰 31 挪　威 13日01:00 希　腊 3 塞浦路 13日02:00 圣马力 3 英格兰 13日03:00 俄罗斯 3 冰　岛 13日02:05 北爱尔 1/0 捷　克 13日02:30 爱尔兰 3阿尔巴 13日02:45 荷　兰 0 葡萄牙 13日04:00 塞尔维 3 法　国 13日03:00 苏格兰 3 斯洛文 13日02:00 白　俄 1 乌克兰 13日02:45 意大利 01 马其顿 13日02:30 爱沙尼 3</t>
  </si>
  <si>
    <t xml:space="preserve">有谁可以免费带我到90级有可以免费带我到90的吗，我已经71了， </t>
  </si>
  <si>
    <t>我想除了你朋友亲戚，应该找不出人原意免费带你的。136的青云群昆仑家族怪，一次24个，1.3分钟一次，1-45级领双要35分钟，45-60领双要2个小时。60-75平均45分钟升一级，75-90平均3小时升一级。算算要群多少个小时？如果挂机还需要更久。谁会免费带你。免费带到60级就算那人不算了，71-90出100YB会有人带的。</t>
  </si>
  <si>
    <t xml:space="preserve">完美国际庞物问题？？什么职业的能领庞全能领吗庞物有攻击性吗怎么抓 </t>
  </si>
  <si>
    <t xml:space="preserve">晕死 有没有人说下全职的宠物怎么来的啊 </t>
  </si>
  <si>
    <t xml:space="preserve">室内的灯管忽明忽不亮是不是跟起启器有关系? </t>
  </si>
  <si>
    <t>您查看一下：如果灯管的两端有发黑现象就说明灯管已经老化了，要更换灯管才能解决问题，如果灯管两端还没有发黑而灯管“一跳一跳”地闪，那您可以换个起辉器试试，如果是一通电灯管两端发红而不是正常点亮，那是起辉器里面的一个电容击穿了，您可以把起辉器拿下来，把里面的一个电容器去掉（沿其引线脚根部剪掉），只留下那个玻璃的“跳泡”，再装上用是不会影响正常使用的。在检查这个“故障”的前题是要保证您处的电压正常，因为在冬季天冷后，电压低的话，日光灯也难以启动的</t>
  </si>
  <si>
    <t xml:space="preserve">选的有点离谱的单子，看看运气如何 </t>
  </si>
  <si>
    <t xml:space="preserve"> 春天下雪了 冷啊</t>
  </si>
  <si>
    <t xml:space="preserve">四个月了喜欢趴着睡怎么办？怀孕四个月了，由于腰痛晚上睡觉的时候总 </t>
  </si>
  <si>
    <t>那么马上纠正啊。</t>
  </si>
  <si>
    <t xml:space="preserve">请教调皮等高手000069后情况请问这支股票在重组后怎么股价一点 </t>
  </si>
  <si>
    <t>地产上行那几天它停牌来着，开盘赶上地产萎啦。盘子比较大，深成指还靠它压一下节奏呢！比较看好后市，24.7啊，长线吧~~</t>
  </si>
  <si>
    <t xml:space="preserve">怎样送野菜里面的游戏道具?谁能高告诉我怎么样才能把不同帐号之间的 </t>
  </si>
  <si>
    <t xml:space="preserve"> 你进iGame大厅,点野菜部落(不用双击,点一下就行),进去后点进入专区(在介绍拦的最上面)打开官方站后点野菜商店,商品下面有"购买"和"赠送"点第2者,点开后让你填被赠送者的账号,也可以从好友列表中选择,输入好后点确定就ok了  道具是赠送不了的</t>
  </si>
  <si>
    <t xml:space="preserve">求；国内最大，最专业，人气最旺的钓鱼网站。谢谢！ </t>
  </si>
  <si>
    <t xml:space="preserve">中国钓鱼网 </t>
  </si>
  <si>
    <t xml:space="preserve">一道几何题,要做辅助线的,急!!!!AD是三角形ABC的外角平分 </t>
  </si>
  <si>
    <t xml:space="preserve">分析:出现角平分线与向角平分线所作的垂线的组合必可添加等腰三角形三线合一定理的基本图形！添线方法是延长垂线与角的两边相交。若考虑到出现线段和：AB+AC，我们 可以根据和的定义把AB，AC 二线段接在一起，可得到同样的添辅助线方法！因此添辅助线是分析的结果！按定义 或基本图形添辅助线（补完整基本图形）证明： 延长CD，BA交于F， ∵∠CAD=∠FAD，AD⊥CF， ∴CD=DF，AF=AC(（等腰三角形三线合一定理）) BF=AB+AC 又BE=CE， ∴DE//BF（AB）， DE=BF/2=（AB+AC）/2 （三角形中位线定理） </t>
  </si>
  <si>
    <t xml:space="preserve">毛衣和针织衫有区别么,怎么淘宝上有并列这二个分类呢有的淑女屋的棉 </t>
  </si>
  <si>
    <t>针织衫可分为棉针织衫和毛针织衫两大类，毛针织衫俗称“毛衣或毛衫”，包含仿毛或毛混纺针织衫。棉针织衫和毛针织衫加工方法有所不同，棉针织衫有裁剪和缝纫工艺，毛针织衫没有这二个工艺。衣片之间通过编织而成。</t>
  </si>
  <si>
    <t xml:space="preserve">请问F1方程式现在共有几站？都是什么？单圈长度都是多少？ </t>
  </si>
  <si>
    <t xml:space="preserve">阿尔伯特公园赛道  1、澳大利亚大奖赛比赛日期：3月4日-6日1排位赛：3月5日 10:00        单圈长度： 5.303km 2排位赛：3月6日 07:00         正赛：3月6日 11:00正赛圈数：58圈记录：1分24秒125(2004/舒马赫/法拉利)       雪邦赛道  2、马来西亚大奖赛比赛日期：3月18日-20日1排位赛：3月19日 13:002排位赛：3月20日 10:00                  单圈长度： 5.543km     正赛：3月20日 14:00正赛圈数：56圈记录：1分34秒223(2004/蒙托亚/迈凯轮)    巴林赛道  3、巴林大奖赛比赛日期：4月1日-3日1排位赛：4月2日 18:002排位赛：4月3日 15:00            单圈长度： 5.417km   正赛：4月3日 19:00正赛圈数：57圈记录：1分30秒252(2004/舒马赫/法拉利)     伊莫拉赛道  4、圣马力诺大奖赛比赛日期：4月22日-24日1排位赛：4月23日 19:00           单圈长度： 4.933km  2排位赛：4月24日 16:00正赛：4月24日 20:00正赛圈数：62圈记录：1分20秒411(2004/舒马赫/法拉利)  加泰罗尼亚赛道  5、西班牙大奖赛比赛日期：5月6日-8日1排位赛：5月7日 19:002排位赛：5月8日 16:00正赛：5月8日 20:00                单圈长度：4.627公里   正赛圈数：65圈记录：1分17秒450(2004/舒马赫/法拉利)    蒙特卡洛赛道  6、摩纳哥大奖赛比赛日期：5月19日-22日1排位赛：5月21日 19:002排位赛：5月22日 16:00正赛：5月22日 20:00                       单圈长度： 3.370公里  正赛圈数：78圈记录：1分11秒439(2004/舒马赫/法拉利)  纽博格林赛道  7、欧洲大奖赛比赛日期：5月27日-29日排位赛：5月28日 19:00                     单圈长度： 5.148公里 正赛：5月29日 20:00正赛圈数：60圈记录：1分29秒468(2004/舒马赫/法拉利 维伦纽夫赛道  8、加拿大大奖赛比赛日期：6月11日-13日排位赛：6月12日 01:00正赛：6月13日 01:00                  单圈长度： 4.361km         正赛圈数：70圈记录：1分13秒622(2004/蒙托亚/威廉姆斯)  ]印第安纳波利斯赛道  9、美国大奖赛比赛日期：6月17日-19日排位赛：6月19日 02:00正赛：6月20日 02:00正赛圈数：73圈记录：1分25秒256(2003/雷克南/迈凯轮)                单圈长度： 4.192km 麦基考斯赛道  10、法国大奖赛比赛日期：7月1日-3日排位赛：7月2日 19:00正赛：7月3日 20:00正赛圈数：70圈记录：1分15秒377                  单圈长度： 4.411公里 2004/舒马赫/法拉利)  银石赛道  11、英国大奖赛比赛日期：7月8日-10日排位赛：7月9日 19:00正赛：7月10日 19:00                   正赛圈数：60圈                      单圈长度： 5.141公里 记录：1分18秒739(2004/舒马赫/法拉利) 霍根海姆赛道  12、德国大奖赛比赛日期：7月22日-24日排位赛：7月23日 19:00正赛：7月24日 20:00正赛圈数：67圈                    单圈长度： 4.574公里 记录：1分25秒256(2003/雷克南/邦尔伦)  布达佩斯赛道  13、匈牙利大奖赛比赛日期：7月29日-31日排位赛：7月30日 19:00                正赛：7月31日 20:00              单圈长度： 4.384公里 正赛圈数：70圈记录：1分19秒071(2004/舒马赫/法拉利) 伊斯坦布尔赛道  14、土耳其大奖赛比赛日期：8月19日-21日排位赛：8月20日 19:00正赛：8月21日 21:00           正赛圈数：58 圈                     单圈长度： 5.340公里  记录：雷克南 迈凯轮 1:24:34.454                 蒙扎赛道  15、意大利大奖赛比赛日期：9月2日-4日排位赛：9月3日 19:00正赛：9月4日 20:00正赛圈数：53圈记录：1分21秒046                      单圈长度： 5.793公里 (2004/巴里切罗/法拉利)  斯帕赛道  16、比利时大奖赛比赛日期：9月9日-11日                       单圈长度： 6.968公里 排位赛：9月10日 19:00                正赛：9月11日 20:00正赛圈数：44圈记录：1分45秒108(2004/雷克南/迈凯轮 英特拉格斯赛道  17、巴西大奖赛比赛日期：9月24日-26日排位赛：9月25日 00:00正赛：9月26日 01:00正赛圈数：71圈                             单圈长度： 4.309公里 记录：1分11秒473(2004/蒙托亚/威廉姆斯)  铃鹿赛道  18、日本大奖赛比赛日期：10月7日-9日排位赛：10月8日 12:00正赛：10月9日 13:30正赛圈数：53圈                      单圈长度： 5.807公里 记录：1分32秒730(2004/巴里切罗/法拉利)        上海国际场  19、中国大奖赛比赛日期：10月14日-16日排位赛：10月15日 13:00正赛：10月16日 14:00         正赛圈数：56圈　              单圈长度：5.451km记录：1分32秒573(2004/舒马赫/法拉利)           </t>
  </si>
  <si>
    <t xml:space="preserve">烹饪请问在做菜里讲的“高汤”是什么？是怎么做出来的？要用什么原料 </t>
  </si>
  <si>
    <t xml:space="preserve">高汤（鲜汤）一般分为毛汤、奶汤、清汤三大类 1、毛汤 毛汤大量用于普通， 餐厨中常常连续滚煮，连续取用补水。 原料：鸡骨，鸭骨，猪骨，碎肉，猪皮等， 无特别要求。 火侯：冷水煮滚，去沫，放入葱姜酒，小火慢煮几小时。 出汤率：原料的3—5倍。 2、奶汤 原料：选用鸡鸭猪骨，猪爪，猪肘等容易出汤白(脂酸)的原料。 火侯：原料用滚水烫过。放冷水旺火煮开，去沫，放入葱姜酒，文火慢滚至汤稠呈乳白色。 出汤率：原料的1—2倍。 3、清汤 清汤分普通清汤和精制清汤。 （1）普通清汤： 原料：老母鸡(自然放养的老母鸡)，配部分瘦猪肉。 火侯：原料用滚水烫过。放冷水旺火煮开，去沫，放入葱姜酒，随后改小火，保持汤面微开，翻着碎小水泡。火侯过大会煮成白色奶汤，火侯过小则鲜香味不浓。 出汤率：原料的1-2倍。 （2）精制清汤 (上汤，顶汤，单吊汤，双吊汤) 取普通清汤用纱布过滤。 取鸡肉斩成肉茸，放葱姜酒及清水浸泡片刻。 把鸡肉茸放入清汤，旺火加热搅拌。待汤将沸时改用小火，不能让汤翻滚。汤中浑浊悬浮物被鸡茸吸附后，除尽鸡茸。这一精制过程叫"吊汤"。精制过2次的清汤叫"双吊汤"。 清汤是制汤中最难制的汤，也是质量最好的汤。清澈鲜香。常用于鱼翅，海参或高档清鲜汤肴。 上汤：一般的上汤是土鸡汤也有鸡汤加猪的骨头一起熬的家里做菜的化不可能实现总是有土鸡汤准备着可以先用一点肥肉放在锅里熬，出油了加适量的水，然后加鸡精形成上汤。“上汤”是粤菜菜品烹调中常用的一种高汤，主要用于烹调鱼翅捞饭、煲仔翅、上汤菜芯、上汤时蔬。上汤不到味道鲜美，而且清澈透明，色为浅茶色。煲制上汤所用原料有老母鸡、猪瘦肉、金华火腿、瑶柱、猪龙骨、鸡爪、冰糖、白胡椒粒、桂圆肉、生姜等。制作方法是将老母鸡、猪瘦肉、金华火腿、猪龙骨斩成大骨，放入锅内，加清水小火煮透捞出，用清水冲净放入汤桶中，加清水（如选用纯净水效果更好）、老母鸡、猪瘦肉、金华火腿，瑶柱、猪龙骨、鸡爪，加入生姜（拍破）、白胡椒粒（拍破）用中火煲6小时，再放入桂圆肉、冰糖继续煲2小时，最后过滤即可。由于不同的厨师煲制上汤的不同，所用的原料也有些区别，一般要煲制10千克的上汤，需用老母鸡5千克，金华火腿、鸡爪约1千克，猪龙骨约3-4千克，冰糖200克，猪瘦肉约3千克，瑶柱约150克，桂圆肉约50克，白胡椒粒约25克，纯净水约20千克，生姜控制在100克左右即可。 “高汤”一般是指用鸡、鸭、火腿及海味、山菌等原料吊制而成的汤，再选料和吊制方法上也相当讲究。 “头汤”是指从煮生料的汤锅中提取的首批汤，在川菜制作中多用于烧、烩以及一些中档汤菜。川菜所用的头汤熬制原料有：鸡、鸭、猪肉、猪肘、猪蹄、猪肚、棒子骨等，不同的厨师在原料用量上都有一定差别。制作方法是：将以上原料洗净放入汤锅中，加清水小火烧沸，捞出冲净，再把这些原料重新放入通过中加清水淹没至原料的五分之二，加入姜块（拍破）、葱段（挽节）小火烧费后熬6-7小时，提取首汤即可。这种汤色泽奶白、口感浓稠、鲜香肥美。 “二汤”在川菜中又被称为“毛汤”，与“头汤”相比，一般是部分头汤提取或部分原料捞出后另加清水继续熬制的汤。这种汤色淡不浓，鲜味明显不及“头汤”，只用于一般菜肴的调制或氽汤。“二汤”所用原料同 “头汤”相同，制作方法也相差不多。但和粤菜“头汤”、“二汤”在原料选择和熬制方面都有一定区别。 “清汤”是川菜中高级汤汁之一，主要用于川菜的一些中高档菜肴的制作，如川菜传统菜的“开水白菜”、 “竹荪蛤蛋”、“清汤燕窝蛤蛋”。“清汤”的主要特点是清澈见底，鲜醇味美。川菜清汤的制法相当讲究，必须经过三道以上的工序，是川菜汤料中制作最为负责的一种。下面介绍一下它的制作方法： 原料：老母鸡1只（重约2千克），老鸭1只（重约1750克），猪排骨1500克，火腿棒骨800克，生姜25克，大葱50克，料酒50克，猪净瘦肉500克，鸡脯肉350克，盐50克，胡椒粉8克。 制作：1、熬汤：老母鸡、老鸭（鸭子必须割去肚门部分）、猪排骨、火腿棒骨洗净，入沸水锅中大火氽5分钟，捞出用清水冲净。将处理后的原料放入汤锅中，加清水15千克下用旺火烧开，打去浮沫，加入拍破的生姜、大葱、料酒小火加盖，保持锅内微沸即可，小火熬4-5小时，过滤即可。2、扫汤：鸡脯肉、猪瘦肉分别放入搅拌机内搅打成细蓉，分别放入碗中，再各加650克清水搅成糊状。其中猪瘦肉糊被称作“红蓉”，鸡肉蓉糊被称为“白蓉”。将制好的清汤倒入净锅内，加入盐、胡椒粉小火烧沸，将“红蓉”倒入清汤中，把锅端离火口一半，使锅内清汤一边沸，一边不沸，待“红蓉”成团后，以网筛捞出杂质，然后再用同样的方法放入“白蓉”进行扫汤，最后将捞出的“白蓉”凝结的肉压成饼状，再用细纱布包好，放入干净的锅内，倒入扫净的清汤，将锅置于微火上（温度保持在70-80℃）继续熬至汤色澄清即可。 回 </t>
  </si>
  <si>
    <t xml:space="preserve">重庆设计培训学校的质量哪些好?设计培训 </t>
  </si>
  <si>
    <t>去杨家坪大写艺学校看看，我是在里面学习的室内设计，还有平面设计，景观设计，网络营销。摄影等</t>
  </si>
  <si>
    <t xml:space="preserve">怎么登陆不了官网 </t>
  </si>
  <si>
    <t>还没开测肯定等不了。10号就能登了。</t>
  </si>
  <si>
    <t xml:space="preserve">60以上的老年人可以练健美吗？ </t>
  </si>
  <si>
    <t>您可以去青鸟健身中心教练员会根据您的身体情况安排</t>
  </si>
  <si>
    <t xml:space="preserve">马拉维举办过惠普F1比赛吗？你们累不累，我很累啊，我还要不要再提 </t>
  </si>
  <si>
    <t xml:space="preserve">15岁第一次配镜可以散瞳吗？ </t>
  </si>
  <si>
    <t>第一次配镜必须要散瞳才能够度数准确，避免过矫，同时在成年和度数未稳定之前每次换镜都需要散瞳</t>
  </si>
  <si>
    <t xml:space="preserve">什么时候学开车好?冬天学开车好还是夏天学开车好呢 </t>
  </si>
  <si>
    <t>当然是赶在春秋两季好了，不冷不热。不过要根据你们当地驾校的效率算好时间。因为不是报了名就马上学车，我们这边的驾校效率就很低，报了名先看半个月左右的书，然后等着理论考试，过了之后再等半个多月等着分车，跟着教练学倒库移库，学半个月去考试，然后就又是等着练科目三，最后路考。如果也像我们这边一样就在你想学车的那个月提前一两个月报名。我四月底报的名，正赶上热的时候连移库，特别热，很痛苦</t>
  </si>
  <si>
    <t xml:space="preserve">请问下凹模和凸模怎么区分呢，谢谢 </t>
  </si>
  <si>
    <t>凹模外形一般都是比凸模大、承受废料冲剪和保持产品完好外形（如：正装、反装复合模）、在多工位级进模中冲剪废料的都是凸模,凹模都是平行的 。总之冲剪废料、拉深模中保持内型尺寸、压形模中保持内形尺寸的都是凸模.还有一种起双重作用的凸凹模另当别论</t>
  </si>
  <si>
    <t xml:space="preserve">推荐几首好听的歌曲, </t>
  </si>
  <si>
    <t>你好，给你推荐《Angle》《Roar》《call me maybe》《When I fall in love》《silent night》《moonlight shadow》《Only time》 《As long as you love me》《stuck in my heart》《moonlight shadow》《背对背拥抱》很好听的。如果我的回答对你有用请点击好评哦~</t>
  </si>
  <si>
    <t xml:space="preserve">高考三本好吗？转户口吗? </t>
  </si>
  <si>
    <t>你考多少分？如今你还想转那门子户口？二元化户口的问题已经提交议案了。你上网查查吧。</t>
  </si>
  <si>
    <t xml:space="preserve">道4的魔法头能值多少？或者能换什么？我区雷庭套在100元宝左右 </t>
  </si>
  <si>
    <t>呵呵，200元宝以内。很可惜不是攻4。但魔4也很厉害了。</t>
  </si>
  <si>
    <t xml:space="preserve">如何操纵相册我不知道怎么使用相册 </t>
  </si>
  <si>
    <t xml:space="preserve">如何建立相册：第一种方法1.打开控制面板，找到左侧的个人图片册，展开，点击新建相册。2.在新建页面内输入您定义的相册名称，默认日期作为相册名称。3.点击确定，相册建立成功。第二种方法1.在上传时，如果想新建一个相册。可以在控制面板的上传图片页面内点击新建相册链接。2.出现输入框后，直接输入您想建立的相册名称，点击确定建立成功。请注意：1.新建相册名称可以定义40个字符(20个汉字)，可以使用字母、汉字或者数字。2.新建相册不限制个数，每个您新建的相册，可以容纳200张图片。具体图片操作可以见 如何删除相册：1.打开控制面板，在管理我的相册内的相册列表里，选择要删除的相册。2.点击删除按钮，完成相册删除。请注意：1.文章配图相册和默认相册是博客系统产生的相册，用户不能自行删除。但是您可以管理相册内的图片。2.相册删除后，其中的图片也将会被删除，请谨慎操作。具体图片操作可以见 如何给相册重命名：1.打开控制面板，展开左侧的个人图片册，点击管理我的相册。2.在相册列表内选择要修改名字的相册，双击相册名称。3.相册名称变为输入框后输入您想修改的名字，回车确定修改结果。请注意：1.新浪博客个人图片册功能目前不限制用户自建相册的个数。2.您最多可以输入40个字符(20个汉字)来为一个相册命名。3.相册名称可以修改，相册名称支持汉字、数字和字母，请注意不要使用特殊字符或者违法中文内容。具体图片操作可以见 </t>
  </si>
  <si>
    <t xml:space="preserve">前缀和后缀是怎么回事?有什么用?珠宝可不可以合成更高级的?怎么合 </t>
  </si>
  <si>
    <t>珠宝不能合的 只有去收集吧</t>
  </si>
  <si>
    <t xml:space="preserve">军功有什么用，多少可以用？？？？ </t>
  </si>
  <si>
    <t xml:space="preserve">可以换属性点！换的地方在各个阵营的交易城地图上边大厅换！1阶段---1点属性点（杀死1人）2阶段---3点属性点（杀死50人）3阶段---5点属性点（杀死300人）4阶段---7点属性点（杀死1000人）5阶段---12点属性点（杀死5000人）6阶段---15点属性点（杀死10000人）7阶段---18点属性点（杀死20000人）8阶段---21点属性点（杀死30000人）9阶段---无属性点（杀死40000人）10阶段--无属性点（杀死50000人） </t>
  </si>
  <si>
    <t xml:space="preserve">怎么重回魔力?魔力转了公司以后就没再玩了,到现在大概很久的事了, </t>
  </si>
  <si>
    <t>先在 如果不行，你就在试试最后那个“转换失败申请”就是想想号里有什么，如果还是不行 @$%^&amp;*()_~...打客服问问什么的如果真的那个都不行，那只好重新练了</t>
  </si>
  <si>
    <t xml:space="preserve">家人在美国拿到绿卡后,在美国申请大学,自己是属于国际学生还是本土? </t>
  </si>
  <si>
    <t>如果你个人已经拿到绿卡，你算本土学生，和他们待遇一样。你需要添FASA，申请助学金(need based aid)。学校和政府都可能给钱，还可以给低利率贷款。如果没有拿到绿卡，只能和国际学生一样。机会就小得多了。</t>
  </si>
  <si>
    <t xml:space="preserve">呵呵!!!哈哈.......TZ又搞东西啦.!!!!!!!!!! </t>
  </si>
  <si>
    <t>呵呵!!!马达是点的755点.呵呵.TZ真会做啊...呵呵...10才出新车..呵呵...!!!</t>
  </si>
  <si>
    <t xml:space="preserve">何谓精英2。什么原因造成？ </t>
  </si>
  <si>
    <t>几年来，“精英”一词越来越多地出现在人们的视野里，在报刊上、里、讲台上处处都有他们的声音和身影。他们注重包装、时尚前卫、激扬文字、指点江山、粪土草根，自以为很了不起，但给我们的感觉总是别扭，不知是我们错了还是他们错了。精英是什么？不用人说我们应该略知一、二。精英是站在高处的人，他们很优秀，他们的贡献卓越，让人尊敬。至古以来就会有优秀的人和平凡的人共同推动了历史的向前发展。5000年前的轩辕黄帝，尧、舜、禹就是当时的精英。有人说精英是有地位的人，比如说各级领导。有人说精英是有经济实力的人，比如说各位老板。有人说精英是有高学历的人，比如说各位教授、专家。面对这样的解释我困惑了。秦桧、汪精卫是有地位的人，他们是精英吗？显然不是。南霸天、黄世仁是有经济实力人，他们是精英吗？显然不是。严蒿、周作人是有高学历的人，他们是精英吗？显然不是。精英主要是一种文化的概念，精英与身份地位有关，又不仅仅只看身份地位。主要是看他们说了些什么，做了些什么。孔子周游列国处处碰壁、狼狈不甚，但他是精英。马克思写《资本论》的时候，日子窘迫到快没饭吃了，但他是精英。曹雪芹写《红楼梦》的时候举家食粥，但他是精英。发明了活字印刷术的毕?N虽然是一介平民，但他是精英。马克思在1835年中学毕业论文《青年在选择职业时的考虑》中写道：“在选择职业时，我们应该遵循的主要指针是人类的幸福和我们自身的完美。”“如果一个人只为自己劳动，他也许能够成为著名学者、大哲学家、卓越诗人，然而他永远不能成为完美无疵的伟大人物。”“历史承认那些为共同目标劳动因而自己变得高尚的人是伟大人物，经验赞美那些为大多数人带来幸福的人是最幸福的人。”鲁迅先生说：“我们从古以来，就有埋头苦干的人，有拼命硬干的人，有为民请命的人，有舍身求法的人……这就是中国的脊梁。”精英者经邦济世、救国救民，他们把最普通的人看得高于一切，他们时时刻刻谋求老百姓的安居乐业和最起码的生活条件。“民为贵”是他们一贯的主张，他们始终关心人民饥苦，对人民群众有着最真挚的感情。民生问题是他们心中最大的事情。他们是芸芸众生中的一盏明灯，照耀着我们的前进道路，并且温暖着我们。而时下的一些精英人物则实在不敢恭维，他们早已放弃了理想和对人民的责任担当，在社会中丧失了道德权威。他们不去关重下层民众的利益，甚至要骑在民众的头上作威作福，充当着很不光彩的剥夺欺压民众的角色，把自己放在了民众的对立面上。不为农民、工人和其它劳动群众谋求利益的人，也不会真正的为国家民族谋求发展和进步。精英的标准也许有很多，但最重要的是要有良知、道德和对民众的人文关怀及责任感，放弃了这些就什么也不是。</t>
  </si>
  <si>
    <t xml:space="preserve">第一届欧洲杯冠军是哪个国家 </t>
  </si>
  <si>
    <t>苏联第一届：1960年 地点：法国 苏联队2：1南斯拉夫队</t>
  </si>
  <si>
    <t xml:space="preserve">高一物理综合4一小虫在半径为R的碗内爬动，设小虫与碗壁的动摩擦因 </t>
  </si>
  <si>
    <t>为啥上传不了word文件？</t>
  </si>
  <si>
    <t xml:space="preserve">50题判断，2分一条，全对奖分二、判断题1、解决资本总公式矛盾的 </t>
  </si>
  <si>
    <t>10题，显然是错误的。不是使用权，而应该是所有权。不知道您是从来找来的这么多句话，看了看其中有许多说的都不严谨，不象是判断题。1、2、3正确。4、借贷资本是一种资本商品，他的意思是他既有资本的属性又有商品的二重属性，这两种并列关系，可不知道在经济学中“资本商品是否等于商品资本”。5正确。6、资本主义生产关系的基础是生产资料资本主义私有制。7正确。8、银行利润本质上来源于贷款利息高于存款利息的差额扣除经营管理费用以后的余额。9正确。10、应该是所有权。11正确。12、应该是“=” “&lt;”</t>
  </si>
  <si>
    <t xml:space="preserve">怎么样能窗口玩游戏啊？我看到网吧里有人窗口化玩CS或劲舞等等等一 </t>
  </si>
  <si>
    <t>错　ALT+回车是能切换出来。但要是玩游戏的话用他就倒耽误事。因为即使变成窗口了还是很多的，接近一个屏幕。cs中。我们可以右击图标。然后　我们会看到路径。在路径后面加上:   -windows然后进入试试。这种方法有的版本不好用。多数好用。谢谢。呵呵</t>
  </si>
  <si>
    <t xml:space="preserve">h7n9禽流感症状？ </t>
  </si>
  <si>
    <t>与常见感冒没什么区别，无非是高热，咳嗽等等。不是很容易分辨。吃点药，。但如果出现这些症状，先回忆一下近期是否接触过禽类或者与什么样的人接触过。要是觉得不对劲就赶紧去医院。</t>
  </si>
  <si>
    <t xml:space="preserve">铸造高手请进昨天开出了个炎玉图纸,要一种极冰水晶的材料,请问在哪 </t>
  </si>
  <si>
    <t>疾病水晶是分解70级装备出的，催化用石料。遗迹守护者在塔6杀的一般4级工具以上成功率高，当然还要考虑到猜大小的问题，在铸造前先猜大小，然后才计算成功率的</t>
  </si>
  <si>
    <t xml:space="preserve">果泥怎么做?听说水果泥是一种很方便的又可以补充维生素的营养的食品 </t>
  </si>
  <si>
    <t>其实吃水果比吃果泥对身体好得多，因为食物加工的程序越少，营养流失的越少。且锻炼了人的噬嚼功能，下纤维素也没有破坏，吃起来也很方便。当然作为婴儿的辅食，加工成泥是很有必要的，做起来也非常简单。比如：苹果泥，将苹果划开用小勺子刮就好了。</t>
  </si>
  <si>
    <t xml:space="preserve">保险怎么买呀？ </t>
  </si>
  <si>
    <t>在汽车商店中你就会看到了~只要在你想要买的保险级别前打√就行了~运气来了~谁～也挡不住哦~</t>
  </si>
  <si>
    <t xml:space="preserve">12个小时过去了碧雪是不是出大问题了，还没有维护完？一天是24个 </t>
  </si>
  <si>
    <t>已经好久没上去战神了，２.０的换版是不是没考虑那么多啊，看看偌大的网游里有真正多少玩家在线啊．再有价格是不是狠了点啊．．．小小土遁６００／个，２００行不啊，３００行不．．别太暴利啊</t>
  </si>
  <si>
    <t xml:space="preserve">怎么过海 </t>
  </si>
  <si>
    <t>1，找别的级高的，或者有戒指的带过去2，自己打熊男，掉的戒指装备上，然后过熊洞，到维村，走到海底2层，随机碰到热沙，K之，得到欧滋尼克戒指，就能过去了3,就是万能传送卷了，使用以后到传送之间，进去以后去奇利，加纳都可以。。就算是过去了。对哦，还有就职生产系，没等级限制，拿上3级物品就可以过了</t>
  </si>
  <si>
    <t xml:space="preserve">这是什么型号的导弹？ </t>
  </si>
  <si>
    <t>这是中国的DF-21“东风-21”战术弹道导弹，我的网站对此有过介绍。网站名称：沧浪客军事园网站地址： \cjck\ m想知道中国所有弹道导弹的性能，请到： \cjck\ m</t>
  </si>
  <si>
    <t xml:space="preserve">降盘降水观走势——————dcfdcf001大师降盘而降水这是关 </t>
  </si>
  <si>
    <t>圣保利VS法兰克福 =========0</t>
  </si>
  <si>
    <t xml:space="preserve">我有一道几何题，请回答已知AD是直角三角形ABC斜边BC上的高， </t>
  </si>
  <si>
    <t>1)证:因为BE平分∠ABC,且∠BAE=∠BDF=90度所以∠AEB = 90-∠ABE = 90-∠DBF = ∠BFD = ∠AFE所以AF = AE由于A为圆心,AE为半径,所以点F也在圆上.2)证:连接FG,由于F,G都在圆A上,且∠FGA &lt; 90度(原因是FA为半径,只有直径对的圆周角为90度,所以此角小于90度)所以∠BGF &gt; 90度做 FH垂直AB于H,根据全等可得:BD=BH因为∠BGF&gt;90,∠BHF=90显然BH &gt; BG即 BG &lt; BD</t>
  </si>
  <si>
    <t xml:space="preserve">云南哪家医院能治好植物神经功能紊乱呀 </t>
  </si>
  <si>
    <t>你好，这个问题不好做比较。专业植物神经功能紊乱医疗水平的高低，取决于专家团队、治疗方法及治疗率等。要求专业脑植物神经功能紊乱医院配备多学科、经验丰富的专家团队。物神经功能紊乱的致病因素：一、性别因素女性由于性腺的内渗出和某些生理过程等特点会引起情绪不稳、冲动、焦虑等临床表现。这与中枢神经抑制催乳素的渗出有关。因为女性如出现月经过少或泌乳等现象时，就会反馈到中枢神经而推动体内催乳素升高，这样就会常常伴有焦虑、抑郁、精力减退和对应激的耐受力下降等症状发生。男性多受酒精和烟草的影响，体内血睾丸酮水平的下降会诱发男性的抑郁症的发生。二、遗传因素在临床上，已经查明遗传因素同精神障碍的发病有直接关系。如：精神分裂症、心境障碍、人格障碍、精神发育迟滞等。虽然在调查中可以认定上诉疾患在遗传方面有明显的趋向性，但在细胞遗传学和分子遗传学方面的研究至今没有一个结论性的结果。因为遗传性是“先天既得性”与“后天获得性”两者相互作用而形成的，所以说遗传性的显现，是同病人病前和发病时的社会环境对病人的影响有直接的关系。三、年龄因素童幼年时期，由于儿童身体和精神的发育并未成熟，所以缺乏自我控制情感和行为的能力，同时因为其保持着幼稚的情感、行为和原始反射，所以对外界环境的适应能力较差，再加上现在社会各方面对孩子的压力增大，所以孩子们会因各种心理因素的影响而出现情感和行为方面的障碍。进入青春期的青少年由于内渗出系统特别是性腺不断的发育成熟，会出现植物神经系统的不稳定性，表现有异常的情绪波动，对外界应激因素的影响极为敏感。在生活中常常会出现如强迫症、癔症、心境障碍和精神分裂症等疾病。</t>
  </si>
  <si>
    <t xml:space="preserve">已知三角形ABC，角ACB=90度，角BCD角B=90度，角A与? </t>
  </si>
  <si>
    <t>相等因为三角形的内角和为180. ,∠ACB= 90°    所以,∠A+∠B=90°因为,∠BCD+∠B=90°所以∠A=∠BCD</t>
  </si>
  <si>
    <t xml:space="preserve">我买一套二百平米自建房需多少手续钱需要办土地和房产证 </t>
  </si>
  <si>
    <t>2天时间吧 基本不要钱</t>
  </si>
  <si>
    <t>这个尺寸正常吗？</t>
  </si>
  <si>
    <t>不能,不知道你所说的"我的尺寸大小在正常范围内那比较偏小",究竟是多少? 很多男青年担心自己的生殖器官太小(很多人的生殖器官其实都很正常),希望用药物来使自己的性器官增大,其实这些多少有些徒劳.因为过了青春期发育后人的发育等一切基本都停止了,所以非常遗憾.你恐怕是无法如愿了,另外一点请注意没有生殖器官二次发育之说,那些言论均是销售商为了促销才故意夸大其词的.千万别相信.本质上说药物都有副作用,都会产生毒副反应.请注意食物营养,加强身体锻炼</t>
  </si>
  <si>
    <t xml:space="preserve">重复的字怎么打我不知道打重复的字有没有快捷的方法，该怎么打。多谢 </t>
  </si>
  <si>
    <t>在WORD输入一个字如“好”，点击F4一次即重复输入一个“好”，点击F410次，即可重复输入10个“好”字。</t>
  </si>
  <si>
    <t xml:space="preserve">勒布朗詹姆斯几岁？ </t>
  </si>
  <si>
    <t>1985年出生的吧，27岁了。。。。。。。。。</t>
  </si>
  <si>
    <t xml:space="preserve">上海到加拿大搬家注意事项？安誉支招 </t>
  </si>
  <si>
    <t xml:space="preserve">随着中国经济的迅速崛起，一大批先富裕起来的新中国人正在走进一个移民时代。而在我们Trust Mover看来，仅次于于Australia澳洲移民的就属Canada加拿大了。而在我经手的案子中去以下城市的最多了：多伦多 Toronto 蒙特利尔 Montreal 温哥华  Vancouver 渥太华  Ottawa  卡尔加里 Calgary埃德蒙顿 Edmonton汉密尔顿 Hamilton 但大家也可以看到网上广告太多：提供门到门上海到加拿大搬家服务等，但有几个能静下心来写点，总结点知识给到新移民的倒很少。今天Fred就为大家科普一下上海到加拿大移民搬家需要的方方面面。 </t>
  </si>
  <si>
    <t xml:space="preserve">现在保证书任务关了么？关了还是刷不了？谁最近做过的告诉我！我大号 </t>
  </si>
  <si>
    <t>去做吧，我花了3天才知道障碍物怎么走，呵呵，BOOS比较弱，先杀小怪，我五个30级的人都过了，就是过程太复杂了</t>
  </si>
  <si>
    <t xml:space="preserve">企业理财咨询业务以什么客户为主要目标客户? </t>
  </si>
  <si>
    <t xml:space="preserve">资金信用状况、付款能力或供货能力良好的企业 </t>
  </si>
  <si>
    <t xml:space="preserve">现在做什么生意有前景？ </t>
  </si>
  <si>
    <t>现在面对传统生意举步维艰，很多创业者都选择另辟蹊径，从新兴行业着手，动漫店作为新兴创业项目，谁先做谁就占领市场先机，动漫周边种类多样，包括动漫类，益智类，首饰类，公仔类，毛绒类还有diy个性制作，以及Cosplay摄影，服装道具等等，种类繁多，自己没有经验是很难经营的，做动漫店加盟是个很好的选择。从选址到开业到后期服务活动策划全方位一条龙服务，即便开店经验为0，也能顺利开店。把自己的开店风险降到最低，动漫店加盟中AA国际动漫作为动漫行业优秀品牌，开创多元化互动式经营模式，在市场竞争中更具有优势。AA国际动漫诚邀广大创业者前来合作，共创大业！</t>
  </si>
  <si>
    <t xml:space="preserve">宅急送货物查询要求填的工作单号是什么？在淘宝买的东西，宅急送货物 </t>
  </si>
  <si>
    <t>贴在货物上的运单号码</t>
  </si>
  <si>
    <t xml:space="preserve">我该怎么办我和老公同居4年了结婚一年，有一个8个月大的男孩。从怀 </t>
  </si>
  <si>
    <t>让自己独立，去找份工作。带孩子是俩个人的事情，不要把自己的全部都放在孩子身上，他也有这份责任。如果你独立了，你还怕他说离婚吗？让他知道说这句话的严重性，也许他每次只是气极了随便说说，但你得让他知道说这句话太伤俩个人的感情。</t>
  </si>
  <si>
    <t xml:space="preserve">现在基金有哪几支是ＱＤＩＩ？请告诉这些基金的全名，谢谢！！ </t>
  </si>
  <si>
    <t>现在基金中共有五只ＱＤＩＩ。它们是华安国际配置、上投亚太优势、南方全球精选、嘉实海外中国、华夏全球精选。即将发行的工银全球配置、海富通海外精选、华宝海外中国也是ＱＤＩＩ基金。</t>
  </si>
  <si>
    <t xml:space="preserve">谁知道电视剧《一网情深》中的陶侃所用的邮件管理软件是什么？或者有? </t>
  </si>
  <si>
    <t>用WEB邮箱的用户经常不知自己的邮箱什么时候来了新邮件，特别是拥有多个不同邮箱的用户,在日常工作时，你使用的往往并不是一个邮箱，而是多个不同邮箱供应商的邮箱综合使用，如何有款软件实时监视三种以上的Web信箱(如:Gmail、163、sina等Web信箱)呢?当然有，它就是DynAdvance公司推出的免费邮件提醒软件Notifier，它除了可以监视Gmail、Hotmail、Yahoo信箱外，还可以监视其它POP3信箱。《一网情深》我看了，就是用的这个，呵呵。</t>
  </si>
  <si>
    <t xml:space="preserve">银月的闪避问题本人是60+银月,没纹身,穿末日轻套,跟暗骑PK的 </t>
  </si>
  <si>
    <t>纹+5DEX穿夏隆套远了用黑暗精灵长弓 回避：赋予回避能力增加2的功能。近了用黑暗狂啸者回避：赋予回避能力增加3的功能。 还是可以闪掉很多攻击的</t>
  </si>
  <si>
    <t xml:space="preserve">如图4，在矩形ABCD中，E是BC边上的点，AE=BC,DF⊥A? </t>
  </si>
  <si>
    <t>如下图所示, ∵ AF=AD=10 , ∴ ∠1=∠2, ∵ AD∥BC ,∴ ∠2=∠3,∴ ∠1=∠3,DF=DF, ∴ Rt△DFE≌Rt△DCE, ∴ ∠EDF=∠CDE,而BE=8, ∴ CE=,tan∠EDF=tan∠CDE=CE/CD=1/3.</t>
  </si>
  <si>
    <t xml:space="preserve">谁知道黑鬼香烟？这种烟好像只有北京能买到。它抽起来味道较淡，但旁 </t>
  </si>
  <si>
    <t>黑鬼属进口香烟，烟草公司为了垄断国内市场，就禁止国外香烟进入内地市场，尽管如此，还是会有大量烟草通过各种渠道进入内地，其中以555较多。还有很多是内地地下加工的假烟，估计你朋友吸的这种...黑鬼与普通香烟因制造工艺不同口感略有不同，从烟碱和焦油含量看黑鬼比国烟要低，危害性相对较小。吸烟有害健康，望楼主少抽为好，祝健康快乐！ 其他地方也有的</t>
  </si>
  <si>
    <t xml:space="preserve">血性白带。。。刚才发现白带中带血，怎么办? </t>
  </si>
  <si>
    <t>受阴道酸性环境变化的影响，内分泌失调所致。情况自适而定，严重可去医院查看。</t>
  </si>
  <si>
    <t xml:space="preserve">怎样成为一名优秀的地理教师？ </t>
  </si>
  <si>
    <t>教师呢，有几点很重要，首先，知识就不用说了，必须的，但是这个绝不限于地理，因为老师是需要很全面的知识储备的。第二，就是教学的方法，你可以借鉴优秀的老师，也可以自己开创新的模式，但是重点是要抓住学生的心理，要让学生愿意学，能学好。第三，你最好要有足够的阅历和经历，这样子，才能更好地给学生启发。作为地理老师，如果你能有着丰富的旅游经历的话，也许会对你有所帮助。</t>
  </si>
  <si>
    <t xml:space="preserve">当初800W像素已经挺清晰了，但现在的手机都是1300W像素了，? </t>
  </si>
  <si>
    <t>楼主这么认为，当初还有30W像素的，现在再看800W像素都看不下去了，还是1300W好些。</t>
  </si>
  <si>
    <t xml:space="preserve">海淀区都有什么市场啊？ </t>
  </si>
  <si>
    <t>star6610：你好大钟寺这里的学院路有个金五星批发市场，有服装、百货、食品、水果、蔬菜，茶叶等..西八里庄有个玲珑塔批发市场，上面的种类基本上也都有..</t>
  </si>
  <si>
    <t xml:space="preserve">五十万做什么生意?请多多指导 </t>
  </si>
  <si>
    <t>我的建议.或者一个小型的酒店.你可以合伙可以开一个正规的网吧啦.不知道人觉得怎么样.本人觉得在利润方面有保障一点.其它不知你有什么想法呢..开洒店先办(特种行业许可证)在公安做个体工商户营业执照</t>
  </si>
  <si>
    <t xml:space="preserve">手机收不到短信，怎么办？新买的手机能发信息，但收不到别人发过来的 </t>
  </si>
  <si>
    <t>可能是中毒了。你可以刷机，升级系统。</t>
  </si>
  <si>
    <t xml:space="preserve">行尸走肉中男主角的老婆她是一开始就病毒有外遇还是僵尸病毒爆发后和 </t>
  </si>
  <si>
    <t>是病毒爆发以后才好上的。男主角的朋友在病毒爆发以前就对她老婆有想法了！</t>
  </si>
  <si>
    <t xml:space="preserve">领用牡丹信用卡对个人有什么好处？ </t>
  </si>
  <si>
    <t>领用牡丹信用卡对个人有什么好处？　　（1）牡丹信用卡是身份的象征，信誉的标志，使用牡丹信用卡会使人凭添几分文明洒脱。　　（2）领用牡丹信用卡，可以使外出旅游、出差、购物的人不必携带大量现金，牡丹信用卡携带方便，易于保管，如遗失，持卡人可向就近的发卡机构申请挂失，资金安全有保证。　　（3）使用牡丹信用卡比使用现金节省开支，是家庭理财的好帮手，发卡机构对牡丹卡存款计付利息。　　（4）持卡人如急需资金时可利用牡丹卡的信用借款功能从发卡机构获取一定的透支便利，以解燃眉 之急。　　（5）使用牡丹信用卡可替代储蓄存折在全国工商银行指定的储蓄所存取现金，也可在ATM上自助服务，提取现金，突破了储蓄业务时间和空间的限制。　　（6）使用牡丹信用卡办理转帐结算，不受地点、单位和金额的限制，自由选择客户，看准时机成交 付款，掌握结算的主动权。</t>
  </si>
  <si>
    <t xml:space="preserve">现在在E3上的资料篇和现在大家玩的WOW是同一游戏吗？RT原来听 </t>
  </si>
  <si>
    <t>各位老大啊!暴雪在推出 纳克萨玛斯 时已经说了杀BOSS出开黑暗之门的任务道具啊,而且这个副本非常难,也许玩家都70后才能成功挑战怎么看都和资料片有联系啊!!怎么不是同一游戏??</t>
  </si>
  <si>
    <t xml:space="preserve">6月3日23点25分为什么创建不了人物啊？一创建任务就会提示已经 </t>
  </si>
  <si>
    <t>可能是系统问题  完美可能又在搞什么东东了</t>
  </si>
  <si>
    <t xml:space="preserve">乙肝传染问题有个问题请求帮助，谢谢。月底要坐月子了，但会有一个乙 </t>
  </si>
  <si>
    <t>不会传染的 正常的接吻 拥抱 握手 用餐 都不会传染的 只有 未经保护的性生活 和母婴 或者 共用针头 才会传染的 别担心！</t>
  </si>
  <si>
    <t xml:space="preserve">各位给我提供接吻的气氛时间，地点，什么格调适合接吻，那种长吻，深 </t>
  </si>
  <si>
    <t>晚上 在公园里的草坪上或是长椅上或是湖边的杨柳下 有月光的柔情，风的呼唤，水的潋滟！当两人都沉浸于这种美景中感情就自然而然的喷薄拉！</t>
  </si>
  <si>
    <t xml:space="preserve">英语难题！英语中有一类“短语动词”，还有一类“介词短语”。“短语 </t>
  </si>
  <si>
    <t>恭喜你。看来你的语法进入深入的思考了。其实，只要搞清楚一个事实。为什么会有短语动词？短语动词可以V+prep/ V+adv/ V+adv+prep你说的是V+介词类的短语动词。这类动词因为本身是不及物动词，所以需要与介词搭配，整个功能相当于一个及物动词。因为go在你说的句子中做不及物动词，固然需要一个介词搭配。而介词往往不单一使用，后面会有其他成分，又可以看成介词短语。所以我们一般说动词+介词，往往是动词+介词短语的简称。因为介词不变，而介词后面的成分可以千变万化，所以干脆说动词+介词更明了。另外，像这个句子：People accused him of theft in spite of how hard he begged. 前面of theft，可以看成是accused发出的，尽管accuse是一个及物动词，但是accuse of 仍然是短语动词，所以我们又得出一个结论，短语动词中动词可能是及物也可能不及物。而后面的in spite of 介词短语做句子的状语。其实，accuse of这个短语动词中of以及后面的成分又可以看成是宾补，him是宾语。accuse可以看成接复合宾语的动词。其实各个语法结构，都应该是融会贯通的。在某个分析下是这个结构，在别的分析下是那个结构，不管怎么样，取决于你的分析角度。都不是孤立和绝对的，没有完全隔绝起来的语法分类。相通相对，怎么说都可以。</t>
  </si>
  <si>
    <t xml:space="preserve">中考放假了应该怎么过?自己总觉的没意思. </t>
  </si>
  <si>
    <t>中考放假当然是应该好好的玩个痛快了,在不久的将来里这也许是一段最长的假期了.应该好好利用,让自己在一个有意义的假期里度过.怎么才算是有意义呢?首先如果你属于文静型的学生,那么你应该去书店了多找几本有用的书籍阅读一下,充实你的内心,最好是名著之类的书.因为这些书在高中也许会有一定的用途.如果你是大方的学生,那你就应该去一个你梦寐以求的地方去度假.多学习一下当地的一些有用的知识.当然你也可以去参加一项体育运动,像游泳,踢足球.如果你觉的这些都没意思,那你就在网上多多的聊天来度过这个假期了.</t>
  </si>
  <si>
    <t xml:space="preserve">爱情到底是什么？ </t>
  </si>
  <si>
    <t>曾经我也问过别人这个问题，别人给我的回答是爱只有自己能感受的到，那是用语言无法表达的．我觉得他说的很有理，爱一个人真的不用多说什么，一切尽在不言中</t>
  </si>
  <si>
    <t xml:space="preserve">饭菜能不能放在高压锅内过夜 </t>
  </si>
  <si>
    <t>剩饭剩菜不要置于铝制盛器内，铝在空气中易生成氧化铝薄膜，较咸的菜肴或汤类存放其中，会产生化学变化，对身体造成不良影响。同时，菜肴要凉透后迅速放在冰箱中，而且应尽快食用，切勿放太久。保存时间以不隔餐为宜，早剩午吃，午剩晚吃，尽量在５至６小时内吃完。 食用剩饭剩菜时必须回锅。冰箱内的温度只能抑制微生物的繁殖，而不能彻底杀灭它们。鱼和海鲜类菜肴，其所蕴含的营养是大肠杆菌最好的温床，因此吃时应与酒、葱、姜等一起重新彻底加热，不仅能保鲜，还有一定的杀菌作用。     蔬菜和主食不宜吃剩的。烧熟的蔬菜含有亚硝酸盐，过夜蔬菜经过长时间盐渍，亚硝酸盐含量会进一步增加，表面的盐分会变成亚硝酸盐，对人体不利。淀粉类食品易被葡萄球菌污染，这种细菌的毒素在高温加热下也不易分解，所以也最好在４小时内食完。</t>
  </si>
  <si>
    <t xml:space="preserve">吃饭最佳的方式是什么？ </t>
  </si>
  <si>
    <t xml:space="preserve">吃饭或饮食方式相对于食品内容而言只是形式，但有时形式影响健康,而且影响程度更大。下面一些吃饭或饮食的新方式就需要大家了解。1、边吃边说有益健康中国儒家的传统饮食习惯中有“食不语”的规矩，认为吃饭时说笑，会影响对食物的消化吸收。但现在，国内外营养专家提出一个新观点，吃饭边吃边聊胜过“食不语”。吃一顿午饭用30分钟左右为宜，在此时间里边吃边聊，不仅可以使一起进餐者互相交流感情，解除，还能使肠胃正常消化食物。原理在于，愉快的心情不仅能增进食欲，还可兴奋中枢神经，从而促进消化液大量分泌，使胃肠处于最佳消化状态。2、站着吃饭最科学研究人员对世界各地不同民族的用餐姿势研究表明，站着吃最科学，坐姿次之，下蹲位最不科学。吃饭时恰恰是胃最需要新鲜血液的时候。下蹲使腿部和腹部受压，血液受阻。回心血量减少，进而影响胃的血液供应，某些胃病就与下蹲式就餐姿势有关。人们吃饭时大都采用坐姿，主要是因为工作劳累，而坐姿最感轻松。由此看来，应当有意识地创造站着吃饭的条件，而蹲着吃饭是最不应提倡的。3、进食要讲先后顺序在生活中，人们总爱根据长幼尊卑来排出一些人的位置。研究人员发现，吃饭也能排出顺序，尽管不同于人的长幼尊卑秩序，但按食物消化和搭配的关系来排列，更有利于摄取营养，维护健康。就餐最好按照这样的顺序进行：汤一蔬菜一米饭一肉类一半小时后再吃水果。食用藻类、鱿鱼、龙虾等富含蛋白质与矿物质的海味，切忌同食水果，特别是柿子、石榴、柠檬、葡萄、杨梅、柚子等。吃过海味后，须将食用水果的时间延后2～3小时。因为这些水果中鞣酸较多，不仅会降低蛋白质的营养价值，而且易与海味中的钙、铁等结合，既造成消化不良，还可能刺激胃肠，引起恶心、呕吐、腹痛等症状。4、吃饭也有“黑白”区别所谓黑白是指吃饭时有黑夜与白天的区别，时间段不同就需要吃不同的食物，即日间食物与夜间食物。日间食物最适合在上午6点至下午3点半之间食用，主要有牛肉、羊肉、西红柿、胡萝卜、柑橘类、青豌豆等；而夜间食物有苹果、香蕉、梨、土豆、黄瓜、干果、乳制品、鱼、蛋等。这些食物最好安排在下午3点半以后再吃，不仅有助于减肥，对健康也有好处。人们掌握了饮食的这四种“新”要求，就会减少疾病，健康长寿。 </t>
  </si>
  <si>
    <t xml:space="preserve">为什么鼻子二边及鼻头会红红的，有黑头，脏呼呼的。怎样消除呢这种现 </t>
  </si>
  <si>
    <t>红红的说明你的鼻头可能要发炎，黑头的产生在于毛囊中积留了污垢，如果排不出来的话，可能引起局部皮肤感染。强烈抗议用仪器吸黑头。我以前也曾被美容师吸黑头，害的鼻子上紫一块、青一块的，还破皮了（简直是毁容，而不是美容），修养了一个多月才好。现在发现不起黑头得好方法，而且非常简单：1.每天晚上卸装一定要卸干净。建议在彻底卸装后再用洗面奶洗一遍，防止有污垢留存。早上也要将油去净。我每次晚上卸装，就要洗3-4遍脸，直到自己都觉得非常清爽。2.每隔一周时间，看一下自己的鼻头有没有毛孔堵塞，如果有的话，就用棉棒沾可伶可利的收敛化妆水在堵塞的毛孔上来回擦（不要太使劲），一根不够多用几根，帮助化妆水中的水杨酸将毛孔中的油脂化掉并吸附出来。其实洗的干净就不会起黑头了。只有以前洗一遍脸的时候，周周都到美容师那里吸黑头。（那时也知道自己懒，洗的并不彻底）现在每天晚上洗3-4次卸装、早上两次，皮肤干净得连自己都喜欢。而且好长时间没有出现恼人的黑头了。记住，世界上没有丑女人，只有懒女人哦！</t>
  </si>
  <si>
    <t xml:space="preserve">如何把衣服上的黑腊渍洗干净 </t>
  </si>
  <si>
    <t>先用小苏打搓，再有漂白水洗洗。在腊渍上覆盖几层卫生纸，然后用电熨斗烫熨。黑腊渍加热融化就被纸吸附了，如果还有痕迹，就用汽油擦一擦了。</t>
  </si>
  <si>
    <t xml:space="preserve">如何学习c语言怎样更加有效的学习c语言 </t>
  </si>
  <si>
    <t>这个一个是理念学习，也就是理论方面，还有编程的思想呀，两者最为重要的是要实践呀，其实有个电脑 就可以了呀，完全可以自己搞个小程序去试试呀，一切都知道了嘛。所言</t>
  </si>
  <si>
    <t xml:space="preserve">关于H3的一点问题英雄的特长，比如说索拉姆的连锁闪电，是英雄等级 </t>
  </si>
  <si>
    <t>英雄魔法特长我们知道有些英雄的特技是擅长使用某些伤害性法术，其实要参照的是三个数据：1、战斗中魔法上显示的该魔法的伤害值，假设为A；2、英雄等级L；3、受打击怪物等级M；计算公式[（英雄等级/目标怪物等级）X3]%正常情况下，则最终伤害S=A*（1+[L/M]*3%），其中[L/M]代表取整，最终的S则采取进一。举例说明：光头佬等级12，施放霹雳寒冰打击比蒙，原始伤害为287点，则最终伤害为S=287*（1+[12/7]*3%）=296点，由此可见，在打击7级兵种的时候，光头佬能享受的额外好处只有区区3%，并且从7级到13级都一样。老索的连锁闪电等此类大面积法术，对于每个兵种的伤害都应该单独核算。而元素城的魔箭（＋50％）和烈火魔墙（＋100％）不算。以上是攻击魔法，状态魔法基本上是根据3、3、2、2、1、1、0的规律给1—7级兵加成的。（也有例外，如圣灵佐佑、毁灭之光......）例如特技是加速的英雄（假设气系专家），给1、2级兵加速的效果是5＋3；给3、4级兵加速的效果是5＋2；给5、6级兵加速的效果是5＋1；对顶级兵没有加成。至于1点法力加多少伤害，给你连锁闪电杀伤力的计算公式：无空气魔法：打击4支部队，伤害力逐次减半，第一支部队受到的伤害为（法力×40）+25 基础空气魔法：打击4支部队，伤害力逐次减半，第一支部队受到的伤害为（法力×40）+25高级空气魔法：打击5支部队，伤害力逐次减半，第一支部队受到的伤害为（法力×40）+50 专家空气魔法：打击5支部队，伤害力逐次减半，第一支部队受到的伤害为（法力×40）+100</t>
  </si>
  <si>
    <t xml:space="preserve">ＤＶＤ－ＲＯＭ／ＲＷ请问有什么好的型号？大约２００－３００ＲＭＢ? </t>
  </si>
  <si>
    <t>我觉得你有点搞不清楚状况,200-300元的预算为什么要买DVD ROM,150元的台电就很好了</t>
  </si>
  <si>
    <t xml:space="preserve">山西民生医院怎么样呢? </t>
  </si>
  <si>
    <t xml:space="preserve">山西民生是一所集临床、预防、保健、康复为一体的现代化综合性医院。作为美国麦肯迪医院管理机构认证单位，中国性学会临床合作医院。医院设施完善、设备先进，技术力量雄厚，专科设置齐全。同时引进目前世界领先的医疗设备和前沿医疗管理体系，与多个特色中心组织与国内外相关医疗机构建立良好的合作关系。 　　医院设有内科、外科、儿科、五官科、泌尿科、妇科、不孕不育科、乳腺科、内分泌科、计划生育科、针灸科、检验中心等20多个科室. 医院拥有由博士生导师、全国知名专家教授组成的医疗专家团队，时刻关注国内外医学最新动态，始终站在医学的最前沿，并运用于临床。 　　医院环境优雅整洁，管理规范，收费合理，服务热情周到，本着病人是中心，质量是关键，服务是基础，以特色求发展的原则，开展了一系列优质快捷的便民服务，受到社会普遍好评和信赖。 　　我院以“救死扶伤、奉献社会”为宗旨，全心全意为患者服务。医院始终把提高医疗质量、优质服务、合理收费作为医院的生存之本。本着“诚信、博爱、创新、奉献”的精神，竭诚为患者提供高效、优质、满意的医疗服务。 </t>
  </si>
  <si>
    <t xml:space="preserve">睡觉喜欢靠左边睡我从小到大睡觉一直是靠左边睡,有时也是脸向天,听 </t>
  </si>
  <si>
    <t>是的，睡觉的最佳姿势应该是右侧卧。左侧卧不好是由于这种睡姿容易让人在睡觉时翻来覆去，产生不稳定的睡眠。而且，由于人体心脏位于身体左侧，左侧卧会压迫心脏，所以它是一种很不健康的睡姿。优点：无。缺点：压迫心脏、胃部，尤其对于患有胃病、急性肝病、胆结石的患者不易采用左侧卧。而.右侧卧就不会压迫心脏，睡眠有稳定感。有一点注意的是：右侧卧影响右侧肺部运动，不适合肺气肿的患者。</t>
  </si>
  <si>
    <t xml:space="preserve">请大家帮帮我哦我的下面一直比较干，就算和老公AA，之后还是很干， </t>
  </si>
  <si>
    <t>你的月经很正常，应该没什么问题，那么长时间了，应该恢复得比较好了，只要你当时流产后注意了休息、卫生、用药并且没有炎症发烧情况，应该是恢复好了，这样输卵管就不会堵塞，大概是你的情绪太紧张了放松一下，不要老想着要孩子的事，看看是不是会好些，有心栽花花不发，无心插柳柳成荫</t>
  </si>
  <si>
    <t xml:space="preserve">我该怎么办？？？`我和现在的男友发生了关系，但我不是第一次了，可 </t>
  </si>
  <si>
    <t>他真的好爱你啊，好好珍惜，难得一个男人不计较这些。你不必为了这个不让他和你联系，可见你更爱他。以后不要在他面前提这事，我想他也不想知道，渐渐回忘记的。</t>
  </si>
  <si>
    <t xml:space="preserve">养老保险怎么退,退了以后我能够那到多少 </t>
  </si>
  <si>
    <t>我不知道其他省市的政策是怎么样的，但如果是在北京，国家规定的养老保险，城镇户口是无法退的，只能是你达到缴费年限及办理完退休手续后，可以按月领取养老保险金。在实际操作中，农民户口是可以办理一次性清算的，因为农民户口无法办理退休手续，所以当农民户口员工从单位离职后就可以办理一次性清算了。</t>
  </si>
  <si>
    <t>一层外墙用砂浆贴外墙砖，2</t>
  </si>
  <si>
    <t>麻面的好.光面的可能反光.</t>
  </si>
  <si>
    <t xml:space="preserve">一道排列组合题目：从一副去掉了大王小王的52张扑克牌中任取5张， </t>
  </si>
  <si>
    <t>5张牌花色齐全，必有一种花色是2张，其余三种花色个1张确定2张的花色：C(4,1)该花色的哪2张：C(13,2)其余花色的3张：C(13,1)C(13,1)C(13,1)---&gt;概率 = C(4,1)C(13,2)[C(13,1)]^3/C(52,5)......第二图第一图的重复在于：确定4种花色各一张: [C(13,1)]^4 　　　　　　举例：第一种：红心1、黑桃2、方块3、草花4　　　　　　　　　第二种：红心2、黑桃2、方块3、草花4再随便取一张：C(52-4,1)　　　　　　举例：第一种：红心2　　　　　　　　　第二种：红心1有以上例子看出，第一种和第二种取法完全相同，故重复。</t>
  </si>
  <si>
    <t xml:space="preserve">怎样才能知道电脑硬盘有没有坏区? </t>
  </si>
  <si>
    <t>使用操作系统自带的磁盘检查工具即可.诺顿磁盘医生是更好的检查工具!看了大家的回答，我再补充一下，一般电脑硬盘是不容易坏的。1.但在电脑工作时（读写硬盘时），移动电脑容易损坏硬盘！2.非法关机后，开机系统会自检，但这时只检查硬盘的文件分配表、目录结构、文件结构、硬盘的引导区，不会检查硬盘的数据区，所以很难检查出硬盘坏道！3.磁盘碎片整理的时候的磁盘检查需要进一步的设置，才可以根据需要决定是否检查硬盘数据区，并不能直接检查出硬盘坏道。4.至于Format命令会清除硬盘的所有数据，轻易不要使用。况且只有使用早期format命令中的 /c参数才可以在格式化硬盘的时候检查硬盘数据区，但现在 /c参数则表示在默认情况下，将压缩在该新建卷上创建的文件（即所有在这个硬盘分区的文件都会被压缩）。——同一个参数现在意义不一样了！5.如果你从来没在微机运行是移动过，你不用担心硬盘有坏道（就是你说的坏区）我罗嗦了这么多，你明白了吗？Good lucky! ^_^</t>
  </si>
  <si>
    <t xml:space="preserve">有北京的朋友吗？现在有朋友在北京飞机场。由于今天早晨起床后雾就很 </t>
  </si>
  <si>
    <t>北京现在阴天,有雾,明天有风,大概没有雾了.</t>
  </si>
  <si>
    <t xml:space="preserve">天秤座的“秤”念作什么音？是念作ping还是cheng? </t>
  </si>
  <si>
    <t>天秤座（Libra）(tiān chèng zuò)，黄道十二宫第七宫，有时也译作“天平座”，位于室女座的东南方向，也属于黄道星座。星座中最亮的四颗3m星α、β、γ、σ组成了一个四边形，其中的β星又和春季大三角构成了一个大的菱形，你可以用这个办法试着找找这个星座。　　在古希腊星座体系中，天秤座为天蝎座的一部分。后来古罗马人观测到秋分点的位置在某颗较亮星附近，就把这一区域从天蝎座中分离出来，以正义女神阿斯特利亚（即室女座）的公平秤为之命名，那颗亮星就成为天秤座α星。　　需要注意的是，由于岁差的存在，今天的秋分点已不在星空中的天秤座，但仍属“天秤宫”，俗称“天秤座”。</t>
  </si>
  <si>
    <t xml:space="preserve">追女孩必须要有“手段”吗？ </t>
  </si>
  <si>
    <t>哈哈，问得好！“手段”多少还是必要的！女孩子都喜欢让男人哄着，为自己喜欢的女孩的下点功夫，我认为很有必要！只要别做过激的事情就好！</t>
  </si>
  <si>
    <t xml:space="preserve">这次人民币升值对我国经济发展的积极意义是什么？另外还有什么消极作? </t>
  </si>
  <si>
    <t xml:space="preserve">Ａ人民币升值对我国经济发展的积极意义： （来源： １有利于中国进口 ２原材料进口依赖型厂商成本下降 ３国内企业对外投资能力增强 ４在华外商投资企业盈利增加 ５有利于人才学习和培训 ６外债还本付息压力减轻 ７中国资产出卖更合算 ８中国GDP国际地位提高 ９增加国家税收收入 １０中国百姓国际购买力增强 Ｂ人民币升值对我国经济发展的消极作用：１我国出口商品的价格优势将被削弱，竞争力下降；２不利于引进外资；３可能引发金融动荡；４会影响我国经济发展；附录：保持人民币汇率的基本稳定的作用：１这样能减少企业成本，保持出口产品的价格优势，带动出口增长；２这样保持我国经济和金融的稳定，有利于经济的长期稳定发展.附录：人民币升值的负面影响 （搜狐）（来源： 1、人民币在资本帐户下是不能自由兑换的，也就是说决定汇率的机制不是市场，改变没有意义 ；2、人民币升值会给中国的通货紧缩带来更大的压力 ；3、人民币汇率升值将导致对外资吸引力的下降，减少外商对中国的直接投资； 4、给中国的外贸出口造成极大的伤害 ；5、人民币汇率升值会降低中国企业的利润率，增大就业压力 ；6、财政赤字将由于人民币汇率的升值而增加，同时影响货币政策的稳定. </t>
  </si>
  <si>
    <t xml:space="preserve">为什么我在华军下载的软件有一些都被查出有病毒和木马?被卡巴查出 </t>
  </si>
  <si>
    <t>你用卡巴？多半是误报！华军的不会有问题的！你下载的地址如果是onlinedown.net的就绝不可能有误。</t>
  </si>
  <si>
    <t xml:space="preserve">我是男的，太瘦了，17岁，只有45公斤，怎样怎样才能让我没那么瘦? </t>
  </si>
  <si>
    <t>科学快速健康长胖秘方:1）饮食多样 ，睡眠充足。2）要注意个人心理健康。工作中的紧张和压力、生活中一些小事的想不开、超出人体负荷的“疯狂”学习或工作等，都会使人愈加消瘦。相反，愉快的心理状态、和谐的人际关系则有助于增肥。 3）对于那些长期坐办公室的瘦人来说，每天应抽出一定的时间来锻炼，这不仅有利于改善食欲，也能使肌肉强壮、体魄健美。人体的肌肉是“用进废退”，如果长期得不到锻炼，肌肉纤维就会相对萎缩，变得薄弱无力，人也就显得瘦弱。亲，如合用请加好评，如不合用也是费心找到的答案，绝对没有敷衍，请手下留情，现在我的好评数伤不起了。</t>
  </si>
  <si>
    <t xml:space="preserve">今年烟台动漫节好玩吗？ </t>
  </si>
  <si>
    <t xml:space="preserve">     第三届烟台国际艺术节看点多多：8大主题活动、13项配套活动！     本届艺术节推出系列特色动漫活动，真正使动漫艺术节成为百姓的节日。在旅游大世界展馆内集中安排了室内活动区域，优秀动画短片播放、山东省历届漫画精品作品展、电子对抗赛、电子游艺、动漫体验，以及包括X-DANGER、动漫168等15个来自全国各地的cosplay团队，将带来《地下城与勇士》、《仙剑奇侠传Ⅳ》等近50个节目，使现场观众体验动漫的精彩。　　在展馆外广场，将设置占地1600平方米的5个大型充气卡通城堡，环绕卡通城堡和广场草坪设置长500米、宽1.5米的涂鸦展示区，搭建舞台组织动漫歌曲表演，组织“快乐奔跑”亲子活动和《快乐奔跑》动画片点映式，安排74部入围动画短片大奖赛的作品将以流动放映站的形式，在各社区进行巡回播出等。    重头戏是，日本、韩国的17家企业，美国、加拿大、英国、法国等欧美动漫强国的10余家企业带来了世界最新潮流的动漫精品；国内领军企业湖南宏梦卡通传播有限公司、浙江中南卡通集团、北京完美动力动画学院等纷纷汇集，基本上涵盖了动漫产业链的各个领域；烟台动漫基地企业强势出击，烟台屹林动漫有限公司、烟台星天地影视动漫有限公司、烟台圣坤网络科技有限公司、烟台圣火漫画有限公司等26家企业也将携精品力作参会参展，在基地展区集中展示烟台动漫的成就。    本届艺术节首度引入动画短片大奖赛，该赛事前身是北京电影学院“动画学院奖”，2001年创立以来，已连续举办了八届，因其专业性和权威性被誉为中国动画短片“奥斯卡”。动画短片大奖赛最高奖30万！　　本次大奖赛从全国征集的372部作品中，评出了74部入围作品、20部优秀作品，最后由国家一级美术师、著名动画导演曹小卉，中国高等院校电影电视学会副会长黄式宪，迪斯尼公司三维制作总监KEVIN GEIGER等7位国内外著名动画大师评选出8部获奖作品，30万元的最高奖项——“最佳短片奖”，以及最佳新人奖、最佳创意奖、最佳导演奖等8个奖项都将在艺术节开幕式晚会上揭晓。</t>
  </si>
  <si>
    <t xml:space="preserve">刚1万公里别克凯越1.6AT豪华版能卖多少钱？？？今年2月底买的 </t>
  </si>
  <si>
    <t>这款新车现在优惠价大概在11.5万元，而且有和您同款车简配的自动档新车价格为10.5万元，您的车装饰和配置都很全，如车况好这款车能卖到11万左右。</t>
  </si>
  <si>
    <t xml:space="preserve">求助!!!!急~~~0分我耳洞上的耳环生锈了，现在摘不下来了，我 </t>
  </si>
  <si>
    <t xml:space="preserve">    只要请人用钳子帮你拉（或者撑）开就行啦！</t>
  </si>
  <si>
    <t xml:space="preserve">想找一个台湾的嘻哈歌手死前写的一首歌。。很是震憾人心。。 </t>
  </si>
  <si>
    <t>宋岳庭，如果我没记错的话，就是他了这是他的资料  a struggle这是歌词正当我睁开双眼踏入这个世界　　妈妈给我生命现在让我自生自灭　　这让我恐惧在我的眼里每个人都戴着面具　　回想过去难道生命就是这样延续?　　我抽烟抽得我的肺都黑了　　就像整个社会被人心笼罩着它也是黑的　　我背着宿命的十字架　　也渴望power, paper and respect　　我想这大概就是human nature　　佛家说即是菩提我暂且不提　　我倒是希望能够回到母体　　老妈对不起我时常把你气得跺脚　　你说你后悔当初没有堕胎把我堕掉　　每当我放学回家放下那沉重的背包　　家里空无一人只残留着你香水的味道　　那时我知道你那天晚上又要加班　　我打开冰箱拿出微波炉吃冰的晚餐　　老爸在凌晨两点钟醉醺醺地回家　　我从睡梦中醒来只听到你们在吵架　　我没有办法专心面对第二天的考试　　老师他不喜欢我我也不喜欢老师　　我讨厌穿制服我讨厌学校的制度　　我讨厌训导主任的嘴脸讨厌被束缚　　that's true 很多人不屑我的态度他们说我太cool　　警察不爽我都曾将我逮捕　　i don't give a fuck about 人家说什么　　他们想说什么就说什么但是他们算什么　　没有谁有权利拿他的标准衡量我　　主宰是我自己随便人家如何想我还是我　　爱钱的女人只给凯子摸　　不懂得用保险套的人别嫌孩子多　　金钱力量虽大却生不带来死不带走　　紧握着双拳的人们何时能松开手?　　life's a struggle 日子还要过　　品尝喜怒哀乐之后又是数不尽的troubles　　everyday 有多少问题要去面对　　有多少夜痛苦烦恼着你无法入睡…　　life's a struggle 日子还要过　　品尝喜怒哀乐之后又是数不尽的troubles　　everyday 有多少问题要去面对　　有多少夜痛苦烦恼着你无法入睡…　　法庭严肃的空气逼得我快不能呼吸　　当时面临着终生监禁的我开始反省　　铁栏杆之后又是个截然不同的景象　　刑犯们眼神中看不到一点和平的气象　　仅有一寸短的铅笔写的是监狱风云　　日记上描绘的不是美好的户外风景　　自由在他们眼里才是憧憬　　放一把自制武器在枕头旁以防随时有人偷袭　　有些人怀疑老婆在外偷情　　有些人把家人寄来的信件一张一张好好收集　　有些人二十四小时几乎在床上休息　　有些人精神失常因为受不了打击　　三个月如火如荼的漫长等待已过去　　出狱后的我得面对三年的缓刑期　　这也好一生中第一次感觉到幸福　　但生命中的考验何止如此我不清楚　　我不知道接下来还有什么会发生　　翻开报纸的新闻又是看到放火杀人　　还记得某年无意间发现的照片　　上面有阿姨对男人施行**的恶心画面　　这简直摧毁了她在我心目中的形象　　我无法忘怀照片中那笑容多么**　　我抵抗胸口存在着不安及惶恐　　我不断听到痛苦的声音在内心怒吼　　life's a struggle 日子还要过　　品尝喜怒哀乐之后又是数不尽的troubles　　everyday 有多少问题要去面对　　有多少夜痛苦烦恼着你无法入睡…　　life's a struggle 日子还要过　　品尝喜怒哀乐之后又是数不尽的troubles　　everyday 有多少问题要去面对　　有多少夜痛苦烦恼着你无法入睡…　　不论我走到天南不论我走到地北　　不论我走到哪都见识到人心的虚伪　　it's kinda funny 在人的眼里只有money　　外表好像要帮你却只是想帮他自己　　笑容可掬的脸后面谁知道是个狼心狗肺　　连朋友都能背叛因为只有名利合他口味　　她说她爱你的时候讲的是问心无愧　　搞不好她爱的是你身后的荣华富贵　　你可曾困惑在你身旁谁是敌是友　　对你落井下石的可能就是你的挚友　　你可曾经历当你最需要帮助的时候　　平常跟你称兄道弟的人都突然失踪　　亲爱的神伟大的神　　你可以怪我想法太过无知 但我只是人　　我不信人 因为人也不信我　　不要问我为什么 我最多只能告诉你这就是我　　生命像海浪一样有时高有时低　　你是否告诉自己坚强渡过各种时期　　我从命运的天台放眼却看不到星空　　漆黑的天空压在头顶使我不得轻松　　在我心中 找不到一个安静的角落　　我不能再沈睡下去 良心彷佛在笑我　　它在说：有几天几夜老妈曾经为你以泪洗面　　老爸他只顾己见 希望之火只见熄灭　　我接起电话是老爸憔悴的声音　　虽没见面却不难想像他当时的神情　　刚听完他最近失业的消息　　脑海里马上浮现祖母的话 警告我一定要争气　　我已经放弃所有哭的理由　　因为我早就习惯冷漠活在无情的现实里头　　人生要如何起头？改变要如何起手？　　当活在泥沼中 要如何才能金盆洗手？　　Life's a struggle 日子还要过　　品尝喜怒哀乐之后 又是数不尽的troubles　　Everyday 有多少问题要去面对　　有多少夜 痛苦烦恼着你无法入睡…　　Life's a struggle 日子还要过　　品尝喜怒哀乐之后 又是数不尽的troubles　　Everyday 有多少问题要去面对　　有多少夜 痛苦烦恼着你无法入睡…　　Life's a struggle 日子还要过　　品尝喜怒哀乐之后 又是数不尽的troubles　　Everyday 有多少问题要去面对　　有多少夜 痛苦烦恼着你无法入睡…　　Life's a struggle 日子还要过　　品尝喜怒哀乐之后 又是数不尽的troubles　　Everyday 有多少问题要去面对　　有多少夜 痛苦烦恼着你无法入睡…　　Uh...Life's a struggle　　yeah...Life's a struggle</t>
  </si>
  <si>
    <t xml:space="preserve">上海结婚要多少钱？有没有大概得明细啊？ </t>
  </si>
  <si>
    <t>10-20万。按自己的条件来办婚事。不要好大求全，免得背一身债。</t>
  </si>
  <si>
    <t xml:space="preserve">请问尿酸高的人饮食要注意什么?有尿酸的人不能吃那些食物. </t>
  </si>
  <si>
    <t xml:space="preserve">    尿酸高的人常容易发生肥胖、、高血压及高脂血症，所以应遵守饮食原则如下：     1. 保持理想体重，超重或肥胖就应该减轻体重。不过，减轻体重应循序渐进。     2. 碳水化合物可促进尿酸排出，患者可食用富含碳水化合物的米饭、馒头、面食等。    3. 蛋白质可根据体重，按照比例来摄取，1公斤体重应摄取0.8克至1克的蛋白质，并以牛奶、鸡蛋为主。如果是瘦肉、鸡鸭肉等，应该煮沸后去汤食用，避免吃炖肉或卤肉。    4. 少吃脂肪，因脂肪可减少尿酸排出。   5. 大量喝水，每日应该喝水2000ml至3000ml，促进尿酸排除。    6. 少吃盐，每天应该限制在2克至5克以内。    7. 禁酒！酒精容易使体内乳酸堆积，对尿酸排出有抑制作用，易诱发痛风。    8. 少用强烈刺激的调味品或香料。    9. 限制嘌呤摄入。嘌呤是细胞核中的一种成分，只要含有细胞的食物就含有嘌呤，动物性食品中嘌呤含量较多。患者禁食内脏、骨髓、海味、发酵食物、豆类等。    10. 不宜使用抑制尿酸排出的药物。 </t>
  </si>
  <si>
    <t xml:space="preserve">推荐几本你认为值得一看的书人文，官场，感情，人生哲理。。。。。。 </t>
  </si>
  <si>
    <t>不知道你喜欢什么类型的书啊。我个人喜欢思考性强一点的类型，这样才使你对你自己生命的意义有所认识。《世界尽头和冷酷仙境》（村上春树，，展现在看似光明发达，实质黑暗冷酷的体制下，个人价值的实现和个人定位的确立）《不能承受的生命之轻》（米兰昆得拉，小说，在混乱的时代下，诠释了个人价值观迷失的现象和人性的本质）《沉默的大多数》（王小波，杂文集，理性思考国人的思维定势和其形成的原因）《围城》（钱钟书，小说，立意较见面几个作品比小了，集中描写的一个特定时代的人和世界，但是作为纯文学作品，我个人觉得，实在很精彩）《梦的解析》（佛洛伊德，心理学精神分析学派代表作，个人觉得是影响人类历程最厉害的一本书，自此，人类开始脱离表象开始探寻精神内心的世界，精神解析学的开端。抽象派，行为艺术这些名词以这本书为基础开端）《纯粹理性批判》（康德，哲学著作，康德的代表作，经验主义和逻辑理性主义的对峙，哲学史上最重要的作品之一，可能有点难懂）《神曲》（但丁，诗歌，看此书请充分了解当时的社会背景，不然会觉得很无聊，别的不说什么了，就冲这个作者也要看一看啊，但丁，欧中世纪和近代的分界点就是他的死）《93年》（雨果，小说，看了以后，才明白什么叫人性的伟大，什么叫做男人，什么叫做英雄，绝对让你热血澎湃。但是注意，雨果特色是小说中段极度无聊，疯狂地解释社会背景，实际没有必要。请跳过那一段）《欧亨利作品集》（欧亨利，小说，可读性实在没有话说，欧亨利转折的效果绝对让你意想不到）《韩非子》（韩非子，杂文，法家代表作，理性的代名词）《时间简史》（史蒂芬霍金，科普，用简单的手法解释了理论物理学最深奥的理论，值得一看）以上是个人以为价值很高值得一看的，有不少学术性很高的东西，但是他们确实有一读的必要。谢谢！</t>
  </si>
  <si>
    <t xml:space="preserve">什么东西最保值？过去，人们都认为黄金最能保值，然而这次黄金跌价三 </t>
  </si>
  <si>
    <t>身体最保值。有命就有一切。</t>
  </si>
  <si>
    <t xml:space="preserve">导致癫痫发病的原因是什么？引发癫痫病的病因都有哪些呢？ </t>
  </si>
  <si>
    <t>导致癫痫发病的原因：1、是否发生癫痫病不仅取决于环境因素的强弱，而重要是决定于先天的遗传因素。癫痫病遗传决定了一个人发生惊厥的“惊厥阈”值的高低，这种阈值越低越易发生癫痫病，若环境因素的强度，超过了其惊厥阈值，就会发生癫痫病。不仅原发性癫痫病，而且继发性羊角风都具有一定的癫痫病。2、新生婴儿几乎全天在睡觉，这是大脑的自我保护机制。从母体环境到外界环境的转换，让大脑对噪音等不胜其烦，为了保护脑不受伤害，自动启动睡眠机制，“惊厥阈”低的人，在受到环境影响时，脑不能抑制惊厥，就会产生癫痫病发作，这是引发癫痫的病因之一。3、引发癫痫的病因子女是否获得癫痫病与从亲代遗传的“惊厥阈”有关，这个原因可以说是该病的根本原因。抗惊厥能力高低，直接决定患者是否日后对造成惊厥环境的抵抗能力。</t>
  </si>
  <si>
    <t xml:space="preserve">什么是格林尼治标准时间谢谢 </t>
  </si>
  <si>
    <t>我们的北京时间是东八区时间比格林尼治时间要早八个小时</t>
  </si>
  <si>
    <t xml:space="preserve">哪个好心人给我推荐几首好听的英文歌？/可怜 </t>
  </si>
  <si>
    <t>Good timelove you like a song ；trouble is friendEllie goulding的burn /lights或love will remember/heart  attact /love the way you lie /you’re beautiful /whataya want from me /I love you /innocence等还有好多 Avirl 的歌全部是经典啊 亚当兰伯特也很好 布兰妮 蕾哈娜……太多好听的了 可以的话请采纳吧谢谢the wind</t>
  </si>
  <si>
    <t xml:space="preserve">我用3721进行删除IE历史记录但并没有删除怎么办啊谢谢回答 </t>
  </si>
  <si>
    <t xml:space="preserve">    卸了那个不要脸的3721。它就是病毒！没事时老骚扰你，有事时它还真管不了。华军园有专卸3721的工具。winxp sp2不用3721就很好用。严重建议大家安装微软WINXP SP2补丁！不仅可以拦截广告、弹出窗口、插件等，更关键的是能屏蔽3721上网助手这种病毒！ 附件： 回答者：云淡天轻 级别：新手(2005-02-08 12:37:45) 学会上网之后，原本以为到达了一个更加便利的世界，然而，这个自由便利的世界却早被3721统治。 　　 　　　　 5年时间，疯狂掠夺统治资本 　　 　　　　 3721从1998年成立至今一直在利用微软的浏览器做着自己的梦，试图打造中国人的标准。用了5年时间，3721通过各种渠道、利用各种手段，让他的网络实名插件遍布90％的中文上网用户，而这，就是3721用5年时间积累起的统治中国互联网的雄厚资本，3721插件，表面上是中文上网工具，实际上，背后利用简单的病毒原理控制着网民的电脑，玩弄着中国互联网和对技术不甚了解的7000万网民，5年时间，积累起了足以对抗7000万网民和政府的雄厚资本。 　　 　　　　用简单的技术愚弄着中国网民 　　 　　　　 这样一个打着“简单上网”旗号的3721，在程序员眼里，甚至成为了“垃圾”的代名词。 　　 　　　　到任何程序员聚集的站点，查看一下涉及到3721新闻的评论 90％以上都是对3721的攻击，甚至是辱骂，更有程序员还在个人网站中标注：“如果你是3721的支持者，不要安装本程序，本人不欢迎并拒绝其支持者使用本程序!” 　　 　　 　　　　首先，程序员对3721的技术一直没有持肯定态度。在程序员看来，通过客户端软件将域名和中文单词对应起来，实在没有什么技术可言。 　　 　　　　最初，3721的软件是客户端的形式，主要通过和网站合作进行免费发放，但这种方式容易被用户拒绝或者删除。不久，3721采用了微软公开的ActiveX技术标准，将客户端转变为了浏览器插件。应该说，许多软件均采用ActiveX技术开发，例如Flash动画播放插件、Microsoft Media Player插件等，这种方式也无可厚非，但3721在推行这种方式时，并没有尊重用户的意愿，而是防不胜防的在各种网站上弹出骚扰对话框，强迫安装。有程序员表示：“不管软件写的怎样，有一点是肯定的，开发者和策略制订者缺乏起码的职业道德。现在所谓2000万用户，有多少是自愿安装的呢？又有多少是踩中地雷的呢。”同时，在早期的某些版本中，的确有造成用户死机的案例出现并被广泛的传播。 　　 　　　　因此，3721接下来就好像故意要同程序员做一些对抗的工作。为了防止卸载删除，软件中采用各种技术手段。有程序员说：“现在3721的插件越做越霸道。不止是修改注册表，而是一直在你的系统里运行，并把自己伪装起来，我曾经把cmin*.dll删除后，用WinHex查还有，是改名运行的！而且如果用SoftICE 调程序，3721的DLL总会捣乱！” 3721在煞费苦心的加入各种技巧，有的技巧与木马病毒的原理一模一样，所有3721的软件在你的计算机上都开着后门，而这个后门，正是3721走进你计算机深处的通途，3721在偷窥你的时候，你，却并不知情。 　　 　　　　用程序员群体的眼光看，用软件开发的某些技巧来强奸用户的意志，这对3721是自辱，对中国互联网是侮辱！ 　　 　　　　但是，3721为了保证其利润来源和一个无耻的梦想，他还是选择侮辱中国互联网，侮辱中国网民。　　 　　 　　　　 黑社会手段抢夺地盘 　　 　　　　 然而3721在圆自己的美梦时却毁掉了众多网民的基本的使用权。众多不知情的网民在无意下载3721插件后却一直在被3721的梦想所左右。3721的插件也已经开始在90％的中文上网用户打开电脑开始上网时被监控。 　　 　　　　有懂技术的网民在论坛上发表言论时写道：这两天上某些网站不是很顺利，开始我以为是网络的问题，可是其它网站上的去很正常，因此我排除了网络原因。排除了病毒原因之后，我反编译了其电脑里唯一和浏览器相关的程序——3721网络实名插件。当看到3721程序代码的时候，他说：“当时吓出了一身冷汗。原来这个程序有个后门，所有的人都不知道存在的这个后门。而3721的其他程序就通过这个后门进进出出。在这个程序中我发现了一段代码，这就是屏蔽那些网站的代码，在这个代码后面，有着一长串我们熟悉的网站，有的屏蔽是生效的，有的屏蔽还没有启用。这段代码就像一个机器人一样，在这段代码后边，如果加上  　　那么新浪网将被屏蔽而无法访问。 　　　　 3721为了保住他的网络实名业务，不得不保住他插件的推广量，而3721用这种手段，在威胁并强迫着许多网站为他弹插件。而许多网站却敢怒不敢言。***网站是受害者之一，而除他之外，还后一长串名单。 　　 　　　　 3271就像中国互联网的黑社会，他知道你电脑里的所有信息，他占据着本属于网民的中国互联网，把他划为属于自己的地盘，牢牢控制，即便是SINA、SOHU、NETEASE、QQ这样的门户大腕，慑于3721的淫威，在3721面前也是敢怒不敢言，因为就连政府都无可奈何。 　　 　　　　谁来管管3721？ 　　 　　　　遍查互联网的法律，也没有任何一条对3721这种做法进行管理的规定，甚至没有任何一级管理部门和法律制定者意识到这个问题。3721在利用着自己制定的法律为所欲为，制定着属于他的游戏规则，所有人都必须俯首称臣，上贡交钱。 　　 　　　　一方面偷偷摸摸给网民安装，一方面穷凶极恶逼迫其他网站为他弹插件，否则就“封掉”不合作的网站，毕竟，他已经有了90％的占有率，一方面，堂堂正正的大卖网络实名赚钱，甚至威胁北京大学，如果不买这个词，就把这个词卖给别人。 　　 　　　　用三条计谋堂而皇之的赚钱，大大方方的管理中国互联网。原本互联网所倡导的平等、自由、公开的原则，在3721的公司利益面前荡然无存。原本上上下下部署严密的政府部门对他也无可奈何,甚至毫不知情。中国互联网,被3721继续统治着……,谁来管管?无人来管,无人敢管.如何删除 安装后,写了几个dll在Winnt\Downloadprogramfiles下。并且在windows下是看不见的(显示所有文件,不隐藏系统文件也看不见,连搜索文件也找不到)。然后在注册的Run键值下写入了CnsMin.dll,这样每次开机CnsMin.dll自动驻留在内存里,因此这个时候清注册表是没用的,它马上又会往注册表里写。所以只能先把CnsMin.dll改名,然后重起,再清除注册表就没问题了。(象不象病毒?呵呵)。在MS-DOS方式下dir一看。嘿嘿!那个Downloadprogramiles下面有n多3721的文件。把CnsMin.dll改名(如果直接输入del*.*结果是拒绝删除,不行!)然后重起。系统会显示CnsMin.dll不存在(要的就是这个效果!)。现在好了可以到注册表里把3721,CnsMin,网络实名搜索一遍,统统杀了,具体步骤如下。单击开始-&gt;运行regedit.exe打开注册表,进入：HKEY_LOCAL_MACHINE\SOFTWARE\Microsoft\Windows\CurrentVersion\Run\删除键：CnsMin其键值为：Rundll32.exe C:\WINNT\DOWNLO~1\CnsMin.dll,Rundll32（如果是win98，这里的 C:\WINNT\DOWNLO~1\ 为C:\WINDOWS\DOWNLO~1\）HKEY_LOCAL_MACHINE\SOFTWARE\Microsoft\Internet Explorer\AdvancedOptions\删除整个目录：!CNS这个目录在 Internet 选项 -&gt; 高级 中加入了3721网络实名的选项。HKEY_LOCAL_MACHINE\SOFTWARE\3721\ 以及 HKEY_CURRENT_USER\Software\3721\删除整个目录：3721注：如果您安装了3721的其它软件，如“极品飞猫”等，则应删除整个目录：HKEY_LOCAL_MACHINE\SOFTWARE\3721\CnsMin以及HKEY_CURRENT_USER\Software\3721\CnsMinHKEY_CURRENT_USER\Software\Microsoft\Internet Explorer\Main\删除键：CNSEnable 其键值为：a2c39d5f删除键：CNSHint 其键值为：a2c39d5f删除键：CNSList 其键值为：a2c39d5f　　在删除完注册表中的项之后，还需要删除存储在硬盘中的3721网络实名文件。 再进 MSDOS... del *.* 也可以把WINNT/Download Program Files 下的东西全部咔咔～～删除如下文件：2001-08-02 17:03 40,960 cnsio.dll2001-08-08 14:14 102,400 CnsMin.dll2001-08-24 23:14 42  i2001-08-09 10:18 13,848  b2001-07-06 17:57 32,768 CnsMinEx.dll2001-08-25 02:52 115  i2001-08-25 02:51 17,945  b2001-08-02 17:02 32,768 CnsMinIO.dll2001-08-24 23:15 40,793  b现在，终于把3721全部手动清除了，然后打开IE浏览器，选择菜单：工具--&gt;Internet选项--&gt;安全--&gt;受限制的站点--&gt;点击“站点”按钮，然后把“ ”加入，这样以后拒绝访问 3721 的一切网页，以免再被装上他们的网络实名！ </t>
  </si>
  <si>
    <t xml:space="preserve">单片机输出的是开关量控制信号，旧可以直接驱动电磁阀，那么什么是开? </t>
  </si>
  <si>
    <t>不是开关量直接驱动电磁阀,而是这个开关量将驱动电磁阀的信号导通或断开</t>
  </si>
  <si>
    <t xml:space="preserve">山河破碎风飘絮后一句是什么? </t>
  </si>
  <si>
    <t xml:space="preserve">  身世浮沉雨打萍 </t>
  </si>
  <si>
    <t xml:space="preserve">月经不调该怎么办？从今年8月份开始就月经推后，四个月一共来过两次 </t>
  </si>
  <si>
    <t xml:space="preserve">月经不调会影响生育, 月经不调会使排卵期不稳定，因此有可能几个月才排卵一次，那么受孕的几率就很小。 月经不调本身就是内分泌系统的疾病，健康人是不会月经不调的。 原因有很多： 如果是炎症，子宫和卵巢有异常情况引起的内分泌失调，就会导致怀孕的几率小，甚至不孕。 如果是因为体内寒邪过重，导致月经不调，那么就会形成宫寒，子宫寒是不易受孕的。 因此月经不调多少会对怀孕有影响，应当注意。 即使在月经不调的情况下怀孕了，那么身体内分泌也是处于一种不健康状态，怀孕后就得更加注意保胎。给你介绍两个处方：1：处方：丹参20克，当归、党参、玫瑰花、女贞子、广木香各15克，赤芍、旱莲草、延胡、香附各10克，红花、核桃仁各9克，川军6克。 随症加减；经期错后腹痛加炒茴香10克，元桂6克。经期提前加益母草15克。 用法：水煎，日1剂，服2次 疗效：服药5－7剂，有效率达98.7％ 2：处方：红鸡冠花、白鸡冠花各9克 用法：水煎，日1剂，月经来潮前6天，日服2次 疗效：用药6天见效 </t>
  </si>
  <si>
    <t xml:space="preserve">PD比330帅你们说说把 </t>
  </si>
  <si>
    <t>当然330帅啦！看我的，有比我帅的吗？</t>
  </si>
  <si>
    <t xml:space="preserve">帮助修改作文：枕头的故事大家看看我的文章，帮我修改修改！枕头的故 </t>
  </si>
  <si>
    <t xml:space="preserve">    开头用排比句抒情或更有感染力。       末尾应有一句浓缩情感的话来结尾。</t>
  </si>
  <si>
    <t xml:space="preserve">最近的电影，太一般了，除了北京爱上西雅图，不知道还有哪个能看，求? </t>
  </si>
  <si>
    <t>给你推荐几部大片，变脸、 罪恶之城、 飓风营救.。{\^o^/ @徐先生啦 为您解答，希望帮到您，如有用，请点击答案下方❤有用，您的“有用”就是我的动力，感谢采纳。｝今日上映特种部队2，应该也是差不了的。厨子和毒战都还行。分手合约，昨天刚看完，剧情真的一般，只是跟随这剧情，总让人想起一些过往。建议看一下吧。厨子戏子痞子，还是不错的，前半段比较搞笑幽默，后半段情节很紧凑。个人推荐爱你分手合约和毒站分手合约    毒战</t>
  </si>
  <si>
    <t xml:space="preserve">中国建筑今年第三季度每股净资产2.26元，而第二季度才0.97元 </t>
  </si>
  <si>
    <t>每股净资产的增加是依靠发新股增长出来的.IPO120亿股乘以4.18元,一下子500多亿现金到手,加上原180亿*0.97=175亿,675亿除以300亿就是2.25元了.再加上第三季度的利润,大概就这个数了.</t>
  </si>
  <si>
    <t xml:space="preserve">电热水器哪个牌子好？海尔的电热水器好用吗？ </t>
  </si>
  <si>
    <t>　　即将实行阶梯式电价，用电热水器的成本太高，不如用燃气热水器。　　海尔防火墙电热水器比较安全，阿里斯顿也是个老牌子。</t>
  </si>
  <si>
    <t xml:space="preserve">性交ML时，男友老找不到位置，找到位置又进不去，好痛的 </t>
  </si>
  <si>
    <t>男友的阴茎大对你来说是好事，我的男友就小，每次做事我都不满足，好多次都是男友用手。找一个jj大的不容易，把握机会。我教你一些方法，可以试一试：做爱前你不要想JJ插不进去，也不要想很痛的，首先，你们做好前戏，也就是先口吻，激烈一点，时间长一点，让你的男友尽情的抚摸你，包括你的抚摸你的BB也可以，一定让他抚摸，对你有好处。只到你的洞洞里流出“水”越多越好。如果男友不知道怎样抚摸你BB，你让男友把他的手指插入你的BB里，就好了。时间长了你会不自觉的想让东西插的更深，这时候就可以让男友的JJ插入你的洞洞了。但要注意，在男友插的时候你不要害怕，这次不要紧的，不痛，相反，你会达到从来没有的感觉，也就是高潮了。做了这一次还会想下一次的。大胆的玩，尽情的玩，很爽的，非常的美妙。</t>
  </si>
  <si>
    <t xml:space="preserve">谁知道中考的日期???? </t>
  </si>
  <si>
    <t>6,21,22</t>
  </si>
  <si>
    <t xml:space="preserve">关于查找成交信息股市每天都公布当日涨跌幅超过7%的个股成交信息. </t>
  </si>
  <si>
    <t>你好：在各券商网站上或上证所以及深证所的网站上都会公布主板A股交易公开信息，对有价格涨跌幅限制的日收盘价格涨幅偏离值达到7%等数据的前三只证券股票进行交易信息披露。选择交易公开信息即可看到。</t>
  </si>
  <si>
    <t xml:space="preserve">请问末日套装是天堂２里最好的套装么？ </t>
  </si>
  <si>
    <t>不是,但如果能穿上也是很有钱的人了.还有A,S的装备等你去买</t>
  </si>
  <si>
    <t xml:space="preserve">为什么每次都要丢失时间设置？我的电脑用了5年了。最近发现每次关机 </t>
  </si>
  <si>
    <t>主板上的电池没电了，换主板上的扣子电池重新设置CMOS就可解决。</t>
  </si>
  <si>
    <t xml:space="preserve">牙齿不美观，医生建议做烤瓷牙，但做烤瓷牙要提前打磨牙齿,这样做好? </t>
  </si>
  <si>
    <t>被打磨后的牙齿会不会坏掉啊？有可能会的，如果牙根感染了就会。你的牙如果只是单纯的不美观没有切实需要做烤瓷牙还是别做为好，牙齿是一次性的，做了之后就不会再长的了。劝你还是不要做。</t>
  </si>
  <si>
    <t xml:space="preserve">什么材质的暖器片效果好？铁、铜、铝？ </t>
  </si>
  <si>
    <t>从散热效果排：：铜、铝、铁。从成本高低排：  铜、铝、铁。目前，使用“铁”做暖器片还是比较多的，尤其是在北方供暖气的系统中。因为它的成本最低。用“铜”较少。但是，目前，已有用“铝”取代“铜”与“铁”的趋势。现在，在家用空调、小轿车、电脑上的散热片都是用铝的。</t>
  </si>
  <si>
    <t xml:space="preserve">关系通用灵宝技能通用灵宝技能书。看技能书是分12345个等级，那 </t>
  </si>
  <si>
    <t>通用灵宝的升级是和人物自身的技能升级方法一样都需要满足等级条件后并且有足够真元点数。只要等级和真元点数达到要求就能升级。</t>
  </si>
  <si>
    <t xml:space="preserve">关于伴随状语我以前看到一句句子，逗号后面的动词要加ING的，老师 </t>
  </si>
  <si>
    <t>以前看到一句句子，逗号后面的动词要加ING的，叫它伴随动词.对伴随状语这样理解是不正确的.伴随状语顾名思义,在句子中应该是一个独立的成分(从句做状语),与主句的谓语动词相比,它具有同时性,但是意义地位较为次要,所以成为"伴随"成分。如：slaming the door，she went out.关上门，她走了出去。这两个动作都是同时的，但是句子主要是说她出去这个意义，并不想强调关门，所以关门是伴随状语。这里伴随状语前置，按逗号来判断显然在此不行。伴随状语中置：The farmers,bringing his food, volunteered to go with us.伴随状语后置：He explores around the city, looking at every building.我给你总结几个规律：1-在句子中应该是一个独立的成分，从句做状语2-与谓语动词相比，伴随状语的意义居于次要地位3-伴随状语中的动词现在分词与谓语动词同时发生4-伴随状语中动词的主语，与主句中谓语动词的主语相同你可以对照我举的例子理解这些规律。至于saw，pick,gave，主语都相同，又属于动作排比，看到、拿起来、给他……所以用的是X，X and X的结构。这里着重体现动作的层次。</t>
  </si>
  <si>
    <t xml:space="preserve">我。。。这是怎么了？昨天和老婆做爱时又发现阴茎包皮上有几个白米米 </t>
  </si>
  <si>
    <t>还是到医院去看医生吧！</t>
  </si>
  <si>
    <t xml:space="preserve">求一手机铃声要求高端大气上档次的有没有跟推荐个 </t>
  </si>
  <si>
    <t>my life would suck without youLaura Pausini《it's not goodbye》</t>
  </si>
  <si>
    <t xml:space="preserve">请问破天一剑里的人物到了70级后怎么改名字 </t>
  </si>
  <si>
    <t>你 在100级也不能改名字,不过可以给自己起个外号,好象60级就可以给自己起,或者加入帮会后,也可以叫帮主给起个</t>
  </si>
  <si>
    <t xml:space="preserve">在哪能看到自己的博客登录名是什么？我忘记了，我能进去进去自己的博? </t>
  </si>
  <si>
    <t>忘了登陆名怎么办：第一种情况：记得自己的博客连接，请按以下步骤处理：第一步，请输入地址  第二步，在新浪通行证页面左上角的登录名输入您的博客地址最后十位数字，再输入密码，然后点击右边的登录，输入您的博客地址最后十位数字；第三步，左上角的新浪通行证就能看到您所有的个人信息，包括登录名、会员编码、昵称、手机号码基本信息、U币余额、新浪积分、免费邮箱、UC号码等等。您也会发现博客地址最后十位数字就是您的UC号码，查看到所有的个人信息包括登录名；第二种情况：不记得自己的博客连接，请按以下步骤处理：第一步，在新浪博客首页，输入您的博客名称，搜索博客地址；第二步，在博客搜索列表中找到自己博客地址；找到博客链接后，请参照以上的处理办法；在博客搜索列表中找到自己博客地址，如果忘记博客密码，请点此链接，或者查看找回密码帮助，找回新浪博客密码；如果想把自己BLOG页面装饰的漂亮点，我这里有装饰代码，和详细的使用方法，以及数千张背景图片素材供你选择，希望能对你有所帮助；欢迎光临我的博客： 我有一个新浪博客。博客登录名可以在新浪“首页”最上面的“编辑”里改（比如是“***的博客”，右边有两个字“编辑”，点击它），也可以在“个人中心”里改，点击它进入看看吧。当然，做这些前提是你已经登陆了自己的博客。</t>
  </si>
  <si>
    <t xml:space="preserve">遇到霸道的男朋友怎么办？大家好，我和男友刚谈恋爱的时候。他对我言 </t>
  </si>
  <si>
    <t>他是爱你的，可是他的爱你受得了吗？你给他安全的信号了吗？如果你可以看在爱的份上宽容，那么你们结婚吧。如果你受不了，你就对他说，放爱一条生路，各奔前程吧！</t>
  </si>
  <si>
    <t xml:space="preserve">不习惯遗精怎么办我21岁,现在总是习惯有了冲动就手淫解决,一个月 </t>
  </si>
  <si>
    <t>这样正常,因为手淫次数多了就降低了性亢奋的程度,所以遗精的次数也就减少了,等有了真实和女性的性生活以后就正常了.</t>
  </si>
  <si>
    <t xml:space="preserve">怎样验收精装修的房子？ </t>
  </si>
  <si>
    <t xml:space="preserve">房验收攻略 每年都有楼盘交钥匙的高峰期，随着精装修楼盘数量的逐步增加，购买精装修住宅的消费者也随之增加，精装房的装修项目如何验收？达到什么标准才算合格呢？ 国家建设部在2002年3月1日发布实施了《建筑装饰装修工程质量验收规范》，不少省市在此基础上又制定了各地的家庭装饰装修质量标准，例如，目前北京装饰行业使用的验收标准有两个：一个是《北京市家庭居室装饰工程质量验收标准》，另一个是《北京市高级装饰工程质量验收标准》，使用哪一个标准要看购房合同是如何签订的，以合同规定的标准对工程进行验收。 验收完有关文件，业主马上就要开始实地验房了，由于不少业主是首次置业，而且房屋验收又是一项非常专业的工作，因此很多人不知道从何验起。需要指出的是开发商提供的《楼宇验收记录表》列出的项目大多不够细致，一旦验收起来，可能根本不够用，建议业主先自备验房记录单，以备不时之需。在验房过程中，首先要关注房屋是否存在结构问题，例如承重墙是否有贯穿性裂缝等；然后才是房屋使用方面的细节问题，例如门窗是否平直等。 精装修验房程序和项目： (说明：在下列选项后的□内验收合格划√，存在问题划×，并记录具体情况) 1. 入户门 划痕□ 变形□ 翘曲□ 锁具□ 开启□ 合页□ 视镜□ 密封□ 垂直度□ 2. 配电 电表□ 电闸□ 照明电□ 开关是否有效□ 插座安装有无问题□ 相序□ 3. 弱电 强弱电预留端口配置是否符合国家规范□ 间距□ 位置□ 标高□ 4. 空调 位置□ 预留孔位置□ 电源配置是否规范□ 5. 门禁系统 楼宇对讲灵敏度□ 牢固性□ 6. 宽带 位置□ 是否连接□ 7. 窗户 隔音□ 开启□ 密封□ 变形□ 破损□ 划痕□ 安装是否到位□ 8. 室内门 漆饰□ 手感□ 眼观□ 开启□ 变形□ 流坠□ 色差□ 锁具□ 安装是否到位□ 9. 墙面 平整度□ 色差□ 漆饰□ 阴阳角是否垂直□ 流坠□ 开裂□ 手感□ 空鼓□ 10. 顶面 平整度□ 色差□ 漆饰□ 阴阳角是否垂直□ 流坠□ 开裂□ 手感□ 空鼓□ 11. 地面砖 平整度□ 空鼓□ 色差□ 缝隙是否规范□ 12. 地板 平整度□ 起鼓□ 色差□ 缝隙是否规范□ 木龙骨是否牢固□ 13. 厨房 吊顶是否平整□ 吊顶有无色差□ 是否牢固□ 墙地砖是否规范□ 平整度□ 缝隙□ 色差□ 空鼓□ 垂直度□ 整体橱柜开启是否灵活□ 配件是否齐全□ 缝隙□ 开启是否顺畅□ 烟道是否通畅□ 是否经防水试验□ 14. 卫生间 吊顶是否平整□ 有无色差□ 是否牢固□ 墙地砖平整度□ 缝隙□ 色差□ 空鼓□ 垂直度□ 坡度比例□ 流水是否通畅□ 五金配件及卫生洁具安装是否到位□ 有无渗漏□ 通风□ 是否经防水试验□ 15. 供暖 管路是否畅通□ 是否打压试验□ 安装位置是否规范□ 16. 配套灯具、开关、插座、洁具、五金件等安装是否到位□ 17. 合同上注明的设施、设备等是否一致，品牌、数量是否符合□ </t>
  </si>
  <si>
    <t xml:space="preserve">觉得奇怪为什么有人喜欢杀pvp地图的练级玩家杀挂王的也就罢了，杀 </t>
  </si>
  <si>
    <t>那些人都是心里有些问题,属喜欢被人骂的那一种,有些还心里BT到只杀人的兵,言语都无法形容了.</t>
  </si>
  <si>
    <t xml:space="preserve">侯佩岑是否爱上才华横溢创作天王热力兄弟BOSS光??？侯佩岑是否 </t>
  </si>
  <si>
    <t xml:space="preserve">是的!周杰伦与热力兄弟BOSS光合作！！~~雪碧我型我秀热力兄弟BOSS光《热力灌篮》demo 即将开拍的《灌篮》是2008北京奥运创作，汇聚两岸三地顶级音乐制作团队，邀请R&amp;B天王周杰伦及国内顶级嘻哈团体热力兄弟BOSS光创作运动篮球歌曲! 制作演唱歌曲《热力灌篮》 中文片名 灌篮 类型 动作 导演 朱延平 主演 周杰伦、热力兄弟、姚明、吴孟达、曾志伟、陈柏霖、黄秋生 《灌篮》剧情介绍 集合大量特效、功夫和篮球赛事的《灌篮》，电影角色虽受漫画《灌篮高手》启发，故事却重新编写并加入武术元素。周杰伦主演的角色是一名从小被送去武功学校的孤儿，在校内四大高手的辅助下展露天分：跳得很高，投球又准，因而被外界发掘。吴敦表示，他个人已8年未拍电影了，此片为其“复出”影坛之作，资金预计高达1000万美金。  </t>
  </si>
  <si>
    <t xml:space="preserve">希望大虾们赐教！在购买新车和二手车应注意些什么问题？在购买后都需? </t>
  </si>
  <si>
    <t xml:space="preserve">    购买新车其实也没什么好挑的，只要看上哪个车型直接整。不过现在每个品牌4S店都不止一家，要选一家售后好的，购买保险的保险公司一定要和这个4S店合作的。    购买二手车最好找一个懂车的朋友陪上，首先要看车辆的年限、里程、审验及保险截止日期，其次要看此车是否发生过大事故（所以要找个懂车的），更换的配件是否为原厂的，最后就是试车环节了。    办理手续方面我是盲区，我的车是直接到车管所找了个车贩子帮忙整的。</t>
  </si>
  <si>
    <t>39期准备强攻14场，请各位XDJM推荐4</t>
  </si>
  <si>
    <t>有4-5个胆的人，还用混这里吗。。。</t>
  </si>
  <si>
    <t xml:space="preserve">甲状腺癌术后有好的中药方剂附助治疗吗？甲状腺髓样癌手术切除大部分 </t>
  </si>
  <si>
    <t>建议用五海瘿瘤丸吧，来源于清代名方，效果不错，不但可以巩固，而且可以消瘤的。药店可以不好找，你可以先在网上看看这味药。值得试试。</t>
  </si>
  <si>
    <t xml:space="preserve">我该怎么处理妻子和其前男友的关系所引发的问题？我的妻子时不时地提 </t>
  </si>
  <si>
    <t>你很了不起了，是你妻子的问题。找些文章、书籍，最好是心理学方面的，让你妻子知道这种心理暗示在夫妻生活中的危害。适当的也让她吃吃你的醋，会好的。希望你也能知道夫妻之间有点私人空间是有好处的。祝你们幸福</t>
  </si>
  <si>
    <t xml:space="preserve">一道高中数学题设x,y∈R,x^2+y^2=1则x/3+y/4的 </t>
  </si>
  <si>
    <t>法一：三角代换法（事实上是圆的参数方程） 令x=sinα，y=cosα其中0&lt;α&lt;π/2; z = sinα /3   +   cosα / 4  =  （5/12）sin(α+φ)所以最大值是 5/12；法二：代数法设 z = x/3 + y/4，与已知式子联立，消去y，整理成x的二次方程，用 Δ &gt;= 0 列出不等式，就可以解出 z 的范围，...；法三：几何法：设 z = x/3 + y/4，它表示一条直线，因为其中的x、y与已知中的x、y是公共的，即 直线与圆有公共点所以 圆心到直线的距离 &lt;= 半径 解不等式 得 z 的范围</t>
  </si>
  <si>
    <t xml:space="preserve">买汽车我想买辆二手汽车，像2000型或者面包车，大概在二三万左右 </t>
  </si>
  <si>
    <t>你那有二手市场么？有就去看看应该很多祝你好运＠＿＠</t>
  </si>
  <si>
    <t xml:space="preserve">真三国无双3的存档文件是哪一个啊？路径是什么？？ </t>
  </si>
  <si>
    <t>我的文档下的KOEI文件夹里面。</t>
  </si>
  <si>
    <t xml:space="preserve">听说瘦人喝普洱茶必须配茶点，因为太刮油了，应该配什么好呢？ </t>
  </si>
  <si>
    <t>我配鲜花饼最多。各种甜点都可以，看自己喜好普茶永道普洱茶</t>
  </si>
  <si>
    <t xml:space="preserve">请问你们认为老师和学生可以谈恋爱吗?这是一个在学校很普遍的问题, </t>
  </si>
  <si>
    <t>我也喜欢我的老师, 可是换来的永远是伤心, 痛苦, 每次我都想要放弃, 可是我真的喜欢他, 没有放弃, 他每次对我很.....好, 就是给了希望又让它破灭, 也有可能是年龄的差距吧, 我以前觉得只要2个人相爱年龄根本就不是问题, 可后来才发现,2个人的想法什么的都不同, 也可能是生活的背景不一样吧, 他是79年的, 我是85年的, 他是教日语的老师, 是刚刚从日本留学回来的, 所以跟我们的想法不一样, 有时你会觉得很累, 但他有时的一句话, 一个小小的动作, 你也可以开心很久, 现在他已经有女朋友了, 所以我也不想破坏他们, 真正的喜欢不就是希望他幸福, 开心吗?只要自己喜欢的人能幸福就很满足了.所以楼主,  如果要跟老师在一起, 要看看他对你是否真心, 不然就把这份爱恋放在心里吧.要是还有什么要问的, 可以跟我Q聊啊,  还是要祝你幸福, 开心哦!!!</t>
  </si>
  <si>
    <t xml:space="preserve">宜昌有个小溪塔，有没有人知道“小溪塔”这个地名怎么来得？？ </t>
  </si>
  <si>
    <t>小溪塔是个塔名，对吧，有塔而得名。我见过小溪塔的烟我想我估计的不错吧</t>
  </si>
  <si>
    <t xml:space="preserve">【中国军团冠军榜】万里投笔从戎去（本届奥运冠军一）为奥运冠军喝彩 </t>
  </si>
  <si>
    <t>杨文军。。。。。。。。。。。。</t>
  </si>
  <si>
    <t xml:space="preserve">面部的痘痘怎么去除？ </t>
  </si>
  <si>
    <t xml:space="preserve">痘痘虽小，影响却大，好端端的心情，却被这样一颗颗讨厌的痘子给破坏了。这是属于成年人的青春痘也叫成年人暗疮，主要与情绪、压力、睡眠不足、饮食刺激、环境污染有关。虽然"让它消失"比较困难，但还是有对付它们的办法。日常清洁1．坚持使用暗疮皮肤专用的洗脸皂或洁面剂。不含皂基和酒精的成分，不会对暗疮再造成刺激。2．不能过度清洁皮肤。因为清洁过度会刺激细胞分泌更多油脂，形成恶性循环。3．卸妆、洁面必须分别进行，因为只有含油分的卸妆液才能彻底清除同属油性的品。4．要用专用海绵辅助洗脸，让油腻的皮肤变得清爽。要把洁面液在手心揉搓出泡沫，再用海绵使泡沫增加；把海绵从脖子、嘴巴四周、下巴、脸颊、鼻梁等处顺序轻刷，最后用温水冲走泡沫，再用冷水拍脸。还要做的事: 　　1.找出诱发青春痘的原因，对症下药 　　惟有彻底改善复发诱因才能有效地控制青春痘的泛滥。因此，请根据前述列举的诱发原因，根本地解决改善。 　　2.注意个人卫生 　　个人的卫生习惯，决定了青春痘在脸上停留的时间。如果青春痘长在下颚和嘴周，请不要穿有衣领的衣服，衣领是藏污纳垢的地方，极容易因和下颚的不断磨擦而使灾情加重。另外，常常保持将头发梳在耳后，和不留刘海的习惯，以免头发上的灰尘和油污恶化感染青春痘。 　　3.保持枕巾、枕头套每周、甚至每天换洗的习惯 　　一般人不知道，其实枕头套，被单是最容易堆积死细胞、螨虫、灰尘、头皮屑等脏东西的地方，而且睡眠长时间接触脸部肌肤，更易使细菌滋生、繁衍。所以皮肤科医师大力推广，保持每日换洗枕巾的好习惯，尤其是青春痘情况严重的人，更要注意这一点。 　　4.少用发胶、定型液，如果非用不可，请注意与脸部隔离 　　发胶、定型液中的固定剂成分，一旦喷到皮肤上，很容易造成毛孔的堵塞，油脂和污垢更不容易清洗干净。此外，保持每天洗头，维持头发的清洁，亦可以改善青春痘状况，并且预防感染。 　　5.注意所选用的化妆品是否含油质的亲水性配方 　　有青春痘的朋友，有时适度的搽一些粉底，可以有相当程度的“遮瑕”美化效果，但在选用粉底和口红时，要注意避免油溶性的产品，以免恶化青春痘。目前专业性的彩妆品牌已研发出极适合油性皮肤使用的水粉霜，质地清爽、不含增加皮肤的油脂负担，最好的是，这一类的双用水粉霜，同时具有粉底和离粉的功能，不要再因扑用离粉而使疙瘩更明显。 　　6.确实做好防晒措施 　　阳光中的紫外线，一旦经由青春痘的伤口，直射穿透表皮层，就会在伤口部位形成有如冰凿子般的黑色斑点，即使在青春痘消失以后，仍然留下像黑斑一样的灼伤痕迹。如果担心防晒霜太油，可以在搽完防晒霜之后，用面巾纸在脸上吸按一下，将多余的油吸掉。如此，既不会影响防晒霜的功能，又预防油脂的负担。 　　7.使用具有控油净脂功能的护朕品 　　现代的化妆品科技，已体贴入微地关心油性肌肤真正的问题所在。以往的油性肌肤护肤品，大多数只能治标地洗掉脸上过多的油脂，但自去年夏天上市的油性肌肤护肤品，也强调“控油”、“净脂”的功能，即利用生化或植物成分，深入皮肤里层。控制皮脂腺的分泌机能，并在皮肤表面“吸油”，将油脂转化，同时收缩毛孔，使油脂分泌量降低。 　　8.在青春痘发作发炎时，耐心等候 　　要控制自己不去挤抠青春痘，确实不是一件容易的事，你可以买一管具有强力消炎、化痘功能的青春凝胶，在青春痘未发或已发之时，用棉签沾着青春凝胶点在青春痘上。如此，可以帮助青春痘的干化，加速终结它的生命。但是请注意：青春凝胶只可以点在青春痘上，不要整片抹在脸上，以免过于刺激未发炎的皮肤，反而引致红肿。 　　9.多摄取维生素含量多的蔬棠，水果，保证充足睡眠和正常的饮食习惯 　　10.愉快的心境是治愈青春痘的良方 　　别以为天下只有你一个人长青春痘，记住，青春痘只是生命中的插曲，很快便会过去了，只要你正确地对付它，别让它干扰你的情绪，你会发现，它脆弱得不堪一击! </t>
  </si>
  <si>
    <t xml:space="preserve">男人是不是应该比女人大方当两个人吵架的时候，是不是应该由男人来哄 </t>
  </si>
  <si>
    <t>其实男人和女人谁该大方不是绝对的，但有的时候男人是该有点风度来呵护女人，当然，女人也该给男人台阶下，这样，即使偶尔吵吵小架也没什么，重要的是别伤感情。但我觉得如果一个男人从来不去哄这个女人的话，或是他根本就是这样木讷的人；或是他根本不爱她，没拿她当回事。但无论是这两种哪种情形，我都不喜欢这样的男人。如果你真喜欢她，就只好妥协，别试着改变他，男人是不好改变的。如果你决定要分手的话，如果是考虑清楚的话，那么，就别犹豫了，这样不愉快的感情早点结束比较好。祝你尽快解决问题！好运。</t>
  </si>
  <si>
    <t xml:space="preserve">我什么时候能中500万谁能告诉我 </t>
  </si>
  <si>
    <t>1.当你把这个从内心当做乐趣时就中了；2.当有足彩时，你可以坐下来，先冷静后选单就快中了；3.没中时，内心没有失落感时就快了；</t>
  </si>
  <si>
    <t xml:space="preserve">想要知道：现在发展比较好的偏技术方面的专业有哪些？ </t>
  </si>
  <si>
    <t>技术现在都是动脑的专业比较好 IT还算是不错不错 可以考虑去长沙这边的新华蛮不错哦</t>
  </si>
  <si>
    <t xml:space="preserve">何谓证券公司承销业务管理 </t>
  </si>
  <si>
    <t xml:space="preserve">是指证券经营机构为本机构买卖上市证券以及证监会认定的其他证券的行为。 </t>
  </si>
  <si>
    <t xml:space="preserve">”抱歉，您的帐号存在异常，目前无法进行登录“？？？昨天还好好的为 </t>
  </si>
  <si>
    <t xml:space="preserve">数码营销如何改变传统销售理念 </t>
  </si>
  <si>
    <t>数码营销即是利用作为手段，从而达到营销的目的。数码营销包含的内容很广，主要有：网上市场调查、网上消费者行为分析、数码营销策略制定、网上产品和服务策略、网上价格营销策略、网上渠道选择与直销、网上促销与网络广告、数码营销管理与控制等等。 与许多新兴学科一样，“数码营销”同样也没有一个公认的、完善的定义。广义地说，凡是以互联网为主要手段进行的、为达到一定营销目标的营销活动，都可称之为数码营销（或叫网上营销），也就是说，数码营销贯穿于企业开展网上经营的整个过程，包括信息发布、信息收集，到开展网上交易为主的电子商务阶段，数码营销一直都是一项重要内容。 对于数码营销的认识，一些学者或数码营销从业人员对数码营销的研究和理解往往侧重某些不同的方面：有些偏重网络本身的技术实现手段；有些注重网站的推广技巧；也有些人将数码营销等同于网上直销；还有一些把新兴的电子商务企业的网上销售模式也归入数码营销的范畴…… 关于数码营销的理论和方法，国内已经出版一些专著，专业报刊上发表的文章也不少，更多资料出现在互联网相关的网站上。综观现有各种观点，都没有形成一个完整的体系。面对大量信息，反而给人们造成这样一中只见树木不见森林的感觉。 为了理解数码营销的全貌，有必要为数码营销下一个比较合理的定义，从“营销”的角度出发，将数码营销定义为：数码营销是企业整体营销战略的一个组成部分，是建立在互联网基础之上、借助于互联网特性来实现一定营销目标的一种营销手段。通过对昊商易通电子商务（北京）有限公司专业顾问的走访，笔者得出以下认识：第一、数码营销不是网上销售 网上销售是数码营销发展到一定阶段产生的结果，数码营销是为实现网上销售目的而进行的一项基本活动，但数码营销本身并不等于网上销售。 这可以从两个方面来说明： （1）因为数码营销的效果可能表现在多个方面，例如企业品牌价值的提升、加强与客户之间的沟通、作为一种对外发布信息的工具、 数码营销活动并不一定能实现网上直接销售的目的，但是，很可能有利于增加总的销售； （2）网上销售的推广手段也不仅仅靠数码营销，往往还要采取许多传统的方式，如传统媒体广告、发布新闻、印发宣传册等。 第二、数码营销不仅限于网上 这样说也许有些费解，不在网上怎么叫数码营销？这是因为互联网本身还是一个新生事物，在我国，上网人数占总人口的比例还很小，即使对于已经上网的人来说，由于种种因素的限制，有意寻找相关信息，在互联网上通过一些常规的检索办法，不一定能顺利找到所需信息，何况，对于许多初级用户来说，可能根本不知道如何去查询信息，因此，一个完整的数码营销方案，除了在网上做推广之外，还很有必要利用传统营销方法进行网下推广。这可以理解为关于数码营销本身的营销，正如关于广告的广告。 第三、数码营销建立在传统营销理论基础之上 因为数码营销是企业整体营销战略的一个组成部分，数码营销活动不可能脱离一般营销环境而独立存在，数码营销理论是传统营销理论在互联网环境中的应用和发展。 有关数码营销理论与传统营销理论的比较将在后面内容中做深入分析。 数码营销不单纯是指网络技术，而是市场营销；数码营销不单纯是网上销售，是企业现有营销体系的有利补充；数码营销是4C（整合营销）营销理论的必然产物。 数码营销首先是市场营销的INTERNET替代了报刊、邮件、电话、电视等中介媒体，其实质是利用Internet对产品的售前、售中、售后各环节进行跟踪服务，它自始至终贯穿在企业经营全过程，包括寻找新客户、服务老客户，是企业以现代营销理论为基础，利用Internet技术和功能,最大限度地满足客户需求，以达到开拓市场、增加盈利为目标的经营过程。它是直接市场营销的最新形式，是由Intern客户、市场调查、客户分析、产品开发、销售策略、反馈信息等环节。 数码营销只是电子商务的基础。电子商务是利用Internet进行的各种商务活动的总和，必须解决与之相关的法律、安全、技术、认证、支付和配送等问题。而这些问题中的有些Internet在中国发展的瓶颈问题，而数码营销则对之需求不高，因此发展数码营销不存在障碍。国际上实施数码营销有许多成功的范例，一些知名的企业都建有自己的网站，这些网站以自己各具特色的站点结构和功能设置、鲜明的主体立意和网页创意开展数码营销活动，给这些企业带来了巨大的财富。如一些大型企业以鲜明的形象、精良的产品和巨额资金熔铸在大腕明星上，再利用这些明星的光环效应为其品牌升值，产品获得不尽的市场扩张能力，品牌价值一再飙升。</t>
  </si>
  <si>
    <t xml:space="preserve">早餐怎样搭配最合理？ </t>
  </si>
  <si>
    <t>我看过斑竹的回答，有点太多的吧，其实正确的早餐是根据个人而定的。如果你是一个MM，那么早餐就要吃得有营养但要注意卡路里的摄入，最好的办法是早上先空腹喝一杯温水，然后吃一些高纤维的食物，如麦片、粗粮等，配着喝一些豆浆或蜂蜜水，我并不提倡早上就喝牛奶，因为早上喝对于女生本身并没有什么好处。豆浆就不同了，它会提供蛋白质。并且要吃一个新鲜水果。那么男生呢，因为男生的活动是比女生要多一些，消耗的热量也要比女生多一些，所以早餐呢，应该吃得丰富一些。一碗粥，一个馒头或两个包子，还有应该补充一些维生素，也需要一个或两个新鲜水果。老年人呢，因为牙齿和胃的原因，他们应该吃一些像粥、豆奶之类的，然后配一个馒头或包子，但包子最好是素馅的，早上吃得油腻对于老年人没有什么好处，反而有时会头晕、恶心等。同样，老年人更要吃一些新鲜的水果。早餐要吃得好，对于要减肥的人也有好处，因为早餐要占一天摄入食物的1/2，那么晚上的饭也会相应的减少，本人也不会觉得饿而吃得太多。</t>
  </si>
  <si>
    <t xml:space="preserve">求大师翻译~新时期至今，三十年电影的历史瞬间由于社会的变革、思潮 </t>
  </si>
  <si>
    <t>好久没有,一上来就发现在另外一处被楼主点名,怕你漏看,再贴一次吧。我水平有限,尽力了,希望能帮上你。这题目较难,但也不必加分。Withthecollisionofsocialchangesandideologicaltrends,thethree-decadehistoricalmomentofChina’sfilmsinceitsNewPeriodhasproducedtoomanythingstobeexplored.YetwhatisstrangeisthatthecreationoftheintellectualimagesinChina’filmissteppingfromaflourishingperiodintoadecliningone.Thispaperistoexplorethechangingreasonsinthepolitical,culturalandeconomicalviewpointaftersortingoutthechangesuponthedefinitionofintellectualsandthatoftheintellectualimagesinChina’ ,inChina’sfilm.Thistrajectoryisthedeformationprocessesfromthereturningofthesocialmoralityintothepsychicalfragmentingfurthertovanishingoftheintellectualidentity,showingthemagicpoweroftheculturalalternationinachangingera.ThenitwillfocusontheactualpresentationofthechangingintellectualimagespresentedinChina’sfilmsinceitsNewPeriod,theconstantre-writingofthechangingcodesfrom“commitment”to“villainousness”andto“thepopulace”.Finally,thepaperpresentsfurtherargumentationontheevolutionoftheintellectualimageinChina’sfilmsincetheNewPeriod,takingchangesaspointofpenetration,intheviewpointofsocial,culturalandaestheticalvalues.不妥之处,还请方家指正。</t>
  </si>
  <si>
    <t xml:space="preserve">我和女友分手了.她的理由是怕耽误我!(我真搞不懂,她说的耽误是指 </t>
  </si>
  <si>
    <t>额...可能有几个.1.他可能误会你和其他女孩一起了.或看到你和某一个女孩子一起.或知道你喜欢的不是他.2.他真的是为你好..这个假如首先的有个先要条件.就是你成绩越来越差了..不的是吧.可以删除.3.他不喜欢你了.想和你分手.就随便说个理由吖..挽回?如果是1 2也许你多磨磨就能挽回.第3的话.那希望不大.即使现在挽回..但绝对不会久.</t>
  </si>
  <si>
    <t xml:space="preserve">一道数量关系题1,3分之(9开立方),5分之(25开立方),() </t>
  </si>
  <si>
    <t xml:space="preserve">我选C 把这些数全三次方后得出来的数是1/3，1/5，1/7所以选C </t>
  </si>
  <si>
    <t xml:space="preserve">花火的君许三生雪全文要有结局的，发到我的邮箱上谢谢 </t>
  </si>
  <si>
    <t xml:space="preserve">君许三生雪.txt_免费高速下载_新浪爱问共享资料  </t>
  </si>
  <si>
    <t xml:space="preserve">请问辞职后可以自己选择人才中心办理档案托管吗？辞职后，公司将我的 </t>
  </si>
  <si>
    <t>你辞职后档案应该是挂靠在你户口所在地的人才中心进行管理。你如果想自己选择别的人才中心，必须由那个人才中心给你所在的单位出具调档函，然后单位同意后才能转出去。要说明的一点是，你原来单位的做法有些欠妥，是不对你负责，单位应该指派专人将档案送到他们指定的人才中心，或是采用机要邮寄的方式，而不能让你自己送过去。你可以保留干部的身份，也可以转移行政关系和工资关系，不需要原单位开具任何证明。</t>
  </si>
  <si>
    <t xml:space="preserve">速腾1.4T和明锐1.4T应该买哪个？ </t>
  </si>
  <si>
    <t>技术、配置、品质非常接近，但由于品牌影响力不同，往往速腾价格略高一些。讲面子买速腾，讲实用买明锐。</t>
  </si>
  <si>
    <t xml:space="preserve">“昙花一现”的“一现”是多长时间呀？ </t>
  </si>
  <si>
    <t>"昙花一现"是"现"在：晚上 8点—9点开花季节是6-10月</t>
  </si>
  <si>
    <t xml:space="preserve">平凡女人的家庭琐事，希望得到热心人士的指点！谢谢你的帮忙！我老公 </t>
  </si>
  <si>
    <t>----我很理解你的处境。我是工程师，我女朋友是教师，我有时候大男子主义也很厉害的，比如我不希望她做校的团支部书记，不希望她一心扑在上，对其他的事都放在第二。我喜欢的事，我也希望她也喜欢，可是她似乎不是很起劲的，唉。我希望她谈谈两个人的事，不要老是考试啊，学校啊什么的。我从前喜欢女强人，现在看来我还是觉得女孩子平淡就是真。不过我和她的情况和你和他的情况不同。 我就暂且不发我自己的牢骚了。----下面说说我对你和他的事的看法和建议，也希望你在看了我的想法后，给一些对我和她的事的看法，好吗？----第一点，他是很爱你的，他害怕失去你，所以他在意你的打扮，在意你的美丽，他想一个人拥有你。不想把你的美分给他人哪怕一点。但是他的武断和自说自画使他不愿放平自己的位置，按照你的意愿做事，或者是说句你喜欢听的，虽然我觉得你的要求和看法都是合情又合理的。我有时候也是这样，希望女朋友打扮的漂漂亮亮耳朵，但是又有些担心她打扮的太漂亮会不安全或者吸引别人的注意，于是我很矛盾，就对她的打扮有干涉，甚至我连香水也不想买了给她，就怕她会像蝴蝶一样飞走。----第二点，不同的和累都是可以化解的，可以转化的。你们这些年风雨阳光都走过来了，所以你一定可以找到更好的相处的办法的。因为你是他的青梅竹马，因为他是你的白马王子。你可以专门约他出来谈心，逛逛海边或者一些之前你们喜欢去的地方，或者学校，可以回忆昔日时光的地方，会想起过去的种种浪漫和美好，就不会感觉今天暂时的僵和累，他会感动的，他会收敛他的男子主义的，他会的，他会温柔的和你说，老婆，今后我听你的，我会和以前一样，在你的怀里，告诉你发生的有趣的种种，和你手拉手，一起回到以前的时光。----小孩子也在一天天长大，你要趁热打铁和他说，爸爸是小孩子最重要的老师，如果能言传身教，小孩子在10年后一定会长成和他爸爸一样伟岸的男子的，或者和爸爸一样，做一个有作为的女孩子。一定要他答应让你们的孩子成为他的唯一弟子，一定要让你们的孩子从他爸爸那里学到有用的东西，小时候的孩子游戏，学自行车，学游泳，学简单的防身术，学英语，学画图和吹口琴，让他答应教孩子，让他不能失信，让他答应陪孩子起郊游，同时好好保护和关爱你和孩子。一定要让他答应你。----最后如果他有所触动了，也可以请他来看一下这篇你和我的对话。让他感受到你的委屈的声音和细腻的爱。让他知道你为了这份应该很美好的爱，所操的担心和无助，请他来化解你心中的冰。而我的建议可能就是吸引他过来化解这寒冰的春天的第一缕阳光。----接下来就看你的了。</t>
  </si>
  <si>
    <t xml:space="preserve">初三化学！！要验证铁、银、铜三种金属的活动性顺序，应选用下列哪组 </t>
  </si>
  <si>
    <t>选A。铜不能置换出铁，能置换出银，说明铜的活泼性介于银和铁之间，</t>
  </si>
  <si>
    <t xml:space="preserve">建设信用卡网申成功率大不大，有没办过的 </t>
  </si>
  <si>
    <t>首卡网申得去网点交资料的。 不交资料，好像不会批卡。但是据说也有遇到奇迹的</t>
  </si>
  <si>
    <t xml:space="preserve">我想问一下手续费是怎么收的~~如果我卖得披风一件=30块收我多少 </t>
  </si>
  <si>
    <t xml:space="preserve">尊敬的客户:    您好！5173客户服务015很高兴为您服务！物品交易：30元以下收5元，30~100收5+5，100~200收10+5。以此类推，ID交易收取10%+5的费用，不足100按100算，不足200按200算，以此类推；如您还有疑问请致电我们的客服热线：4007115173，　0579-83225173 ，免费电话：8008579173 (请用固话或小灵通拨打)，我们会及时处理您的问题。感谢您对5173的支持!!!                                                                                                                    </t>
  </si>
  <si>
    <t xml:space="preserve">胖人和瘦人，谁会吃的更多一些？呵呵，我们屡次讨论的问题。是胖子比 </t>
  </si>
  <si>
    <t>　　不，不是这样的。甚至可以说，大多数胖子比他们瘦弱的伙伴吃得还要少。虽然令人惊诧，但是众多的实验研究得出几乎全是类似的结论。我们在这儿为您提供粗略的一览：但是您肯定会问，为什么他们还会肥胖呢？为什么他们不能通过吃得更少而减轻体重呢？一些饮食营养专家推出了一个古怪的解释。为了使他们的理论不至于站不住脚，他们还引入“低报”这个概念。他们认为，胖子们事实上吃得更多，只不过他们好面子，故意隐瞒不报，或是低报数字；瘦子们则毫无顾忌，因此能认真地配合调查，详细说出他们都吃了什么以及吃了多少，所以依此推算出来的卡路里值相对准确些。这种说法若是用在个别人身上，也不是没有可能，但是，在上述这些实验中，如果说这么多胖子都是因为面子问题而“显得”吃的少，恐怕还是不能让人心服口服。有关物质代谢方面的生化研究则提出另外一种阐释，似乎更为可信些。　　该解释强调，这种现象涉及“食物吸收利用”基本原理。人体每日所需的最低卡路里，也就是说维持我们基本生存状态所需要的热量，被称为基础代谢值。基础代谢值并不是一个固定的数值，因人而异，而且经常在一个较宽的幅度内波动——听起来多少有点像鞋码。民间流传着一些关于食物吸收利用能力“强”或“弱”的说法，比如，“有的人怎么吃都不胖，可是有的人连喝凉水都会长肉。”说的就是不同的人食物吸收利用能力不一样，其实也就是因为他们的基础代谢值不一样。　　在这个食物吸收利用观点里，遗传物质起到了重要的作用。在地球上其他一些地区，有很多人一出生就注定要患上肥胖症。在南太平洋的一些岛屿上就有这种情况。那些地方过去经常遭遇饥荒，当时，谁要是能拥有异常杰出的“食物利用”能力，也就是说依靠极少的食物——哪怕只是一碗水——就能挺过困难时期，就意味着他能够获得最大的生存机会。后来人们知道，自然选择中“适者生存”，生存者遗传下来的是“食物吸收”能力很强的基因。但是，获得这个曾经生命攸关的“强生存能力”基因的代价是，注定要在衣食富足的将来患上糖尿病。而在这些岛屿上，的确有近60%的人口患有糖尿病。此外，也正是这种令现代人头疼的基因引起了在德国为人熟知的妊娠糖尿病。怪不得肥胖和糖尿病多半总是联系在一起，因为这二者很可能都是由同一个原因——基因——造成的。　　不过，不仅仅是基因对此有影响，怀孕期间的饮食情况也很关键。在婴儿还在母体内时，他未来对食物的消耗利用情况以及体重状况都已被调整确定了。如果孕妇在怀孕期间进行节食，那么这会导致怀着的孩子出生后肥胖。从角度看来，很显然，出生前紧缺的食物供应便是导致日后肥胖的原因，因为受孕的婴儿有机体不仅要想方设法“节衣缩食”地熬过眼前的难关，还得为度过未来的饥荒时期做好准备，所以，在出生前就调低了基础代谢值。真是，“穷人的孩子早当家”啊</t>
  </si>
  <si>
    <t xml:space="preserve">关于新地图和新装备的问题，越详细越好，不要说网址 </t>
  </si>
  <si>
    <t>吃不到葡萄就说那是酸的不好吃~其实韩服里50级以上的号有很多的他的防也很正常，有13的魔防血也就那样了，有很多加血的装备的而且楼上的咋都说那是SF的呢，题不达意啊新地图和新装备在那呢~我个人比较喜欢神官系列，性价比好，呵呵，你们呢新地图据说都不大出现金，暴的东西还可以现在韩天1价格太低了，不好玩了，估计就是不封号也赚不了多少了我有些新的游戏信息，谁真的会韩语，不要吹牛的，欢迎给我发消息</t>
  </si>
  <si>
    <t>我的ps软件最近文件</t>
  </si>
  <si>
    <t>新建一个RGB文件保存，再新建就默认RGB了。再不行看看颜色设置里，。</t>
  </si>
  <si>
    <t xml:space="preserve">阿三最近在俄罗斯新建的护卫舰比我们的170和171好吗 </t>
  </si>
  <si>
    <t xml:space="preserve">日~ 都是狗屁~！ 170和171肯定要比啊三的强~！  它们都是防空舰！  且综和性能也不错！   隐身也要比啊三的强（看看啊三舰上那些杂乱的天线和配置把最多和168相当）      当然拿防空舰和多公能护卫舰相比有点不公。  但若要给出个结果那显然是171 170好    相阵控啊三的有吗？ 防空能力更是没的比！反舰可能要差些 170本来就不是用来反舰的 但反舰忍务不是有现代 168 169 和一大堆战舰吗？ </t>
  </si>
  <si>
    <t xml:space="preserve">系统安装恢复到一半无故停止是什么原因将U盘插入电脑后电脑无故黑屏 </t>
  </si>
  <si>
    <t>这说明你的这个镜像与你电脑配置不兼容 可以换一个镜像试试</t>
  </si>
  <si>
    <t xml:space="preserve">1948年的房产证和宅基地，在1987年更换时，宅基地填在房产证? </t>
  </si>
  <si>
    <t>当然受法律保护啊，而且那时候的土地好多都是私有的。大连就有那样的地方，黄金地段的老房子了，政府却拆不起。</t>
  </si>
  <si>
    <t xml:space="preserve">手机如何免费下载铃声 </t>
  </si>
  <si>
    <t>你好,用电话上爱问啊 铃声壁纸免费下载.不过下铃声时要注意格式.</t>
  </si>
  <si>
    <t xml:space="preserve">脸上开始长斑是怎么回事?平时脸上很干净的，没有斑没有豆,可是突然 </t>
  </si>
  <si>
    <t xml:space="preserve">   环境因素：随着现代化工业的发展，城市空气污染、气候变化、水土饮食等因素.                                                                   内在因素：因日常工作紧张、家庭琐事等因素容易造成心情烦躁，比如：没有达到正常休息，缺少锻炼，生活没有规律 .                                 外在因素：1使用劣质及不好的化妆品是造成脸上长斑的主要原因.            2其次是日光照射、电磁波辐射也是外界造成长斑因素之一。有些化妆品含有铅、汞、砷激素等重金属成份，长期使用会把有害成份沉积在脸上，等到一定周期后，体质虑弱、免疫力低下时脸上就会冒出斑来。如果这些成份超标，脸上很快就会长出斑来。经常保持愉悦的心情和正常的生活饮食规律,多吃含有维生素E的水果和蔬菜，多喝水，经常锻炼．不要心急，很快你的烦恼就会消失．祝你每天好心情．  </t>
  </si>
  <si>
    <t xml:space="preserve">我们分手6个月了`他这样的表现是想回头吗?这6个月我和他只联系过 </t>
  </si>
  <si>
    <t>应该是想回头了，到外面吃了棵毒草,回头想想，还是原来那棵草好!</t>
  </si>
  <si>
    <t xml:space="preserve">养罗汉鱼的缸.为什么放一些珊瑚石.起为么作用.怎样容易起头. </t>
  </si>
  <si>
    <t xml:space="preserve">   ** 养的缸.为什么放一些珊瑚石.   饲养花罗汉的最理想的酸碱值pH要求是介于Ph 7至pH 7.8之间。有人将养罗汉鱼的缸放一些珊瑚石，应该是希望珊瑚石为调整水的pH值起作用。因为珊瑚石是碱性石。    ** 如何让珍珠罗汉鱼的肿瘤变大？ 　　要使罗汉鱼或财神鱼头上的肿瘤涨大，主人可将它加以训练。 　　罗汉鱼性情凶猛，要让它的肿瘤变大，就得投其所好来激怒它。一般上，激怒罗汉鱼有几种方法，最简单的莫过於放一面镜子在水族箱旁，这麽一来它就会有如斗鱼般往镜子里撞。有人说其头部是因为被撞得肿大，不过一般相信因为愤怒而刺激贺尔蒙，所以才导致肿瘤出现。 　　另外，可将两个饲养著罗汉鱼的水族箱靠在一起，让两只鱼互相碰面，也可达到激怒鱼只的效果。也有人将一只较驯良的鱼只如血鹦鹉等直接放到饲养著罗汉鱼的水族箱内，让它成为罗汉鱼的沙包不断攻击。虽然近乎残忍，不过据知其效果还不错。此外，水族箱内还需放些小砂石，让爱玩砂石的罗汉鱼在平时能自修练习。不过，当鱼只受到惊吓如处於某个新环境或更换鱼缸水时，将导致头部肿瘤收缩，而需要等它重新适应环境，肿瘤才会再次膨涨回原形。     一般雄鱼的头瘤会较雌鱼来得大，除此之外，有的罗汉鱼品种，是不会具有荔枝头的，是由遗传基因决定的，不论如何饲养，其头瘤也不会变大。 </t>
  </si>
  <si>
    <t xml:space="preserve">终于赎回了～今天不会大跌吧，我赎回了70％，盈利53％ </t>
  </si>
  <si>
    <t>今天应该不会大跌，行情还好。上指上午还是处于上升趋势。临近3500点了。下午预计也会波澜不惊。有望攻破3500点。不过我前几天也想楼主一样减了50%，安全为上。以退为进吧。希望我们的决定不后悔啦。呵呵</t>
  </si>
  <si>
    <t xml:space="preserve">得了慢性咽喉炎怎么办喉咙痒想咳,尤其是晚上躺下去就更难受,有时还 </t>
  </si>
  <si>
    <t>肺阴虚，柿子（不是西红柿）一斤，红糖1斤，米醋1斤，入坛封闭10天，打开后绞碎再放3天，冬天服用，一天一勺。还有中医方法，每个人病因不一，在当地就医吧，滋阴生津，经络疗法。</t>
  </si>
  <si>
    <t xml:space="preserve">爱是什么你懂爱不 </t>
  </si>
  <si>
    <t xml:space="preserve">愿意付出就是爱。但应尊重给予方的意愿。 </t>
  </si>
  <si>
    <t>力的计算</t>
  </si>
  <si>
    <t>要看具体环境：可以表示减小10kgkg有的时候和力混用表示一个反方向上10g牛顿的力如果说一个物体质量是-10kg，应该表示...算错数了</t>
  </si>
  <si>
    <t xml:space="preserve">钱串子老师请进请问老师这两只票才进的,后续怎么操作?谢谢老师 </t>
  </si>
  <si>
    <t>青海明胶：有游资介入，可持股待涨。但周四建议减仓。包钢股份：受包钢稀土整合的利好支持，该股还有行情。继续持有。</t>
  </si>
  <si>
    <t xml:space="preserve">关于photoshop6.0最近我的工作中要用到图片处理，我想学 </t>
  </si>
  <si>
    <t xml:space="preserve">  中国UI设计网  中国设计联盟  蓝色理想  中国photoshop联盟还有好多好多我觉得photoshop最好的教程就是软件自带的帮助文件了，在那里可以学到很多东西的，包括官方认证考试时候需要的东西</t>
  </si>
  <si>
    <t xml:space="preserve">克拉玛依好玩吗？值得去吗？有木有啥不可错过的娱乐项目或景点呢？求? </t>
  </si>
  <si>
    <t>克拉玛依是文明城市，世界石油城！城市街道都很干净，空气也很好！克拉玛依第一介绍九龙潭，是克拉玛依河的进水口，沿着河走有克拉玛依各种各样的大桥以及河两边的公园，一直到西郊水库。世纪公园晚上的夜景很美，又可以看见克拉玛依政府大楼油田公司什么的！这里还有个生态园，里面有鸵鸟什么的，都是室内修建园林可以在里面吃饭什么的！克拉玛依饭馆超多基本上什么口味都可以吃到。逛街的商场，铜锣湾和汇嘉。国贸是女生喜欢的地方，有点像乌鲁木齐小西门什么都有！</t>
  </si>
  <si>
    <t xml:space="preserve">请问word文档的中划线在哪设置?有时需要修改文件,中划线可表示 </t>
  </si>
  <si>
    <t>在WORD文档上选中需要删除的字符,点中右健,选字体,在选中删除线就行</t>
  </si>
  <si>
    <t xml:space="preserve">治疗孩子轻度弱视的方法是什么?我的孩子六岁多了,马上要上小学,可 </t>
  </si>
  <si>
    <t>眼球没有器质性病变，而矫正视力又达不到正常，这种视力低下的情况，称为弱视。发病率在儿童中占2.83％。 弱视的病因，可分为以下几方面： 1．斜视性弱视：一眼为斜视时，斜视眼的黄斑功能长期被抑制，就形成了弱视。 2．屈光参差性弱视：由于两眼的屈光参差较大，屈光不正较重的眼，日久逐渐发生弱视。 3．形觉剥夺性弱视：在婴幼儿期，由于先天性白内障，或上睑下垂而遮挡瞳孔，致使视觉发育不好而造成弱视。 4．先天性弱视：发病机理目前尚不十分清楚。可能是由于在出生时，视网膜等处发生了小的出血病灶，而影响了视功能的正常发育。 5．屈光不正性弱视：多为双侧性，发生在没有戴过矫正眼镜的高度屈光不正者。且多见于远视屈光不正。无需特殊治疗，配戴合适眼镜，视力自能逐渐提高。 弱视的诊断方法是，做视力检查和眼底检查。最精确可靠的检查方法是，用视觉诱发电位或诱发反应检查。 弱视与近视的区别,在于通过精确验光矫正视力，能达到1.0者为近视，如不能矫正者，则为弱视。 弱视有中心注视及旁中心注视两类，不同注视的治疗方法也不同。中心注视性弱视，目前都主张遮盖健眼，训练弱视眼。令患者用弱视眼做些用精细目力的工作，如描图、穿针等。但要注意遮盖健眼时间不能过长，因健眼遮盖过久后，也会产生弱视。另可用交替遮盖法，即弱视眼与健眼交替遮盖，以训练弱视眼的功能。旁中心注视性弱视的治疗方法，有后像法、红色滤光胶片法、压抑法及视刺激器等方法。这些须在医生的指导下进行治疗。要强调在幼年时期开始治疗，因为在幼年期经正确的治疗后，黄斑区功能仍能恢复。超过12岁就很难恢复至正常了。此外，不同病因所引起的弱视的后果，是各不相同的。斜视性、屈光参差性及屈光不正性弱视，经过及时的治疗，或正确的矫正视力，后果是较好的。而形觉剥夺性及先天性弱视，后果则较差。 （上海医科大学 刘家珍教授） 什么是弱视？ 眼球没有器质性病变，以功能性因素为主所引起的远视力低于0.9，而且矫正视力又达不到正常；或者有器质性改变及屈光异常，但与其病变不相适应的视力低下和不能矫正的称为弱视。弱视按程度分为轻度弱视（视力0.8～0.6）、中度弱视（视力0.5～0.2）、重度弱视（视力低于或等于0.1）。弱视在视觉发育期间均可发生，多在1～2岁就开始。弱视发病愈早，其程度就越重。 弱视与近视有什么不同？ 弱视与近视根本不是一种病。近视眼是由于眼调节肌肉睫状肌过度紧张或遗传等原因造成眼轴变长引起的看远不清楚，看近清楚的眼病，戴镜后矫正视力多可恢复正常，而弱视是一种视功能发育迟缓、紊乱，常伴有斜视、高度屈光不正，戴镜视力也无法矫正到正常的眼病，两种病有本质的不同。 弱视对儿童视功能的危害比近视大得多。因为近视仅仅是视远时视力下降，不伴有其他视功能损害，视力矫正不受年龄限制；而弱视患儿不仅视力低下，不能矫正，可能无双眼单视功能，无立体视，今后不能胜任驾驶、测绘及精细性工作，不仅影响工作前途，而且直接影响到我国的人口素质。 弱视的病因有哪些，弱视分几种类型，疗效如何？ 引起弱视的病因比较多，归纳起来有以下原因：小儿斜视、较高度远视、近视和散光、先天性白内障、重度眼睑下垂，以及先天的视中枢及视神经发育不良等。 弱视的分类方法也有很多，根据病因不同弱视可分为： 斜视性弱视：患者有斜视或曾有过斜视，同时伴有弱视，但无眼底异常。目前认为这是因为斜视引起复视和视觉紊乱使患者感到极度不适，大脑视皮质主动抑制由斜眼黄斑传入的视觉冲动，该眼黄斑部功能长期被抑制，形成了弱视。这种弱视是斜视的后果，是继发的、功能性的，因而是可逆的，预后是好的。但偶有少数原发性者即使在积极治疗下视功能改善也不显著。 屈光参差性弱视：由于两眼黄斑部所形成的物象清晰度不等，即使屈光不正得到矫正，屈光参差所造成的物象大小仍然不等，致使双眼物象不易或不能融合为一，视皮质中枢只能抑制屈光不正较大眼睛的物象，日久遂发生弱视，这类弱视也是功能性的，因而是可逆的。 形觉剥夺性弱视：在婴幼儿期，由于角膜混浊、先天性白内障、或上睑下垂遮挡瞳孔，致使光线刺激不能充分进入眼球，剥夺了黄斑部接受正常光刺激的机会，产生功能性障碍而发生弱视。 先天性弱视：发病机理目前尚不十分清楚。Von Noorden推测新生儿常有视网膜或视路出血，可能影响视功能的正常发育。有些先天性弱视继发于眼球震颤。 屈光不正性弱视：多为双侧性，发生在没有戴过矫正眼镜的高度屈光不正患者，双眼视力相等或相近，屈光不正性弱视多见于远视性屈光不正者。这种弱视因双眼视力相差不多，没有双眼物像融合障碍，故不引起黄斑部功能抑制，所以配戴合适的矫正眼镜后，视力能逐渐提高，无需特殊治疗，但为时较长。 从表面上看，以上五种均是弱视，但在发病机理方面有本质区别。斜视和屈光参差性弱视进入双眼的光刺激是等同的，双眼黄斑部都参与视功能的发生、发展过程，所以预后较好。但形觉剥夺性弱视是在婴幼儿期视功能尚未发育到完善或成熟阶段，视网膜未能得到足够的光刺激而未能充分参与视功能的发育过程，造成弱视，这种弱视不仅视力低下，且预后也差。单眼障碍造成的后果较双眼者更为严重。所以由于眼病而遮盖婴幼儿眼睛时应特别慎重，以免形成剥夺性弱视（尤其6月以内的患儿）。 综上所述，先天性及形觉剥夺性弱视预后较差。屈光不正性、斜视性、屈光参差性弱视预后较好，关键在于早期发现，及时和正确治疗，绝大多数视力可提高，获得正常视力的可能性也相当大。 如何早期发现弱视？ 学龄前体检：一般的儿童尤其是幼儿园长大的儿童，3岁时经过简单的视力教认，绝大多数都会认视力表。有条件的幼儿园要对孩子视力每年进行一次普查筛选，家长也可自购一张标准视力表，挂在光线充足的墙上，在5m远处让孩子识别。检查时一定要分别遮眼检查，不可双眼同时看，防止单眼弱视被漏检，反复认真检查几次，若一眼视力多次检查均低于0.8，则需带孩子到作进一步检查。一般认为检查最好不晚于4岁。 及早发现异常苗头。弱视儿童往往有除了视力低下以外的其他表现，如斜视、视物歪头、眯眼或贴得很近等等。一旦发现孩子有斜视的现象，应尽早到医院眼科检查、确诊，因为约有1/2的斜视合并弱视。上述其他异常现象也要引起重视，要到医院眼科检查是否由眼部疾患引起。 另外，对于婴幼儿和不能配合检查视力的幼儿，可作遮盖试验，大致了解双眼视力情况：有意遮盖一眼，让孩子单眼视物，若很安静而遮盖另一眼时却哭闹不安或撕抓遮盖物，那就提示未遮盖眼视力很差，应尽早到医院检查。 总之，弱视的早期发现主要靠家长、幼儿园、学校、医院的紧密配合，最主要的还是与孩子朝夕相处的家长本人。 弱视能治愈吗，什么年龄是最佳治疗时期？ 文献记载可能影响预后的因素有：家族史（弱视或/和斜视）、婴儿期疾病、弱视类型、原始视力、屈光情况、斜视类型及程度、初诊年龄及注视性质等。经临床验证弱视眼的原始视力（弱视越轻，疗效越高）、注视性质所以弱视能否治愈与上述诸多因素有关，其中弱视治疗的疗效与年龄密切相关，年龄越小，治疗效果越好，成人后治疗无望。这是因为儿童在视觉发育期视功能不稳定，既容易发生弱视也容易恢复正常。一般儿童13岁以后，视功能已发育完善，这个年龄再治疗，视力就不容易提高，精细的立体视觉更无法建立。 因此，弱视治疗的最佳时期是在视觉发育期的1～5岁之间。而且弱视的治疗不是一朝一夕的事，是持久战，学龄前儿童有更多的时间配合治疗，上学后某些治疗会因为学习受到影响，往往给治疗带来困难而影响疗效。</t>
  </si>
  <si>
    <t xml:space="preserve">这几个月经常出差，有时在路上又得办公上网忒不方便，想到就蛋疼，想? </t>
  </si>
  <si>
    <t xml:space="preserve">赶紧咯，刚好这几天商城买G3上网卡五折优惠，就5.15到5.31，300元的现在只要150，还可以减免每个月50元上网套餐费月租费。其他你直接去  </t>
  </si>
  <si>
    <t xml:space="preserve">比斯巨兽的肚子里的侏儒给的任务！？传说魔兽世界中某一副本有一个侏 </t>
  </si>
  <si>
    <t>在冬泉你交任务的NPC旁边有本书，直接点书可以接任务</t>
  </si>
  <si>
    <t xml:space="preserve">怎样知道女友以前是否怀过孕?有甚麽办法可以知道女友以前是否怀过孕 </t>
  </si>
  <si>
    <t>不知道你为什么要问这个问题，因为这个问题真的很没有必要问其实如果想知道结果的最好的两个办法是：一，直接问她；二，找个理由，带她到相熟的处检查。但你这样做了之后最大的可能是：分手！因为如果这样她会认为你不够爱她。爱是什么，意味着可以包容对方的过去，如果还不可以包容，说明你还没有想好是不是真的爱对方，或是你的心胸不是很开阔，让对方很难放心地接受你。现在已经是什么时代了？连处女膜都可以做假！我曾经看过一个很感人的故事，说一个女孩与别人发生过一次性关系后，遇到一个很爱的男孩，（那个男孩也同样爱她）她知道做个处女膜修复手术只要60元，但她没有做；两人在一起一段时间后，她的男友到另外一个城市遇到了另一个女孩，发生关系，那个女孩粘上了他，并为他自杀，这个男孩最终选择了后者，因为她对第一个女孩说，那个女孩是个处女！婚后，他的妻怀孕了，四个月后流产，医生出来后的第一句话就是说：她的子宫壁薄得象纸一样，根本留不住孩子。后来，才知道这个女孩曾两次流产，后做了处女膜修复手术！而就是这个手术，破坏了一段爱情！不知道你看过后有什么想法，我只想对你说，好好想想，是否真的深爱对方，其他的，并不是象你想象的那么重要。</t>
  </si>
  <si>
    <t xml:space="preserve">帮忙翻译，使用免费在线翻译者免进，需要真正有能力的人帮助信用证软 </t>
  </si>
  <si>
    <t>TermshesoftnatureoftheletterofcreditSofttermsoftheletterofcreditissetup,"Yougenyouju".Becauseundertheletterofcreditpaymentisapuredocumentationofthesale."Thedocumentarycreditreunificationpractices":"Intheletterofcreditoperations,allpartiesconcerneddealwiththedocumentation,ratherthanwiththedocumentationrelatingtogoods,servicesorothersectors."Bankobligationsdespite"reasonablecarefullyexamineallthedocumentation"However,thisreviewistodeterminewhetherthedocumentsonthefaceoflettersofcreditterms,theissuingbankonlyonthesurfacemeettheletterofcreditinaccordancewiththeprovisionsofthebillpayment.Therefore,anydocumentationonthebanksofthesituation,integrity,authenticityandforgeryortheforceoflaw,orondocumentsprovidedoradditionalgeneralorspecificconditionswillnotberesponsiblefor.Foreignimporterscleverlydrillingthisloopholesintheactualoperationoftheinconsistenciesalone,thedocumentsdonotmatch,forrefusingtopaymentstoexportersopenlylookingforareason.Therefore,thesofttermsoftheletterofcreditisalsoknownas"trapclause."Itistoosubtleandnoteasilyfound,clearlylistedintheletterofcreditterms,thereisnoforgeryorhide,andthereforedidnotconstitutefraud.Itisthenatureofth ,thecomplexdiversity.Softprovisionsoftheconcealedgreatdiversityinform,notafixedpattern,andevendeliberatelyaddsomeprofessionalstatements,itisdifficulttocausethebeneficiariesofalert.</t>
  </si>
  <si>
    <t xml:space="preserve">小宝宝睡眠太少要不要紧？ </t>
  </si>
  <si>
    <t>不要紧的，每个人的生理习惯都不一样，有的小宝宝会睡得比较少，不要太担心。</t>
  </si>
  <si>
    <t xml:space="preserve">请问刀如果用石头磨和用水泥地磨那个更费力？ </t>
  </si>
  <si>
    <t>当然是水泥地</t>
  </si>
  <si>
    <t xml:space="preserve">申请达人信用卡，只有招商银行的吗？有没有别的银行？ </t>
  </si>
  <si>
    <t>您好，达人信用卡只有招商银行的！目前只有招商银行和微博有合作推出了联名卡</t>
  </si>
  <si>
    <t xml:space="preserve">在此下跪求大家救救她！她在一家中小型企业做现金出纳员，2005年 </t>
  </si>
  <si>
    <t>恭喜你妹妹</t>
  </si>
  <si>
    <t xml:space="preserve">·请问北京哪里能够制作先人的牌位，请不吝赐教！谢谢早期，我的祖坟 </t>
  </si>
  <si>
    <t>温泉墓地管理处,有这个业务.</t>
  </si>
  <si>
    <t xml:space="preserve">重庆公租房申请的条件我想给父母在重庆申请一套公租房，我和父母的户 </t>
  </si>
  <si>
    <t>你已有一套107的房子，你父母与你户口在一起否？如在一起是不行了，因人平面积已超过13平方米了。附重庆公租房申请条件相关政策，请双击查看：</t>
  </si>
  <si>
    <t xml:space="preserve">网络营销培训大概学费是多少？看到好多家网络营销培训，每家培训学校 </t>
  </si>
  <si>
    <t>网络营销培训费大多数培训学校是按照课程收费的，比如苏州一家网络营销学院培训时间一个月，收费2600月左右。北京亿玛客网络营销学院是培训四个月，收费126000，不过国家有补贴3000元助学金。所以也是差不多收费，如果你经济允许的话，个人建议去北京亿玛客，因为北京亿玛客网路营销学院承诺毕业就业，而且师资挺强，有很好的口碑。</t>
  </si>
  <si>
    <t xml:space="preserve">人体的死穴是哪几个?具体在哪些位置 </t>
  </si>
  <si>
    <t>脑后有块很薄弱的区域，就是你的脑后比较软的那一块，如果受到撞击可直接造成窒息死亡</t>
  </si>
  <si>
    <t xml:space="preserve">金孔雀温泉度假村怎么样？谁去过，好玩吗？ </t>
  </si>
  <si>
    <t xml:space="preserve">度假村坐落在安徽省巢湖市温泉古镇汤池，交通十分便捷。沪蓉高速、合铜黄高速临镇而进，合九铁路、合肥洛岗机场、长江和巢湖黄金水道构成了立体的铁路、水路、航空交通网络，是短程旅游和中转休闲的度假胜地。度假村全力打造健康养生新概念，温泉含多种对人体有益的矿物质和微量元素，园区共有大小温泉保健池48个，另有彩虹滑道、大型海浪池、动感漂流河、温泉石板、SPA水疗馆、中心酒吧等是您调养身心的唯美境地，带给您全新的温泉文化与理念。可以容纳800人同时就餐的中餐厅是您享用徽、粤、川以及地方土菜的理想场所。200多间的豪华客房让您感受国际全新酒店标准，设施先进齐全的健身、会议中心满足您的不同需求。总的来说，还不错，值得一去.具体你自己去看看吧，我说好，你也不一定会相信.参看网址： </t>
  </si>
  <si>
    <t xml:space="preserve">都说明年魔兽开了，都去玩魔兽。好玩吗？跟魔兽3一样吗？画面效果好? </t>
  </si>
  <si>
    <t>魔兽世界的代理是9城哈！不知道楼主喜不喜欢欧美的那种奇幻电影，像魔戒，魔兽世界是有一个独立的完整的世界观，与很多韩国游戏不同，体现一个玩家在虚拟世界中的方方面面，你要融入到游戏中去才能体验到魔兽世界的独特文化，更多的是玩家间的互动，仿佛真实生存在其中，不单单只有PK和攻城，除了这些还有很多内容让玩家感觉自己就是魔兽世界中的成员！BLIZZARD最近的新闻不知道楼主有没有看过，对于在游戏中机器人，BLIZZARD的做法是一旦属实，不经警告和通知，直接永久删除人物封停帐号；对于现金交易虚拟物品的帐号，也是不经警告和通知，直接永久删除人物封停帐号。这些做法至少现在在欧美是这样的，就不知道到时候9城会不会变味，怀疑ING。。。</t>
  </si>
  <si>
    <t>大冷在英超德甲有2</t>
  </si>
  <si>
    <t>楼主说的是第1 2场要出0吧  德甲的心里冷门决定拉本期的奖金成色</t>
  </si>
  <si>
    <t xml:space="preserve">theway的用法Somefruitsarenatruallys </t>
  </si>
  <si>
    <t>在定语从句中，有一些先行词是可以不加任何关系代词／副词的．当the　way表示方式，方法的时候，就属于此种情况．与此相似的还有：the time，the place等．</t>
  </si>
  <si>
    <t xml:space="preserve">罗姆半导体是哪个国家的？ </t>
  </si>
  <si>
    <t>罗姆半导体是一家日本公司，英文简称是ROHM。从事IC和最新半导体技术方面生产的企业。据说还有整体解决方案。</t>
  </si>
  <si>
    <t xml:space="preserve">关于CoolEdit的问题为什么我在CoolEdit2.1里按空 </t>
  </si>
  <si>
    <t>因为不是破解版</t>
  </si>
  <si>
    <t xml:space="preserve">气体临界温度计算公式这个一直很困惑，到底有没有一个这样的公式呢， </t>
  </si>
  <si>
    <t>气体临界温度是实验值，不能从理论公式推导，也不能计算出来，就像水的冰点和沸点那样。回顾一下初次学习水的性质的时候，书上是怎么说的。你认为有什么计算方法能准确算出水的冰点和沸点吗？</t>
  </si>
  <si>
    <t xml:space="preserve">男人在大街上看着一个靓女走过，心里会想哪些事？（有龌龊的念头吗？? </t>
  </si>
  <si>
    <t>你有 我有 他也有</t>
  </si>
  <si>
    <t xml:space="preserve">沈阳计算机培训学校我想学习计算机软件，但不知道该怎么选择，主要是 </t>
  </si>
  <si>
    <t xml:space="preserve"> 北大青鸟佳音旗舰中心，全国最佳就业中心。六年成功办学经验让您实现“入学佳音，就业无忧！”</t>
  </si>
  <si>
    <t xml:space="preserve">食品用真空包装能杀菌吗？ </t>
  </si>
  <si>
    <t xml:space="preserve">包装熟食的市场需求量非常大，但消费者受食品问题不断出现的影响日益对产品的质量要求也不断的提高（包括色、香、味俱全），并且要求产品的营养成份需要最大限度的保留，又不能过量使用防腐剂。真空包装熟食杀菌设备采用微波杀菌。是一种典型的真空包装食品杀菌设备，由于熟食杀菌时温度可以相应的提高，所以其杀菌速度更快，杀菌效果更好。能实现对农副产品的杀菌和保鲜，能够延长的农副产品货架期，对产品的销售具有很大的帮助。已经成功地实现对鲜蘑、鲜笋等的微波杀菌保鲜处理，取得了很好的效果。 </t>
  </si>
  <si>
    <t xml:space="preserve">哪位高人指点下，这个债券实际发行价格计算是个什么公式，P/S是个? </t>
  </si>
  <si>
    <t>从债券投资收益率的计算公式R=[M(1+rN)—P]/Pn 　　可得债券价格P的计算公式P=M(1+rN)/(1+Rn) 　　其中M是债券的面值，r为债券的票面利率，N为债券的期限，n为待偿期，R为买方的获利预期收益，其中M和N是常数。那么影响债券价格的主要因素就是待偿期、票面利率、转让时的收益率。</t>
  </si>
  <si>
    <t xml:space="preserve">预产期算法对吗？该生了，还不生照着急。你好，我在医院查的预产期说 </t>
  </si>
  <si>
    <t>你的预产期是12月19号,但前后半个月都是正常的.不要担心,明天去检查一下,听医生的建议,注意自己的肚子是否有阵痛出现,还有白带是否有褐色的出现.不要因为这个过分着急,要调整好自己的心态,注意营养,多休息,积攒能量,迎接你的宝宝吧!</t>
  </si>
  <si>
    <t xml:space="preserve">申请修改书名我的书名原本是《小子!我要追你，追到你幸福——》我想 </t>
  </si>
  <si>
    <t>可改成：爱情像榴莲</t>
  </si>
  <si>
    <t xml:space="preserve">日元还会到109吗？我是做保证金的，日元回跌到109吗？ </t>
  </si>
  <si>
    <t>这种回答很不负责任，做外汇需要的是：技术、胆识、运气。以一定要有经验，懂得分析时事政治金融信息，懂得技术分析，必须有胆识，当机立断，再加上好的运气，腾飞是必然的。做外汇最重要的就是随波逐流,克服主观/贪婪/恐惧,保证金风险和收益放大,更要耐心观察市场!切不可人为主观臆测!</t>
  </si>
  <si>
    <t xml:space="preserve">长期失眠的患者都有什么危害 </t>
  </si>
  <si>
    <t>"　　一、与精神心理方面障碍的关系　　各国的科学家经过长时间的临床研究，证明人体长期睡眠不足或处于紧张状态会使神经-内分泌的应激调控系统被激活并逐渐衰竭而发生调节紊乱，并造成植物神经功能紊乱，产生抑郁、焦虑、精神紧张等情绪，严重的大脑皮层功能失调和植物神经紊乱还可导致精神病、神经官能症等疾病的出现。所以才有“一个人如果连续3天不睡觉，则易导致精神失常”的说法。　　二、总是失眠有患上心脏病的危险　　一个星期内，如果只有2天晚上平均睡眠不足5小时的人，患心脏病的风险也会比正常人高2～3倍。　　三、总是失眠需要关注血压　　如果一个人连续两天晚上睡不着觉，他的血压就会升高。有实验证实，睡眠超过6小时的失眠患者，血压升高的几率相对较小;睡眠时间在5到6小时的失眠者，血压升高的危险是正常者的3.5倍;而睡眠不足5小时的人，血压升高的危险是那些睡眠超过6小时的人的五倍。　　四、失眠与肠胃健康　　美国的医学科学家研究发现，如果一整晚不睡觉会大大增加发生胃肠道溃疡的可能性，这是由于在睡眠过程中，某种具有帮助调节胃肠道功能的蛋白质最为活跃。　　五、杜绝失眠下降糖尿病危险　　若是患者每天晚上只睡4小时，人体胰岛素的分泌量会减小，如此延续一周就足以使健康人出现糖尿病前驱症状，所以，想要避免自己面临糖尿病风险，先要杜绝失眠。　　六、长期失眠死亡率高　　各国科学家通过大量的病理解剖发现，总是失眠的人血管硬化明显，口径变窄，严重影响供血而使一些器官的功能发生障碍，机体的各类代谢产物不能及时排出体外，白细胞数量减小，免疫功能明显下降，从而对健康产生严重不良影响。每天睡眠不足4小时的人死亡率比睡眠正常的人高1.8倍。"</t>
  </si>
  <si>
    <t xml:space="preserve">燕窝的做法有哪些？老婆怀孕8个月了，听说食用燕窝对胎儿有好处，因? </t>
  </si>
  <si>
    <t>楼主，您好！下面介绍燕窝的做法：燕窝鸡，燕窝炖水果类等燕窝的做法大全希望对您有所帮助。1.燕窝炖鸡 功效:病后贫血,养阴补阳.  材料:精选燕窝半两,去皮鸡半支,龙眼肉三钱,姜两片,水四碗。 制法:将以上材料隔水炖三小时,食时加盐。2.椰汁燕窝炖冰糖 功效:滋阴,润肺,养颜。 材料:御品燕窝半两,鲜奶一碗,椰汁两汤匙,冰糖适量,水三碗。 制法:将燕窝,冰糖,水一起炖,起锅前十五分钟,将鲜奶,椰汁倒入。再炖十五分钟即可。燕窝炖蜜枣 功效:润肺,止咳。  材料:上品燕窝半两,杏仁五钱,沙参三钱,金丝蜜枣十枚水四碗,冰糖适量。 制法:将以上材料炖一至三小时即成。 3.燕窝炖莲子 功效:养神,补血。 材料:特级燕窝半两,莲子,百合,龙眼肉各五钱,水四碗,冰糖适量。 制法:将以上材料炖一至三小时即成。4.燕窝炖雪梨 功效:润肺,止咳。 材料:精选燕窝半两,雪梨一个,马蹄十枚,川贝一钱,水四碗,冰糖适量。 制法:将以上材料 (除川贝外) 先炖一至三小时,最后加入川贝炖五分钟即可。5.燕窝炖荔枝 功效:养神,补血。 材料:御品燕窝半两,鲜荔枝肉半斤,冰糖适量,水四碗。  制法:将燕窝,冰糖先炖一至两个半小时,加入荔枝肉再炖半小时即成。燕窝炖煮方法: 先将燕窝放在清水中浸泡,使其松软膨胀,捞起够再用清水洗净后沥干,然后文火慢炖。传统认为,燕窝最好在早晚空腹食用吸收效果最佳,如果控制体重或胃不好推荐早上空腹食用。晚上临睡前空腹食用燕窝加牛奶,既有利于营养的吸收,又可帮助孕妇睡眠,市场上燕窝品种繁多,最有药用价值的燕窝产自印度尼西亚以及马来西亚这两个顶级产地,品质最好的有两大品牌福临门和同仁堂,如果是要送礼的,选同仁堂燕窝最合适;如果是自己家人要用的,选择福临门燕窝最实惠。</t>
  </si>
  <si>
    <t xml:space="preserve">ISO9001质量认证关于汽车质量方面 </t>
  </si>
  <si>
    <t>贯彻iso9001标准能带来以下好处: o9001证书的获得,能使各品牌制造厂对你的企业评分更高、增加信誉度;2.规范销售、维修服务,提高销售、维修服务的质量;3.提高员工质量意识、服务意识和顾客为上的观念; o9001特有的持续改进机制,能有效提高企业的管理水准,对各工作环节按照计划、实施检查、改进等pdca循环;5.从有效的质量反馈体系,了解顾客的满意程度,改进服务方法;6.能通过内部审核,管理评审和第三方外审及社会监督各种渠道了解和认识企业发展中存在问题,促进领导做出更明智的决策。全国各大汽车公司在广东的经销商有数百家,仅上海通用汽车特约授权经销商在广东省有近20多家,以上海通用汽车有限公司为例,为规范内部管理、规范客户服务,总公司要求全部经销商在1~2年内通过iso9001:2000质量管理体系认证。“以顾客为中心”是通用的经营理念,“永远超越顾客的期望值”是通用的价值观。通用全体员工均接受上海通用汽车有限公司以顾客满意为重点的培训达数百小时,全面采用上海通用汽车有限公司制定的世界运作标准,推行全球一体化的别克轿车售前、售中、售后服务,为顾客提供代办工商验证、车辆检测、代缴购置附加费、保险费、上牌照等一条龙服务，顾问式销售模式和提供试乘、试驾服务，遍布全国的售后服务中心都装备了维修别克的整套专用设备。共同构建着通用汽车的强势销售服务网络，实现了通用汽车一次又一次历史性跨越。通用汽车的做法为其他品牌汽车的销售及维修服务商提供了成功的经验。我国正在掀起贯彻国际上通行的iso9001:2000标准的热潮，作为一个迅速成长的新兴市场，汽车销售维修服务行业蕴藏着巨大的商机.，企业要在激烈的产品竞争中超越对手，获得无限商机， 它不仅需要良好的服务，还需要通过iso9000质量体系认证，强化顾客对贵公司的忠诚度。 iso9001：2000国际标准是一个吸纳了国际上发达国家先进的管理经验，被国际社会公认的规范的管理体系，企业认真的贯彻执行该标准，在管理上一定能够大有改观，增强企业的竞争力，促进企业持续改进。贯标工作不是高不可攀的，实际上按“写你该做的、做你所写的、记你所做的”去实施，就可以达到贯彻iso9001:2000标准的目的。引入iso9001标准，以此来规范和提高我们的管理及服务水平势在必行，通过贯标促进贵公司追求卓越，真诚服务客户，勇攀高峰，成为汽车销售维修服务行业的佼佼者。</t>
  </si>
  <si>
    <t xml:space="preserve">基金赎回问题基金赎回确认后,净值是按什么原则算,还有就是赎回后的 </t>
  </si>
  <si>
    <t>15点前赎回净值按赎回当天的算，15点后赎回按下一交易日净值算。赎回后资金在基金帐户里面，要到柜台去转，如开通网银就可网上操作。</t>
  </si>
  <si>
    <t xml:space="preserve">你看见乞丐，有没有给过钱？一次给多少？ </t>
  </si>
  <si>
    <t>看到了就基本上会给，虽然说现在假的很多，可是也是有真的啊……我们不能因为有假的就不去帮助那些真正需要帮助的人……</t>
  </si>
  <si>
    <t xml:space="preserve">偶尔爱国一下，讨论一下中超的问题。哪只队伍会降级？ </t>
  </si>
  <si>
    <t>青岛，这些年靠青训存活。可这两年新人涌现赶不上球星出走，队伍实力大打折扣。那些跟他一样穷又没什么青训的球队已经降级去中甲。今年该轮到他了。河南，今年那么多地产集团球队里河南很可能是唯一一支成绩糟糕甚至遭遇降级的。球队防守顽强，可中前场实在糟糕。过去几年靠一个前场强力外援做支柱配以不错的防守幸运存活的建业。今年没有强力外援前场，该下去了。</t>
  </si>
  <si>
    <t xml:space="preserve">能在赛场上获胜(商标) </t>
  </si>
  <si>
    <t>可比克。。。。。</t>
  </si>
  <si>
    <t xml:space="preserve">谁能给我一些关于国内外水电工程设计与研究现状的资料写水电站施工组 </t>
  </si>
  <si>
    <t>1 发展历程 　　 水利水电工程地质计算机应用工作的起点基本上与其它专业同步，初期发展也是有声有色的，经过十多年的努力，伴随着改革开放的主旋律，度过了从起步到发展的初级阶段，进入令人困惑的相持时期，最终还是拉开了档次，走向两极分化，从整体上讲落后于其它专业。十多年的发展历程，可以概括为起步阶段、发展阶段、相持阶段和拉开档次等四个阶段。　　 1.1 起步阶段　　 八十年代中期，PC-1500袖珍计算机使得最基层的地勘队有幸成为计算机的拥有者。袖珍机用于工程地质水文地质的一些小型计算，物理力学试验资料的分析整理，一些小型的简单图件的绘制等等。许多袖珍计算机的使用者们将自己的经验和成果无私奉献出来，在各类专业技术刊物上登出了大量解决实际问题的源程序，自发地形成了自由库。单位和个人的应用程序的交流也比较随便和自由，这对提高系统内计算机整体应用水平起到了积极的作用。可以这样说，八十年代中期水利水电系统的袖珍计算机热，为系统内的计算机应用培养了人才，锻炼了队伍。　　 1.2 发展阶段　　 八十年代后期至九十年代初期，随着计算机硬件和软件技术的发展，PC系列微机大量涌入中国市场，国内计算机处理汉字信息技术也进入了实用阶段，中国人应用计算机有了划时代的突破，水利水电工程地质的计算机应用也进入了形势大好的发展阶段。系统内一些领导比较重视的单位相继组建了工程地质专业的微机室或电算组，装备了一定数量的台式微机，部分地质师转而从事工程地质计算机应用工作，从此有了水利水电工程地质计算机应用的专业队伍。在此期间，工程地质专业计算机应用软件有了很大发展，绘制钻孔柱状图、地质剖面图、等值线图、节理统计图等地质图件亦可达到计算机出图的实用水平；数据库的应用方面，有了一些初步实践和应用规划；在工程地质数值计算方面，将当年在袖珍机上应用较为成熟的一些工程地质计算程序搬到了微机上，并继续开发了一些新的计算程序。总之，这些成果反映出工程地质的计算机应用逐渐进入了实用阶段。　　 1991年底在长沙首次召开了水利水电工程地质计算机应用交流会，将计算机应用作为水利水电工程地质专业的一项应用技术提高到了可以召开专门会议的重视程度，也是对当时一些人曾认为计算机在工程地质专业中没有多大用处的正面回答，是对本行业计算机应用工作的一次总结。　　 1.3 “相持”阶段　　 这个阶段大至为1992年到1995年期间，此期间的硬件已从286、386档次迅速更新换代到486和Pentium系列；各类编程工具、制图平台、数据库平台等等，功能越来越强大，Windows系统走向成熟。水利水电工程地质专业的计算机应用自然也有了新的发展，主要表现在绘制钻孔柱状图作了一些版本更新，或与数据库的结合方面有些新进展，剖面图方面可以利用数据库和数据文件在AutoCAD环境下处理复杂地形、断层构造、非钻孔控制的地质剖面等问题，达到了推广应用的水平。在探讨三维地质模型于计算机上的实现亦有些新进展，但离实用水平还有相当距离。就整体应用水平而言，基本上没有更为可以宣扬的重大突破，在此称之为“相持”或“稳定”阶段,当然并不一定很合适。社会不希望动荡，政治强调的是稳定，而科学技术处于稳定状态就等于停滞不前，那可不是我们所希望的。　　 鉴于“相持”阶段存在的问题，1995年11月在武汉召开了第二次全国水利水电工程地质计算机应用技术交流会，参会单位演示了自行开发的专业应用软件，进行了自由软件的交流。会议就地质计算机应用及软件开发中多年来一直困扰开发者和用户的标准化、通用性等问题展开了热烈讨论，决定筹建水利水电工程地质计算机应用技术协作网（以下简称协作网），以利于加强交流，试图寻找出一条共同发展的新路。　　 1.4 拉开档次阶段　　 这个阶段大致从1996年至今。水利水电系统的工程地质计算机应用发展很不平衡，经过起步、发展、相持阶段之后，迅速拉开档次就成为必然结果。主要表现在水平高的单位已经建立起了勘测系统的Intranet，可以与分散的地质队实现远程网络通讯，交换工程及管理信息，计算机出图率可达80%以上，地质报告的编写、地质资料的分析整理等等均已达到计算机化。但一些进展迟缓的地方设计院的勘测单位，还有地质计算机出图率为零的，或最多只能出钻孔柱状图。也有少数甲级大院似乎也才刚刚起步，大多数地质师不会熟练操作计算机或水平较低，如此技术水平，当然远远不能适应现代化建设的需要。　　 这个阶段我们在行业管理方面做了一些力所能及的工作，由水利部水利水电规划设计总院牵头，组建了协作网筹建组，出版发行《工程地质计算机应用》内部交流季刊；投入部分资金开发出《水利水电工程地质标准图例库》软件，该软件以最新批准出版的中华人民共和国行业标准《水利水电工程制图标准(SL73-95)》中的勘测图图例为主，并收入与该标准不重复的部分补充图例。此软件已免费发送水利水电勘测系统各单位试用。......详细可以查看到天工网的水利水电工程设计现状与思考希望可以帮到你。所在位置：天工网 &gt; 水利 &gt; 论文 &gt;</t>
  </si>
  <si>
    <t xml:space="preserve">丰田锐志和奥迪A4哪种汽车性能较好？我最近想买车，自己很喜欢锐志 </t>
  </si>
  <si>
    <t xml:space="preserve">锐志综合性能比A4好的不是只有一点点，A4/A6的1.8T/2.0T和锐志的2.5V6差了2个档次，奥迪的2.0T和自己的2.4V6差6万，奥迪的2.4V6和锐志的2.5v6远不是只有0.1排量的差距，另外买奥迪花在维修上的烦恼也会让你后悔一辈子。 锐志的后驱系统可以满足前后车重平衡，弯道非常优秀，动力提升快，而前驱动车虽然雪地表现好些，但水路却远不如后驱车，常言道：前驱怕雨，后驱怕雪。 另外如果是公家出钱买车修车，有专职司机，建议你买奥迪，因为许多农民兄弟以及二线爆发户城市（比如大连、无锡）比较认奥迪。 但由于锐志偏重于运动，虽然是V6发动机，其噪音和以拖拉机闻名的大众奥迪车比优势不是很明显，如果银子多，买皇冠是最佳选择。 </t>
  </si>
  <si>
    <t xml:space="preserve">竹叶山商贸城的网站上说他们具备一个行业垄断地位,这对我投资什么优? </t>
  </si>
  <si>
    <t>优势是蛮多的，武汉竹叶山商贸城在做批发市场管理经验不错。一共有10几年啊，所以说是垄断是说的过去的，特别是他们经营的建材啊，副食啊，还有汽车啊。蛮不错的。</t>
  </si>
  <si>
    <t>猜猜他是谁？？？？后卫</t>
  </si>
  <si>
    <t>山哥－－黎兵。１．黎兵出道时是打后卫的；２．霍顿国家队时期，锋线主要进攻点；３．首次改打前锋参加甲A联赛就被评为1994年甲A联赛最佳球员；４．1987年入选国青队，参加亚洲青年赛。</t>
  </si>
  <si>
    <t xml:space="preserve">[体质圣契]的市场价是多少? </t>
  </si>
  <si>
    <t>1区大概价格在30-60，看当时流行趋势了。</t>
  </si>
  <si>
    <t xml:space="preserve">怎样用合法程序买下没有房产证的二手房一个单位家属区的二手房,没有 </t>
  </si>
  <si>
    <t>法律上说房屋产权有产权证就行，中介说的只签合同法律就无法保障你的合法权益，出现产权纠纷时利益受损的是你。所以这种房子别买为上。</t>
  </si>
  <si>
    <t xml:space="preserve">初中化学题炼钢炉里的反应Si+2FeO==2Fe+SiO2,此反 </t>
  </si>
  <si>
    <t>由化合价升降判断FeO为氧化剂，Si为还原剂。M（FeO)=72g/mol,M(Si)=28g/mol完全反应n（FeO）：n（Si）=2:1所以m（FeO）：m（Si）=72*2:28=36:73:1？？如果答案没错 那我就孬了好吧 等大神级人物</t>
  </si>
  <si>
    <t xml:space="preserve">想知道这些症状有癌症的可能吗？三个月前腹痛，右下腹，彩超差有腹腔 </t>
  </si>
  <si>
    <t>要咨询什么呢？看起来是个阑尾炎合并腹腔脓肿，腹腔感染，并合并粘连性梗阻。</t>
  </si>
  <si>
    <t xml:space="preserve">这个游戏有没有侵犯3DO公司的版权? </t>
  </si>
  <si>
    <t>反正宝物还有很多东西都是英雄无敌里面的</t>
  </si>
  <si>
    <t xml:space="preserve">谜语33：春雨季，梧桐树上结丝绸；夏日凉，两人阵中称英雄；秋风起 </t>
  </si>
  <si>
    <t>春雨季梧桐树上结丝绸;夏日凉两人阵中称英雄;秋风起鸿雁传音数千里;冬雪飘美女为何露半腰(绝对重要)</t>
  </si>
  <si>
    <t xml:space="preserve">想从事影视方面的工作，怎么办呀我是一个大学毕业生！我先从事影视动 </t>
  </si>
  <si>
    <t>1、恶补美术方面的知识，现在只能弥补理论上的知识，专门去弥补美术的理论知识，还不如靠经验来弥补。美术的感觉上从小就开始培养的，快则3年，慢要10年。书店一般都有素描，色彩搭配之类的书，可以帮助你“迅速”提高美术感觉。比方说校色，你用什么校色，用笔吗，钢笔还是铅笔。所以说你必须先知道影视方面工作的一个工作流程，之后你才知道应该如何去进行弥补。2、现在影视方面的工作，几乎都是用电脑。影视特效，校色都是靠软件，镜头的合成，声音的合成也都是靠电脑软件。影视方面，你需要学习一些软件才能上岗，比如affter effects ， combustion , premiere，maya等等。还有一些小插件，例如realflow，VRAY，mental ray,可以让你的工作事半功倍的插件，也需要学习。把这些都学完了之后，找工作是很轻松的事情。</t>
  </si>
  <si>
    <t xml:space="preserve">肠胃功能不好,该怎么调理?19岁了...饭量什么的都很大.也经常 </t>
  </si>
  <si>
    <t>有些身体消瘦者，到检查没有发现任何疾病，平日也能正常工作，身体基本无不适表现。这些人消瘦可能与体质、遗传因素有关，如父母属消瘦体型，子女大多消瘦；骨骼粗壮之人，肥胖者多，骨骼细长者，消瘦者居多。 还有些消瘦者，虽未发现明显疾病，但常有乏力、头晕、吃饭不香、睡眠不好等症状。这些人除了与体质、遗传因素有关外，也有一部分人是因工作压力大，身体经常处于疲劳状态，以至睡眠、饮食不佳，身体逐渐消瘦。对于这类没有发现明显疾病而消瘦者，建议其服用人参。长期服用人参有望改变消瘦体质，因为人参是滋补药品，可增强胃肠道机能，加强新陈代谢、免疫功能，增强体质，有使人发胖的作用。人参药性有寒热之分，不同体质的人服用人参应有所区别。虚寒体质的人可服用红参，阴虚内热体质之人可选用西洋参、生晒参。每天口服2至3克，临睡前或清晨空腹服用，一般可连续服3至6个月。同时加强食物营养，以使摄入食物的热量多于消耗的热量，当热量出现盈余时，体重会逐渐增加。 对瘦弱者来说，增肥是很有必要的。增肥不只是适当增加机体的皮下脂肪，主要在于使肌肉和体魄更加强健。那就是不仅要纠正“瘦”而且要纠正“弱”，那么，瘦弱者该如何正确增肥呢？ 首先，应增加膳食的摄入量，增加体重，就必须向机体提供合成组织所需要的各种营养素，膳食内容应丰富多样，不挑食，不偏食，饭菜要尽量做到美味可口。在摄入足够蛋白质的情况下，宜多进食一些含脂肪、碳水化合物（即淀粉、糖类等）较丰富的食物。这样，多余的能量就可以转化为脂肪储存于皮下，使瘦弱者丰富起来。 其次，应保持充足而良好的睡眠。人的睡眠若比较充足，胃口就比较好，而且也有利于对食物的消化和吸收。 第三，适当运动。特别是对于那些长期坐办公室的人来说，每天应抽出一定的时间来锻炼，这不仅有利于改善食欲，也能使肌肉更强壮、体魄更健美，人体的肌肉如果长期得不到锻炼，就会“用进废退”，肌纤维相对萎缩，变得薄弱无力，人也就显得瘦弱。知识分子多为此类体型，应注意加强锻炼。 此外，那些长期重度瘦弱的人，在采取加强营养、多做锻炼等措施的同时，应去医院作体格检查，以排除机体可能存在的疾病。导致消瘦的常见疾病有肠道寄生虫、长期活动性结核病、贫血、糖尿病、甲亢、恶性肿瘤、垂体功能减弱症和某些代谢性疾病等。 回答者：guilinmifen - 助理 二级 9-22 16:19 -------------------------------------------------------------------------------- ■增肥方法： 中国医学认为，体病多因脾胃功能低下，气血不足所致。脾为后天之本，气血生化之源。脾胃健，气血盛，则肌肉丰腴，肢体强劲。反之，则身体消瘦，肢软乏力。医治体瘦先要排除因甲亢、肝病、肾病以及肿瘤等多种慢性病。然后采用中药治疗，会有很好的效果 ■瘦弱测试 一个人是胖是瘦不是凭眼睛看就能测算的，可以根据以下公式算出自己是否瘦弱了点：用身高的厘米数减去100后乘以0.9，得出的答案就是本人标准体重。如个人身高180厘米，标准体重就是（180-100）×0.9=72公斤，低于或高于标准体重10%都属于正常现象。如果你的实际体重低于标准体重10%以上，就要考虑自己是否偏瘦了。 ■特别提醒 一般情况下，体重过轻与遗传因素有关系，同时，一些情绪容易亢奋的人，由于内分泌的影响就可以加速热量的消耗。有些人容易紧张，结果可能是漏掉一餐或者食欲不振，一次损失上千卡热量自然不在话下，这样肯定不会胖。 如果发现自己的体重过轻，身体过瘦，首先要查一下是不是疾病的潜在影响。如甲状腺、糖尿病、肾上腺、消化系统疾病等，都容易造成体重过轻。排除了疾病的情况，才可以实施增肥计划。 ■身心愉快 瘦弱男女在饮食方面，有不少都存在挑食和偏食现象。因此，应改掉这些不良习惯，增加膳食的摄入量，膳食应丰富多样。多吃碳水化合物，面食最管用，此外，高蛋白食品、蔬菜和水果一样都不能少，平日里更要口不离那些健康的零食，如花生、奶糖等，喝完啤酒再喝点果汁也是不错的主意。 在摄入足够蛋白质的情况下，宜多进食一些含脂肪、碳水化合物（即淀粉、糖类等）较丰富的食物。这样，多余的能量就可以转化为脂肪储存于皮下，使瘦弱者体态健壮起来。胃肠功能较弱的瘦子，可选择鸡、鸭、鱼、羊的肝脏来食用，除此，鱼类也易消化和吸收。 ■饮食多样 要想增肥，首先应当做到科学增肥，为健康增肥。平衡饮食外，还应保持充足而良好的睡眠。人的睡眠若比较充足，胃口就比较好，而且也有利于对食物的消化和吸收。不少瘦人喜欢过夜生活，动不动就玩个通宵，第二天又要强打精神去上班，严重影响了睡眠的质量，这样下去不瘦才怪。 还要注意的是个人心理健康。工作中的紧张和压力、生活中一些小事的想不开、超出人体负荷的“疯狂”学习或工作等，都会使人愈加消瘦。相反，愉快的心理状态、和谐的人际关系则有助于增肥。 ■适当运动 对于那些长期坐办公室的瘦人来说，每天应抽出一定的时间来锻炼，这不仅有利于改善食欲，也能使肌肉强壮、体魄健美。人体的肌肉是“用进废退”，如果长期得不到锻炼，肌肉纤维就会相对萎缩，变得薄弱无力，人也就显得瘦弱。 在运动方式上，慢跑是个不错的选择，因为人在慢跑的时候肠胃蠕动次数明显增多，这样可以消耗人体能量，在进餐时胃口就好。一般来说，大运动量运动、短时间运动和快速爆发力运动都能起到增肥效果，也是欲减肥的人最应忌讳的。 ★★★附：食物增肥一方 山药粥 成分：山药、乳酪、白糖。 其制法可分为两种。一种是将鲜山药洗净，捣泥，待大米粥熟时加入拌匀，而后调入乳酪、白糖食用；另一方法是，将山药晒干研粉，每次取30克，加冷水调匀，置炉上，文火煮熟，不断搅拌，两三沸后取下，调入乳酪、白糖即可食用。 山药性味甘平，可补虚赢，长肌肉、润皮毛，为治消瘦、美容之妙品。乳酪可养肺润肤、养阴生津。两者合用，可健运脾胃，资助化源，故于虚瘦病人，效果甚佳。 常常听到体瘦者抱怨，现在减肥药满天飞，就是没有增肥药。其实，一般瘦弱欲增肥健身，无需求助于药物，只要恰当饮食，用食疗来调补，就能收良效。 体瘦之人，多有阴虚、血亏津少，故饮食上宜多食甘润生津之品，如牛奶、蜂蜜、鸡蛋、鳖（甲鱼）、海参、银耳等。常用有效食疗方有：核桃牛乳饮，蜂蜜饮料，海参膏，龟肉百合红枣汤，甲鱼滋肾羹，参麦甲鱼，银耳鸽蛋，百合鸡子黄汤等。 阴虚往往内心热，体瘦者多见烦躁易怒、口干咽痛、性欲亢进等虚热内生现象，故在滋养的同时，还要注意清虚火，可选食蛤蜊麦门冬汤、菊花肉片等。 1.均衡的饮食 可以使用奶油或其它食用油、果酱、糖类等高油脂、高糖类食物来增加热量，虽然体重增加较为快速，但长期或过量食用，会破坏食欲，并可能带来慢性疾病危及健康。采用均衡饮食及渐进式的增加食量，避免强迫性的供给，破坏食欲。 2.养成良好的饮食习惯 定时定量，少量多餐，细嚼慢咽。 3.改变进餐的程序 先吃浓度高，营养密度高的食物，再吃其它食物。 4.选择适度烹调的食物 选择经适度烹调的食物，如：蒸、炖、卤、炒、煮..等，避免因油炸、煎、烤..等导致食物坚硬，不易消化。 5.保持心情愉快，布置良好的进餐环境，集中精神用餐。 紧张和焦虑不但影响食欲，肠胃道消化吸收功能也不好，代谢率提高相对地消耗较多的热量。 如果还是没有办法改善您颀长消瘦的身材时，建议您还是请专业的医师帮您一起找出为什么肉肉长不出来的原因，用一个健康的方式长健康的肉肉喔！ 增肥可以考虑牛奶、杏仁、芝麻、腰果等食物，您可以将杏仁和芝麻粉加入牛奶来喝，腰果则可以当作零食来吃，如此会有不错的效果。 在社会的人口分布结构中，体重不足也是很常见的一个族群。只是目前社会一片减重风潮之下，那些体重过轻的人，反而是一般人羡慕的对象。可是，实际上体重不足者很容易发生营养不良、容易疲倦、抑郁、肌肉耗损等症状。严重者更会出现免疫力变差、容易生病，尤其对于患有慢性病的老人，还会增加并发症、愈后不良的机率。 ◎增重不增肥 在学理上增肥与增重的意义并不一样。因为“增肥”顾名思义是增加身体组织的脂肪比例，而“增重”除了脂肪的增加之外，应还涵盖肌肉组织的成长。我想您要问的应该是“增重”而非“增肥”吧？！ 人体的重量，大致上是来自于骨骼、肌肉、脂肪、水分以及其他内脏器官，有意义的“增重”应著重在肌肉、脂肪的比例增加。那么，我们要如何来进行身体的改造工程呢？答案仍然是“饮食”与“运动”！ 【饮食篇】 饮食方面，高蛋白质、高热量饮食，是增重的不二法门。浓缩的蛋白质与高热量食物，例如重乳酪蛋糕、小西点、小蛋糕等等，少量多餐、餐后适时补充帮助消化的木瓜酵素或综合酵素，以增加食物的消化吸收利用率。 ◎蛋白质的选择 选择优良的蛋白质来源，例如鸡蛋、牛奶、肉类、家禽类等，应占每日蛋白质总量的一半以上。植物性蛋白质则以分离萃取的黄豆蛋白粉末，效果会比较好，因为少了阻碍吸收的植物纤维。至于吃肉或喝牛奶那一种方法较好？讲求效率的人，可以尝试喝高蛋白奶粉（例如三多奶蛋白），会比喝一般鲜奶、吃肉的蛋白质摄取量来的高，吸收利用率也比较好。 ◎醣类的选择 醣类的摄取也是重要的一环，选择淀粉质较高的食物，例如白土司、馒头、白饭、地瓜、芋头、南瓜等。烹调时可以芶芡、羹汤、浓汤的型式，或在汤或果汁、牛奶中，加一些麦芽糊精（一般所谓的玉米水解淀粉，可直接加入食物中食用），增加热量的摄取。 ◎脂肪的选择 油脂部分，可适量使用吸收利用率较佳的中链脂肪酸（MCT），以增加浓缩热量的摄取。纯的中链脂肪酸（MCT）因不含“必须脂肪酸”，需搭配一般油脂使用。建议可选用已混合必须脂肪酸的中链脂肪酸产品（例如：三多高热能），避免必须脂肪酸的缺乏。一般建议中链脂肪酸占总油脂使用量，以不超过60％为原则。 【运动篇】 欲增重者的运动，以“重量训练”为主要方式，而非减重者所强调的“有氧运动”。因为“有氧运动”是促进能量消耗的，而“重量训练”则是用来增加肌肉比例的。借助哑铃、杠铃与训练器材的使用，配合大肌肉群的完全收缩与放松，可以达到肌肉的建造工程。 那什么叫大肌肉群呢？就是我们所谓的胸肌、腹肌、背肌、腿肌、二头及三头肌（手臂）。经由重量训练与饮食补充，可使大肌肉群成长，相对的便会累积一些体重。 目前在美国，已经在尝试对老人加以适当的重量训练，配合增重食品补充，来增加肌肉比例，以改善营养不良、容易疲倦、抑郁、肌肉耗损、免疫力变差、容易生病等症状。对于患有慢性病的老人，也会减少并发症、愈后不良的机率。 【早餐：一定要吃、才有活力！】 偏好西式口味的人： 1.现榨柳橙汁一杯 2.低脂牛奶一杯 3.浇满糖浆、果酱、奶油的煎饼一份。 喜欢中式口味的人： 1.一碗皮蛋瘦肉粥或小米粥 2.一杯豆浆或米浆。 3.一颗水煮蛋 【早上的点心：帮助身体储藏能量】 下列食物任选一份：葡萄干、核果、花生、香蕉。 【午餐：快乐的进餐、才能吃胖唷！】 偏好西式口味的人： 1.苹果一个 2.低脂牛奶一杯 3.三明治一个 4.生菜沙拉一盒 5.高纤饼干一份 喜欢中式口味的人： 1.奇异果一个 2.一杯优酪乳 3.一碗饭或一碗面 4.水煮青菜一份 5.高纤饼干一份 【下午的点心：不要让小肚肚饿着了】 下列食物任选一份：奶昔一杯，高纤饼干几片、卤味小菜，或茶叶蛋一颗。 【晚餐：尽量按时进餐】 最好与家人或爱人一起用餐。甜蜜的感觉，会让肉肉更快长出来唷！ 1.现榨果汁一份 2.冰淇淋或优酪乳一份 3.生菜沙拉或炒青菜一份 4.一碗饭或一碗面 5.一份瘦肉或鱼肉 6.饭后再吃点菠萝、木瓜、或西红柿。 【宵夜：尽量在睡前两个钟头进食】 在土司上涂满果酱、花生酱、奶油、大蒜酱。再喝一碗肉汤、牛奶、或豆浆。只要吃个意思就好了，以免吃得太饱，睡不着。吃完宵夜后，要刷牙漱口用牙线，才能睡觉唷！ ★★★★★★★★瘦人为何瘦★★★★★★★★ 俗话说,“水有源、树有根”,人消瘦总有病根。找病因,除病根,是“瘦子”变胖的主要方法。据保健专家分析,消瘦原因大致有以下几方面: ·各种慢性病及器质性病变 例如腹泻、消化性溃疡、结核、肿瘤、贫血寄生虫病等。 ·遗传和内分泌因素 在遗传、内分泌等因素影响下,某些家庭成员都比较瘦,但是没有器质性疾患,属于无力型体型。其特点是:身体瘦高,颈细长,垂肩、胸廓扁平,胸骨剑突下角小于90度,精力也很充沛,完全能胜任学习或工作,但易患各种慢性病。 ·精神因素 由于情绪因素,精神焦虑,生活不规律,过度劳累,睡眠不足,身体消耗多于摄入。 ·饮食 饮食不调,缺乏体育锻炼。缺乏营养,尤其是缺乏蛋白质成分。 ◇瘦人如何练壮 据冬林健康城的几位教练介绍,瘦人在进行健美锻炼时,首先要弄清自己属于哪种消瘦。因为消瘦有单纯性消瘦和继发性消瘦之分。单纯性消瘦没有明确的内分泌疾病,继发性消瘦是由神经系统或内分泌系统的器质性病变引起的。如属继发性消瘦,则请病愈后再进行健美锻炼。若属单纯性消瘦,那么进行健美锻炼要特别注意以下几个问题: ◇合理安排运动量 运动量的安排是科学锻炼的重要环节之一。实践证明,消瘦者应以中等运动量(每分钟心率在130至160次之间)的有氧锻炼为宜,器械重量以中等负荷(最大肌力的50%至80%)为佳。时间安排可每周练3次(隔天1次),每次1至1个半小时。每次练8至10个动作,每个动作做3至4组。做法是快收缩、稍停顿、慢伸展。连续做一组动作时间为60秒左右,组间间歇20至60秒,每种动作间歇1至2分钟。一般情况下,每组应能连续完成8至15次,如果每组次数达不到8次,可适当减轻重量;以最后两次必须用全力才能完成的动作,对肌肉组织刺激较深,“超量恢复”明显,锻炼效果极佳。 ◇注意安全 健美锻炼的器材都有一定的重量,不仅锻炼前后要做好准备活动和整理活动,而且要注意检查器材安装得是否牢固,以防不测。锻炼时要注意重量是否适度,切勿做力不能及的练习。使用杠铃等重器械时,要有人保护。最好是在专业教练的指导下锻炼,以便互相鼓励,互相帮助,互相保护。 ◇打好基础 消瘦者在初练阶段(2至3个月)最好能进健美培训班学习锻炼,以便正确、系统地掌握动作技术,全面提高身体素质。特别要注意肌肉力量和耐力的锻炼,逐步提高机体的适应能力,打下良好的基础。 ◇要有重点和针对性 消瘦者经过2至3个月锻炼后,体力会明显增强,精力也会比以前充沛。这时,应重点锻炼大肌肉群,如胸大肌、三角肌、肱二头肌、肱三头肌、背阔肌、臀大肌和股四头肌等,运动量要随时调整。另外,同一个部位的肌群可采用不同的动作、不同的器械进行锻炼,并且要使所练肌群单独收缩。随着肌肉力量的啬和动作协调性的提高,锻炼的效果会越来越显著。一般情况下,练习动作一个半月到两个月变换一次。此外,锻炼时精神(意念)要集中于所练部位,切忌谈笑、听音乐等。所练部位肌肉的酸、胀、饱、热感越强,锻炼效果越佳。这样,再坚持半年到一年,体型就会发生显著的变化。 ◇少练其它项目 消瘦者进行健美锻炼时,最好少参加其它运动项目的锻炼,特别是耐力性项目的运动,如长跑、踢足球、打篮球等。因为这些运动消耗能量较多,不利于肌肉的增长,而且会越练越瘦。此外,平时不要做耗费精力太多的其它活动。 ◇合理的膳食 只有摄入的能量大于消耗的能量,人才能变胖。因此,消瘦者的膳食调配一定要合理、多样,不可偏食。平时除食用富含动物性蛋白质的肉、蛋、禽类外,还要适当多吃一些豆制品及赤豆、百合、蔬菜、瓜果等。只要饮食营养全面,利于消化吸收,再加上适当的健美锻炼,就能在较短时间内变得丰腴起来。 ◇坚定信心持之以恒 消瘦者要使体型由瘦变壮、丰腴健美,不是一两天、一两个月的事,凭“一时热”,想“一口吃个胖子”的练法不行,因锻炼方法不对、效果不明显而丧失信心也不行,只有坚定胜利的信心做好吃苦的准备,以高昂的情绪积极进行科学的、有计划的、坚持不懈的锻炼,才能获得最后成功。</t>
  </si>
  <si>
    <t xml:space="preserve">计算机考试！我准备考计算机2级，公共知识和计算机专业知识有联系吗 </t>
  </si>
  <si>
    <t>没有多大关系！我觉得找个南开的试题做做对你来说有好处！</t>
  </si>
  <si>
    <t xml:space="preserve">宝宝四个月流清鼻涕已经十来天了纯母乳喂养没有喝过水,需要用药喝水? </t>
  </si>
  <si>
    <t>如果宝宝奶水吃得已经足够，每天每千克体重超过100毫升的奶量，且体重生长在正常范围内，每天小便量亦适量(不论流汗量多寡每日约排尿六至八次)，小便颜色也清淡不黄浓，即表示宝宝身体的水分已足够了，不需要刻意再勉强宝宝喝水了。副食品中的蔬菜、水果也含有极充分的水量，宝宝如能吃也可摄取到水分，就不需要额外给水喝。　　但如果宝宝奶水喝得不足，每天每千克体重未达100毫升的奶量，且体重生长在正常范围以下，那么与其喝水还不如多喝奶，因为纯水(即一般的开水)除了水分外，并不含任何的营养物质。　　每次喝完奶后，如能习惯性的再给宝宝喝两口水，可以清除口腔内剩余的奶水渣，保持口腔清洁卫生。一定要给宝宝喝水的，可以给宝宝 生姜 葱白 红糖煮水喝  排出寒气就好了 很有效 希望点击好评</t>
  </si>
  <si>
    <t xml:space="preserve">寻找澳盘的开盘依剧！在博球中澳盘我们分析时起的非常重要的作用它与 </t>
  </si>
  <si>
    <t>原则上这3条是最重要的,但博球中有许多因素很难三二句话能讲清楚,还要比较,观察,玩球玩得多的人,从欧赔的赔率中可以分析到亚洲盘口及水位,至于水位的变化,就要看人们关注比赛的程度了.</t>
  </si>
  <si>
    <t xml:space="preserve">红警地图在哪里可以下载啊我用的版本是共和国之辉，想找一些比较好的 </t>
  </si>
  <si>
    <t>wegame.com  需要注册 有 12个地图包 有共和国之辉版的尤里复仇的地图 很好用地图文件类型*.mpr</t>
  </si>
  <si>
    <t xml:space="preserve">最后三场比赛结束了,3,1,3是这个结果吧 </t>
  </si>
  <si>
    <t>完  米涅罗竞技2-1EC维托里亚 完  弗拉门戈0-0博塔弗戈 完  圣保罗3-1葡萄牙人 足彩的结果是3,1,3；没错！！！</t>
  </si>
  <si>
    <t xml:space="preserve">来猜谜语~黄土堆,铁钵锣,赖头媳妇,咂拉婆分别打四样同类型的事物 </t>
  </si>
  <si>
    <t>窝窝头、蒸笼、箅子、锅</t>
  </si>
  <si>
    <t xml:space="preserve">文理科分别可以报什么专业我现在不知道应该读文科还是理科,我想读有 </t>
  </si>
  <si>
    <t>心理学文科也招的，你现在不要顾虑那么多，应该看自己的情况，适合学哪一科就学哪一科，不要为了专业硬着头皮去学自己不适合的，专业来讲理科的选择面比较宽，相对文科较窄，而且文科的专业许多是文理兼收的，当然文科也是有很多好专业的，还是那句话要选适合自己的不要为了专业过早的下决定，现在你的任务是尽可能的学好，到时候才有挑专业的资格阿，记住：适合自己的才是最好的祝你好运！</t>
  </si>
  <si>
    <t xml:space="preserve">辣椒酱的制法我想做辣椒酱吃，外面卖的那个很不卫生。就是简单易学的 </t>
  </si>
  <si>
    <t xml:space="preserve">家庭自制辣椒酱　　鲜红辣椒 1斤，蒜2两，姜1两。 把鲜辣椒、 蒜、姜 切碎，加入比炒菜时的盐多一些， 再加入适量的味精提鲜味。搅拌均匀放入到玻璃罐中，密封好，放在一个避光地方，一个星期后，就可以吃了。辣椒酱打开后，可以在上面倒入少量的色拉油，可以长期保存辣椒酱。 </t>
  </si>
  <si>
    <t xml:space="preserve">我的汽车要上保险，请专业人士给点建议车子相关基本资料：厂牌型号： </t>
  </si>
  <si>
    <t xml:space="preserve">    我个人认为保费便宜并不很重要，在各家公司保费相差不大的情况下，比较各家公司的条款很重要，因为各家保险公司的车险费率都不一样，条款也不一样，服务理念也不一样。但我给你个建议就是到当地的人保、太保、平保这三家有势力的保险公司里选择投保。    其实方法很简单啦，就是用电话打到各家保险公司的办公电话，直接询问价格就行了，不过要注意：多问、多比较条款。千万别比价格啊。    据我所知，各家保险公司都有自己的优势。例如：人保有车身划痕险，自燃险含在车损险里，其他公司没有；太保有因下雨排气管进水发动机损坏可以理赔，其他家公司没有……    首选以下常用的险种：车损险、第三者责任险、车上座位险、不计免赔险。   再选以下无关紧要的险种：盗抢险、玻璃险、自燃险等。   建议你在29日以前投保，可获得比较优惠的价格，而凡是7月1日起保的第三者责任险均要使用强制保险价格，强制保险的价格要略高于商业保险的价格。   建议你直接去保险公司的柜台办理，代理人，汽车销售处可代办保险，但保费不一定就便宜，因为你交的保费越高，代理人提的越高，他们总想让你多办点。</t>
  </si>
  <si>
    <t xml:space="preserve">是男孩还是女孩单胎，头位，双头径92mm，脊椎光带完整，位于左前 </t>
  </si>
  <si>
    <t>花点钱，直接去做B超得了，走后门！不是，我说生男生女不都一样么？？有这么在乎么！</t>
  </si>
  <si>
    <t xml:space="preserve">关于零偷的意思零偷是什么意思？谁能具体解释一下？ </t>
  </si>
  <si>
    <t>哥们儿，其实不用说得这么复杂。所谓0偷，就是偷窃几率几乎=0的偷窃。也就是说你用偷窃刚好能成功的程度，但是成功几率极低。不过，这样的话系统抽取物品的几率都低到不能再低了。（7种物品每样偷到的几率都只是0.01%，只有7种的原因是怪掉8种东西，但是卡不能偷出来。）不过这样的话，偷到垃圾的几率就和偷到好东西几率一样了。风云仙境也对这种现象做了分析，不晓得是BUG还是特意留的技巧。0偷和普偷差别就是：普偷成功率高但是抽物品几率和打怪掉物品几率一样算的，弄到好东西的几率很低。（在某次改版后垃圾掉率增加到90%，貌似对杀怪打钱有利。但是对偷窃的影响很大。GOOD-MOOD对这个现象起了个名字，叫垃圾挡路。）而0偷成功率低，但是一旦成功的话就有很大几率出好东西。因为偷到所有物品的几率都为1/7。</t>
  </si>
  <si>
    <t xml:space="preserve">各位老大，小弟求教~~~~~~请问所谓的55级黄金武器是那种武器 </t>
  </si>
  <si>
    <t>黄金武器是指55级的“紫霞神~~”“夺命毒~~”75级的“黑龙雷天~~”不需要力量或敏捷，只要级数达到了就可以拿打怪，开箱子有一定几率得到，也可以自己合成！~~~官网上有合成所用物品的资料！！！</t>
  </si>
  <si>
    <t xml:space="preserve">减速机使用有什么技巧？ </t>
  </si>
  <si>
    <t>技巧1、在运转200~300小时后，应进行第一次换油，在以后的使用中应定期检查油的质量，对于混入杂质或变质的油须及时更换。一般情况下，对于长期连续工作的减速机，按运行5000小时或每年一次更换新油，长期停用的减速机，在重新运转之前亦应更换新油。减速机应加入与原来牌号相同的油，不得与不同牌号的油相混用，牌号相同而粘度不同的油允许混合使用；2、换油时要等待减速机冷却下来无燃烧危险为止，但仍应保持温热，因为完全冷却后，油的粘度增大，放油困难。注意：要切断传动装置电源，防止无意间通电；3、工作中，当发现油温温升超过80℃或油池温度超过100℃及产生不正常的噪声等现象时应停止使用，检查原因，必须排除故障，更换润滑油后，方可继续运转；4、用户应有合理的使用维护规章制度，对减速机的运转情况和检验中发现的问题应作认真记录，上述规定应严格执行。</t>
  </si>
  <si>
    <t xml:space="preserve">数学见证能否找到10个奇数，使得它们的倒数和为1 </t>
  </si>
  <si>
    <t>不能，设10个奇数为a1,a2……a10，则1/a1+1/a2+……+1/a10=(a2a3……a10+a1a3……a10+……+a1a2……a9)/(a1a2……a10)上式的分子是10个奇数之和，是偶数，分母是10个奇数之积，是奇数，显然不等于1，所以，不存在10个奇数，使得它们的倒数和等于1</t>
  </si>
  <si>
    <t xml:space="preserve">爱我的人我不爱,我爱的人不爱我.为什么在我的生活中出项了这样的问 </t>
  </si>
  <si>
    <t>你说得有点矛盾，对你有一点感觉的却爱上了你？到底是爱上了你还是对你有感觉啊？你自己都搞不清楚就不要谈恋爱了，如果你爱的人对你没有感觉有三种原因：一个是她压根没看上你，另一个原因是她爱上了别人，第三个就是她对你现在没有感觉（只是朋友关系）。如果是第一个原因（那就紧追不舍，实在不行就放弃，别让她对你厌烦），如果是第二个（趁早放弃），如果是第三个（一切随缘，顺其自然）。最重要的一点表白是最重要的，如果你连表白都没有，你怎么知道人家不爱你呢？还得要了解对方，最起码的名字、年龄、生日、有没有男朋友等等这都要知道，而且问这些东西也需要技巧不能上来就问。</t>
  </si>
  <si>
    <t xml:space="preserve">50小法金想带石魔，请教一下高手50的法金，3灵1敏加点的想55 </t>
  </si>
  <si>
    <t>石头最好是全体加点的。。一卡，你当然可以收一只野生的石头了，可野生的不直一卡啊。。如果是野的或者是洗好的2000W左右，满血的。。如果像30级，到50级，1卡加点钱。。我们区会员3200W再说说你的加点，三灵一敏，最普通，也是最合适的加点。。带石头很好。。到70可以换罩云。。</t>
  </si>
  <si>
    <t xml:space="preserve">帖一张动画&lt;网球王子&gt;的图片帖一张动画&amp;lt;网球王子&amp;gt;的 </t>
  </si>
  <si>
    <t xml:space="preserve">一品五色棍+190+20???16%精神+5、體魄+5、統御+5 </t>
  </si>
  <si>
    <t>新装备　就没点好的　哎</t>
  </si>
  <si>
    <t xml:space="preserve">新人第一次招募英雄用多少棵钻石比较合适？ </t>
  </si>
  <si>
    <t>5个，运气好可以招到好英雄，我的是个垃圾！暂时，呵呵！！</t>
  </si>
  <si>
    <t xml:space="preserve">一个[人]加一画不是大也不是个字你可以帮我猜猜吗？ </t>
  </si>
  <si>
    <t>及</t>
  </si>
  <si>
    <t xml:space="preserve">u盘里面容量有记录，文件却没有丢失但看不见！ </t>
  </si>
  <si>
    <t>被隐藏了，给你上传一个工具，点击下载，双击导入注册表即可</t>
  </si>
  <si>
    <t xml:space="preserve">胃热拌口臭该怎么办? </t>
  </si>
  <si>
    <t>根据胃的具体情况到进行治疗,服用一段时间胃药之后口臭问题自然就解决了※※口臭的预防和治疗 首先，要十分注意口腔卫生，每天晨起、睡前和饭后认真地刷牙漱口，必要时，用牙刷或洁净的毛巾轻柔地刷除舌苔。 其次，戒烟戒酒；饮食要相对清淡，避免吃生冷、刺激性、有臭味（如蒜、葱、韭菜、臭豆腐等）及不易消化的、油腻的（高蛋白、高脂肪）食物；进食时要细嚼慢咽；多喝水，多食蔬菜水果及豆类；生活作息规律，保持心情舒畅；多参加体育锻炼。 中医认为，口臭属于胃肠道有“热”，因此主张口臭尽量少吃助热的温里散寒类食物，适量吃一些消热的清热类食物。 第三，在治疗上，首先要积极治疗原发病。对于口腔、消化系统、呼吸系统等可引起口臭的疾病，要积极进行相应的治疗；由于口臭往往多是由于口腔或消化道感染厌氧菌或兼性厌氧菌所致，所以可以服用替硝唑或甲硝唑（时间不能超过7天），这是一种治疗厌氧菌或兼性厌氧菌的药物；幽门螺杆菌感染所引起的口臭，可以服用根治幽门螺杆菌的药物。还可以配合用中药佩兰10克，开水沏饮（就是像沏茶那样地以佩兰代茶沏着喝）一天1—2次，这比有些口香糖要好使；叩齿也是一种很好的方法：闭唇，轻轻叩齿100－300次，其间可有唾液增多现象，小口缓缓咽下，每日做2－3次，不但治疗口臭，对口腔疾病也有不错的疗效，大家不妨试一试；另外，属于精神因素口臭者，服药无效，需要看心理医生。 口臭在中医来说，主要是脾热、胃火、肠燥等，又有虚实之分。因此，口臭如想服中药，一定要找有经验的中医医生开方，不可自己擅自选服中药，因为 “清胃火”的中药，十分苦寒，服后极易损伤脾胃，导致口臭未除，脾胃先伤。 ※※中医辨证治疗 胃火口臭：多由火热之邪犯胃所致。其证除口臭外，每兼面赤身热，口渴饮冷，或口舌生疮，或牙龈肿痛，流脓出血等。应清泻胃火。宜用清胃散（黄连、升麻、生地、丹皮、石膏、当归）治之。大便秘结者，加大黄。 食积口臭：多由过饱伤胃、缩食停滞胃中引起。其证口出酸腐臭味，脘腹胀痛，不思饮食，嗳气口臭等。应消食导滞，保和丸或枳实导滞丸，均可随症选用。 热痰口臭：多由热痰犯肺或热痰郁久化脓化腐引起。其证除口臭外，每兼咳吐痰浊或脓血，胸痛短气等。应清肺涤痰。未化脓化腐者，宜用小陷胸汤（半夏、黄连、瓜萎）治之；化脓化腐者，宜用千金苇茎汤（桃仁、苇茎、冬瓜子、苡仁）加味治之。 虚热口臭：多由阴虚生内热所致。口臭而兼见鼻干，干咳，大便干结，为肺阴虚弱之候。当清润肺脏，宜用清燥救肺汤（石膏、桑叶、杏仁、枇杷叶、人参、麦冬、阿胶、胡麻仁、甘草）化裁治之；口臭而兼见心烦不安，失眠多梦，肌肉跳动，爪甲不华，为肝之阴血亏损。当补益肝之阴血。用酸枣仁汤（酸枣仁、茯神、知母、川芎、甘草）合四物汤（熟地、当归、川芎、白芍）加减治之，其效颇佳。口臭而兼见腰腿酸软，多梦遗精，口干咽燥，夜间尤甚，为肾阴虚损，相火妄动之证。用知柏地黄丸滋阴降火，久服必验 ※※偏方治疗口臭 1 取甘草30片，苹果一个切成块，香菜20棵，一起下锅 （砂锅），放两碗半水煎成一碗左右。弃渣取其汁，稍 凉后加入适量蜂蜜即可饮用。一天一次，连服5天。 2 取藿香（鲜品尤佳）15克，苍术10克，加水煎取药液500 毫升后，再放入冰片1克溶化。然后每天含漱3-4次，至 痊愈为止。 3 香薷除臭方 大黄10克，香薷、藿香、益智仁、砂仁、草 果、山姜、高良姜、山柰、甘松、香附、桂皮各10克， 共研细末，每日早晚各擦牙1次，用于治 ※※饮食除口臭 咸鱼头豆腐汤 咸鱼头味甘兼具清热作用，而豆腐性凉，有清热解毒之效，对于口腔溃烂、牙龈肿痛、口臭及便秘等都甚有功效。 材料：咸鱼头1个，豆腐数块，生姜1片 做法：洗净所有材料，咸鱼头斩件稍煎后与生姜同放入煲内，加入适量清水用猛火滚约半小时，放入豆腐再滚20分钟便可。 生芦根粥 专治因舌干或牙龈肿烂造成的口臭。 材料：芦根30克，大米50克。 做法：芦根洗净后放入煲内，加入适量清水大火煮15分钟，隔渣留汁，加入米煮成粥，每日1剂，宜每早空腹服用，约5剂见效。 黄瓜粥 专治肝火盛或内湿引致的舌干口臭。 材料：黄瓜50克，大米100克。 做法：黄瓜去皮切片，与大米同煮粥，随意服食。 ※※急救口臭法 为了不令自己终日有口难言，以下介绍的几个针对性急救口臭方法，都能有效地助你清除口内异味，以后就不用封嘴了！ 1、口气清新剂———除烟臭 针对口腔中含有分解食物造成过多的微生物及代谢物所引致的臭味，或是因轻度鼻窦炎，鼻后溢液造成的异味、吸烟引致的口臭等。当感到口存异味时，先喝几口清水，喷上口气清新剂后合上嘴数秒，便可令口腔保持数小时的清新。 2、高浓度薄荷糖———除浓烈食物味口臭 专门针对吃过洋葱、蒜头、咖喱等富挥发性气味的食物引致的口气，能迅速令口腔回复清新，但持久性只有半小时。 3、饮柠檬水———除口干造成的口臭 饮清水可令口腔经常保持湿润，在水中加上一片柠檬，能刺激唾液分泌，减少因鼻塞、口干或口腔内残余食物引致的厌氧细菌造成的口臭。 4、药性漱口水及痱滋膏———除口腔炎造成的口臭 因牙肉发炎、痱滋等口腔炎造成的口臭，可尝试使用一些含药性的漱口水或专用药膏。 5、蔬菜水果———除消化不良造成的口臭 因肠胃消化不良或便秘带来的口腔异味，最直接了当的方法当然是多吃蔬菜及水果等纤维食物，令消化系统变得健康。 6、刷牙———除口腔不洁的口臭 必须每天早晚彻底刷净牙齿，电动牙刷比普通牙刷更有效。除了牙刷外，每日必须用一次牙线才能彻底清除藏在牙缝内的牙垢。在刷牙后，应该用漱口水漱口，加强防止蛀牙及抑制口气。在漱口时，漱口水能彻底清洁整个口腔。当在外吃完东西而未能及时刷牙时，也可用漱口水抗菌。 7、刷舌———除舌苔细菌造成的口臭 在舌头表面除了味蕾外，还有进食后的食物残渣，在粘膜脱落后成为舌苔。在这种情况下也会让细菌有机会繁殖，造成口气。所以，在刷牙后，应用牙刷柄刷舌头表面的舌苔。 口臭的预防和治疗首先，要十分注意口腔卫生，每天晨起、睡前和饭后认真地刷牙漱口，必要时，用牙刷或洁净的毛巾轻柔地刷除舌苔。 其次，戒烟，戒酒；饮食要相对清淡，避免吃生冷、刺激性、有臭味（如蒜、葱、韭菜、臭豆腐等）及不易消化的、油腻的（高蛋白、高脂肪）食物；进食时要细嚼慢咽；多喝水，多食蔬菜水果及豆类；生活作息规律，保持心情舒畅；多参加体育锻炼。 中医认为，口臭属于胃肠道有“热”，因此主张口臭尽量少吃助热的温里散寒类食物，适量吃一些消热的清热类食物。 在治疗上，首先要积极治疗原发病。对于口腔、消化系统、呼吸系统等可引起口臭的疾病，要积极进行相应的治疗；由于口臭往往多是由于口腔或消化道感染厌氧菌或兼性厌氧菌所致，所以可以服用替硝唑或甲硝唑（时间不能超过7天），这是一种治疗厌氧菌或兼性厌氧菌的药物；幽门螺杆菌感染所引起的口臭，可以服用根治幽门螺杆菌的药物。还可以配合用中药佩兰10克，开水沏饮（就是像沏茶那样地以佩兰代茶沏着喝）一天1—2次，这比有些口香糖要好使；叩齿也是一种很好的方法：闭唇，轻轻叩齿100－300次，其间可有唾液增多现象，小口缓缓咽下，每日做2－3次，不但治疗口臭，对口腔疾病也有不错的疗效，大家不妨试一试；另外，属于精神因素口臭者，服药无效，需要看心理医生。 口臭在中医来说，主要是脾热、胃火、肠燥等，又有虚实之分。因此，口臭如想服中药，一定要找有经验的中医医生开方，不可自己擅自选服中药，因为 “清胃火”的中药，十分苦寒，服后极易损伤脾胃，导致口臭未除，脾胃先伤。胡医生在多年的临床实践中，摸索出一个以中药调和脾胃、寒热并用治疗口臭的方法，既可消除口臭，又能顾护脾胃，效果很好。 很多人有口臭的毛病，这种病不但自己感到不舒服，在许多场合也常使别人感到厌恶。要除去这种口臭。最常见的口臭原因多半来自牙病和口腔不清洁。譬如，刷牙马马虎虎，口里污物太多；龋齿很多而不少是深的大洞，食物残渣容易嵌进洞里腐烂发酵；有的只剩下残余的牙根，常使牙齿周围发炎化脓。有些戴假牙的人不注意假牙的清洁，嘴里也会有气味。有引起人因为吃了葱、蒜、臭豆腐、带腥味的鱼、虾、蟹、羊肉等食品，可使嘴里发生异味。如能经常保持口腔的清洁，饭后漱口刷牙，注意假牙的洗刷等，这些口臭都可以减轻或避免。中华医学网</t>
  </si>
  <si>
    <t xml:space="preserve">同居多久算事实婚姻 </t>
  </si>
  <si>
    <t>领了结婚证才能算是事实婚姻，同居是不受法律保护的.</t>
  </si>
  <si>
    <t xml:space="preserve">刀的技能为什么落差这么大啊用84的技能在一样的情况下有时候打30? </t>
  </si>
  <si>
    <t xml:space="preserve">落差要是不打 那玩刀就没意思了 刀本来的攻就底  600*3应该是出真武和破甲了 两个一快出应该就能打那么多了 </t>
  </si>
  <si>
    <t xml:space="preserve">20级才做信仰任务，17、19级的信仰点是不是就没有了？ </t>
  </si>
  <si>
    <t>不是的，还会保留</t>
  </si>
  <si>
    <t xml:space="preserve">我和我老公今年发年终奖加起来大概有50万，做点什么投资好呢？今年 </t>
  </si>
  <si>
    <t xml:space="preserve">    我觉得做投资就得找一些企业和投资者利益捆绑在一起的，这样就不担心企业不尽心了。有些理财产品，只管收取费用，不管是否盈利。    来福士燕窝生态园，企业的利益是与投资者绑定在一起的，只有投资者有收益了，企业才会收取一定的管理费用。详细信息可以进来福士燕窝生态园官方网站查看。</t>
  </si>
  <si>
    <t xml:space="preserve">有哪些鬼屋比较恐怖（国内），越详细越好，谢谢 </t>
  </si>
  <si>
    <t>北京市东城区朝阳门内大街81号院的两幢西洋小楼你可以去上海欢乐谷，我觉得就挺恐怖的国内的可多了，邀我怎么才能说完啊，献给个好评慢慢和你唠</t>
  </si>
  <si>
    <t xml:space="preserve">提高考研英语课外阅读,看哪个网站比较好? </t>
  </si>
  <si>
    <t>China Daily中国日报（英文版）： The Economist经济学家（英国） Newsweek新闻周刊 现在考研阅读都是从英美报刊杂志随机选出来的文章段落，没有人知道到底会选那些文章。但国家考试中心提到过两个杂志。中国日报经常摘录英美报刊文章，而英国的经济学家、美国的新闻周刊都是被国家考试中心提到过的，特别是经济学家。另外，我开始提到的纽约时报和泰晤士报同样被各个英语辅导班老师提及。补充：中国日报主要看主页里world、Business、Life这三个版块新闻，另外还有英语学习中的英语新闻版块world版块： Business版块： Life版块： 英语学习版块： 经济学家和新闻周刊看看首页的主要新闻报导评述就可以了，主要也就是了解一下目前美国和英国主要关注的经济、文化、社会方面的大事儿。另：中国日报里的经济报道，中国经济新闻居多，所以经济类的还是看The Economist经济学家，则才是西方关注的经济问题。</t>
  </si>
  <si>
    <t xml:space="preserve">F1车有多长？ </t>
  </si>
  <si>
    <t xml:space="preserve">    格兰披治一级方程式（Grand Prix Formula One 简称：）大奖赛是目前世界上速度最快的、费用最昂贵、技术最高的比赛，它是赛车运动中等级最高的一种。所谓“方程式”赛车是按照国际汽车运动联合会（FISA）规定标准制造的赛车。这些标准对“方程式”赛车的车长、车宽、车重、发动机的功率、排量、是否用增压器以及轮胎的尺寸等技术参数都作了严格的规定。F1大赛的统筹工作，均由FISA安排。他们负责制订车赛的规则，拟定比赛时间表和选择赛车的场地等。FISA要求F1赛车采用排量为3L、12缸以下、不加增压器的自然吸气式发动机。F1赛车的底盘采用碳化纤维为制造，重量很轻，很坚固。车赛的底盘很低，最小离地间隙仅有50-70毫米。与普通的汽车相比，F1赛车有许多独特的地方，它的车身细而长，车身高度很低，宽大的车轮极为显眼，而且是完全暴露的，即所谓“开式车轮”。每辆F1赛车都是世界著名汽车厂家的精心杰作。一辆这种赛车的价值超过七百万美元,甚至不亚于一架小型飞机的价值。F1汽车大赛，不仅是赛车手勇气、驾驶技术和智慧的竞争，在其背后还进行着各大汽车公司之间科学技术的竞争。福特汽车公司就形象地把汽车大赛比作“高科技奥运会”。在汽车大赛中推出的新型赛车，从设计到制造都凝聚着众多研制者的心血，并代表着一家公司乃至一个国家的高科技最新水平。汽车大赛还是各国科技人才素质的较量。据悉，德国约有2000多名专业人才直接从事赛车的设计、制造和研究工作、美国约有1万人；而日本则最多，估计近２万人左右。所有参加F1大赛的车手，都是经过千挑万选的世界车坛的精英。每一位车手在跻身F1大赛前，都必须经过多个级次的选拔，例如小型车赛、三级方程式(F3)车赛等等，堪称过五关、斩六将，而要成为世界冠军，更非易事。他必须身经百战，集赛车技术、天赋及斗志于一身。根据FISA的有关规定，每年，全世界能有资格驾驶世界F1赛车的车手不超过100名。所有驾驶F1赛车的选手，都必须持有FISA签发的“超级驾驶执照”；每年只有少数的优秀车手有资格参加决赛。F1大赛每年都要选择地理条件迥然不同的16个赛场。他们有的现在高原上，那里空气稀薄，用以考验车手的身体素质非；有的则是街道串成的赛道，那里路面相对狭窄曲折，车手弄不好就会撞车；有的赛车场就显得路面宽阔，但也有上下坡考验车手的技术；还有的赛车场建在树木葱郁的森林中，那里跑道起伏大，车手很难控制赛车。由于赛车经常出现意外，FISA要求所有主办国的赛车场必须有足够的草地缓冲区。各赛场的救护人员也必须分布在全场的每一个角落，争取在出事的一刹那，跑进现场，进行抢救。每一赛车都需在车赛前三天进行试车，然后根据试车圈速排列起跑位次。通常在试车的时候，共有28-30辆赛车参加计时，但最终只取前26辆赛车参加比赛。正式比赛开始，各车手按排位从相继不远的起跑位置出发。进入前8名可得分。第一名是10分，第二名是8分，第三到第六分别是4到2，1分。 </t>
  </si>
  <si>
    <t xml:space="preserve">男人50多了怎么还这么厉害呢?几天前被公公征服,第一次和这样的老 </t>
  </si>
  <si>
    <t>是你们变态者｜｜｜－　－</t>
  </si>
  <si>
    <t xml:space="preserve">句子ThenameofthegirlisLucy.(改为同义句) </t>
  </si>
  <si>
    <t>The girl's name is Lucy.</t>
  </si>
  <si>
    <t xml:space="preserve">长时间吸蚊香的味道对身体有害吗 </t>
  </si>
  <si>
    <t xml:space="preserve"> 只要是蚊香都有害,夏天防蚊的最好方法是挂蚊账,通风又环保,保证身体健康 蚊香 历史悠久的蚊香是最早被使用的杀虫剂，远在数千年前的南宋时期便出现过中药制成的类似驱蚊棒。蚊香是利用高温燃烧作用，将杀虫剂缓缓释放到空气中，驱蚊效果大于杀蚊效果。专家建议蚊香最好放在户外使用，比如居家周围、门口或空气流通的区域。傍晚时分、天黑前点蚊香驱蚊效果最佳。传统的蚊香有线香或盘香两种。近年来，又出现了液体或固体电蚊香。固体电蚊香的原理是将杀虫剂（除虫菊精）吸入纸片中，利用热气蒸发出杀虫剂，一般药效可维持6～8小时。缺点是刚使用时药效良好，可能有「超量」之余，但4～5小时之后，杀虫剂挥发殆尽，药效变差，防蚊效果变弱。利用毛细管原理，持续加热释放杀虫剂物质的液体电蚊香，正好可以弥补电蚊香的缺点。液体电蚊香可以连续长时间使用，约60天左右，甚至可定时释放。根据卫生研究所做的报告指出，电蚊香除释放出亚列宁、甲苯等物质外，尚有许多未知的，具危害性的化合物。如在密闭室内使用，可能会产生严重过敏的现象，如喉咙痛、鼻塞、头痛等。因此建议使用电蚊香时，应保持空气流通。睡前半小时，是使用电蚊香的好时机。使用时门窗紧闭，人及宠物都要离开。炎炎夏日，不少人喜欢点蚊香驱蚊，却不知这会对人体造成伤害。其实，大多数蚊香的有效成份是除虫菊脂杀虫剂，以及有机填料、黏合剂、染料和其他添加剂等，蚊香燃烧的烟里因此含有许多对人体有害的物质，有可能诱发哮喘等疾病。 据测算，点一卷蚊香放出的微粒和烧100根左右香烟的量大致相同，释放出的超细微粒，可以进到并留存在肺里，短期内可能引发哮喘，长期则可能引发癌症。其次是蚊香基底材 料不完全燃烧产生的致癌物质，以及一些会刺激上呼吸道的化合物，这些物质会使人的神经系统中毒。 夏季驱蚊最好采用安全天然的方法，比如用蚊帐或纱窗把蚊子隔绝在外；或者在卧室内放置几盒开盖的清凉油和风油精。当然，要想从源头上消除蚊子，最好是把蚊子容易滋生和繁殖的地方打扫干净，特别是静水和阻塞的水槽。 教你几招防蚊、驱蚊办法: □家中容器中的积水不要放置过长，发现蚊子幼虫，要用开水烫死。 □不要将蛋壳之类和有容器形状的垃圾乱扔，垃圾桶最好用有盖的那种。 □住在底楼要注意地漏和下水管道口。 □蚊虫喜欢在比较暗的地方飞，穿深色衣服容易招引蚊虫叮咬。 □蚊子黄昏前喜欢停息在窗台附近，入夜后喜欢停息在房中表面色泽较深的物体上，按此规律拍打蚊子，事半功倍。 □小区物业要检查排水系统，有条件的要改造成暗渠，排水口设防蚊闸，没条件的应每天疏通下水道。各类坑洼地、死水塘等应该填平，未能填平的应定期施放杀虫剂。 □家庭水生植物要定期换水。 □在使用驱蚊药时，一个品牌在连续使用2个月后，换一种药物驱蚊，效果更好。 □如果要出远门，一定要盖好抽水马桶的盖子，以免蚊虫产卵。 ●吃大蒜可有效驱蚊，因为蚊子不喜欢人体分泌出来的大蒜味。 ●口服维生素B、通过人体生理代谢后从汗液排出体外，会产生一种蚊子不敢接近的气味。服法为睡前一小时口服维生素B1～2片，但不要长期大量服用。另外在洗澡时滴几滴维B液，也可以防蚊。 ●穿黄色、模色、白色衣服在日常生活中，常见有些人经常挨蚊子咬，而身边的人却毫无感觉的现像。原来蚊子咬人与人们所穿的衣服颜色大有关系。如果穿深蓝色或褐色的衣服，被蚊子叮咬的机率会大些。所以在夏天应穿浅色衣服。 ●巧用清凉油、风油精在卧室内放几盒揭开盖的清凉油或风油精。 点蚊香，气味呛人；挂蚊帐，空气沉闷。如果能在点蚊 前，在整盘蚊上滴洒适量的风油精，则可使蚊 不呛人，而且满室清，驱蚊效果好。如果能在进蚊帐之前，在蚊帐上洒几滴风油精，可以改善蚊帐内的空气状况，而且增加驱蚊效果。 ●摆入驱蚊鲜花黄昏前，在室内摆1，2盆盛开的茉莉花、米兰或玫瑰，最好是夜来香。因蚊子不能忍受这些花的 气而逃避。 ●室内安装橘红色灯泡，由于蚊子害怕橘红色的光线，所以能产生很好的驱蚊效果。 ●将阴干的艾叶等搓成绳索，点燃后放在室内，其烟味可驱蚊。 ●将晒干后的残茶叶燃烧，可以驱除蚊虫。 ●用空酒瓶装35毫升糖水或啤酒放在桌面或室内蚊子较多处，蚊子闻到甜酒味就会注瓶子里钻，被糖水或啤酒粘住致死。</t>
  </si>
  <si>
    <t xml:space="preserve">地理问题经纬请问什么是经度什么是纬度 </t>
  </si>
  <si>
    <t>楼上不对、度数不指示方向。在地球仪表面，连接南北两极并垂直于赤道的弧线叫经线。每条经线的长度相等，并且都指示南、北方向。为了区别每一条经线，我们给经线标注了度数——经度。国际上规定以通过英国伦敦格林尼治天文台原址的那条经线为0度，即本初子午线。从0度经线向东、向西各分为180度。在地球仪上与赤道平行的弧线叫做纬线，纬线是圆，指示东、西方向。为了区别每条纬线，标注的度数就是纬度。赤道为0度，向南、向北各分为90度。</t>
  </si>
  <si>
    <t xml:space="preserve">泡沫混凝土自保温砌块生产原材料都有什么？ </t>
  </si>
  <si>
    <t>泡沫混凝土自保温砌块生产原材料广泛；如: 水泥、粉煤灰、炉渣、矿渣、河沙、石粉等都可作为原材料且成品孔径是封闭独立的不吸水，所以保温隔热隔音效果都佳。而蒸养粉煤灰加气块要有电厂作为先决条件,然后利用电厂粉煤灰和电厂有利条件才可以。成品孔径是开口的，吸水力强，因此保温隔热隔音都不及免蒸砌块。造价成本方面泡沫混凝土自保温砌块按每立方400元计算，1立方砌块可以砌筑5平方米，每平方米造价80元。砌筑完毕可直接进入装饰，无需再做保温。而蒸养粉煤灰加气块每立方按180元计算，1立方可砌筑5平方米，每平方米砌块造价36元，外墙外保温每平方米85元，综合成本每平方121元，而且砌筑完毕需进行外墙保温工序，工期延长1-2个月。</t>
  </si>
  <si>
    <t xml:space="preserve">谁能给我解释下盗贼出血技能的说明！高分！立即对目标造成伤害并令其 </t>
  </si>
  <si>
    <t>给目标施放一个持续15秒的debuff，再这期间对目标的30次物理攻击都将使目标多承受7点的伤害，也就是使攻击者的物理伤害+7！流血不止，就是说这个一个持续性debuff，可以持续15秒！最多生效30次，就是说只限于30次物理攻击，如果再15秒内物理攻击超过30次此debuff消失！很显然如果想充分发挥15秒内30次伤害，只有副本！但是出血还有一个特点就是消耗能量极低，配合强化偷袭可以再很短时间内攒够5星！</t>
  </si>
  <si>
    <t xml:space="preserve">知道五笔字哪里可以下的告诉我最好连如何安装也告诉我下,我只会用五 </t>
  </si>
  <si>
    <t xml:space="preserve">      自己下去吧</t>
  </si>
  <si>
    <t xml:space="preserve">幸运3白虎可以换雷霆什么我93区光明顶 </t>
  </si>
  <si>
    <t>幸运3白虎在你们区来说，只可以换雷霆项链一样，多了我看没人换，但是建议你换的时候叫对方+点赤月的东西，要是对方不+的话，建议换了，只是现在换是不亏，但是以后谁也不知道。</t>
  </si>
  <si>
    <t xml:space="preserve">孩子写字老是反的，有影响么？儿子快五岁了，现在在学习数字，写出来 </t>
  </si>
  <si>
    <t>没关系的，小孩子嘛，冷丁拿笔他会觉得自己怎么得劲就怎么写．会拐不过来这个弯．慢慢会好的．你可以拿着粉笔在地上写给他看，或者握着他的手在地上练习，再到本子上写，会很快适应的．我女儿当初我就是这么教的，呵呵．小孩子本身看自己写不好也很恼的</t>
  </si>
  <si>
    <t xml:space="preserve">F的问题我是一个173的F2分还行3分没投过但是助攻却有平均4. </t>
  </si>
  <si>
    <t>不错的数据嘛.为什么不去玩PG啊?至于SF和PF嘛.看你的喜好啦~ 如果想玩的级别很高的话玩SF吧.因为SF需要级别高威力才会发挥出来.要是喜欢PF扣篮和篮板的呢,就玩PF啦~~~我的小F(和朋友一起去打小号的时候玩的),现在平均每场抢断1.3个.看来只能当SF了.呵呵</t>
  </si>
  <si>
    <t xml:space="preserve">求电脑高手来帮忙决绝问题[悲伤][悲伤]我们家电脑突然无法播放音? </t>
  </si>
  <si>
    <t>声卡的问题应该是，试一下下载一个声卡驱动试一下的，不然就要拿去维修。如果我的答案对你有用麻烦点击有用，谢谢！</t>
  </si>
  <si>
    <t xml:space="preserve">猪猪大师快来我PASSACT4了，现在再帮忙改下，另外告诉我你怎 </t>
  </si>
  <si>
    <t>用UT修改器，打开修改器，点查看选游戏信息，在右边找到cuent location---这里就是先进游戏的地点。我给你一张图，你自己看。</t>
  </si>
  <si>
    <t xml:space="preserve">双倍打卡要怎么计费？？请官方解释 </t>
  </si>
  <si>
    <t>那就是防沉迷系统，每天只有8小时正常经验，其它时间减半，只不过完美还要你自己去领，每次最多2小时，你去打怪吧，然后还得跑回来再领，多花点卡计费还是正常的，经验双倍收费不双倍</t>
  </si>
  <si>
    <t xml:space="preserve">得了颈椎病怎么办？如何治疗？颈椎病好几年了，一直反反复复，不知道 </t>
  </si>
  <si>
    <t>治疗颈椎病有很多种方法，但是颈椎病也分为几种病因，有些人是因为身体劳累，长时间不活动而导致的颈椎病，有些人是因为经常负重物，使颈椎变形而导致的颈椎病，所以治疗颈椎病也有不同的方式。中医认为颈椎病是有人体经脉气血引起的，经脉不通就会导致了疼痛症状的出现。中药‘颈椎病顺舒贴’具有活血化瘀、祛风除湿的功能，使病变部位自然恢复到健康状态，彻彻底底的治愈，从而达到消肿止痛的原理。是目前治疗颈椎病的最好的药物之一!日常生活中注意：1．情绪稳定、劳逸结合，注意颈部锻炼。 2．避免长时间低头伏案工作或仰头看电视。 3．选择适当的枕头，高度一般10厘米左右为宜。 4．保持头颈正确姿势。 5．防止各种外伤事故，尤其是经常进行体力劳动者，要注意休息，以减轻颈部的疲劳。</t>
  </si>
  <si>
    <t xml:space="preserve">我是第一次玩模拟人生,这一系列中，哪个游戏比较好玩一些,我不太会? </t>
  </si>
  <si>
    <t>这个好办,如果你的饥饿度到中间,你就把鼠标指向冰箱,如果你的疲劳达到红了,那就点床.(注意:床平常点没用),其他的一道中间就点相应物品旧可以了.用报纸电脑找工作.懂了吗?其中,有这些:明星\渡假\宠物\朋友\普通\魔法\,,,,,,,,我认为你喜欢哪个就选哪个好!</t>
  </si>
  <si>
    <t xml:space="preserve">你说过的最诚恳的一句话是？期待经典回答… </t>
  </si>
  <si>
    <t>老师，你的裤子拉链开了！</t>
  </si>
  <si>
    <t xml:space="preserve">什么原因造成小儿脑瘫？ </t>
  </si>
  <si>
    <t xml:space="preserve">   引起脑性瘫痪的原因很多，产前因素最常见，包括遗传和染色体疾病、先天性感染、脑发育畸形或发育不良、胎儿脑缺血缺氧致脑室周围白质软化或基底节受损等。围产因素指发生在分娩开始到生后一周内的脑损伤，包括脑水肿、新生儿休克、脑内出血、败血症或中枢神经系统感染、缺血缺氧性脑病等。围产因素可能是引起早产儿脑瘫的重要原因。晚期新生儿以后的因素包括从1周至3或4岁间发生的中枢神经系统感染、脑血管病、头颅外伤、中毒等各种引起的非进行性脑损伤的病因。早产和宫内发育迟缓也是脑瘫的重要的高危因素。</t>
  </si>
  <si>
    <t xml:space="preserve">清泉老师，０００９６３现在盘中反弹了，是否出呢？昨天一直在１５. </t>
  </si>
  <si>
    <t>准备企稳后补仓,反弹一并减磅.</t>
  </si>
  <si>
    <t xml:space="preserve">深灰色外套搭配什么颜色的裤子和鞋子好看？刚买了一件深灰色春装外套 </t>
  </si>
  <si>
    <t>里面穿格子衫或条纹毛衣，裤子就穿牛仔裤或浅颜色休闲裤，鞋子我觉得穿皮鞋休闲鞋都行</t>
  </si>
  <si>
    <t xml:space="preserve">宝宝多大应该不用奶瓶喝奶？宝宝现在16个月。 </t>
  </si>
  <si>
    <t>一岁左后可以先用杯子练习，杯子要能吸引孩子注意力，引起他的好奇心。其实用不用奶瓶并没有太大关系，随着孩子辅食的增加，奶瓶的利用率会大大降低，时间也会缩短，不会影响牙齿，而且有时躺着喝水会很方便，私下认为不用刻意去戒掉，顺其自然好些。</t>
  </si>
  <si>
    <t xml:space="preserve">急急急，请有经验的朋友帮帮我。。速进来我和老公做完之后都有半个月 </t>
  </si>
  <si>
    <t>要是你平时也有月经不正常的话,也有可能是推迟,如果你没有做安全措施有了的机会也很大,要是你不愿上医院检查的话,可以试试去买验孕棒验一验,这样会比较安心的,你现在还是学生,真的不想有的话,你下次就要小心的了,别伤了自已的身体.</t>
  </si>
  <si>
    <t xml:space="preserve">请解释一下内存的带宽?谢谢! </t>
  </si>
  <si>
    <t xml:space="preserve">从功能上理解，我们可以将看作是内存控制器（一般位于北桥芯片中）与CPU之间的桥梁或与仓库。显然，内存的容量决定“仓库”的大小，而内存的带宽决定“桥梁”的宽窄，两者缺一不可，这也就是我们常常说道的“内存容量”与“内存速度”。除了内存容量与内存速度，延时周期也是决定其性能的关键。当CPU需要内存中的数据时，它会发出一个由内存控制器所执行的要求，内存控制器接著将要求发送至内存，并在接收数据时向CPU报告整个周期（从CPU到内存控制器，内存再回到CPU）所需的时间。毫无疑问，缩短整个周期也是提高内存速度的关键，这就好比在桥梁上工作的警察，其指挥疏通能力也是决定通畅度的因素之一。更快速的内存技术对整体性能表现有重大的贡献，但是提高内存带宽只是解决方案的一部分，数据在CPU以及内存间传送所花的时间通常比处理器执行功能所花的时间更长，为此缓冲区被广泛应用。其实，所谓的缓冲器就是CPU中的一级缓存与二级缓存，它们是内存这座“大桥梁”与CPU之间的“小桥梁”。事实上，一级缓存与二级缓存采用的是SRAM，我们也可以将其宽泛地理解为“内存带宽”，不过现在似乎更多地被解释为“前端总线”，所以我们也只是简单的提一下。事先预告一下，“前端总线”与“内存带宽”之间有着密切的联系，我们将会在后面的测试中有更加深刻的认识。 </t>
  </si>
  <si>
    <t xml:space="preserve">我的共享资料怎么都没了？我的共享资料全没了是怎么回事，并且积分也 </t>
  </si>
  <si>
    <t xml:space="preserve">各位爱问网友，大家好！ 为了给广大用户提供稳定优质的服务，爱问知识人与共享资料即日起进行系统升级，预计在1月7日下午6点前完成，升级期间可能造成知识人与共享资料的操作缓慢，如遇类似情况请您耐心等待，我们保证您发布的内容和资料不会丢失。 由于系统升级给您带来不便，敬请谅解。 如果您有任何问题，请及时反馈给我们。 爱问知识人、共享资料产品组 2011年1月5日如果有什么问题，请找知识人分类管理员解决   </t>
  </si>
  <si>
    <t xml:space="preserve">【悬赏百分！恳请excel高手指点！】如何在顺序错乱的单行表格中? </t>
  </si>
  <si>
    <t>1、数据-分列-分隔符号勾上“逗号”-数据就会分开了，（没有分隔的符号，就选下面的固定距离进行分列，点击第一排数据，后面就会出现一条分割线的）A1 金 B1 木   C D E FA2土  B2 黑。。。2、将所有的数据都转成一列（可以用  复制-选择性黏贴-转置，总之，结果就是将你要的数据排成一列3、进行数据-筛选-高级筛选-选择不重复的数据R1 金R2 木R3 水4、在R1后面的S1输入公式，IF(R1=A1，1,)，往下拉公式5、如果拉出来的统计结果，在数字5及以上的，统计一下，有3个大于等于5的数字出现，那么就是有3对5个相同元素</t>
  </si>
  <si>
    <t xml:space="preserve">什么是朝枚之年？？？？……在空间里边要选年龄时，发现还有个朝枚之 </t>
  </si>
  <si>
    <t>难得我也有长篇大论的时候自古以来，我国对婴、幼、少、青、壮、中、老各个年龄的称谓，真可说是名目繁多，雅致有趣. 不满周岁——襁褓； 2~3岁——孩提; 女孩7岁——髫年； 男孩8岁——龆年； 幼年泛称——总角； 10岁以下——黄口； 13~15岁——舞勺之年； 15~20岁——舞象之年； 12岁（女）——金钗之年； 13岁（女）——豆蔻年华， 15岁（女）——及笄之年； 16岁（女）——破瓜年华、碧玉年华； 20岁（女）——桃李年华； 24岁（女）花信年华； 至出嫁—— 梅之年； 至30岁（女）——半老徐娘； 20岁（男）——弱冠； 30岁（男）——而立之年； 40岁（男）——不惑之年、强壮之年； 50岁——年逾半百、知非之年、知命之年、艾服之年、大衍之年； 60岁——花甲、平头甲子、耳顺之年、杖乡之年； 70岁——古稀、杖国之年、致事之年、致政之年； 80岁——杖朝之年； 80~90岁——耄耋之年； 90岁鲐背之年； 100岁——期颐。 《深圳特区报》 古代年岁的别称 杨权 总角：指童年。 语出《诗经》，如《诗·卫风·氓》“总角之宴”，又《齐风·甫田》“总角兮”。以后称童年为“总角”。陶渊明《荣木》诗序：“总角闻道，白首无成。” 垂髫：指童年。 古时童子未冠，头发下垂，因而以“垂髫”代指童年。潘岳《藉田赋》：“被褐振裾，垂髫总发。” 束发：指青少年。 一般指15岁左右，这时应该学会各种技艺。《大戴礼记·保傅》：“束发而就大学，学大艺焉，履大节焉。” 及笄：指女子15岁。语出《礼记·内则》“女子……十有五年而笄”。 “笄”，谓结发而用笄贯之，表示已到出嫁的年岁。 待年：指女子成年待嫁，又称“待字”。 语出《后汉书·曹皇后记》“小者待年于国”。以后称女子待嫁的年岁为“待年”。《文选·宋文皇帝元皇后哀策文》：“爰自待年，金声夙振。” 弱冠：指男子20岁。 语出《礼记·曲礼上》“二十曰弱，冠”。古代男子20岁行冠礼，表示已经成年。左思《咏史》诗之一：“弱冠弄柔翰，卓荦观群书。” 而立：指30岁。 语出《论语·为政》“三十而立”。以后称三十岁为“而立”之年。《聊斋志异·长清僧》：“友人或至其乡，敬造之，见其人默然诚笃，年仅而立。” 不惑：指40岁。 语出《论语·为政》“四十而不惑”。以后用“不惑”作40岁的代称。应璩《答韩文宪书》：“足下之年，甫在不惑。” 艾：指50岁。 语出《礼记·曲礼上》“五十曰艾”。老年头发苍白如艾。《民国通俗演义》三十七回：“……我年已及艾，还有什么不满意的事？” 花甲：指60岁。 以天干地支名号错综参互而得名。计有功《唐诗纪事》卷六十六：“（赵牧）大中咸通中效李长吉为短歌，对酒曰：‘手挪六十花甲子，循环落落如弄珠’。” 古稀：指70岁。 语出杜甫《曲江》诗：“酒债寻常行处有，人生七十古来稀。”亦作“古希”。 皓首：指老年，又称“白首”.　　 《后汉书·吕强传》：“故太尉段颍，武勇冠世，习于边事，垂发服戎，功成皓首。” 黄发：指长寿老人。 语出《诗经》，如《诗·鲁颂· 宫》“黄发台背”。老人头发由白转黄。曹植《赠白马王彪》：“王其爱玉体，俱享黄发期。”陶渊明《桃花源记》：“黄发垂髫，并怡然自乐。” 鲐背：指长寿老人. 语出《诗经》，如《诗·大雅·行苇》“黄台背”，“台”与，“鲐”通用。《尔雅·释诂》：“鲐背，寿也。”老人身上生斑如鲐鱼背。 期颐：指百岁. 语出《礼记·曲礼上》“百年曰期，颐”。谓百岁老人应由后代赡养。苏拭《次韵子由三首》：“到处不妨闲卜筑，流年自可数期颐。” 也谈古代年岁的别称 黎炜 看了《读者文摘》1983年第一期刊登的杨权同志写的《古代年岁的别称》一文，很感兴趣，也摘抄一点来凑趣。 汤饼之期：婴儿出生三朝，称为“汤饼之期”。 语出刘禹锡《送张盥诗》。 初度：指小儿周岁。 语出清代家程允升《幼学故事琼林》。后来亦泛指生日为“初度”，如六十岁生日称为“六十初度”。 龆龀：指儿童。 语出《韩诗外传》卷一：“男八月生齿，八岁而龆齿……。女七月生齿，七岁而龀齿……” 教数之年：指儿童九岁. 外傅之年：指儿童十岁。 舞勺之年：指儿童十三岁。 以上皆出自《记》。 破瓜之年：指十六岁女子。 这是旧时文人将“瓜”字拆为二八字以纪年。《通俗编·妇女》：“宋谢幼词：‘破瓜年纪小腰身’。按俗以女子破身为破瓜，非也。瓜字破之为二八字，言其二八十六岁耳。”“破瓜之年”亦谓六十四岁。《通俗编》又云：“若吕岩赠张泊诗：‘功成当在破瓜年’，则八八六十四岁”。有室之年，男以女为室，女以男为家，故“有室之年”就是结婚之年。语出《礼·曲礼上》。 杖家之年：指五十岁。 杖乡之年：指六十岁。 杖国之年：指七十岁。 杖朝之年：八十岁。 以上称谓，皆出于《王制》。 下寿：六十岁。 中寿：八十岁. 上寿：一百岁. 以上称谓，出于《庄子》. 花甲重开：一百二十岁. 古稀双庆：一百四十岁。 此外，还有把六十岁以上的人统称为“耆老”，八十岁以上的人称为“大耋”。亦有泛称老人为“龙钟”、“潦倒之年”的。《广韵》：“龙钟，竹也，老者如竹枝摇曳，不治禁持。潦者，路之流水也，其颠倒阻滞，如人之遭际，故云。”</t>
  </si>
  <si>
    <t xml:space="preserve">想买个耳机配我的电脑，有哪些好推荐呢？我的电脑的显示器是白色的， </t>
  </si>
  <si>
    <t>楼主你可以看一下飞利浦的SHL1602/98 耳机，不过线比较短，主机放桌下的话就要接延长线了。或者就看一下欧凡的混搭音乐耳机6021，是黑白相间的，比较独特，这个线比较长一点，应该就不用延长线了，希望能够帮到你。</t>
  </si>
  <si>
    <t xml:space="preserve">怎么布置房间啊我是新手,不知道游戏怎么玩,点了布置房间后出现一些 </t>
  </si>
  <si>
    <t>抱歉，有关游戏的内容与设定请您自行探索哦，建议您可以询问有经验的玩家，我们是没有资料可以提供的哦</t>
  </si>
  <si>
    <t xml:space="preserve">剑齿虎的相关资料 </t>
  </si>
  <si>
    <t xml:space="preserve"> 剑齿虎       尖锐的牙齿是食肉动物的标志，特别是上颌门牙两侧的一对上犬齿。当上犬齿加大加粗，就成为所说的剑齿。在哺乳动物2亿多年的演化历程中，曾经有一些食肉猛兽拥有这种可怕的捕食工具。它们虽然属于不同的家族，但我们可以用一个不很正式的名字称呼它们：剑齿动物。从原始的鬣齿兽类和有袋类，到食肉类的猫科和猎猫科动物中间，都可以找到它们的魅影。当然，本文所指的“剑齿动物”只包括这些骄傲的猎手，而不是所有上犬齿较长的动物都配得上这个光荣称号，比如野猪和海象。今天的家对剑齿的功用仍然众说纷纭、褒贬不一，但至少有一点可以肯定：剑齿必然有其超乎寻常之处，否则绝不会有那么多不同类型的食肉动物抵制不住诱惑，在演化中长出了这种壮观的武器。本文作者将带您跟随这些远古掠食者的足迹，一览它们如何出现、繁荣和消亡的历程。  一、剑齿显形    剑齿前传      早在2.5亿年以前的中生代三叠纪，恐龙刚刚出现的时候，地球陆地有着一大群各式各样的奇异动物，它们身上兼有哺乳类与爬行类的特征，我们称之为似哺乳爬行动物，正式名称是兽孔类。在它们中间有一些是积极的捕食者，其中有的种类便生有显著的长牙——看起来很像剑齿虎身上的剑齿，有人认为那可能是毒牙看。然而随着2.2亿年前的一次大灭绝，几乎所有的兽孔类都从地球上消失了，仅有一小支演化成了真正的哺乳动物，在恐龙的阴影下熬过了漫长的1.5亿年。   长有“剑齿”的兽孔类（下图）   </t>
  </si>
  <si>
    <t xml:space="preserve">降龙十八掌有哪几式 </t>
  </si>
  <si>
    <t>降龙十八掌来自于易经第一式（起手式）见龙在田：辞曰：“见龙在田，大贞”第二式飞龙在天 ：辞曰：“飞龙在天，利见大人第三式 鸿渐于陆：辞曰：“鸿渐于陆，其羽可用为仪”第四式 龙跃在渊：辞曰：“龙跃于渊”第五式 羝羊触蕃: 辞曰：“羝羊触藩，赢其角”第六式 潜龙勿用: 辞曰：“潜龙勿用”第七式 利涉大川: 辞曰：“同人于野，亨，利涉大川，利君子贞” 第八式 神龙摆尾: 辞曰：“眇能视，跛能履，履护尾，咀人”第九式 密云不雨: 辞曰：“密云不雨，时或有风”第十式 突如其来: 第十一式 双龙取水:第十二式 鱼跃于渊:第十三式 震惊百里:辞曰：“震惊百里，不丧匕鬯”第十四式 损则有孚:辞曰：“自上至下谓之损”第十五式 时乘六龙:辞曰：“时乘六龙以御天”第十六式 龙战于野:辞曰：“龙战于野，其血玄黄第十七式 履霜冰至:辞曰：“履霜，坚冰至”第十八式 亢龙有悔:辞曰：“亢龙，有悔”</t>
  </si>
  <si>
    <t xml:space="preserve">固定资产毁损的账务处理！ </t>
  </si>
  <si>
    <t>（1）先将毁损的固定资产转入清理 借：固定资产清理 借：累计折旧 借：固定资产减值准备  贷：固定资产 （2）发生清理费用时 借：固定资产清理 贷：银行存款 （3）收回固定资产的变价收入时借：银行存款（ 原材料等） 贷：固定资产清理 （4）应由保险公司或过失人赔偿时， 借：其他应收款 贷：固定资产清理 （5）确认固定资产清理净损失借：营业外支出贷：固定资产清理 因不可抗力原因（自然灾害、意外事故、战争等）造成固定资产毁损、报废的，应当由相关职能部门出具的鉴定报告，如消防部门出具受灾证明，公安部门出具的事故现场处理报告、车辆报损证明，房管部门的房屋拆除证明，锅炉、电梯等安检部门的检验报告等，经税务机关审批后才能在申报企业所得税时扣除。</t>
  </si>
  <si>
    <t xml:space="preserve">在上海哪里能买到打印机里的墨盒?? </t>
  </si>
  <si>
    <t>各大电脑卖场都能买到,不管正宗原装的,还是大兴的...........徐家汇百脑汇徐家汇太平洋电脑曹阳地区的赛博数码广场淮海路的赛博数码广场等</t>
  </si>
  <si>
    <t xml:space="preserve">青岛赢球了吗麦迪是什么数据 </t>
  </si>
  <si>
    <t>今天麦蒂在进攻端毫无进攻欲望，一共只得到10分，第三节麦蒂防守端失去冷静，在追防亚历山大的过程中将后者横空拉下，因为这次犯规，麦蒂被吹了T。</t>
  </si>
  <si>
    <t xml:space="preserve">阳春离广州有多少公里?坐火车要几个钟?坐火车要几个钟 </t>
  </si>
  <si>
    <t xml:space="preserve">N769/N772 空调快速 阳春发车 01:11 到达广州 05:11 运行时间04:00 全程246km 硬座41 硬卧61 软座109 软卧162 2572/2573 空调快速 阳春发车 01:36 到达广州 06:14 运行时间04:38 全程246km 硬座41 硬卧61 软座109 软卧162  1320/1321 普快 阳春发车 02:08 到达广州 05:48 运行时间03:40 全程246km 硬座20 硬卧33 软座71 软卧102  N759/N762 空调快速 阳春发车 10:08 到达广州东 14:04 运行时间03:56 全程254km 硬座41 硬卧61 软座109 软卧162 </t>
  </si>
  <si>
    <t xml:space="preserve">急！要下载动物世界，最好免费的。动物世界视频下载，想下载给两岁的 </t>
  </si>
  <si>
    <t xml:space="preserve">   我们电脑一直用的是迅雷下载的，里面的资源很多，这是我搜的一些：    不过，我没有试看。</t>
  </si>
  <si>
    <t xml:space="preserve">CCTV解说北京奥运会男子体操团体决赛的那个男声是谁的声音？感觉? </t>
  </si>
  <si>
    <t>我个人感觉金宝成和马燕红的组合不是很和谐。无论是从说话的节奏还是看问题的角度；俩人有时候感觉是在比谁知道的多，谁知识面广似的。很可笑！</t>
  </si>
  <si>
    <t xml:space="preserve">求助!银狮、红铜怪、铁狮、黄铜怪的1级坐标在哪?急!!!本次为了 </t>
  </si>
  <si>
    <t>1.黄铜怪和红铜怪都出现在琥珀之卵5-古代的支配者任务里.黄铜怪(黄狮子)1级在地之昏神领域(7,141).红铜怪(紫狮子)1级在水之昏神领域(167,101).这里需要打过地之昏神领域里的地之使者才能到达.要抓这2种宠必须要完成琥珀之卵系列任务1(琥珀之卵)、3（魔导书抄本）、4（神之召唤）,持有逆十字、觉醒的文言抄本和精灵之牙？即可进入地之昏神的领域.如图,抓宠路线,昏神领域的地图和精灵之卵的地图相同.做这些任务的时候建议按3,1,4,5的顺序做但不是一定要按这个顺序,这样不容易出错罢了.琥珀1要注意最后一步打完博士后一定要走出屋子才算全部完成任务.琥珀3打完玄武要和它对话.2.银狮 布拉基姆高地(168，116)附近.就是往洞窟之村去的那条桥上.3.铁狮 罪之房2F(128，55).此任务为琥珀之二-魔界风水师.任务需要用5级小刀(开箱或制作均可)或5级以上小刀(必须为制作的.)挑战龙骨得到断头蛇状匕首才可以进入罪之房.琥珀系列任务攻略:琥珀1(琥珀之卵): 琥珀3(魔导书抄本,迅速果断学习): 琥珀4(神之召唤,转职保证书获得): 琥珀5(古代的支配者,陆行鲨设计图获得): 琥珀6(异界之神,LV1火焰翼龙获得): 琥珀2(魔界风水盘): 4色狮子的出现几率差不多,大约都是半个小时左右出1只1的,属于比较好抓的宠.(RP问题的除外)野生铁狮3X级.野生黄铜怪和红铜怪是25级左右.野生银狮是4X级.PS:楼上回答问题时希望你们自己写,复制别人的算什么.</t>
  </si>
  <si>
    <t xml:space="preserve">请教，会计问题，高手指点筹建期和开业期如何区分？何时才能算已经开 </t>
  </si>
  <si>
    <t>虽然筹建期与开业期没统一的规定；但在操作时通常把筹建期理解为在财务上首次销售业务实现之前；而开业期则是在了取得第一次销售权且在帐面上体现“主营业务收入”的那个月。从此开办费开始摊销。成本及相关的费用按权责发生制开始核算了。</t>
  </si>
  <si>
    <t xml:space="preserve">95以上绿boos（魔）要多少魔法防御可以抗！沼泽，蛟龙，精10 </t>
  </si>
  <si>
    <t>分别回答:1.精怪10的蚌精属于魔怪.魔防在3000+可以打,不破防.2.沼泽的赤磷蛟龙属于物攻怪,物防3000+能打.不破防3.蛟龙洞的火魔蛟龙和2层的灵蛇(魔)为魔攻怪.必须4000以上的 魔防才能打!你守护战士相对双防都高,打BOSS选好装备,一身100级绿装加上你自己加完状态最好有仙,一般这几个BOSS都应该能打!</t>
  </si>
  <si>
    <t xml:space="preserve">如何将邮寄给我的包裹自动退回给寄件人?我网购了一条围巾，可是卖家 </t>
  </si>
  <si>
    <t>我是邮政职工，希望回答对您有所帮助：1、按正常手续，无人领取退给寄件人是3-6个月。2、您可以主动与当地邮局联系，协商解决按改退批条处理。</t>
  </si>
  <si>
    <t xml:space="preserve">32周啦！你们都怎样啦？终于熬到32周了肚子不是很大人也不是很蠢 </t>
  </si>
  <si>
    <t>我马上34周了,自从知道怀了宝宝一直到五个月左右的时候和老公亲热了一次,从那到现在老公一直在做苦行僧,呵呵,虽然有时候老公也很想,可是没办法,为了我和宝宝,只能忍了,去年有过一次流产,所以特别小心呢.唉,当个爸爸哪这么容易哪.</t>
  </si>
  <si>
    <t xml:space="preserve">日本和韩国为什么习惯跪着？ </t>
  </si>
  <si>
    <t xml:space="preserve">学古代中代的跪坐法啊.我们发展了,因为跪坐很容易使下肢受到压迫,酸麻.日韩可能千把年来习惯了吧. 可气的是,他们居然以此来羞辱中国人忘了祖宗,更可气的是有些中国人居然上当承认这是忘记祖宗.时代发展嘛,难道古人点灯我们现在也点灯,他们骑马我们也不开车! </t>
  </si>
  <si>
    <t xml:space="preserve">AC米真不争气呀，人家都灵死守佛罗为什么，还不是为了你能进欧冠呀? </t>
  </si>
  <si>
    <t>事先都安排好了的，你不要着急啊</t>
  </si>
  <si>
    <t xml:space="preserve">要想使梦成为现实，我们干的第一件事会是什么????? </t>
  </si>
  <si>
    <t>要想使梦成为现实，我们干的第一件事会是什么醒来，不再做梦</t>
  </si>
  <si>
    <t xml:space="preserve">看看错几场，指出一场错误奖励10分！01切尔西VS波尔多302罗 </t>
  </si>
  <si>
    <t>01 切尔西 VS 波尔多 3 --------1302 罗　马 VS 克卢日 31 -------0303 帕纳辛 VS 国　米 04 巴塞尔 VS 矿　工 1 --------005 巴　萨 VS 里斯本 3 06 埃因霍 VS 马竞技 10 07 马　赛 VS 利物浦 08 曼　联 VS 维拉利 3 09 凯尔特 VS 奥尔堡 10 布加勒 VS 拜　仁 10 11 里　昂 VS 佛罗论 12 波尔图 VS 费内巴 13 迪纳摩 VS 阿森纳 0 14 尤　文 VS 泽尼特 31--------01</t>
  </si>
  <si>
    <t xml:space="preserve">司机小李看到电线杆子上蹲着一只猴子，为什么他规规矩矩的的把车停下? </t>
  </si>
  <si>
    <t>他把猴子屁股当成红灯了</t>
  </si>
  <si>
    <t xml:space="preserve">蒸饺要怎么蒸它皮才不会硬我是外面买的皮,还怎么和面啊 </t>
  </si>
  <si>
    <t xml:space="preserve">这个问题也不难，这只要在合面时增加面粉糊化的程度，使面粉中的蛋白质充分变性，就可以使饺子皮变软。方法也很简单；其一，你下次合面时作80度以上的热水合。（注意最好用木棒搅拌，防止烫手）其二，合好的面稍凉后及时的湿用毛巾包好防止风干，其三，做好的饺子在蒸之前也要用湿毛巾盖好，最好是随做随蒸。如此三法定能让饺子皮的口感变软。当然，还有一点是常用识，那就是普通的面点其面团中的水分比例是50%，而烫面的面团响水量是70%左右。如果你照做后还不能让你满意，那就只有使用秘招了，在合好的面团中加入少量的白糖和化猪油，充分揉搓均匀后再用。 </t>
  </si>
  <si>
    <t xml:space="preserve">困惑中，做自己的伯乐有什么用？一个两三年前就一直说做自己的伯乐， </t>
  </si>
  <si>
    <t>对的。商场上人理解消费者的需求是你的本职工作。抓住这个要点努力去理解市场，理解消费者。理解了这个就理解了自己，不然，你干嘛开店？加油，还有很多事情等着我们成长呢！</t>
  </si>
  <si>
    <t xml:space="preserve">现在生完孩子四十天，洗澡摸到伤口感觉硬硬的有点痛是不是每个女人去 </t>
  </si>
  <si>
    <t>不用紧张，肠线吸收有个过程，慢慢会好起来</t>
  </si>
  <si>
    <t xml:space="preserve">仙人球下部变成白色是什么原因我今天发现我的仙人球不但整体变棕色而 </t>
  </si>
  <si>
    <t>腐烂了 下部早就是棕色的了  你早没发现罢了  时间一久就张毛了   估计这个仙人球活不长了吧   绿的变棕的  就是仙人球肉质腐败的标志啊  你去摸摸 是不是还变软了？你浇水浇多了么  那东西水不敢多 宁肯干着  也不能溺着</t>
  </si>
  <si>
    <t xml:space="preserve">白羽怎么加点好呢？~那么多帖子看得我更模糊了``希望哪位专业人士 </t>
  </si>
  <si>
    <t xml:space="preserve">我没玩过，不过官网上有些资料可供参考 </t>
  </si>
  <si>
    <t xml:space="preserve">新浪原创出版几率高吗，有多少书出版了，是不是点击量高就可以出版了? </t>
  </si>
  <si>
    <t>不是的，出版是要靠质量的，点击量只是一个因素而已。不过，一般出版的书点击量都很高，这才是不变的真理。</t>
  </si>
  <si>
    <t xml:space="preserve">冒1153后，怎样练冒、商、站？？？？冒险任务出了刷588和91 </t>
  </si>
  <si>
    <t>现在比较流行的冒练级方法,就是去雅典-亚力山大刷苏-悲的任务.技能和经验提升比较快,商的练法比较简单,1、买特产品到相应的城市贩卖，这样得到的交易经验和声望比较多。2、低买高卖，这是最简单的了，在买货之前可以到酒馆喝点酒，咨询一下产品贩卖的行情。战的练法最好是和朋友去热港组队刷任务，虽然非战系职业做任务会经验值减半，但是练级起来还是比较快的，热的任务一般都不会组战以外的职业，所以你要找朋友一齐组比较好，如果实在不行，等冒的等级到20后再去做个战转的任务转职再去练战好点。</t>
  </si>
  <si>
    <t xml:space="preserve">【岗】用五笔最后一笔为什么是U详细的解释岗字五笔分析最后一笔为什 </t>
  </si>
  <si>
    <t>【岗 】拆分后为“山、冂、X”最后一笔为捺，又上上下结构，所以末笔识别码为捺</t>
  </si>
  <si>
    <t xml:space="preserve">猫不是奸臣我养的猫和我喂的楼下的流浪猫一样,都和我很好~它们也是 </t>
  </si>
  <si>
    <t>你说的对,做的也对!</t>
  </si>
  <si>
    <t xml:space="preserve">您好，我想问下，两三岁的宝宝可不可用党参黄芪炖汤喝，宝宝体质比较? </t>
  </si>
  <si>
    <t>您好，可以清炖鸡汤就行，如果需要的话，稍微加一点党参就行，黄芪不要加，药性比较大。祝福宝宝健康快乐成长。（若对您有用^_^ 请给个好评）可以的，宝宝小时候肠胃忌生冷，适当食补则不要紧，但请适度</t>
  </si>
  <si>
    <t xml:space="preserve">*.one文件用什么程序打开?请问,*.one文件是什么文件,这 </t>
  </si>
  <si>
    <t>MS office系列文件OneNote文件的扩展名是.one。</t>
  </si>
  <si>
    <t xml:space="preserve">鼠标垫好坏怎么看的鼠标还好理解鼠标垫是怎么看好坏的布垫的话便宜的 </t>
  </si>
  <si>
    <t>哈哈，个人以为里面没什么技术的。至于价格，那里是存在有些发烧的白吃不在乎钱而已，商家就是看中这些人的白。本人的垫都是自己弄的，单一的颜色，细腻的材质，有布的，有塑料的，本人最贵的鼠标垫价值2万多元！为何，原因它的制造材料来自一个原本价值2万多元的笔记本，一个小日本的笔记本！因为老了，也因为坏了，它的塑料外壳就给我截取出来当鼠标垫了，小日本的塑料不坏，感觉比外面的百多元的鼠标垫好多了。呵呵。至于你说的问题，我不清楚，要知道光电鼠标工作是依靠光反射，里面原理这里我不说了，也说不来！但要光反射能达到一致的话，鼠标垫必须同一个颜色！由于才用的光源不同，有些颜色可能导致鼠标无法工作的。所以鼠标最好不要有图案，特别你是和人比赛fps游戏的话。而材质必须细腻，纹理方向一致什么的，可以让反射的方向保持一致（看得懂我想表达的么？不存在太多的漫反射让光线的能量给消耗影响鼠标工作。），所以布料鼠标最好找细致的布纹等。一般只要弄好这两条，你的鼠标垫就是好鼠标垫。而你的问题，是否两个鼠标垫有上面说的区别？失真是什么意思？乱晃或者和你的鼠标有些关系，或者和你的机器里的软件有什么关系，不见得和鼠标垫有关系。当然假如有关系的话，肯定你的鼠标垫违反了我说的那两条的很大。而也许是鼠标垫的颜色不对（不记得怎么说了，似乎红光的鼠标不能用红色的垫之类的），这个也算一条吧。当然我说了，不清楚。至少看不到无法知道为什么！</t>
  </si>
  <si>
    <t xml:space="preserve">我的邮票已经1617分，怎样激活到2G? </t>
  </si>
  <si>
    <t xml:space="preserve">您好，如果积到达到500分，可以将免费邮箱激活到2G。步骤如下：进入您的邮箱，打开“未读邮件”“收件夹”“寄件夹”“垃圾桶”中任意一个，在右边点击(　Web邮件　|　 POP邮件　|　 新浪)中的新浪邮票.进入新浪邮票后再点击新浪邮票回馈区中的 　　回馈一：攒新浪邮票得2G超大空间 。 或在邮箱左边菜单里面特色服务下边的“集邮册”里面，在右边也有“新浪邮票回馈”攒邮票激活2G邮箱空间规则： 　1.凡拥有1.5G免费邮箱的用户，即可用500分新浪　　邮票激活2G邮箱。 　2.2G邮箱空间激活后，会扣减相应积分。 您好，邮票有以下用途一、可以激活2G如果积到达到500分，可以将免费邮箱激活到2G。步骤如下：进入您的邮箱，打开“未读邮件”“收件夹”“寄件夹”“垃圾桶”中任意一个，在右边点击(　Web邮件　|　 POP邮件　|　 新浪邮票)中的新浪邮票.进入新浪邮票后再点击新浪邮票回馈区中的 　　回馈一：攒新浪邮票得2G超大空间 。 或在邮箱左边菜单里面特色服务下边的“集邮册”里面，在右边也有“新浪邮票回馈”攒邮票激活2G邮箱空间规则： 　1.凡拥有1.5G免费邮箱的用户，即可用500分新浪　　邮票激活2G邮箱。 　2.2G邮箱空间激活后，会扣减相应积分。 二，可以参加抽奖具体是:进入您的邮箱，打开“未读邮件”“收件夹”“寄件夹”“垃圾桶”中任意一个，在右边点击(　Web邮件　|　 POP邮件　|　 新浪邮票)中的新浪邮票.进入新浪邮票后再点击新浪邮票回馈区中的回馈二：“新浪邮箱直达1.5G集邮还送大礼”。 或在邮箱左边菜单里面特色服务下边的“集邮册”里面，在右边也有“新浪邮票回馈”参加抽奖说明1.拥有500分以上（含500分）邮票的用户，有机会参加珍藏纪念　手表的抽奖2.拥有300分以上（含300分）邮票的用户，有机会参加精美音箱　的抽奖3.拥有100分以上（含100分）邮票的用户，可参加幸运奖的抽取获奖名单在抽奖结束后公布，如果幸运的您中奖了，客服人员将主动与您取得联系。另外您也可以咨询新浪客服中心。全国统一客服热线：  咨询邮箱：webcn@ </t>
  </si>
  <si>
    <t xml:space="preserve">cosθtanθ等于多少要过程，在线等，谢谢 </t>
  </si>
  <si>
    <t>cosθtanθ=cosθ×（sinθ/cosθ）=sinθ</t>
  </si>
  <si>
    <t xml:space="preserve">ADM最后BOSS的门怎么进不去?LR+DZ共2人打到最后4个石 </t>
  </si>
  <si>
    <t>好象要4个人一起开那个祭坛  终极BOSS很强  旁边有N个小怪  还有几个JY  两个人应该进不去的</t>
  </si>
  <si>
    <t xml:space="preserve">存在即合理还是合理即存在 </t>
  </si>
  <si>
    <t>“存在即合理”是“存在主义”哲学学派的著名理论。它并不科学。因为：如何所有的存在都是合理的，那么这个世界还要不要发展变化了？反过来，“合理即存在”就更说不通了。那等于认定只有今天现实中的一切才都是合理的，此外再没有什么合理的东西了。这不是鼓励人们维持现状吗？真要那样，活得也太没劲了吧。</t>
  </si>
  <si>
    <t>求FS高手指点我的冰奥天赋奥术Talents</t>
  </si>
  <si>
    <t>冰奥17-34是最经典的冰F天赋，但应该不是象你这样+，首先奥术17点在为出强化反制的同时主要目的是为FB的续航能力和抗性加成因此建议如下+法：奥术 Talents -  17 point(s)奥术精妙 - rank 2/2奥术集中 - rank 3/5魔法吸收 - rank 5/5奥术专注 - rank 5/5强化法术反制 - rank 2/2至于冰系，34点的加法较多，大部分人的差异在于“元素精准”“强化暴风雪”的选择上，可以看到你的加法是想面面俱到的，问题应该不大。但你的“强化寒冰箭”只加3点是不多见的，0.2秒的差别对于全程冰剑的法师，伤害输出差异极大！一定要加满5点。</t>
  </si>
  <si>
    <t xml:space="preserve">战士多少GS能抗10人ICC现在15%BUFF下，什么装备水平战 </t>
  </si>
  <si>
    <t>LZ你好，对于防御的战士，我想我出于对战士玩了这么久的经验可以对你有所帮助首先，你想打10ICC，普通的GS5K4左右血量在BUFF的加成下接近5W就可以了，除非是那些要求特别高的团队，野队基本上都会组你。第二，你的三围已经够了，但是感觉你的格挡稍微的溢出了，是不是装备有加格挡的了（不包括10H老三的无尽寒冬），如果身上有加格挡的就考虑换下去吧，而且你饰品镇魂币不好，换先去，如果有25TOC的甲虫，甲虫配枯骨只当前战士T的最佳配合饰品。第三，当前由于ICC存在王座之寒的DEBUFF，直到4.0才会取消，所以不建议你去可以的堆三围，装备的插槽放弃三围，追求耐力和护甲吧，血甲流是当前ICC的T通用的。头部的多彩槽推荐32耐力，2%护甲的，这个要触发出来，放弃一个30耐的孔槽，触发出这个特效，收益会很大。呵呵，说到这里楼主应该明白战士T在ICC需要什么不需要什么了吧，祝楼主好运。</t>
  </si>
  <si>
    <t xml:space="preserve">腿浮肿我妈妈一到春季腿就爱浮肿，不上厕所更爱肿，有一只腿还很沉， </t>
  </si>
  <si>
    <t>两种可能。1/。 肾功能有问题。2/。 属于心脏的问题。即肾源性心脏病。在没检查之前不要乱用药。还是尽快去医院检查吧！！</t>
  </si>
  <si>
    <t xml:space="preserve">你最爱的人是谁？ </t>
  </si>
  <si>
    <t>是我自己</t>
  </si>
  <si>
    <t xml:space="preserve">我爱人有外遇我想离婚我爱人有外遇，和小三过了两年，这两年内也照常 </t>
  </si>
  <si>
    <t>要是为了争取房子，肯定得走法律程序才行，你只要有足够的证据，证明他是重婚。</t>
  </si>
  <si>
    <t xml:space="preserve">从飞行员的位置来看，红色航行灯总是装在： </t>
  </si>
  <si>
    <t>从飞行员的位置来看,红色航行灯总是装在? 飞机的左翼尖</t>
  </si>
  <si>
    <t xml:space="preserve">几道超简单的题谚语:瓜熟蒂落,__________后面一句是什么 </t>
  </si>
  <si>
    <t>水到渠成</t>
  </si>
  <si>
    <t xml:space="preserve">家用豆浆机清洗用豆浆机做豆浆之后，网眼上总是粘满杂质，每天用牙刷 </t>
  </si>
  <si>
    <t>一定要趁热清洗,这次洗不净,可以先用刷子刷一下,差不多洗干净就可以了,下次打豆浆的时候一定要趁热清洗,用水冲就可以了,只要豆浆做好了就马上把机器洗好,就像平时我们喝豆浆用的碗一样,喝过了马上刷就能洗干净,放干了就不好刷了.我就遇到过这样的麻烦,以后再也不敢放凉了刷了.</t>
  </si>
  <si>
    <t xml:space="preserve">华南理工成人高考我是一名全日制本科毕业生，但是现在因工作需要，想 </t>
  </si>
  <si>
    <t>在华南理工继续教育学院的网站上查询</t>
  </si>
  <si>
    <t xml:space="preserve">请问“耗国因家木，刀兵点水工。纵横三十六，播乱在江东”，这首童谣 </t>
  </si>
  <si>
    <t>“耗国因家木，刀兵点水工。纵横三十六，播乱在山东”，这首童谣唱的是宋江</t>
  </si>
  <si>
    <t xml:space="preserve">现在稍正规点的公司都岐视乙肝健康携带者0分遇上这种情况真是欲哭无 </t>
  </si>
  <si>
    <t xml:space="preserve">你好！岐视乙肝病毒携带者是不少单位都存在的问题，由于在职的员工都不愿意与带有乙肝病毒的同事接触，以至于影响工作，因而单位领导对这种问题往往也是没有办法的。 </t>
  </si>
  <si>
    <t xml:space="preserve">三月五号又到了,每当想起雷锋叔叔的时候心中总有春天天般的温暖,别 </t>
  </si>
  <si>
    <t>向雷锋同志学习。</t>
  </si>
  <si>
    <t xml:space="preserve">怎么可以取消计算机程序里面“我最近的文档”就是在计算机菜单里面有 </t>
  </si>
  <si>
    <t>开始--运行--输入gpedit.msc打开组策略--用户配置--管理模板--任务栏和开始菜单中:不要保留最近打开的文档的记录和退出系统时清除最近打开的文档的历史两项启用</t>
  </si>
  <si>
    <t xml:space="preserve">求问各位老师中天科技（600522）这只股票怎样中天科技（600 </t>
  </si>
  <si>
    <t>有主力资金炒作，但是没有大肆炒过。今天有不少筹码获利了结（庄家还在），可以继续谨慎持有。列止损。</t>
  </si>
  <si>
    <t xml:space="preserve">浙江大学组织部干部培训办的怎么样？浙江大学组织部干部培训办的怎么 </t>
  </si>
  <si>
    <t>浙江大学组织部干部培训还不错，由浙大专家教授授课，学员反应都很好，其培训内容也很丰富，有提高综合素质的课程，也有提高业务技能方面的课程。</t>
  </si>
  <si>
    <t xml:space="preserve">半个月前突然头晕脑胀，去医院检查了一下吓我一大跳，我的血压居然1? </t>
  </si>
  <si>
    <t xml:space="preserve">    高血压确实受遗传因素的影响，但是，能够高到这个程度，应该还有其他方面的原因。很可能是继发于某种疾病（比如肾嗜铬细胞瘤或者甲状腺瘤）。建议做一次全面的体检。</t>
  </si>
  <si>
    <t xml:space="preserve">高手来看下进入游戏失败怎么回事我都下载安装更新完成了到游戏界面序 </t>
  </si>
  <si>
    <t>我也有过那种情况，点那个更新设置，选电信，就能进入游戏了。以后可以在选回来</t>
  </si>
  <si>
    <t xml:space="preserve">曼联必胜 </t>
  </si>
  <si>
    <t>一个曼联必胜一个曼联必死</t>
  </si>
  <si>
    <t xml:space="preserve">哺乳妈妈发烧如何处理？我不想每次发烧都去打针。[汗]烧了一天一夜? </t>
  </si>
  <si>
    <t>哺乳期妈妈感冒同时伴有发热症状，只要体温不超过摄氏37.5℃，可继续给宝宝喂奶。如果体温高于37.5℃，应暂时停止哺乳，因为妈妈发烧时乳汁浓缩，可能会引起宝宝消化不良，出现腹泻等症状。  首先要看你是因为什么引起的发烧。如果是因为炎症（乳腺炎）引起的，有种叫药乳癖消就可以了，家里可以经常备点，要是有想发烧的症状就可以吃一次，可乳腺炎引起的预防发烧。要的感冒了就去打针吧。打先锋3代和头孢都行 ，这些对宝宝都没影响！</t>
  </si>
  <si>
    <t xml:space="preserve">想把旧衣服寄给贫困地区，有谁知道地址呢？ </t>
  </si>
  <si>
    <t>需求：1、衣物、 大人孩子一年四季的衣物、鞋子。（不要捐赠穿过的内衣、袜子）2、生活用品、 如：被褥、床单被罩、毛巾、香皂、雨伞、水杯、等等。3、体育用品、 如：球类、棋类、等。4、学习用品、 小学生课外书、字典、书包、笔袋、笔、本子、益智类玩具、等。邮寄地址：云南省西双版纳州勐海县打洛边防检查站邮编：666212接收人：胡 鑫电话：15287265432本地址只通邮政物资去向：主要是分发给曼丙村村民、曼山小学的学生、以及接收人服务的边境地区需要帮助的人。  反馈方式：衣吧内单号和发放图片反馈 爱心反馈贴：http://tieba.baidu.com/p/2400689856反馈ID:@版纳爱民固边  ☆予人玫瑰之手 经久犹有余香 如果对你有帮助 请点击好评 ☆</t>
  </si>
  <si>
    <t xml:space="preserve">易方达公司为什么选择工行发新基金？郁闷啊．我的大米在中国银行，而 </t>
  </si>
  <si>
    <t>选择工行，我也觉得不可理解，应该选择中行为托管行、交行为代销行，这样也方便购买和转换，可能是因为中行安排不开吧。目前中行正在发行银华的新基金。</t>
  </si>
  <si>
    <t xml:space="preserve">怎样拌肉馅香 </t>
  </si>
  <si>
    <t>首先，肉、菜比例要适当。一般来说，饺子馅的肉与菜比例为1∶1或1∶0.5为宜。其次，不要把菜汁倒掉。据测定大白菜去汁后维生素会损失60百分号以上。为了避免营养损失与浪费，的方法是：把菜馅剁好后，先将菜汁挤压出来置于盆中，拌肉时和酱油陆续加入，充分搅拌，使菜汁渗入肉中，然后放上菜搅匀。若是素饺，也可以先把菜馅剁好后 ，倒入锅(盆)里，加入食盐(菜油)轻轻拌和，让油把菜包裹起来，再放食盐和作料。这样，即保留了营养，饺子馅也会鲜嫩可口，若是韭菜肉馅，菜馅用油拌好后，再把拌好的肉馅(已放足盐)倒入，混合均匀即可。菜馅先拌油，被一层油膜所包裹，遇到盐分就不易脱 水。用这种馅包出来的饺子，吃起来菜很鲜，又有一点菜汁的清香味。最后肉要剁成茸状。做馅的肉，用刀剁碎，使其成为茸状。瘦肉多时，可适量加菜汁或水；肥肉多时就少加菜汁或水，使劲向一个方向搅动。待肉粘糊后，再放适量的花椒粉、五香油、食盐、鲜姜末、味精、香油，继续搅拌。同时，酱油要一点一滴地慢慢加入。如有肉 汤最好加肉汤，加滴边搅拌，直到模糊状后，再将菜馅倒入搅拌均匀即可。用这样的饺子馅包成的饺子，吃时汤汁饱满，味鲜肉嫩。 调剂饺子时，少量加一点白糖，饺子会有鲜美的海鲜味。</t>
  </si>
  <si>
    <t xml:space="preserve">铁通玩魔界应玩哪区我家是铁通，辽宁的，现在玩大连网通，一到晚上就 </t>
  </si>
  <si>
    <t>兄弟换吧。铁通的到了晚上上网高峰时不论哪个区都会卡的。因为你们铁通是几个用户或几十个用户共用一条线路的。电信是一对一的。</t>
  </si>
  <si>
    <t xml:space="preserve">宝宝发烧，在线等我家宝贝一周六个月了，上周六有小朋友来，吃了两个 </t>
  </si>
  <si>
    <t>上医院验血，看看是不是扁桃体发炎，病毒性的感冒，超过39°就吃0.5ml百服宁（扑热息痛），然后积极的进行物理降温，宝宝生下来第一次发烧最好不要打吊瓶，因为这次发烧宝宝自身会产生抗体，以后再发烧就不好治了（发烧超过3天的就要积极治疗了，不能不扎吊瓶）</t>
  </si>
  <si>
    <t xml:space="preserve">公共事业管理考研的方向在哪？ </t>
  </si>
  <si>
    <t>行政管理、企业管理、区域经济管理、技术与经济管理、教育经济管理、心理学、社会学、社会保障、政治学、法学、公共管理（全日制MPA）、公共政策、公共事务管理、人力资源管理、财务管理、卫生事业管理等等。    每个学校参考书不一样，建议你好好查查参考书</t>
  </si>
  <si>
    <t xml:space="preserve">我爱的是谁?高中的时候,我有个很喜欢的男生振,他坐在我后面，我们 </t>
  </si>
  <si>
    <t xml:space="preserve">   其实我都不知道自己相不相信同时会爱上两个人，因为我觉得自己没有办法做到，可是身边的很多朋友却会有这样的烦恼！舍不了谁也放不下谁！   可是我觉得两个都还不是你的真爱，如果你爱冲，你就不会老是想起振，还不会那么强烈地去拒绝他的要求。可是如果你爱振，你就不会和冲在一起。对冲也许是一种习惯，一种感情的需求。可是对振那只是一种年轻时的美好回忆，因为你没有得到过他，所以会有一种错觉自己喜欢他！如果换成现在是和振在一起，对冲也许你也会有那样的感觉！  想清楚自己要的是什么，爱是专一的，你若想享受爱情的甜美，用心地和其中的一个在一起。再这样的任感情两边走，痛苦还是会跟随你~！</t>
  </si>
  <si>
    <t xml:space="preserve">电视里金玫瑰钻石198元是真的吗你怎么知道的,我已订购怎么办 </t>
  </si>
  <si>
    <t>可能吗？便宜无好货，好货不便宜</t>
  </si>
  <si>
    <t xml:space="preserve">帮忙翻译下4:父母和孩子同样都面临着代沟这一难题。（alike） </t>
  </si>
  <si>
    <t>Parents and children are alike to face the problem of the generation gap</t>
  </si>
  <si>
    <t xml:space="preserve">我49及了铁匠技能3及也学满了怎么才能靴及啊我现在铁匠技能是30 </t>
  </si>
  <si>
    <t>学铁匠4级需要  等级50  到50以后 系统会提示你去学习的 希望楼主不要着急，另外需要物品：百练钢10个，2星锯齿双刀，2星紫雕弓，2星辟邪仗 各一把，希望楼主尽早准备  以免日后着急 祝多出三星装备 呵呵</t>
  </si>
  <si>
    <t xml:space="preserve">你无聊的时候最想做的事情是什么你最想做什么 </t>
  </si>
  <si>
    <t>?o聊的?r候很多事可以做的呀!!!看??,上網,看????字,聽歌,聽?V播....................?之不能閒著,越閒越?o聊!!!!!</t>
  </si>
  <si>
    <t xml:space="preserve">潜能测试哪里最准？ </t>
  </si>
  <si>
    <t>目前市场上或者网上有不少流传的潜能测试，实际上真正科学、准确的心理学测试是不会简单呈现在网上的，客观的心理学测试要有具备较强的信度和效度，被试前后测试的结果的一致性较高才可以，而且被试在测试的过程中不明白测试的意图或者说看不出测试的真正目的是什么，这样的测试才是比较科学、准确的。目前，环度教育研发的潜能测试可以说是中国潜能测试的领航者，是相对最为准确的测试。这项测试系统已经获得国家专利，阶段性成果“信息加工速度的发展与研究”获得全国首届百名优秀博士学位论文（心理学唯一），关于儿童脑波超慢功率涨落分布及发展特点研究项目获教育部“自然科学科技进步”二等奖（心理学唯一），其发表的论文获中国科协原始性创新优秀论文奖（心理学唯一）；著作《智力研究的实验方法》获得北京市第五届哲学人文社会科学优秀成果著作二等奖，《5.12汶川地震心理危机干预调查报告》荣获第二届中华优秀出版物奖抗震救灾特别奖（心理学首家）。此外，还获得国家自然科学基金等荣誉或资助。</t>
  </si>
  <si>
    <t xml:space="preserve">下放是什么意思？街球球员下放是什么意思呀。下放了球员还是我的吗？? </t>
  </si>
  <si>
    <t>楼上说的不对　下放是街球那的　下放后球员就永远离开ＸＢＡ　你再也看不到他了　下放有补偿你球员身价的７０％　　就几Ｗ块　要是街球队员不好的话　就狠心下放吧</t>
  </si>
  <si>
    <t xml:space="preserve">包粽子的叶除苇叶还能用什么叶，粽子叶要怎么处理呢？ </t>
  </si>
  <si>
    <t>有一种专门用来包粽子的叫粽子叶，样子象竹叶，其实不是竹叶。粽叶在包之前要清洗，剪去叶蒂，然后要煮上15-20分钟，这样包起来才不会破。</t>
  </si>
  <si>
    <t xml:space="preserve">哪位电脑高手留个QQ我想安装两个硬盘，是ide接口的，可是不会装 </t>
  </si>
  <si>
    <t>硬盘与主板连接的数据线有3个头，较长端接主板，中间接主硬盘，短端接从硬盘，就可以了。这样主硬盘上的系统就默认本机系统。另外，硬盘很费电的，不提倡双硬盘工作。</t>
  </si>
  <si>
    <t xml:space="preserve">二年三厢白波罗要卖我有一三厢白色1.4波罗要卖，自动档为豪华版， </t>
  </si>
  <si>
    <t>差不多6万左右 具体要看车况的</t>
  </si>
  <si>
    <t xml:space="preserve">求HPdeskjet3320series驱动程序和KONICAM? </t>
  </si>
  <si>
    <t xml:space="preserve">HP deskjet 3320 series驱动程序下载地址： KONICA MINOLTA 7216驱动程序下载地址： 方正扫描精灵F5600的驱动下载地址： </t>
  </si>
  <si>
    <t xml:space="preserve">请教重庆天龙装修之颜色搭配的问题东洋的象木色地板配什么颜色的门好 </t>
  </si>
  <si>
    <t>谢谢你的信任。配什么颜色的门，这与你装修的设计风格有关。如果你是中式风格，当然以木纹的清水漆为宜。如果你是新中式（即中式中带有时尚和现代的元素）则可以用白色。这都与橡木色相宜。如果你是时尚前卫的风格，门的颜色可以是浅绿色或浅黄色。以上提出的建议还与墙面的颜色有关。因为，墙面、门、地面处于同一个视觉点。要注意协调。最后，在没有完全弄清你的想法和设计的情况下，建议你用白色，相对来说，这是比较好协调的颜色。希望我的回答能够对你有所帮助。</t>
  </si>
  <si>
    <t xml:space="preserve">一般两人见几次面，接吻比较顺其自然？ </t>
  </si>
  <si>
    <t>可以试一下偷吻嘛在开心的时候,聊得正起劲,用快速吻她一下.然后装作很得意的样子,那对方也可以消除那种不知所措的感觉.之后还不是可以光明正大的吻多久就多久了吗!!呵呵~~~~~</t>
  </si>
  <si>
    <t xml:space="preserve">怎么洗衣服上的圆珠笔印很深的老痕迹 </t>
  </si>
  <si>
    <t>去除圆珠笔油渍首先要看看衣服是什么料子，一般做法是在污渍处下面放一块毛巾，用小鬃刷沾上酒精顺丝轻轻刷洗待污渍溶解扩散后，再把衣服泡在冷水中，抹上肥皂轻轻刷洗，这样反复两三次，就能基本除去圆珠笔油。如果洗后还留有少量残迹，可再用热肥皂水浸泡或煮沸就可以除去，对棉和棉涤织品可以采用这种方法。如果毛料装沾上圆珠笔油，可先把污渍处放到三氯乙烯和酒精（比例是二比三）的混合溶液中浸泡10分钟，同时不断用毛刷轻轻刷一刷，待大部分油渍溶解后，再用低温肥皂水或中性洗衣粉洗净。 祝你好运！</t>
  </si>
  <si>
    <t xml:space="preserve">38级道利魔装无极在炼狱沼泽一小时多少万？我现在才13万不到。这 </t>
  </si>
  <si>
    <t>你没说你几区的～我们区６５　那里人爆多，别说１３万了～有个１０万就不错了～</t>
  </si>
  <si>
    <t xml:space="preserve">茫然，我的婚姻是要结束了吗？这算是种什么情况？我和他结婚三年了。 </t>
  </si>
  <si>
    <t>我想，对于一个女人而言，最重要的是找一个一生的依靠，找一个心灵的港湾。男人，可以没有钱，也可以没有才，但是他必须有一颗爱自己的心，愿意承担起家的责任，愿意给他心爱的女人一生的关心与照顾。从你的描述中，我认为你的他可能心里有点疾病，有点暴力倾向。建议他去看看心理医生，如果你真的还爱他，就再给他一次机会，但只是一次，而不是无休止的容忍与谦让，你可以陪着他一起看他的改变。如果他不能改变，那就分手吧，长痛不如短痛，与这样的人生活一辈子，你这一生都不会幸福的。</t>
  </si>
  <si>
    <t xml:space="preserve">三星LED根本没有真材实料。。。原来我们看到的结果，都是三星大肆 </t>
  </si>
  <si>
    <t>对啊~~所以我们再买电视的东西一定要慎重~~要我说还是选个好面板最实在，这样质量性能都更有保障。</t>
  </si>
  <si>
    <t xml:space="preserve">卡利亚里红牌！卡利亚里红牌！ </t>
  </si>
  <si>
    <t>看来没搞头了！！</t>
  </si>
  <si>
    <t xml:space="preserve">广州摆满月酒宴的风俗本周末准备给小儿摆个酒月酒宴，但还不清楚在广 </t>
  </si>
  <si>
    <t>我刚摆完满月酒．收红包要回礼，准备如下安排：１、收红包的时候记得当时就看红包上有没有名字，如果没有就要及时加上，以免回错礼；２、封５０元的就回１０元，封１００元的就回２０元，封２００元的就回６０元，封３００元的就回１００元，以上类推，你自己决定就好，大概习俗如此，这样回礼不算少。３、摆酒前记得要求酒家提供每桌大汽水两支、啤酒两支。４、摆酒当天早点去做准备，每桌要摆糖果、花生、瓜子、烟两包、红鸡蛋及猪脚姜，去超市买白酒（每桌一支，基本价位为每支６０元左右）和啤酒数箱。５、无需什么这个讲话那个讲话的。６、回红包是在吃饭中途敬酒时或敬酒后回。一般是吃饭前收到各人的红包，按照红包内的金额将回礼金装进各人的红包，然后再一个个回，如果某人没有来，但是托人封了１００元红包，那你就要回５０元，这样比较好。</t>
  </si>
  <si>
    <t xml:space="preserve">做爱一般多长时间算正常？ </t>
  </si>
  <si>
    <t>通常，夫妻在过性生活时，从双方性兴奋开始到性高潮结束，正常情况下，持续时间大约是5～20多分钟。在做爱中也没有必要过分延长时间。只要两个人都能高潮、都快乐了，就是和谐。15~20分钟,可以根据个人体质加减.理论上说10下以上就正常</t>
  </si>
  <si>
    <t xml:space="preserve">西安哪家网吧装天2？最好在城里附近 </t>
  </si>
  <si>
    <t>我也是西安的,现在西安网吧里有天堂2装的很少了,你可以采取如下方法:1.现在很多网吧都有用户存档设置,你可以找一个机子自己把天堂2下载下来,然后给网管打个招呼让他别删除掉就可以了.不好的地方是:网管的流动性太大,你刚说好一个有可能下周他已经跑路了2.自己买一个移动硬盘,现在40G的也就300多元吧,你平常还可以存存好看的电影,照片,音乐之类的,然后把天堂2装到移动硬盘里,从此到哪个网吧玩天堂都不是问题了.</t>
  </si>
  <si>
    <t xml:space="preserve">收几张鬼眼狂刀的图片！谢谢~~~ </t>
  </si>
  <si>
    <t>这张~~</t>
  </si>
  <si>
    <t xml:space="preserve">变频器参数设定及现场常见的问题有哪些？ </t>
  </si>
  <si>
    <t>过电流整定值OC过小，适当增大，可加至最大150％。经验值1.5～2s/kW，小功率取大些；大于30kW，取2s/kW。按下起动键*RUN，电动机堵转。说明负载转矩过大，起动力矩太小(设法提高)。这时要立即按STOP停车，否则时间一长，电动机要烧毁的。 因电机不转是堵转状态，反电热E=0，这时，交流阻抗值Z=0，只有直流电阻很小，那么，电流很大是很危险的，就要跳闸OC动作。制动时间设定原则是宜长不宜短，易产生过压跳闸OE。对水泵风机以自由制动为宜，实行快速强力制动易产生严重“水锤”效应。起动频率设定对加速起动有利，尤以轻载时更适用，对重载负荷起动频率值大，造成起动电流加大，在低频段更易跳过电流OC，一般起动频率从0开始合适。起动转矩设定对加速起动有利，尤以轻载时更适用，对重载负荷起动转矩值大，造成起动电流加大，在低频段更易跳过电流OC，一般起动转矩从0开始合适。</t>
  </si>
  <si>
    <t xml:space="preserve">产妇纠结男孩女孩刚生产完十四天，在怀孕期间都说是男孩，自己内心也 </t>
  </si>
  <si>
    <t>不管如何，爸爸妈妈对新生宝宝的性别都会有一个期待，这个期待既是自己的，也是身边的人的，甚至有时候会因为大家都期待某个性别，自己也会渐渐屈从。如果最终宝宝出世后，性别和期待不同，确实会有内心的失落，正所谓希望越大失望越大。但正如你所说的，你喜欢小孩子，相信这种喜欢也会渐渐让你习惯她的性别，习惯和她在一起的生活。从另一个现象上讲，有时候父母们也会有儿子想要女儿，有女儿想要儿子，这就如同围城里说的：里面的人想出去，外面的人想进来。因为人们总是对自己未曾得到的部分有一种遗憾。</t>
  </si>
  <si>
    <t xml:space="preserve">请问下比较有名的珠宝品牌有那些? </t>
  </si>
  <si>
    <t>卡地亚，TIFFANY＆CO。大溪地和GOLAY的珍珠。次一点的有周大福，谢瑞霖，周生生，六福等等。</t>
  </si>
  <si>
    <t xml:space="preserve">喝醉酒后做爱是很久都不会射还是DD不会硬？ </t>
  </si>
  <si>
    <t>喝酒后，因为大脑在酒精的麻醉作用下通常反映较为迟钝，也就是说酒后的性反映相对迟钝。会造成不能勃起或着勃起后不久又焉了的情况出现，都属正常。如果能勃起性交，受酒精的影响会延长射精的时间。但在这里我奉劝你酒后千万别性交，按中医理论，那样很亏身体。真的，这点我深信。</t>
  </si>
  <si>
    <t xml:space="preserve">您的伟大凝结了我的血肉用英语怎么说 </t>
  </si>
  <si>
    <t>Your greatness makes my blood and fresh freezed!</t>
  </si>
  <si>
    <t xml:space="preserve">西南财经大学的吃与住主要是食堂宿舍学校环境和学校的规模如何。谢谢 </t>
  </si>
  <si>
    <t>那里环境很不错，还的主要看你是在新校区还是老校区哈,老的有三个食堂,都装修的很不错，要是比较有钱,还可以在住友院吃，那是学校中比较高档的,附近吃的就更多了，烧烤"月梅"是老字号了，开了8年了哈，牛肉馆是最实惠的了,只要读了财大的,都不会忘记.住的,新公寓是很好的，4人一间,最早的老公寓也装修了的，很不错,总之,你现在去读,其环境是成都几大高校中最好的哈</t>
  </si>
  <si>
    <t xml:space="preserve">600815发布“厦工转债”转股消息,是利好还是利空?请专家帮忙 </t>
  </si>
  <si>
    <t>中性。短线此股仍有反弹空间。持股</t>
  </si>
  <si>
    <t xml:space="preserve">大学里怎么追女生？我和她都上大二但不是一个系的，我是系学生会宣传 </t>
  </si>
  <si>
    <t>能共事最好，要以一切可能的自然而然的方式增加接触机会，从试探开始摸索其思想类型，投其所好而又不失自我个性，说话要自信，但不能虚浮，胆子要大，下手要早。具体就这个原则。对自己的实力要有客观的评估，该是你的通过争取才能得到，不该是你的再努力也白搭，要有这个准备。也要客观判断对方的实力，别把对方神化，爱情不是追星，以普通人，按平常心对待，成功来自于此。</t>
  </si>
  <si>
    <t xml:space="preserve">准战斗的详细职业请问准战斗系具体有哪些职业？称号要到多少能4转？ </t>
  </si>
  <si>
    <t>准战斗系的有：剑士 战斧斗士 骑士 弓箭手 士兵 忍者 格斗家 魔法师称号达到“欢喜的慈雨”可以４转　但有的职业还需要技能等级．例如格斗　称号达到“欢喜的慈雨”，混乱攻击达到8级，完成 开启者 任务，继续完成 加斯兰特迷宫任务 。备有20000魔币便可到狮子之穴跟引导的狮子说话，进入师傅的房间跟格斗家马辛进行晋级。称号到了　技能级别到了　４转任务作完该杀的ＢＯＳＳ都过了之后就可以了　没有具体要求等级限制</t>
  </si>
  <si>
    <t xml:space="preserve">为什么美国打越战会输小日本二战时可以占领中国又拿下南亚还占澳大利 </t>
  </si>
  <si>
    <t xml:space="preserve">这个有3方面！  1是美国国内不支持！ 反对声音袄袄的大！ 2是苏联和中国的支持  3美国当时的武器装备是非常好的！但是有个致命缺点就是 越南山多树多！ 他的武器发挥不出来真正小效果！ 而且装备东西多沉爱坏！ 而越南士兵基本都是AK47非常之方面！ 轻不爱坏！ 据说没有士兵不杀越南平民但是那些平民都是越南士兵装的！ 美国士兵刚走他们拿起枪瞄准从后辈开火！ </t>
  </si>
  <si>
    <t xml:space="preserve">手机能上网，但不知能不能查净值如何用手机查净值，有人知道吗？ </t>
  </si>
  <si>
    <t xml:space="preserve">可以查,网址是 </t>
  </si>
  <si>
    <t xml:space="preserve">怎么样建立自己的群？QQ </t>
  </si>
  <si>
    <t>如果你是QQ会员或者等级16级以上的话，你只要在群面板上点右键，选“创建一个群”就可以了如果都不是的话，以前可以用QQ校友路来创建一个群</t>
  </si>
  <si>
    <t xml:space="preserve">今天光大证券的解冻资金对暴跌居然不感兴趣,大盘连破重要的支持.连? </t>
  </si>
  <si>
    <t>下周继续下行。没有抄底的资金都是心眼多的人的钱</t>
  </si>
  <si>
    <t xml:space="preserve">急！为什么手机版淘宝网不能拍下物品？我的手机版淘宝网网址是wap </t>
  </si>
  <si>
    <t>找个能电脑上网的地方，然后拍下来</t>
  </si>
  <si>
    <t xml:space="preserve">您好请问得了周围神经病什么症状表现？ </t>
  </si>
  <si>
    <t>您好，很高兴回答您的问题。周围神经是指嗅、视神经外的脑神经和脊神经、自主神经及神经节。其中以脑神经最为常见，通常情况下周围神经病什么症状表现，下面燕达就周围神经病症状为朋友们做详细的解答。周围神经病什么症状表现，燕达医院脑科中心专家介绍：患者会有感觉障碍：如局部麻木、灼痛、刺痛、感觉过敏、实体感缺失等反射障碍：腱反射减弱或消失植物神经功能障碍：如局部皮肤光润，发红或发绀，无汗，少汗或多汗等。运动障碍：弛缓性瘫痪、肌张力降低、肌肉萎缩等。最为常见的周围神经病是脑部神经神经疾病，如三叉神经痛、面肌痉挛等。那么发生周围神经病怎么办?天坛·燕达脑科中心神经内科专业治疗周围神经病，开展肌电图检查等。在全面引入天坛医院神经内科周围神经病领域前沿技术，专业解决周围神经病苦恼。天坛·燕达脑科中心遵循个体化，强调差异化治疗，根据患者的具体病情，制定适合患者的最佳治疗方案。综上所述是关于周围神经病什么症状的讲解，通过以上对于周围神经病症状有哪些的介绍相信朋友们已经认识到了。日常生活中警惕周围神经病的症状，一旦发现请及时选择正规医院，采取有效治疗。</t>
  </si>
  <si>
    <t xml:space="preserve">霍比特人2什么时候在烟台百盛影院下线 </t>
  </si>
  <si>
    <t>最近没什么太好的新电影上线，应该最近都下不了线的</t>
  </si>
  <si>
    <t xml:space="preserve">我要怎么办?爱情与亲情我要哪个?大家帮帮忙吧!我快要烦死了``` </t>
  </si>
  <si>
    <t>你女朋友比较自私,但是好多女人会把父母当成离开你的最好借口,父母的原因有时候很无奈的,他们有时候会好心办错事儿,还有一些父母的行为是可耻的,他们只想让子女伺候他们而不会为子女的终生幸福着想. 如果你认为你离不开你女朋友就果断离开你的父母并告诉他们:你会常来看他们,现在通讯这么发达打个电话就可以,他们有病你会来照顾他们的. 不过你一定要想清楚不管你们将来是否会白头偕老你都会无怨无悔...... 如果你是这么想的,那么为了所谓的"爱"去追求吧,人生没那么多大道理,我认为人们说的格言啊什么的大道理都是狗P,现实生活中根本就不会有! 自己喜欢就好,后果要自己承担啊... 呵呵.</t>
  </si>
  <si>
    <t xml:space="preserve">上海好的肝癌医院都有哪几家？ </t>
  </si>
  <si>
    <t>肝癌晚期可以化疗。提到化疗，大家皆不会陌生。化疗是晚期肝癌的主要治疗方法，其对癌肿有较为直接的抑制作用，但在杀灭癌细胞的同时也会杀伤正常细胞，其中以消化功能受损和骨髓造血功能受抑制等反应最为明显。若使用不当，剂量不合理，对免疫力已不好的晚期肝癌患者来说更是雪上加霜，对此，大家务必要引以为戒。患了肝癌，外科治疗手段除了肝切除还可以选择肝移植手术，尤其对于那些合并肝硬化，肝功能失代偿的小肝癌患者，肝移植手术是最佳的选择。还可考虑射频消融、微波消融、高强度聚焦超声、动脉化疗栓塞、酒精注射、冷冻治疗、放疗、分子靶向治疗、免疫治疗和中医药治疗等，主要用于由于各种原因不能接受手术治疗的患者。肝癌晚期手术治疗意义不大.中医治疗对于肝癌特别是晚期肝癌有很大优势,针对肝癌发病部位的血供丰富,双套供血,转移快,生长迅速的特点,中医中药从外围症状着眼,解除了病人诸多由原发灶引起的症状.通过该方法治疗的病人一般不疼痛,腹水消失,肝功能降至正常,黄疸消退,达到“带瘤生存”目的.建议患者通过纯天然的中草药治疗效果比较好,对晚期恶性肿瘤及肝癌都有独特的疗效,而且安全,对身体不会产生任何的伤害及毒副作用,能使患者在短的时间内就能看到治疗效果.中草药对萎缩肿瘤血管(毛细血管)有特殊的功能,不让肿瘤得到一丝养分,得不到养分的肿瘤自然就萎缩了,(只要肿瘤死了,癌细胞就会消失.这才是彻底治愈恶性肿瘤(癌症)的真正手段.</t>
  </si>
  <si>
    <t xml:space="preserve">贵字用五笔如何打？ </t>
  </si>
  <si>
    <t xml:space="preserve"> "口"-&gt;"|"-&gt;"一"-&gt;"贝"  k         h         g         m 快打一族 V5.7免费的五笔练习软件!希望你早日成为五笔高手!</t>
  </si>
  <si>
    <t xml:space="preserve">土鸡蛋和普通鸡蛋有何区别？购买鸡蛋时怎样区别是不是新鲜的？怎样看 </t>
  </si>
  <si>
    <t>方法：把蛋对着光线看，如果蛋的透光度很好，同时蛋的外表摸起来粗糙，这个鸡蛋就可能比较新鲜。真正的土鸡蛋的鸡群中有不同年龄的新、老母鸡，产的蛋会大小不一样。 如果卖鸡蛋的鸡蛋的颜色看上去颜色差别不大，那么，你就要考虑了。而且，由于每个生蛋的鸡不一样，鸡蛋大小也不一样。现在土鸡蛋很难买到，大部分都是假的，土鸡蛋一个是比较的小，因为土鸡本身就长的不大，第二点就是煮出来以后蛋黄颜色要明显黄一些，这是因为食料的缘故，土鸡吃很多粗粮，绿叶菜，蛋黄中的类胡萝卜素和维生素B2含量高，因此蛋黄更大，颜色更深。还有土鸡蛋的味道更香，更好吃。说实话，还是比较难以鉴别，主要是里面的区别，但是你不能把鸡蛋打碎吧。呵呵，就这些。</t>
  </si>
  <si>
    <t xml:space="preserve">军团帐单的问题本人玩EVE的刚建立个军团（其实是第2个了第一个军 </t>
  </si>
  <si>
    <t>比方说你是10月1号租的,租时直接付了1w,那办公室你可以用到11.1号,然后军团里的账单付了,你可以用到12.1号.军团里的账单里你租期结束前一个月出来的,在这一个月里你末付的话,到期系统就默认你退租了,而且那里军团机库里的东西是拿不出来的.</t>
  </si>
  <si>
    <t xml:space="preserve">电脑高手请回答我的电脑怎么开不了机了?我的电脑现在有了个严重的问 </t>
  </si>
  <si>
    <t>1、开机按F8不动到高级选项出现在松手，选“最近一次的正确配置”回车修复。 2、请开机按F8进入到安全模式中用系统自带的系统还原，还原到你没有出现这次故障的时候修复。 3、如果故障依旧，使用系统盘修复，打开命令提示符输入SFC /SCANNOW 回车（SFC和/之间有一个空格），插入原装系统盘修复系统，系统会自动对比修复的。 4、如果故障依旧，在BIOS中设置光驱为第一启动设备插入系统安装盘按R键选择“修复安装”即可。 5、如果故障依旧，建议重装。电脑开机无显示故障的排除方法：第1步：首先检查电脑的外部接线是否接好，把各个连线重新插一遍，看故障是否排除。第2步：如果故障依旧，接着打开主机箱查看机箱内有无多余金属物，或主板变形造成的短路，闻一下机箱内有无烧焦的糊味，主板上有无烧毁的芯片，CPU周围的电容有无损坏等。第3步：如果没有，接着清理主板上的灰尘，然后检查电脑是否正常。第4步：如果故障依旧，接下来拔掉主板上的Reset线及其他开关、指示灯连线，然后用改锥短路开关，看能否能开机。第5步：如果不能开机，接着使用最小系统法，将硬盘、软驱、光驱的数据线拔掉，然后检查电脑是否能开机，如果电脑显示器出现开机画面，则说明问题在这几个设备中。接着再逐一把以上几个设备接入电脑，当接入某一个设备时，故障重现，说明故障是由此设备造成的，最后再重点检查此设备。第6步：如果故障依旧，则故障可能由内存、显卡、CPU、主板等设备引起。接着使用插拔法、交换法等方法分别检查内存、显卡、CPU等设备是否正常，如果有损坏的设备，更换损坏的设备。第7步：如果内存、显卡、CPU等设备正常，接着将BIOS放电，采用隔离法，将主板安置在机箱外面，接上内存、显卡、CPU等进行测试，如果电脑能显示了，接着再将主板安装到机箱内测试，直到找到故障原因。如果故障依旧则需要将主板返回厂家修理。第8步：电脑开机无显示但有报警声，当电脑开机启动时，系统BIOS开始进行POST（加电自检），当检测到电脑中某一设备有致命错误时，便控制扬声器发出声音报告错误。因此可能出现开机无显示有报警声的故障。对于电脑开机无显示有报警声故障可以根据BIOS报警声的含义，来检查出现故障的设备，以排除故障。无法启动操作系统各种的诊断方法如下：首先检查开机时，电脑是否已经开始启动操作系统。如果在启动操作系统时死机、蓝屏或自动重启，则说明硬盘的分区表及主引导记录正常，排除硬盘分区表损坏、硬盘主引导记录损坏、硬盘分区结束标志丢失等故障原因。接着用下面的方法进行诊断。第1步：首先用安全模式启动电脑，看是否能启动，如果不能启动，则可能是感染病毒、系统文件丢失、操作系统损坏、硬盘有坏道、硬件设备有冲突或硬件有问题，转至第4步；如果能启动安全模式，则可能是硬件驱动与系统不兼容、操作系统有问题或感染病毒等引起的。第2步：接着运行杀毒软件，如果有病毒，则可能是病毒引起的，杀毒后重新启动电脑，如果还不正常，则需重新安装操作系统。第3步：如果没有检测到病毒，可以使用操作系统自带的“系统还原”功能，将系统还原，还原后如果系统正常，故障则是由系统损坏而引起的。如果故障依旧，则可能是设备驱动程序与系统不兼容引起的；接着将声卡、显卡、网卡等设备的驱动程序删除，然后再逐一安装驱动程序，每安装一个设备就重启一次电脑，来检查是哪个设备的驱动程序引起的故障，查出来后，下载故障设备的新版驱动程序，然后安装即可。第4步：如果不能从安全模式启动，接着用安装光盘重新安装操作系统。如果可以正常安装操作系统，转7步；如果安装操作系统时出现故障，如死机、蓝屏、重启等导致无法安装系统，则应该是硬件有问题或硬件接触不良引起的。第5步：接着清洁电脑中的灰尘，清洁内存、显卡等设备金手指，重新安装内存等设备，然后再重新安装操作系统，如果能够正常安装系统，则是接触不良引起的故障。第6步：如果还是无法安装系统，则可能是硬件问题引起的故障。接着用替换法检查硬件故障，找到后更换硬件即可。第7步：如果可以正常安装操作系统，且安装后故障消失，则是系统文件损坏引起的故障。第8步：如果安装操作系统后，故障依旧，则可能是硬盘有坏道引起的或设备驱动程序与系统不兼容等引起的。用安全模式启动电脑，如果不能启动，则是硬盘有坏道引起的故障。接着用NDD磁盘工具修复坏道即可。第9步：如果能启动安全模式，则是设备驱动程序与系统不兼容引起的。接着将声卡、显卡、网卡等设备删除，然后再逐一安装驱动程序，安装一个启动一次，来检查是哪个设备的驱动程序引起的故障。查出来后，下载故障设备的新版驱动程序，然后安装即可。</t>
  </si>
  <si>
    <t xml:space="preserve">孩子胳膊拉脱怎么办？今天上午我拉着孩子的手在马路上走,他淘气往地 </t>
  </si>
  <si>
    <t>到医院让医生给予复原，这种情况基本是脱臼，以后要注意保护，小儿的关节囊比较松，容易发生再次脱臼，多次后会引起一种习惯性的关节脱落。家长应该注意了，以后要小心保护这侧手臂，也要告诉小儿自己注意保护，不要拎重物。</t>
  </si>
  <si>
    <t xml:space="preserve">最近有什么美剧或者英剧好看，我剧荒了┭┮﹏┭┮ </t>
  </si>
  <si>
    <t>梅林传奇,远大前途,皮囊,如果对您有帮助，给我的答案一个好评哦，亲，谢谢（请搜索进入应用“微问”里查看自己提出的问题并给出好评）</t>
  </si>
  <si>
    <t xml:space="preserve">滴尿2年前就开始有点尿痛，隔1??月痛1/2次（别误会，本人是男 </t>
  </si>
  <si>
    <t>根据你叙述的症状.,可能你同时存在尿道结石和前列腺炎.建议你去医院检查一下.尿道结石可能不太多,小的话,多饮水会自动排除的.或喝中药排石汤.前列腺检查可以去化验一下.</t>
  </si>
  <si>
    <t xml:space="preserve">请问证券公司的客户经理是干什么的? </t>
  </si>
  <si>
    <t>1）服务现有大户和中户客户2）发展新的大户和中户看你的专业水平怎样，还有认识的有钱人多不多.就是业务人员,进去经过培训从事各种业务工作.</t>
  </si>
  <si>
    <t xml:space="preserve">感冒要注意什麼醫生說我舌頭上有紅點、說那是一般??q小孩才有的， </t>
  </si>
  <si>
    <t>转贴：，总体上分为普通感冒和流行感冒。普通感冒，祖国医学称"伤风"，是由多种病毒引起的一种呼吸道常见病，其中30%－50%是由某种血清型的鼻病毒引起。普通感冒虽多发于初冬，但任何季节，如春天、夏天也可发生，不同季节的感冒的致病病毒并非完全一样。流行性感冒，是由流感病毒引起的急性呼吸道传染病。病毒存在于病人的呼吸道中，在病人咳嗽、打喷嚏时经飞沫传染给别人。流感的传染性很强，由于这种病毒容易变异，即使是患过流感的人，当下次再遇上流感流行，他仍然会感染，所以流感容易引起暴发性流行。一般在冬春季流行的机会较多，每次可能有 20～40％的人会传染上流感。 　　感冒病例分布是散发性的，不引起流行，常易合并细菌感染。普通感冒起病较急，早期症状有咽部干痒或灼热感、喷嚏、鼻塞、流涕，开始为清水样鼻涕，2～3天后变稠；可伴有咽痛；一般无发热及全身症状，或仅有低热、头痛。一般经5～7天痊愈。　　感冒也是一种急性传染性鼻炎，俗称“伤风”。是由呼吸道病毒引起的，其中以冠状病毒和鼻病毒为主要致病病毒。病毒从呼吸道分泌物中排出并传播，当机体抵抗力下降，如受凉、营养不良、过度疲劳、烟酒过度、全身性疾病及鼻部本身的慢性疾病影响呼吸道畅通等，容易诱发感染。感冒发作后继发细菌感染。感冒起病时鼻内有干燥感及痒感、打喷嚏、全身不适或有低热，以后渐有鼻塞、嗅觉减退、流大量清水鼻涕、鼻粘膜充血、水肿、有大量清水样或脓性分泌物等。若无并发症，病程约为7～10天。　　应为病毒生存在人体细胞内，世界上没有药物可以直接杀死感冒病毒，有效方法就是依靠人体免疫系统。所以感冒应以支持疗法为主，特别注意休息、大量饮水、饮食清淡。这可给免疫系统充分的体力支持。　　感冒可能会引发细菌感染，但是千万不可随便使用药物治疗。在人体免疫系统杀死病毒后，绝大部分感染会自动痊愈。盲目药物治疗会增强细菌抗药性，从而损害人体免疫系统。</t>
  </si>
  <si>
    <t xml:space="preserve">请问银行低风险业务中的全额保证金或存单质押有什么异同?请具体点 </t>
  </si>
  <si>
    <t>两者不同之处就是：前者是用资金做保证，就是把你的款项存入银行的固定的帐户并冻结，此时存入银行的款项银行只支付活期利息给你，在欠款末归还前你不能使用该笔款项；后者是把你的末到期的定期存单交给银行，银行将这张存单进行冻结，你仍拿原存单应得的利息，在欠款末归还前你不能使用该存单，这种情况一般都是存单存期长于贷款期限，且存款已存了好久，若提前支取会损失很多利息，不如交付贷款利息，即存款到期利息大于这期间的贷款利息。</t>
  </si>
  <si>
    <t xml:space="preserve">各银行办理“金卡”都有什么条件？ </t>
  </si>
  <si>
    <t>各行不统一，一般日均余额要达到15-30万元，但在本人名下的定期存款和国债都可计入余额中。否则要收取每年200-300元的年费。第一次持有起点15-30万即可开户，但也有不存钱开户的。</t>
  </si>
  <si>
    <t xml:space="preserve">威海制氧机专卖店想买个给老人吸氧的制氧机，不知道威海哪里有专卖店 </t>
  </si>
  <si>
    <t>就知道在威海中医院北边不远的地方有个民航大院里，有家全国连锁专卖店，好像叫康复之家，或者你打114问问也行</t>
  </si>
  <si>
    <t xml:space="preserve">怎样进行税务变更登记？怎样进行跨区税务变更登记？因为我们公司被卖 </t>
  </si>
  <si>
    <t>对，跨区变更很麻烦，你首先要先注销税务，注销税务的时候专管员协同另一个税务人员一起查账，原来的地区注销完毕后，等于在新的地区重新登记，流程跟新公司报道差不多，同时你要去工商部门办理转出</t>
  </si>
  <si>
    <t xml:space="preserve">电影‘法国大革命’写的什么 </t>
  </si>
  <si>
    <t>Les Mariés De L'an Deux.1971影片名称： 乱世冤家主要演员： 让.保罗.贝尔蒙多 玛莱妮.约伯特影片简介:1786年的某一天，在大西洋洋面上，航行着一艘印地安人的货船。货船的底舱躲藏着一个名叫尼古拉.菲利贝的法国人。他从小由南特市一家老板戈斯兰收养，并和戈斯兰的女儿夏洛特结为夫妇。有位男爵疯狂地爱上了夏洛特，愤怒的尼古拉将男爵杀死，畏罪出逃。1787年春，尼古拉辗转来到了美国南卡罗莱纳州的查尔斯顿，凭着他的聪明才干，仅在五年之内就成为该公司老板阿瑟达维松身边的红人。达维松又将自己女儿玛格丽特许配给他。尼古拉和玛格丽特举行婚礼时，有人揭露尼古拉早已结婚，这违背美国的教规，婚礼中断。两星期后，达维松派尼古拉去法国销售小麦。这时的法国刚刚建立了共和制的新政权，国内局势动荡。尼古拉销售小麦，虽遭市政府议员的非难，但他是雪中送炭，受到当地市民的欢迎。尼古拉得知妻子夏洛特因爱上盖朗德侯爵而逃往乡下，为了找到夏洛特，他毅然救出了因谋反而被捕的侯爵的妹妹波丽娜，自己却?铛入狱被判处死刑。后来，在他儿时的伙伴西蒙的帮助下，尼古拉越狱逃到了偏僻的乡村，与盖朗德侯爵等保皇党人不期而遇，一场混战，随尼古拉一同越狱的另一囚犯当场被打死，尼古拉幸免一死。尔后他又作为波丽娜的救命恩人被奉为上宾。尼古拉几经周折终于找到了夏洛特。他劝她回家去，但夏洛特不愿离开。盖朗德怕美女被别人夺去，决定和夏洛特结婚。波丽娜得知哥哥要结婚，她也执意要嫁给尼古拉，这就引起另一贵族青年圣奥班的妒意，便拨剑要与尼古拉决斗。圣奥班边斗边大声叫嚷：“尼古拉是共和国派来的密探。”于是许多贵族纷纷拔剑助阵。尼古拉寡不敌众，束手就擒。夏洛特意识到保皇党不会轻易放过尼古拉，她当场言明：“他是尼古拉.菲利贝，是我丈夫”，在场的人目瞪口呆，夏洛特立即挽着尼古拉离开了大本营。途中夏洛特发现尼古拉的项链盒里有玛格丽特的照片，又听说他回国是为了和自己离婚，不禁醋意大发。这时正巧法国亲王路过，夏洛特忿然坐上了亲王的马车。亲王令手下人给尼古拉强行灌入迷魂药，并在他昏睡中办了离婚手续。亲王带着夏洛特离去。被留下的尼古拉被人抬回了他自己的货轮。戈斯兰已破产，他意外地找到了生财之道：他将酒窖里囤积的酒全部装上尼古拉的货船返航了。尼古拉昏睡了几个昼夜后，渐渐苏醒。守在一旁的戈斯兰拿出离婚证交给尼古拉说：“你回美国就和那姑娘结婚吧，你可要发大财了！”尼古拉听后如梦初醒，纵身跳进大海游向岸边。一阵海风把离婚证书也吹进了大海里。他去追寻夏洛特，途中加入了共和国军队，立了战功。夏洛特坐在疾驰的亲王马车内。心里一直思念着尼古拉，当马车快要接近边境时，夏洛特跳下马车，奔向共和国军队……尼古拉和夏洛特再度重逢，和好如初。</t>
  </si>
  <si>
    <t xml:space="preserve">长期每天都滴“珍珠明目液”或“太湖美”这样的眼药水用来养眼睛，有? </t>
  </si>
  <si>
    <t>天呐..用这么劣质的眼药水.(呵呵...开玩笑)还每天都滴,对眼睛绝对不好..不光是这两种,所有的眼药水都不能长用...如果你的眼睛非常干涩的话就用"新乐敦"吧(我的切身体会),刺激很大但效果很好..如果单纯是保养建议用人工泪液如"泪然"不过这玩意贵了点.</t>
  </si>
  <si>
    <t xml:space="preserve">练过骑士的高手请进!大家好,小弟诚心练一个JP骑士!请问怎样加点 </t>
  </si>
  <si>
    <t>9.抗石10.抗混这技能不用，真的东门碰见了咒，可以穿抗装。2级的抗技能也没什么太大的补助。即使是学的话也是学抗睡比较好一点，现在有些人喜欢防了昏睡再乾坤。</t>
  </si>
  <si>
    <t xml:space="preserve">我系读大一的想出国！！去英国要什么要求呢？我是一个大一的学生！！ </t>
  </si>
  <si>
    <t>还是本科毕业了以后去比较好诶,你现在都上了一年了,去了不就浪费了嘛,而且从本科开始去英国念要花很多钱.硕士就1年,花死也不会太多.成绩好的话还可以申请博士,是有奖学金的.你现在可以好好学学英语,挑挑学校什么的.还有你本科的成绩在申请研究生的时候会用到,所以学校里的成绩也要弄好.如果想申请很好的学校,有论文在省级以上的发表,或者有名师推荐是最好了,这些你现在都可以开始弄了.英语的重要性就不用说了,好的学校雅死的要求成绩也就越高</t>
  </si>
  <si>
    <t xml:space="preserve">我要出国买旅行箱,请问什么牌子的质量好,价钱也公道 </t>
  </si>
  <si>
    <t>你在卖旅行箱的店里咨询一下,可以找到你适合的,因为不同地方可能有不同牌子的,最重要的是要买国内的牌子,千万不要买冒国外的名牌,以防若上麻烦.</t>
  </si>
  <si>
    <t xml:space="preserve">最近发现汽车怠速不稳，是什么原因？ </t>
  </si>
  <si>
    <t>怠速不稳原因很多，就如人发烧。如车辆不是年久失修，多数情况，都是清洗节气门就能解决。</t>
  </si>
  <si>
    <t xml:space="preserve">缘分是不是说来就来说去就去一个男孩想趁三八节给女孩一个好的记忆, </t>
  </si>
  <si>
    <t>缘一向是最难说清楚的东西.有时候也真的觉得,缘来缘去缘无情.看来整篇文章,总觉得那个女孩子太任性了.而且根本感觉她对那个男孩的爱.对男孩的关心虽不能说男孩的痴情是个错.但是他是否应该把他的情告诉女孩呢?如果他早说出他的想法,也许结局就不会是这样了.就算他想给女孩一个惊喜.但当他不想去酒吧.唱歌时,是否应该说出来呢!整个故事,谁对谁错,真的很难说清.但造成这种结局的是,他们的感情都得不到很好的沟通.这是个致命的错误.所以,那句话是正确的"无论再怎样好的感情.如果不进行沟通,也会有崩溃的一天"</t>
  </si>
  <si>
    <t xml:space="preserve">在天津做OTC市场都要注意些什么我是刚做医药销售不久，我申请公司 </t>
  </si>
  <si>
    <t xml:space="preserve">成功的OTC药品营销，了解市场是前提 。　　作为OTC生产厂家，必须要了解中国医药市场形势的严峻性，尤其是OTC市场的特殊性，在产品定位上要审时度势，避重就轻，根据自己的优势和劣势，进行正确的产品定位。作为医药企业，既要研究竞争对手，以己之长，攻其所短，更要充分了解市场，不是我能生产什么就卖什么，而是市场需要什么，我们就生产什么，也就是通常我们说的营销要以市场为导向。好产品不一定是好商品。因此，企业在产品立项前就应该以大量详实的市场调研作为依据，把握时机，适时推出市场真正需要的产品，才不会犯主观臆断的低级错误。 　　在医药产业链中除了研发、生产、销售一般产业环节外，还包括申报、临床实验、评价、上市等一系列复杂的产业化过程。新药研发生产的过程(环节)表现为：实验室---中试---临床许可---临床实验---生产许可---生产工艺、质量控制---销售。正是这一过程使得生物医药产业呈现有人总结出的"三高一长"的特点，即高技术、高资金投入、高风险、超长周期。 上述特点决定了药品投资与经营企业需要重视市场调研，在产品推向市场，确切点说，在开始研发前就要对目标产品的市场机会进行专业评估。外资医药企业重视市场调研活动的一个主要原因是，我国市场环境复杂多变，他们不甚了解。调查的目的在于减少盲目性，以避免陷入本土化的陷阱。市场如果不做调研，如同盲人骑瞎马。最近几年。国内一批高素质的民营药品企业，对营销决策有、客观的认识，同时在创业发展中，真正尝过使用市场调研?quot;甜头"。 　　总之，通过对消费者药品消费习惯影响因素的深入了解和研究，可以发现新形势下一些能更好地满足消费者需求的机会点，这对OTC营销具有重要意义。 　　成功的OTC药品营销，策略企划是核心。　　一种药品的上市，无论是全新开发，还是老药新做、新药普做，都必须以科学的药理药性为宣传基础，这就要求要对药品进行理论包装（策划）。OTC药品是典型的品牌消费。因为药品密切关系到人们的健康与生命，而一般消费者又难于识别药品质量的优劣，因此品牌成为消费者作出购买决策的一个重要依据。要提升企业的产品品牌形象，广告创意与表现就得追求差异化，这是产品同质化和广告同质化的必然需求，没有个性的广告，消费者很快就会遗忘；其次是合理的广告诉求点，树立产品的独特个性。 　　OTC销售过程从一定程度上说是建立渠道，疏通渠道，管理渠道的过程。完整、畅通的渠道是实现产品销售的根本和前提。因此，作为OTC生产企业，一定要做到渠道畅通。作好销售的基础工作，发展分销商，并加强对分销商的管理。因此应制定一套完备的销售人员管理办法及考核制度，促进销售渠道规范化 　　成功的OTC药品营销，终端组织执行是关键。 　　对OTC企业来说，药品零售非常重要，因为各种药品最终都是通过药店传递到消费者的手中。如果没有这一价值交换行为，医药企业就无法实现销售，也就无法获取利润。因此，ＯＴＣ产品上市时一定重视药品的终端工作，这样不仅可大大加快销售速度，还可为产品从上市走向旺销提供强有力的支持。 　　过去的ＯＴＣ药品，一般只能进药房销售，但现在已顺利挺进超市的药品专柜里了。再好的ＯＴＣ药品也必须有好的嫁衣。产品的同质化趋势催生了消费者购买的随意性。如果你的包装不显眼，你就有失去被选中的可能。因此，目前绝大多数ＯＴＣ药品开始从包装、终端形象上追求新、奇、特的感觉。在OTC药品的整个销售环节中最重要的实际上是消费者这个环节，几乎所有的OTC营销工作都是围绕消费者这个最终环节展开和延伸的。 　　影响消费者购买产品的主要因素有很多：大众传播媒体，如电视、报纸、电台、杂志；药店终端，如终端卖场POP广告、产品橱窗广告、店堂内外灯箱广告，以及产品堆头、陈列摆放等；专业人员对消费者认知产品的影响，如药店内营业员，医院的医生等；服用过药品的消费者对其他消费者的影响；药品说明书是除医生、店员之外人们了解药品信息的另一个重要渠道。 　　综上所述，在新形势下转变原有营销观念，有计划地开展药品营销调研，了解消费者的真正需求，以便制定适宜的营销策略，加强对销售人员、药店店员的培训，增加与医师的沟通，规范终端管理将是今后国内OTC企业应对OTC市场新变化的主要措施。 </t>
  </si>
  <si>
    <t xml:space="preserve">哪有卖日本式的毛绒玩具的招财猫 </t>
  </si>
  <si>
    <t>各地毛绒玩具店有售。</t>
  </si>
  <si>
    <t xml:space="preserve">潜水员（图）昨晚看了美国影片《怒海潜将》，感触良多1、当时美国种 </t>
  </si>
  <si>
    <t>1.美国建国之初黑人只能作为奴隶没有公民身份 即使在北方自由主义盛行的地方 黑人也只能做厨子 门卫 建筑工人等苦力工作或服侍人的工作 黑人不能与白人同一处洗澡 吃饭 娱乐 就如上面那为同学说到的即使WC也必须到黑人厕所才行 种族隔离的模式到了60年代末70年代初才开始有所改善 之前的黑人只能上师资力量薄弱的黑人学校(华盛顿主演的伟大辩手 就有真实的写照)黑人在美国从军虽然黑早就开始 但是黑人军人没有军官的历史直到越战时期才结束! 最初的黑人就如片中所描述的要么做伙夫杂役要么就滚蛋 空军中的黑人只能做地勤维修 陆军也只能做普通士兵而且还通常会多排额外杂役!如此种种简直数不胜数!(-.-最早的黑人军队就相当与敢死队 有不描写南北战争里黑人部队的电影 有兴趣的可以搜来看看 名字俺忘记了)种族歧视在美国是一个普遍而且严重的问题 对于现在的美国黑人人权装备 这在50-80年代更为严重和普遍 即使到了90年代仍然十分严重 1992年白人警察殴打黑人司机罗德尼·金引发了洛杉矶大规模的种族冲突；1995年美国百万黑人在首都华盛顿举行大游行，提出了增进黑人团结，反对种族歧视的主张；1999年黑人迪亚洛在纽约被4名白人警察枪杀再次引发了抗议浪潮。在911之后 种族主义又有了新的抬头趋势详情可以参考中国国务院新闻办公室３日发表的《２００４年美国的人权纪录》种种迹象表明在美国这个歌唱人权民主的国家 种族歧视不仅以前普遍而且严重 而且现在依然普遍而且严重2.2003年10月12日，有“深海蛙人”之称的41岁古巴自由潜水健将弗朗西斯科·菲雷拉尔耗时2小时40分，潜至水下170米，从而以0.18米之差打破了由他已故妻子创造的世界记录，并以此纪念因潜水死去的妻子。3.１９６６年１月１５日，两架美国战略空军司令部的飞机―――一架Ｂ―５２轰炸机和一架ＫＣ－１３５空中加油机，在西班牙沿海的比利亚里科斯村和帕洛玛雷斯村的上空进行空中加油训练，在两机联接时突然相撞。轰炸机爆炸解体，变成了一团巨大的火球，加油机摇摇摆摆地向前飞行一会儿，也开始解体。２００多吨燃烧着的飞机残片，零乱地落向地面。其中，有４枚威力巨大的氢弹！当时在现场找到３枚弹体严重受损的氢弹，第４枚在事故发生７９天后从深海中被打捞出。(这类事件美国发生了不少起 -.- 为啥非得带真核弹搞训练呢 搞不齐哪天真爆它一个 美国人就吃不了 兜着走了!)4.现在还有海军潜水员 不光有 而且其作业水平和器材装备远比非当初所比 通常服役于海军专属救援舰队(-.- 我国军旅题材电视剧&lt;旗舰&gt;里就有嘛 那个转性变好的谢庭群不就是执行深潜救援任务牺牲的嘛!) 海军潜水员记录貌似是 140米饱和，166米巡潜. 至于其他就不甚了解了 我国海军这之潜水部队的神秘程度相当高 -.-!</t>
  </si>
  <si>
    <t xml:space="preserve">油箱问题我密码忘了,于是我重置了密码,系统说已经有一封邮件发到我 </t>
  </si>
  <si>
    <t>我的也是啊!  我邮箱都充填了3次了可是充点的信息都不给发!!!我问了客服,他老说我这边有问题~~~我是换了3个地方充卡都是不给发信 告诉我我充值的信息!!!我也急那!</t>
  </si>
  <si>
    <t xml:space="preserve">这只公仔叫什么名字？哪里有卖？ </t>
  </si>
  <si>
    <t>这叫姆明，广州很多地方卖公仔的都有的</t>
  </si>
  <si>
    <t xml:space="preserve">面部湿疹20年不愈怎麽治疗？女孩20岁上眼皮和咀周围红肿脱皮奇痒 </t>
  </si>
  <si>
    <t>面部湿疹长年不愈,首先要除外光线过敏引起的皮炎,属于慢性光化性皮炎.应该避光,可以内服中药或羟氯喹.另外一种属于慢性湿疹,除了避免吃刺激性食物外,可以服用中药治疗.如果有条件的话希望您找专科医生结合病情加以诊治.治疗得当的话完全有可能达到满意的效果.</t>
  </si>
  <si>
    <t xml:space="preserve">该给BB取名字了!老公姓崔,我姓钟,不知道该给BB取什么名字好, </t>
  </si>
  <si>
    <t>崔钟浩（男孩）崔钟雅（女孩）</t>
  </si>
  <si>
    <t xml:space="preserve">任选9场的平均奖金大约是多少？从销售以来！希望要有根据回答！ </t>
  </si>
  <si>
    <t>3000元左右我做过一次统计，开始很兴奋，认为值得投入但是具体分析以后，发现奖金差距很大，七八万以上的大奖虽然有几次，但是那是因为出现了根本就不可预测的冷门，比如皇马主场输给桑坦得竞技，那是很难猜中的，因为很多人都拿它做但，最多也就复选不败。还有奖金达到五千块以上的，一般都会出现几个连续的心理小冷，一般说来那种情况下，14长奖金都不会低于30万因此，除去这些很难猜中的期数，奖金就不会这么乐观了。应该在500至1000元左右一家之言，朋友好运</t>
  </si>
  <si>
    <t xml:space="preserve">中译英（一句话）“终于有一天体力不支有点恍神了……”汉语：终于有 </t>
  </si>
  <si>
    <t>Eventually I got so burnt out and seemed to be in a trance. The teacher could not bear watching my continuous self-torture that he took away all my photos---the dear photos that have been so close to me for the past 6 months.</t>
  </si>
  <si>
    <t xml:space="preserve">一个关于个人隐私的问题我是一名在校学生,前几天学校发了一张调查表 </t>
  </si>
  <si>
    <t>是什么调查表呢？目前是什么呢？最好先说清楚才好判断。不过，正常情况下，这属于个人隐私范围，没有特别理由的话，你完全有权拒绝填写。</t>
  </si>
  <si>
    <t xml:space="preserve">请问现在的3大神器是什么价钱请问各位高手~现在的三大神器~天空之 </t>
  </si>
  <si>
    <t>前些天开的MAX(勇气)任务和魔力宝贝暑假任务(攒4个字的任务)都能得到神器,所以导致神器价钱掉的很低,现在那些任务都关了,价钱回升了点,你买的价钱算不错了,1区双子这边P斧回到20W,村正回到12W,天空回到10W左右了吧,所以你不算亏</t>
  </si>
  <si>
    <t xml:space="preserve">专家问诊今日午后大盘？？？？？？？？？？午后走示 </t>
  </si>
  <si>
    <t xml:space="preserve">午后大盘将继续震荡盘升.运用威廉.江恩,&lt;&lt;周期理论&gt;&gt;分析,目前大盘已步入新的上升周期,短期上涨目标位在前期高点1750点一线.运用综合指标分析,房地产板块前期调整已较为充分,后市有望整体走强.因此,操作策略上,建议介入资产价值具有比价优势的个股.祝好运! </t>
  </si>
  <si>
    <t xml:space="preserve">我的手机是小N3230，不支持３ＧＰ和ＲＭ格式，可以下载软件来播? </t>
  </si>
  <si>
    <t xml:space="preserve">可以啊  我的也是3230 </t>
  </si>
  <si>
    <t xml:space="preserve">世界上最大的花 </t>
  </si>
  <si>
    <t xml:space="preserve">    德国波昂大学植物园开出过世界上最大的花--泰坦魔芋[(Titan Arum)，花高2.7公尺。        这种魔芋的学名为Armorphophallus titanum，来自于印尼西苏门达腊的热带雨林，由植物学家Odoardo Beccari于1878年发现。当时，他寄了一些种子给英国皇家植物园(Royal Botanic Gardens, Kew) 。1889年，泰坦魔芋首度于英国皇家植物园开花。        魔芋寿命长达数年，可是开花的时间却很短，顶多数日，然后长出果实后，很快就枯萎，所以很难看到它的踪迹。它会发出一种令人作恶如尸肉腐败的味道，因此，又称之为尸花(corpse </t>
  </si>
  <si>
    <t xml:space="preserve">朋友要我找国?鹊幕平鹇蚣?黄金在国外我没有国?壬矸葜?如何处理? </t>
  </si>
  <si>
    <t>托运！！！去物流公司问问需要怎么办理的！！</t>
  </si>
  <si>
    <t xml:space="preserve">example和sample的区别 </t>
  </si>
  <si>
    <t xml:space="preserve"> 榜样,例子例句与用法:1.Herdiligencehassetanexampletotheothers.她的勤奋为其他人树立了榜样。 样品,标本v.抽取样品例句与用法:1.Thenursetookasampleofmybloodfortests.护士抽了我的血样去化验。</t>
  </si>
  <si>
    <t xml:space="preserve">盆腔炎一般是什么引起的.刚引起.起初的时候都有一些什么状况呢? </t>
  </si>
  <si>
    <t xml:space="preserve">盆腔炎病因 慢性盆腔炎(chroriic pe1vic inf1aminatorydisease)常为急性盆腔炎未能彻底治疗，或患者体质较差，病程迁延所致，但亦可无急性炎症病史。病情较顽固，当机体抵抗力较差时，可有急性发作。 常见致病体有链球菌、葡萄球菌、大肠杆菌、厌氧菌、淋球菌、支、衣原体等。 病理: 1.慢性输卵管炎与输卵管积水 慢性输卵管炎多为双侧性，输卵管呈轻度或中度肿大，伞端可部分或完全闭锁，并与周围组织粘连。此外，有时在输卵管峡部粘膜上皮和纤维组织增生粘连，使输卵管呈结节状增厚，称为结节性输卵管炎。输卵管炎症较轻时，伞端及峡部粘连闭锁，浆液性渗出物积聚而形成输卵管积水；有时输卵管积脓变为慢性，脓液渐被吸收，浆液性液体继续自管壁渗出而充满管腔，亦可形成输卵管积水。积水输卵管表面光滑，管壁甚薄，形似腊肠或呈曲颈的蒸馏瓶状，卷曲向后，可游离或与周围组织有膜样粘连。 2.输卵管卵巢炎及输卵管卵巢囊肿 输卵管发炎时波及卵巢，可相互粘连形成炎性肿块，或输卵管伞端与卵巢粘连贯通，液体渗出而形成输卵管卵巢囊肿，也可由输卵管卵巢脓肿的脓液被吸收而成。 3.慢性盆腔结缔组织炎(chronic pe1vic paramitritis)炎症蔓延至宫骶韧带处，使纤维组织增生、变硬。若蔓延范围广，可使子宫固定，宫颈旁组织也增厚。 临床表现: 1.症状：(1)全身症状多不明显，有时可有低热，易感疲乏。病程时间较长者，部分患者可有神经衰弱症状，如精神不振、周身不适、失眠等。当患者抵抗力差时，易有急性或亚急性发作。(2)慢性炎症形成的瘢痕粘连以及盆腔充血，可引起下腹部坠胀、疼痛及腰骶部酸痛。常在劳累、性交后及月经前后加剧。(3)由于盆腔瘀血，患者可有月经增多；卵巢功能损害时可有月经失调；输卵管粘连阻塞时可致不孕。 2.体征：子宫常呈后位，活动受限或粘连固定。若为输卵管炎，则在子宫一侧或两侧触到增粗的输卵管，呈索条状，并有轻度压痛。若为输卵管积水或输卵管卵巢囊肿，则在盆腔一侧或两侧摸到囊性肿物，活动多受限。若为盆腔结缔组织炎时，子宫一侧或两侧有片状增厚、压痛，宫骶韧带增粗、变硬、有压痛。 诊 断:有急性盆腔炎史以及症状和体征者，诊断多无困难，但有时患者症状较多，而无明显盆腔炎病史及阳性体征，此时对慢性盆腔炎的诊断须慎重，以免轻率作出诊断造成患者思想负担。有时盆腔充血或阔韧带内静脉曲张也可产生类似慢性炎症的症状。 慢性盆腔炎与子宫内膜异位症有时不易鉴别，子宫内膜异位症痛经较显著，若能摸到典型结节，有助于诊断。鉴别困难时可行腹腔镜检查。输卵管积水或输卵管卵巢囊肿需与卵巢囊肿鉴别，前者除有盆腔炎病史外，肿块呈腊肠型，囊壁较薄，周围有粘连；而卵巢囊肿一般以圆形或椭圆形较多，周围无粘连，活动自如。盆腔炎性附件包块与周围粘连，不活动，有时与卵巢癌相混淆，炎性包块为囊性而卵巢癌为实性，B型超声检查有助于鉴别。 预 防:注意个人卫生，锻炼身体，增强体质，及时彻底治疗急性盆腔炎。 治 疗: 1.一般治疗解除患者思想顾虑，增强治疗的信心，增加营养，锻炼身体，注意劳逸结合，提高机体抵抗力。 2.中药治疗 慢性盆腔炎以湿热型居多，治则以清热利湿。活血化瘀为主，方药用：丹参18g、赤芍15g、木香12g、桃仁9g、金银花30g、蒲公英30g、茯苓12g、丹皮9g、生地9g。痛重时加延胡索9g。有些患者为寒凝气滞型，治则为温经散寒、行气活血。常用桂枝茯苓汤加减。气虚者加党参15g、白术9g、黄芪15g。 3.物理疗法 温热的良性刺激可促进盆腔局部血液循环。改善组织的营养状态，提高新陈代谢，以利炎症的吸收和消退。常用的有短波、超短波、离子透入(可加入各种药物如青霉素、链霉素等)、蜡疗等。 4.其他药物治疗 在用抗炎药物时，也可同时采用α－糜蛋白酶5mg或透明质酸酶1500U，肌肉注射，隔日1次，5～10次为一疗程，以利粘连和炎症的吸收。个别患者局部或全身出现过敏反应时应停药。在某些情况下，抗生素与地塞米松同时应用，口服地塞米松0.75mg，每日3次，停药时注意逐渐减量。 5.手术治疗 有肿块如输卵管积水或输卵管卵巢囊肿可行手术治疗；存在小的感染灶，反复引起炎症发作者亦宜手术治疗。手术以彻底治愈为原则，避免遗留病灶再有复发的机会，行单侧附件切除术或子宫全切除术加双侧附件切除术。对年轻妇女应尽量保留卵巢功能。慢性盆腔炎单一疗法效果较差，采用综合治疗为宜。　　 盆腔炎是常见病，是女性盆腔生殖器官炎症的简称，包括子宫炎、盆腔腹膜炎、盆腔结蒂组织炎和输卵管卵巢炎。而中医治疗盆腔炎也有妙招。　　传统中医将盆腔炎分为五类，辨证施治的同时配合西医治疗，可达到标本兼治的效果。　　1.热毒型：高热，寒战，头痛，小腹疼痛，带下量多如脓，臭秽，尿黄便秘，舌质红，苔黄，脉滑数或弦数。妙方：野菊花栓：外用，每次1粒，肛门给药，一日12次。　　2.湿热型：低热，小腹疼痛灼热感，口干不欲饮，带下量多色黄质稠，或赤黄相兼，舌质红、苔黄腻，脉滑数。妙方：金鸡胶囊：每次4粒，一日3次，温开水送服。　　3.湿热淤滞型：小腹胀痛，口苦口干，带下黄而稠，小便混浊，大便干结，舌黯红，苔黄或白，脉弦或弦数。妙方：妇宝冲剂：每次20g，一日2次，开水冲服。　　4.淤血阻滞型：下腹持续疼痛拒按，或经行不畅，或量多有块，舌紫黯，或有淤斑淤点，苔薄，脉沉弦或涩。妙方：妇女痛经丸：每次9g，一日2次，温开水送服。　　5.冲任虚寒型：小腹冷痛，喜暖喜按，带下量多色白质稀，畏寒肢冷，舌质淡，苔薄白，脉沉细。妙方：温经丸：每次1丸，一日2次，温开水送服。 </t>
  </si>
  <si>
    <t xml:space="preserve">准妈妈可以用麻黄咸来治鼻塞吗？ </t>
  </si>
  <si>
    <t>慎重使用!研究认为麻黄咸对某些人健康有害 华裔专家指出美国发生事件多为服用过量【本报讯】麻黄咸（Ephedra Alkaloids）的副作用有多大？美权威医学杂志21日刊文作 出了回答。 昨21日出版的《新英格兰医学》杂志发表了加州大学旧金山分校哈勒（aller）和贝诺维 兹（Benowitz）的研究报告。作者受食品进药物管理局（FDA）之托对1997年6月到1999年3 月FDA接到的140例服麻黄咸造成的副作用反应 病例进行的独立的调查分析，其结论是31％的病例的反应肯定或可能同服用麻黄咸有关，其 主 要表现为高血压（17例），心悸和心动过速（13），中风（10）和抽风（7），该文的结论 是 ：使用含麻黄咸的食品补充剂可能对某些人的健康有害。应该继续研究为什麽只是某些人对 麻黄咸产生副作用。 纽约华裔医学专家李永明指出，中药麻黄中提纯的麻黄咸在美国被广泛应用於食品补充剂 （Dietary Supplements），用来和增加能量，由於购买这类产品不需要医生处方也不 必谘询草药师，所以一些消费者大量使用，有些人甚至同毒品一起使用，造成在过去数年内 出 现数例死亡或中毒报导。为此FDA发出过警告，并建议对麻黄咸的使用要限量、限时。 李永明指出，需要指出的是由於麻黄咸的滥用，给中草药在美国的声誉造成了很坏的影响 ，很多人误以为这是中药的毒副作用。其实麻黄在中药处方中很少单独使用，中药处方并不 使 用提纯的麻黄咸，多用全草，毒副作用甚微，资料表明过去几十年中，在中国因服麻黄中毒 报告极少。 而麻黄进入美国後出现的一系列事件看，大多属於消费者对产品不了解，服用过量，或长 期服用或生产商在产品中加入过量的纯麻黄咸，以求速效。这次事件再次说明，做为一般的 消费者切不可轻易相信广告宣传与乱用草药或一些食品添加剂，一定要谘询有经验的草药师 ，在专家指导下服用。</t>
  </si>
  <si>
    <t xml:space="preserve">一个人怎样在外边地创业先前的必备条件是什么怎么介入做生意那一行业 </t>
  </si>
  <si>
    <t>首先，要有坚韧不拔的毅力，和洞悉市场的眼光。其次，是你是否有创业的资本。最后，是时也，命也，运也。</t>
  </si>
  <si>
    <t xml:space="preserve">孝感哪里可以买到办公家具各位朋友,我是外地来孝感的.单位想买一批 </t>
  </si>
  <si>
    <t>到武汉来买其实还是很方便的，费用不会大，选择的余地也大，选好后还可以送货。城区外围东西湖就有大型家具卖场。</t>
  </si>
  <si>
    <t xml:space="preserve">vista启动这么慢!!!!!酷睿处理器T22501.73GHz </t>
  </si>
  <si>
    <t>1。启动问题：你的问题正是与瑞星2007有关，建议改用其他杀毒。VISTA与瑞星2007没有冲突，但兼容性不是很好，不能正常升级（我安装过2007，因不能正常升级就后改用了卡巴（FOR VISTA）了），而且启动速度会慢一些。而且现在瑞星2007上没有标明支持VISTA，我也没看到标明有支持VISTA的版本或FOR VISTA的单独版本。请看：瑞星杀毒软件2007单机版Windows操作系统：Windows 95/98/Me或Windows NT4.0/2000/XP/2003。 硬件环境 CPU：PIII 500 MHz 以上 内存：64 MB以上，最大支持内存4GB 显卡：标准VGA，24位真彩色 其它：光驱、鼠标 语言支持 瑞星杀毒软件2007单机版支持简体中文、繁体中文、英文和日文四种语言，其中英文可以在所有语言 Windows 平台上使用。瑞星杀毒软件将来还会支持更多种类的语言。 瑞星杀毒防火墙组合版Windows操作系统：Windows 95/98/Me或Windows NT4.0/2000/XP/2003。 硬件环境 CPU：PIII 500 MHz 以上 内存：64 MB以上，最大支持内存4GB 显卡：标准VGA，24位真彩色 其它：鼠标 语言支持 简体中文  2.配置问题：很多人认为要求内存条1G以上的配置，这是一方面考虑；但你的情况不光是此问题，显卡配置是怎样的，请你把详细配置说说。酷睿 处理器T2250 1.73GHz，不要看是双核，它的频率低一些，没有比过去P4 3.0HZ快，考虑的更是节能和散热问题的。3。系统优化问题：新安装的系统是有必要优化系统的。还请用Vista优化大师 1.09优化一下系统，可加快启动速度的。Vista优化大师简体中文正式版1.09（2007-3-30）！免费软件！绿色无插件！下载地址： 不信你不喜欢！Vista优化大师1.09升级！强势推出Vista系统服务优化向导！独立的管理界面，人性化的筛选管理，超轻松的优化向导！1分钟，去掉那些没用的服务，降低你的内存消耗，提升你的系统速度！友情预告：4月将推出整合某项全新功能的Vista优化大师，什么功能？使用Vista的人都会用到！别人有么？只有Vista Master有！做最好的Windows Vista优化设置软件，用一流的软件和快捷的升级服务，让大家说NO.1 ！点击下载：   官方网站：  （Vista之家）• Vista优化大师1.09版升级日志（2007年30日）1.整合Vista 系统服务管理大师 1.00，服务优化向导让系统服务管理1分钟一步到位！2.整合Vista IE插件免疫/管理大师 1.00，国内66个国外214个总计免疫280个！• Vista优化大师1.08版升级日志（2007年3月28日）1.全新加入IE插件免疫功能，总计免疫280个！！国内66个国外214个！！2.加入Vista资料库搜索功能，Vista问题一搜就有。• Vista优化大师1.07版升级日志（2007年3月23日）1.加入IE7浏览器右键菜单管理功能2.修正HOST文件管理删除所有之后不刷新的缺陷• Vista优化大师1.06版升级日志（2007年3月21日）1.加入IE7安全设置等20个选项2.支持桌面增加IE图标，加入IE7外观设置调整6项3.加入HOST文件管理功能，方便追查流氓软件• Vista优化大师1.05版升级日志（2007年3月16日）1.加入网络设置选项，包含网上邻居限制、局域网设置等多个选项2.加入网络共享设置，加入自动关闭IP$共享等功能，使Vista更安全Vista 优化大师(Vista Master)，微软Windows Vista系统优化中的瑞士军刀，中国国内第一个专业优化微软Windows Vista的超级工具，当然，也做最好的Vista优化设置和管理软件！</t>
  </si>
  <si>
    <t>推荐2</t>
  </si>
  <si>
    <t>综合看,可重点考虑:长线----久嘉\裕隆\科瑞\同盛                  短线----科翔\科汇\同德</t>
  </si>
  <si>
    <t xml:space="preserve">治疗癫痫病在成都的那家医院好？ </t>
  </si>
  <si>
    <t>建议去专业权威的癫痫病医院检查治疗，一些小医院或者诊所的治疗技术不够权威，一般治愈不了。癫痫是慢性疾病，病因复杂，所以一定要查明具体的病因和症状类型，这样才能对症治疗。不能自己乱吃药，也不能乱吃偏方，要找到正确的治疗方法，并且配合治疗。癫痫病治疗医院一定要是正规的专业的癫痫病医院，这样的医院资金充足，设备先进，有实力引起先进治疗技术和治疗设备，也有实力投入资金进行研究，专家临床经验也丰富，在治疗癫痫病方面肯定有一定的权威。医资力量是评价一个癫痫专科医院好与不好的很重要的标准，“术业有专攻”，医院也是有自己的重点和侧重点的科室。而选择癫痫专科医院，不只看医院整体情况，还更应该考量医院的重点科室。为难治性癫痫提供详细的术前评估报告，以确保治疗的规范性、专业性和安全性。</t>
  </si>
  <si>
    <t xml:space="preserve">国内几大银行的分行哪个比较多?同上. </t>
  </si>
  <si>
    <t>如果按全球范围看是中国银行。如果按国内网点覆盖范围看是中国邮政储蓄银行，农村到处都有，其次是中国农业银行。如果按城市网点数量看是中国工商银行，不过这是一个嫌贫爱富的银行，四大国有银行只有工行在西藏没有网点，中、农、建都有西藏分行。</t>
  </si>
  <si>
    <t xml:space="preserve">601939何时配股,如何操作 </t>
  </si>
  <si>
    <t>方案没出来吧，建议多看少动，世道不好，没办法</t>
  </si>
  <si>
    <t xml:space="preserve">上海至东台自驾游开车线路，最好写的细致一点 </t>
  </si>
  <si>
    <t>上海 前往 江苏省盐城市东台市 的建议路线：276 公里 上海市区 1. 从望亭路向东南方向，前往淮海中路 54 米 2. 在淮海中路向左转 420 米 3. 在西藏南路向左转 387 米 4. 在延安东路向左转 40 米 5. 走左侧匝道，走延安高架路 11.9 公里 6. 沿Ａ９公路继续前行 部分收费路段 7.7 公里 7. 下 Ａ５ 出口，前往Ａ５公路 收费路段 306 米 8. 在交岔路口继续沿指向Ａ５公路的方向向右，走Ａ５公路 收费路段 37.2 公里 9. 沿沿江高速继续前行 收费路段 42.5 公里 10. 下 常熟/常熟港/梅李/常通汽渡/尚湖 出口，前往227省道 部分收费路段 1.3 公里 11. 在交岔路口继续沿指向227省道的方向向右，走227省道 2.7 公里 12. 在环形交叉口，下第 2 个出口上338省道 9.4 公里 13. 在汽渡路向左转 1.8 公里 14. 乘 通常汽渡 到 南通市 6.2 公里 15. 继续直行 283 米 16. 继续直行进入223省道 7.9 公里 17. 沿东方大道继续前行 4.6 公里 18. 在336省道向左转 1.7 公里 19. 下出口走通盛大道 5.2 公里 20. 在通海大道向右转 3.3 公里 21. 上匝道，前往宁启高速 收费路段 0.7 公里 22. 在交岔路口继续沿指向宁启高速的方向向右，走宁启高速 收费路段 18.1 公里 23. 沿沿海高速继续前行 收费路段 101 公里 24. 下 东台/Ｓ３３３/兴化 出口，前往333省道 部分收费路段 1.3 公里 25. 在333省道向右转 8.6 公里 26. 在环形交叉口，下第 2 个出口上望海东路 0.7 公里 到江苏省盐城市东台市区</t>
  </si>
  <si>
    <t xml:space="preserve">关于SS的问题死亡缠绕是打掉敌人多少血自己就加多少血么？如果暴击 </t>
  </si>
  <si>
    <t>是打掉敌人多少血就给自己+多少血,如果出了暴击就给自己+暴击伤害那么多的血,明白了吧</t>
  </si>
  <si>
    <t xml:space="preserve">北京和成都哪个城市好？现年34岁，工作和居住在成都，住房两套，私 </t>
  </si>
  <si>
    <t>我吧是 北京人!我在北京生活了几年~~北京不只是城市大那么简单!有时候很复杂!我很喜欢北京!环境好,各个方面服务态度好!居住条件好!如果你有实力的话,北京是个很好的发展平台.为了理想,有时候就有舍有得.考虑到你妻子````还有和成都的感情你要想清楚了!怎么做比较合适就怎么做吧!         如果北京的待遇好!你应该考虑的!                              中国的首都呀!</t>
  </si>
  <si>
    <t xml:space="preserve">联盟70FS代小号16的DLN法师双开怎么刷?地点大号的天赋怎么 </t>
  </si>
  <si>
    <t>如果你大号FS带小号天赋最好是冰奥（主冰副奥）11-15级可以刷死亡矿井，记得组上几个和小号相同或是比你要带的小号低一或两级的其他玩家，这样的好处是所得的经验比较多（有组队经验奖励）；15-20级，刷监狱大概10分钟一局，一样也最好组上几个略低于你小号级别的玩家；20-25级带去做湖畔镇的任务，比刷FB升的快；25-30级，可以选择在夜色镇的乌鸦岭爆骷髅和，如果你不嫌远，此时可以带去血色修道院，顺便还可以将南海镇的任务带做完毕；30-40级，有两种升级路线，要么你就近返回夜色镇去相邻的荆棘谷带小号做任务，要么在米港坐船去另一个大陆的闪光平原，那里也有5-6个任务可以做，最主要的是，靠近JJS入口有一处非常适合爆怪的地方，怪都是36-38的蜥蜴，近身攻击怪，很适合AE（强烈推荐来此地升级）；40-50级，FB没必要去了，毕竟FS带人刷FB讲究的是效率，此时的FB，FS单刷的效率已经没有多少优势尤其是带着狂引怪的小号，可以选择去JJS爆海盗；50-60级，去西瘟疫，出了冰风岗门口不远的地方爆骷髅，怪物等级在50-54级，近战攻击怪，十分适合AE且声望布料装备配方都很容易掉；60级之后，去外域带做任务，任务经验奖励很多大多都是8000-15000的经验；</t>
  </si>
  <si>
    <t xml:space="preserve">我是湖南的考生,理科489可以进贵校学习日语专业吗?学习这个专业? </t>
  </si>
  <si>
    <t xml:space="preserve">本科一批理工 分数线为 534  分去年二本分数最高的是湖南科大，其次是农大，都是紧追一本线的。科大以外语专业最强，所以说基本上没得希望了~你500分以上再考虑这几个学校吧湖南科技大学、中南林业科技大学、南华大学、湖南农业大学（一般低于一本20分左右）超过二本线10分内填湖南工学院、湖南科技学院、湘南学院等差一点的学校。 中档学校可以考虑~ </t>
  </si>
  <si>
    <t xml:space="preserve">为什么男人有钱就变坏，女人变坏就有钱？ </t>
  </si>
  <si>
    <t>有这样的疑问是挺可笑的。他实际上回避事情的主要矛盾。男人和女人他们转变主要不是因为有钱没钱，而是他们以前都是鉴于现实情况接受而以，他们都把自己的真实内心和欲求隐藏了起来，一旦他们的环境和条件得到转变，能让他们实现内心的诉求，他们会义无反顾地追求。 这才是他们真实的一面。 所有人都有两面性，只是你能不能看清楚而已。</t>
  </si>
  <si>
    <t xml:space="preserve">孩子闹觉，怎么办？我的宝宝五个多月了，从生下开始就开始闹觉，无论 </t>
  </si>
  <si>
    <t>宝宝五个多月了，可以喂一些辅食了，另外晚上睡觉不要开着灯，白天可以让他多玩一会儿，钙片我看不要吃了，可少量加一些，蛋黄，菜泥，米粉之类的，刚开始吃，一定要一点点加量，尤其是蛋黄，看是否有过敏现象，做妈妈是很辛苦的，要耐心，细心，不要着急，不用和别的孩子比，一个孩子一个样儿，我的孩子小时也睡的少，没关系稍大一些就好了，不要着急，祝你和宝宝都健康。</t>
  </si>
  <si>
    <t xml:space="preserve">紧急免费的过滤软件媒体推荐的14场很少有全对的我想弄个软件把媒体 </t>
  </si>
  <si>
    <t xml:space="preserve">这里的看行不行？！ </t>
  </si>
  <si>
    <t xml:space="preserve">灰指甲的症状是什么我老公脚的大拇指指甲厚厚的,老四指甲发黄用手都 </t>
  </si>
  <si>
    <t>你好!灰指甲常见的症状是指甲(趾甲)变灰、甲厚翘起或甲变空，与甲床分离：甲的前缘如虫蛀状，残缺不齐，久而久之，甲板全部被破坏。灰指甲为中医名称，西医则称甲癣，是由皮肤癣菌所致。广义的甲癣还指由念珠菌或曲菌引起者。</t>
  </si>
  <si>
    <t xml:space="preserve">游戏里的邮件如何收啊 </t>
  </si>
  <si>
    <t>在游戏屏幕的右上角有一个小地图，小地图的外侧一圈有一个邮件标志（当有邮件时，会有一个信封的小图标在闪烁）。到凤凰城，王城，清源村的邮递员那里点“查看邮件”确定之后点收邮件即可。</t>
  </si>
  <si>
    <t xml:space="preserve">新买的房子现在急需要粉刷墙面，哪里可以找到比较负责任的油漆工师傅? </t>
  </si>
  <si>
    <t>再负责任的油漆工都不能掉以轻心，还是要到现场监工的。</t>
  </si>
  <si>
    <t xml:space="preserve">2009年大竹中学的录取分数究竟是多少啊？请各位帮忙，谢谢！ </t>
  </si>
  <si>
    <t>重庆教育网查</t>
  </si>
  <si>
    <t xml:space="preserve">完美世界进去黑屏为什么我进完美世界屏幕显示正在登陆游戏请稍后画面 </t>
  </si>
  <si>
    <t>删除游戏,全部的游戏文件都删除哦.然后重新安装就可以了.我和你一样的问题,打电话问客服的.现在已经解决</t>
  </si>
  <si>
    <t xml:space="preserve">轴承的寿命内径40mm,外径80mm，宽度25mm左右，不锈钢材 </t>
  </si>
  <si>
    <t>轴承一般应该工作在120°一下，这样轴承在不超过其载荷时，寿命一般5万小时以上（手册上有）。大于该温度要想办法降温。</t>
  </si>
  <si>
    <t xml:space="preserve">请人帮过SA无票登机与自由落体这两个帮过，其他不要+我Q0存档不 </t>
  </si>
  <si>
    <t>两关已过..注：您的存档有点问题，飞行驾校是非正常手段通过的..您除了最后一关只有73分以外，其他关都拿到了满分..正常全金通过驾校的情况下飞机驾驶技术一下会涨到700点左右..而您的只有60点，做自由落体那关的时候不让进机场，说无驾照..我把您的飞行技术稍稍调高了一些（到200点，拿到驾照），不然无法完成“自由落体”这关..（其实我首先试了重新手动过一遍驾校，但是发现再拿成绩已经不会+飞机驾驶技术了..不过这么一弄机场的阿帕奇倒是被刷出来了，您没事开出去玩玩吧）---------------------------------------------------------</t>
  </si>
  <si>
    <t xml:space="preserve">有关减肥听说吃减肥药会影响生孕。有一次吃减肥要一顿把六天的都吃了 </t>
  </si>
  <si>
    <t xml:space="preserve">最见效的是跑步跟，如果有条件的话直接去健身馆。当然也可以在家做各种体操，去网上找点体操视频，每天运动45分钟就可以了，再按照上下面的文章那么去做，减肥会相当快的 首先要弄清发胖的原因。人为什么会发胖？就一个根本原因：输入＞消耗！你吃得太多，身体需要不了那么多营养，就把它变成脂肪积存起来了。要使自己不发胖，必须保持做到：每天摄取的热量＝身体消耗的热量。要使自己减肥，就必须做到：每天消耗的热量＞摄取的热量。这就是减肥的原理。那么，到底该怎样减肥？ 1、严格遵守和养成“早吃好、午吃饱、晚吃少”的饮食习惯，其中“晚吃少”是减肥的关键！这里有三点必须注意：一是必须吃早饭。不吃早饭的人，容易发胖。因为经过一夜睡眠，身体有10多个小时一直在消耗能量却没有进食，人体需要含丰富碳水化合物的早餐来重新补充、储藏能量，不吃早餐使人在午饭时出现强烈的空腹感和饥饿感，不知不觉吃下过多的食物，多余的能量就会在体内转化为脂肪；二是中午一定要吃饱。中午不吃饱，晚上必然饿，“晚吃少”就难以做到了；三是晚上一定要做到尽量尽量少吃！而且晚餐不要吃肉食、甜食、油炸食品，喝一些清淡的面汤、米汤就可以，不要喝咸汤。许多减肥成功者不约而同的秘密都是：晚上九点以后坚决不进食，也坚决不喝水！这是他们保持曲线美的关键。事实的确如此，许多专家都曾经表示想保持窈窕身材的人士，过于丰盛的晚餐、夜宵，热量都是无法消耗的。根据人体的生物钟运行显示，在九点后，人体各器官功能已基本处于微弱状态，那也正是积累脂肪的时刻。而我们正常晚餐所吃下的东西需要5个小时才能被完全消化掉，这多余的热量，日积月累会造成皮下脂肪堆积过多，肥胖的命运也就悄然降临了，所以要牢记晚上九点以后绝对禁止进食。 有人说：九点前我就饿得难受，怎么办？那就吃苹果吧。苹果可以减肥。苹果可以调理肠胃、止泻、通便、消食化积，可以治疗高血压，降低血中胆固醇。苹果是低热量食物，以苹果充饥能使人体摄入的热量减少，同时苹果又含有人体必不可少的各类氨基酸、蛋白质、各种维生素、矿物质及胡萝卜素等，既可以基本上满足人体的必需，又能够被人体充分消化吸收，极少有废弃物，也就减轻了肠胃、肾脏的负担，使体内废物得以充分排出，使血液得以净化。 2、坚持晚饭后快步走半个小时以上。很多人肥胖的部位主要在屁股和腹部，这样的人有一个共同的特点，要么长期从事案牍工作，要么不爱活动。长时间坐在办公桌前、微机前、电视前，多余的热量消耗不掉，就转化成脂肪沉积在腹部和臀部了。所以，要想减肥，必须改掉不爱活动的生活方式，要增加运动，消耗多余的热量。 早晨锻炼不如晚上锻炼。从人的身体状态来说，人沉睡一夜，早晨身体处于缺水状态，血液粘稠，投入剧烈运动，有可能造成大脑供血不足、脑溢血、心肌梗死等危险（如果喜欢晨练，建议你洗刷完毕喝1－2杯白开水，再去锻炼）。从环境上来说，空气中的一些毒气，在太阳没出来以前很难挥发，也不适于锻炼。从后续反应来看，早晨锻炼后容易吃得更多，反而加大了摄入量。 晚饭后锻炼主要是为了把身体中多余的热量消耗掉。但是吃过晚饭不宜立即活动，那时候血液集中在肠胃进行消化工作，立即活动影响消化。吃过晚饭半个小时后外出活动为宜。最理想的运动方式就是快步走，并且时间要持续在半个小时以上，这样周身的脂肪细胞才会充分运动起来，进行有氧呼吸才能把体内脂肪氧化，所以有氧运动才能减肥。剧烈跑步，上气不接下气，身体处于一定程度的缺氧状态，是不能氧化脂肪的。 3、不吃甜食。蛋白质不会使人发胖，糖类才会使人发胖。因为糖类在体内极易被分解或吸收，是人体热量的主要来源。绝大部分食物中都含有糖，那些糖已经保证了你身体的需要。额外过多地食用甜食，能诱发胰腺释放大量胰岛素，促使葡萄糖转化成脂肪。大部分胖子，都有一个爱吃甜食的习惯。要减肥，就尽量不要吃甜食喽。(中学生最好不要戒吃甜食，因为甜食能增强记忆力)。 4、进食速度要慢。吃饭时咀嚼次数要多，要细嚼慢咽，这样不仅有利于唾液和胃液对食物进行消化，而且有利于减少进食。食物进入人体，血糖升高到一定水平，大脑食欲中枢就会发出停止进食的信号，过快进食，大脑发出停止进食信号前，你已经吃的过量了。所以进食速度要慢，吃饭要以八成饱为宜。 减肥还有许多具体的小方法，如食醋、戒饮白酒、不吃零食等，但是我认为只要做到以上最重要的四点就可以了。关键在于坚持！关键在于养成生活习惯！我就是这样做的，没有吃过任何减肥药，没有刻意去节食，也没有刻意去锻炼，按上面四点去做并且把它变成了我的生活习惯，一年来我的体重下降了20斤！效果是不是很明显？我认为，只有这样的减肥才是科学的减肥！只有这样的减肥才是有效的减肥！只有这样的减肥才是健康的减肥！想减肥的朋友不妨试试。 ........................................................嗯,还有........................ 水果减肥法简介： 水果减肥法 是指除了水果以外，什麽东西都不吃，全日只吃水果，直到吃饱为止。当然不是什麽水果都适合用来减肥，较为有效的减肥水果是苹果、奇异果、提子等。 减磅原理： 吃水果能在短时间内令人有『减磅』的效果，因为只吃一种东西可以减少我们对食物的摄取量。特别是高纤水果，可以让我们身陈代谢速度变快，值此减轻体重。 水果减肥法小贴士 1 .每日吸收的热量不得低於800-1000 Kcal一天 2 .只吃水果的话，蛋白质的摄取会不足，所以每天可以喝点牛奶补充。 3 .不要只吃一种水果，否则营养会不够平均。 水果减肥的利与弊 1 .减重速度快,但是体重也很容易回升。 2 .长期只吃水果，会使血压变低，女性月经可能不规则或不来，或造成头发分叉，所以不应长时间进行。 3 .会营养不良 水果减肥Q &amp; A Q：罐头水果跟新鲜水果营养是否一样？ A：加工食品过程会让维他命C大量流失，纤维质减少，降低减肥功效。加上罐头水果多数用糖水浸着，卡路里会相对提高。 Q：什麽水果不该用来减肥？ A：榴连、荔枝、龙眼等的热量较高，吃时要小心勿吃过量。 Q：什麽时候吃水果最好？ A：早上吃水果可以促进消化，而水果中的果糖可以提高血糖含量，让你精神奕奕。而在两餐饭之间吃水果，更能减少胃气涨的现象。 七日瘦身汤制作方法：（七日瘦身汤不安全，试用者请一定要认真看完全文） 减肥汤的原料及制作方法如下：准备6个不大不小的洋葱，切成三角形；6个西红柿或3罐西红柿酱，1棵洋白菜，3个辣椒，几棵芹菜。把蔬菜切块加水，放入少许盐，辣椒或其他调料。先用大火煮10分钟，再用小火继续煮，直到把蔬菜煮烂为止。 煮好的汤随时可以吃，但汤里不能放其他东西。如果中午不能回家吃饭，可以把汤装入保温杯随身携带，一天食用量应保证不少于8大碗。 第一天：汤和水果 除香蕉外，其他水果都可以吃，不过甜瓜或西瓜少吃，因其所含热量比其他瓜果多。如果喝茶、咖啡和果汁，不要加牛奶和糖。 第二天：汤和蔬菜 除了喝汤，可以吃所有的蔬菜，不限量，且最好选择新鲜蔬菜。不要吃豆类和玉米。中午可以吃点烤土豆。请记住：不能吃任何水果，要多喝水。 第三天：汤、水果和蔬菜 这一天不能吃烤土豆。汤、水果和蔬菜可以随便吃，同时多喝水。如果前三天都能严格遵照饮食规定，即可减重2-3公斤。 第四天：汤、水果、蔬菜和牛奶 这一天除了汤、水果和蔬菜之外，还可进食1杯牛奶和3只香蕉。切记：喝的牛奶不能超过汤的量。 第五天：汤、牛肉和西红柿 除喝汤外，可以吃些西红柿、牛肉。牛肉不要超过200克，西红柿要生吃，不限量。这一天要喝6-8杯水，只喝1次汤就可以了。 第六天：牛肉和叶类蔬菜 牛肉和蔬菜随便吃，还可以吃两块牛排，但不能吃烤土豆。除喝一次汤外，一定要多喝水。 第七天：米饭、果汁和蔬菜 这一天可以吃点米饭和蔬菜，喝些不加糖的果汁，多喝水。蔬菜可以用葱炒着吃。 七日之内一定要记住：不吃面食，不渴酒和其他饮料，菜里不能放油，饿时用“减肥汤”充饥。 七日瘦身汤为七天份的食谱——以蔬菜汤为底，每天搭配不同的东西（如少量的水果、马玲薯、香焦及脱脂牛奶、大量牛肉、牛排及糙米等而成。）。因其方法简单易懂，加上某位艺人大力推荐，所以曾一度造成流行。到底它效果如何？原理为何？对身体又有什么影响？这就是今天我们所要讨论的重点！ 蔬菜汤的基本组成为青菜煮的汤，有两种基本搭配------1.少量糖类＋蔬菜汤＝少吃（低热量减肥）。青菜煮的汤无油，一碗只有20-30卡，即使每2小时喝一碗，一天就算喝上10碗也只有300-400卡。再加上少量蔬菜，或一天只吃一个马玲薯的吃法，基本上属于极低热量减肥法（指卡路里介于200-800卡的一种减肥方式）。2.大量肉类＋蔬菜＝吃肉减肥（利用高蛋白饮食来造成脱水利尿的效果）。所以若你要问效果如何？那就要看你对效果的定义为何了。如果效果的定义只是体重减轻，一天只吃那一点点东西当然体重会变轻。如果你希望的不只是瘦下来，而且瘦下来不必再为体重烦恼，那么你可能要失望了！（若你试过，你可能会发现它反而让你更糟：因少吃使代谢降低，反而复胖更快、更多。） ................................................................................................................................................. 越吃越瘦16妙招 这么多美味可口的食物，让我们快乐轻松地开始我们的食物减肥吧。 下面这些减肥食谱16妙招可是小编精心挑选出来的，许多方法还是明星们尝试过的哟！ 1． 苹果餐 只需持续3日的苹果减肥法。其他可以喝水和茶。第3天晚上，喝一至二勺食用橄榄油。 2． 萝减肥法 坚持一个星期只吃菠萝。其他用水分来补充。 3． 煮鸡蛋减肥法 一天食用8～9个水煮鸡蛋、持续2个星期。不吃米饭等主食，可以和青菜、 葡萄、去掉油的肉一起吃。 4． 小豆减肥法 将小豆炒熟，碾成粉末状，加入2勺牛奶，在进食前饮下2杯。 5． 酸奶减肥法 一天只食用1～2顿酸奶，其他按平常时间进食。 6． 黄豆粉可可减肥法 黄豆粉和可可粉与豆乳混合，于早晚餐前食用。进食量为平常的三分之一。 也可以加上麦芽和蜂蜜。 7． 粉状牛奶减肥法 一天只进食1-2次粉状牛奶，坚持3至7天。 8． 矿泉水减肥法 饭前饮用3～4杯矿泉水。进餐时也可以饮用，只是要注意别喝得太多。 9． 红葡萄酒减肥法 晚餐时饮少量的红葡萄酒，缓慢进食，大约保持在20分钟左右，进食量为平时的一半。 10.黑米减肥法 主食从白米、面包转为黑米，并减少点心的摄入量。玄米富含维他命B1和E、 以及食物纤维。 11.饮茶减肥法 茶叶利尿，并随着饮茶可以补充日常的水分。品种有乌龙茶、绿茶、玄米茶、杜仲茶等。 12.早食减肥 法国医学家发现，在饥饿之前吃东西是减肥的一种有效方法。 胰岛素可以调节体内糖类的吸收，同时它对食物转化和脂肪积累也起着一定的作用。 若人在饥饿之前吃些东西，常常可以控制胰岛素的分泌。 13.分食减肥 德国营养学家研究出了一种分食减肥法，这种减肥法就是要求减肥者在就餐中 不能同时吃某些食物。例如，人们吃高蛋白、高脂肪的荤菜时，可以食用一些蔬菜， 但不能喝啤酒或吃米饭、面包、马铃薯等碳水化合物食品。原来， 人体脂肪是由多种营养素组合而成的，人体在食用高蛋白食品时，不食用碳水化合物食品， 人体就不会增加脂肪。 14.要想瘦多食醋 近年来，美国兴起一股食醋减肥热，有关专家认为，食用醋中所含的氨基酸， 不但可以消耗体内脂肪，而且可以使糖、蛋白质等新陈代谢顺利进行，能够收到良好的减肥效果。 15.饭后茶减肥法 饭、茶、汤、食物配搭好一点，吃不胖又健康，有空时加点运动效力更佳。 汤可以用柠檬炖牛腩、梅子汤、青柠汤、金针木耳汤、酸咖哩菜汤、酸笋鱼汤或咸菜汤， 都是实效减肥汤水，而且可以化脂肪、醒胃。 饭用咸菜姜饭、黑糯米饭都可以。饭与菜的配搭减除重脂肪的肉类， 最好每餐之后最重要是泡一杯铁观音，这种方法减肥又实际又有效，但所需日子比较长一点。 16.简易水果色拉 不吃饭吃水果减肥，但不是所有的水果都可以瘦身的，比如含有蔗糖的甘蔗吃多了仍然会发胖。 怎么办？你可以试试柠檬汁拌苹果啊！ [原料] 苹 果 100克 蜂 蜜 适量柠檬汁 20克 秋 梨 50克 [制法]： 1． 苹果、秋梨去皮、核，洗净，切成小块，放盘中。 2． 柠檬汁加入蜂蜜一起放入碗中，调成柠檬蜜汁。 3． 将柠檬蜜汁淋入苹果、秋梨块上，拌匀即可食用。 ◆哪些食物能减肥？ 1、冬瓜。 具有利尿之功效，能排出水分，减轻体重。如经常食用冬瓜可以改变食物中的淀粉和糖类，防止其转化为脂肪。此外，冬瓜富含维生素，且含热量较低。 2、黄瓜 内含内醇二酸，可抑制糖类食物转化为脂肪，黄瓜还含有丰富的纤维素，能加强胃肠蠕动，通畅大便，且热量含量也较低。 3、丝瓜 丝瓜中所含的皂疳和粘液有利于大便通畅，且含热量也很低。此外，丝瓜还含丰富的维生素B1、B2、A、C和钙、磷、铁等矿物质。 4、白萝卜 含有芥子油和淀粉酶，有助于消化和脂肪类食物的新陈代谢，防止皮下脂肪的堆积。白萝卜也有通气和促进排便的作用 5、紫菜 纤维含量高，脂肪含量低，易产生饱腹感，还有清热利尿的功能。 6、韭菜 含纤维丰富，能畅通大便，把肠道中过多的蛋白质、脂肪排出体外，防止脂肪在体内的堆积。 7、海带 含大量纤维和无机元素（特别是钾的含量十分丰富），有通便和利尿的功能。 8、绿豆芽 水分含量多，热量极少，不易形成脂肪，同时还有利尿的功能。 9、辣椒 具有消耗体内脂肪的功能，且富含维生素，热量含量也较低。 10、苹果 含有果胶质，这是一种可溶性纤维质，有助于降低胆固醇。苹果还富含粗纤维，能吸收大量的水份，减慢人体对糖的吸收，同时它还能刺激肠道蠕动，促进排便。 11、柠檬 含较多的柠檬酸，能促进胃液的分泌，促进肠蠕动，利于通便。 12、茶 普遍认为，茶具有消除油腻，减脂和降脂的作用。 13、醋 醋中富含的氨基酸，可以促进体内脂肪的分解和糖类的新陈代谢。 14、兔肉 脂肪含量极低，且多为不饱和脂肪酸，故长期食用也不会引起脂肪在体内的堆积。 15、赤小豆 是一种高蛋白，低脂肪的食物。有清热利尿，活血消肿之功效，可以促进排便。 16、大蒜 对酶的形成起抑制作用，从而减少脂肪酸和胆固醇的合成（脂肪酸和胆固醇的合成离不开酶的参与） 18、木耳 是一种高蛋白、低脂肪、水分多、矿物质多的食物。它还含有一种多糖物质，能降低血中的胆固醇、减肥和抗癌。 19、荷叶茶 每日用鲜荷叶50克~100克（干荷叶25克）煎汤代茶，连服3个月，能明显降低体重。 20、鹌鹑 鹌鹑肉是高蛋白、低脂肪、多维生素的食物，且胆固醇含量也很低，是减肥的理想肉食。 嗯,应该就是这么多了,祝你早日减肥成功!!! </t>
  </si>
  <si>
    <t xml:space="preserve">全部分送上,急救~~~~~~~~~~~~~~~~~~~~~~~~ </t>
  </si>
  <si>
    <t>这是注册表中还有相关的信息没有删除的原因。使用windows优化大师或超级兔子中的注册表清理功能将注册表清理一下就可以了。</t>
  </si>
  <si>
    <t xml:space="preserve">JJMM帮帮忙我是混合性皮肤，鼻翼有一点点油，两颊较干，thef </t>
  </si>
  <si>
    <t>很多人都说TFS在韩国就是超市货 到中国来买个好价钱建议你不要用了你是混合皮可以试试相宜草本或者佰草集的前者便宜后者有点贵这两个品牌的我都在用 很好国货有的时候比外国的强很多</t>
  </si>
  <si>
    <t xml:space="preserve">宝宝不爱吃饭怎么办我家宝宝已经21个月了，这段时间不爱吃饭，也不 </t>
  </si>
  <si>
    <t>零食还是少吃为好呀，小孩子的饭量有限，零食吃的多，肯定就会吃不下饭去的。再说，她不吃也不用太担心，只要没有别的什么问题，你注意控制她的零食，饿了自然就会自己吃的。</t>
  </si>
  <si>
    <t xml:space="preserve">请问我该如何选择避孕药我和男朋友分隔很远，去年就见过两次，今年过 </t>
  </si>
  <si>
    <t>1：怎样应用避孕药膏 避孕药膏内含有醋酸苯汞和羟基苯甲酸乙脂，是半透明糊状物，其作用是杀死精子和阻止精子进入子宫腔。 其使用方法既可以单独使用，也可以与其他避孕工具合用： 1．单独使用性交前，把避孕药膏5毫升左右用挤入器注入阴道深部即可； 2．与阴道隔膜合用在阴道隔膜放入前，把避孕药膏挤在阴道隔膜圆顶凸凹两面上和隔膜边缘的弹簧环上，用手指把药膏涂抹均匀，然后将其放入阴道中； 3．与避孕套合用在避孕套顶端涂些避孕药膏，可提高避孕效果，一般地讲此药膏单独使用避孕效果差，与其他避孕工具合用，效果较好。 2： 女性如何选用避孕药？ 凡是已婚育龄妇女，身体健康无重要脏器的器质性病变，都可以暂用避孕药节育。但是，避孕药种类繁多，如何根据自己的实际情况选用呢？ （1）在一起，生活有规律，可坚持每日口服者，选服用短效口服避孕药，如口服避孕药1号、2号；从月经的第五天开始服用，每日一片，连服22天即可。 （2）夫妻在一起，生活无规律，不能坚持每日口服，可选用长效口服避孕药，如复方18甲基炔诺酮，从月经的第五天服一次药，间隔20天服第二次，以后每月服一次，每次一片即可。 （3）夫妻两地分居。探亲时，可服探亲避孕药，如探亲片1号等；房事前8小时服一片，再每晚服1片，直到探亲结束，次晨再服一次，它不适长期使用。 （4）发现其它避孕失败，或被强奸者，可在24小时内口服事后避孕药，如乙烯雌酚50毫克，连用五天。 （5）口服避孕药引起胃肠不适的女性，可选避孕针。 3： 短效避孕药应怎样服用 短效避孕药虽然有几种，但服法完全一样，即从月经第一天算起，第五天开始（千万不要从月经干净后5天开始）每晚服药1片，连服22天，不能间断。万一漏服，翌日晨应及时补上。停药后1－3天自然行经，行经第五天再开始服下一周的药。若停药7天仍不行经，也要开始服下一个周期的药。如果连续3个月不行经，则停药，改用其它方法避孕措施，否则一旦恢复排卵就可能受孕。排卵后如未受孕，子宫内膜才脱落而出现月经，也就是说，排卵在前，行经在后，若不采取措施，行经前就可能受孕。 4：口服避孕药的好处 今天,口服避孕药，成为了人们生活中不可缺少的药物，并随着避孕药的不断改进，使其具有了以下几点好处： 首先是质量提高和副作用变小 今天的避孕药已大大不同于早期的避孕药，雌激素含量降低了80％，孕激素降低了90％，今天的避孕药已经不再有诸如体重增加、形成血栓、引起心脏病等许多副作用。当然，避孕药并不是像瓶水一样对身体无害，少数有高血压或糖尿病的妇女也可能有恶心、月经周期紊乱或情绪变化无常等症状。但总的来说，现代避孕药对妇女身体的健康基本上可以说是无害的。 其次是能有效地控制月经量 口服避孕药能缓慢释放雌激素和孕激素，阻止人体产生这两种激素，从而阻止卵巢排卵达到避孕的目的，能使月经周期有规律性，来经量减少，并能减少诸如腹部发胀乳房疼痛等经前综合症。 第三是能使皮肤变得更加光洁 避孕药所含的几种激素还能使皮肤更加光洁，对改善皮肤健康非常有好处，这是许多试验所证明的功效。 第四是降低了患癌症的可能性 避孕药最令人意想不到的功效是可以预防卵巢癌和子宫内膜癌，服用避孕药可使妇女患卵巢癌的危险性降低40％，长期服用时降低幅度高达80％，还可以抑制结肠直肠癌。 第五是对生育毫无害处 至今为止还没有发现胎儿出现发育问题或先天性缺陷与避孕药有关系，避孕药甚至可以保护妇女的生育能力，因其释放的激素可以阻止生殖道感染导致输卵管受创伤而引起的盆腔炎、子宫组织增生引起的子宫内膜异位和良性卵巢囊肿，但为安全起见，医生还是建议妇女服用避孕药后三个月再怀孕。 第六是改善了妇女的精神面貌 服用避孕药最大的好处是能使妇女的精神情绪更好，在月经期情绪更好，甚至当月里情绪都更好，因为不用再想着怕怀孕等问题。 第七是能提高性生活质量 许多研究发现，服用避孕药的妇女比不服药的妇女性生活更频繁，效果也更佳，因为月经量减少了，经前综合症减轻了，性欲冲动也更强了。 第八是起到了延缓衰老的作用 避孕药能维持平衡的雌激素水平，可以把这种影响降低到最低限度，雌激素还能增强妇女的骨质，许多研究表明，长期服用避孕药可以延缓甚至防止妇女在50岁以后开始的骨质损失。 第九是还有紧急避孕补救作用 口服避孕药还有一个特殊的用途，即是在没有采取避孕措施的性生活之后的72小时之内服用两颗，可防止排卵和受精卵着床，其有效率可达75％。 第十是有多种选择的余地 目前的避孕药种类很多，即使服用某种避孕药出现一些副作用，也可以有多种选择服用另一种避孕药，同样能起到很好的效果，考虑其他的避孕措施，口服避孕药为计划生育和选择生育与否提供了多一种选择的机会。 6：避孕药漏服怎么办 使用短效避孕药时，要求从月经第五天开始每晚1片，连服用22片，不得遗漏。如果漏服，血液中雌激素水平下降，就会出现阴道出血，叫突破出血。突破出血发生率与漏服关系密切。漏服1次，出血发生率为15％；漏服2次，出血发生率为20％～60％；漏服3次，则出血发生率为60％～100％。因此服药期间应避免漏服。万一漏服，第二天早晨应及时补服1片。如果漏服出血多如月经，则应停止用药，把它算做一次月经，第五天再开始服下一周期的药。漏服不但可能出血，而且影响避孕效果。因此服药过程中，思想上一定要十分重视。为了避免漏服，应把药放在床旁方便处，丈夫也有责任随时提醒。 7：口服避孕药 大多数人口服避孕药都不会出现什么问题，但也有少数人因体质关系可能会出现一些副作用，不过，这也无关紧要，稍作处理即可安然无恙。 早孕样反应口服避孕药后如出现恶心、呕吐、挑食等，这是避孕药中的雌激素刺激了胃黏膜而引起的，这是一种暂时性现象，等胃黏膜适应了这种刺激，也就习惯成自然了。反应比较强烈的人，需要适当服用一点控制此类反应的药物，如维生素B6及山茛菪碱类药物，或配合吃些含维生素B6丰富的食物，如瘦肉、肝、蛋黄等，可缩短这一不适过程。 月经失调个别人口服避孕药（尤其是短效避孕药）后，可出现月经失调现象，轻者无需治疗。一般停经两个月以上为重者，要改用其他避孕措施，同时要每天服用氯酚胺50毫克，连服5天，至次月又服5天，连服3个月即可好转。 出血避孕药因故漏服后，可能出现子宫出血。若发生于月经周期前半期，可加服炔雌醇0.05～0.15毫克，直至服完22片为止；若发生于月经周期后半期，可于每晚再服0.5～1片避孕药，直至服完22片为止。如能配合吃些动物肝脏、血等含铁丰富的食物则更好。 出现妊娠斑有的妇女服用避孕药后会出现妊娠斑，其实，这种色素沉着斑并非妊娠所特有，体内雌激素和孕激素水平增长率高时均可发生。对这种色素沉着斑，只要停用避孕药，它就会逐渐消退。如能在饮食中增加一些富含维生素C的新鲜蔬菜和水果，如青菜、白菜、芹菜、西红柿及桔子、橙子等，色素沉着斑就会消失得更快些。 8：口服避孕药应怎样保存 使用口服避孕药的妇女，应当妥善将其保管好，以防受潮、变质、破碎及误服等等意外情况的出现。 大多数避孕药是糖衣片，而避孕药的有效成分在糖衣中，因此避孕药片应该放在阴凉、干燥的地方，防止受热受潮，否则会使药片外面的糖衣层潮解失效或干燥脱落，因而影响避孕效果。 避孕药片有一定的甜味，有的避孕药还有鲜艳的颜色，容易被孩子误服而造成肝脏损害或引起假性早熟，故家中有小孩时，应把避孕药片放在孩子拿不到的地方，以防小孩误服。 9：口服避孕药的注意事项 口服避孕药的有效成分都在药片外层的糖衣上。在服药时要检查药片是否完整，如发现药片受潮、糖衣剥落就不能再服用。 少数初服者会出现恶心、呕吐、头昏无力等现象，不必紧张，要坚持服药，症状会渐渐减轻并消失。服用维生素C和B6，症状也会减轻。也可吃些咸菜、生姜或喝浓茶来帮助减轻不适感。 服药期间如丈夫或妻子外出，妻子仍要坚持把22片服完，以免造成避孕失败或打乱正常的月经周期。如有漏服，应在24小时内补服1片。 一种药物不宜长期服用，应与避孕工具交替使用。 服药期间避免服用某些药物，否则可能使避孕失败。常见有可能使避孕失败的药物有土霉素、四环素、氯霉素、呋喃、苯妥英钠、苯巴比妥、利福平等。 10：停服避孕药后不宜怀孕 避孕药是由小剂量的雌激素和孕激素合成，主要作用是抑制排卵；改变宫腔粘液的性状，阻止精子进子进入宫腔；妨碍受精卵着床等。 一般来说，停服避孕药一个月，卵巢就可以恢复排卵功能。 避孕药对胎儿有无影响？为此，许多国家的科学家做过大量研究，目前还没有定论。大多数科学家认为，避孕药由于剂量小，对胎儿无明显毒害作用。停服避孕药后短期内怀孕，先天性畸形发生率与未服避孕药妇女之间无差异。但也有人认为，雌激素或孕激素可引起胎儿生殖器异常（女性胎儿男性化，男性胎儿女性化），并可发生腭裂及脊椎、肛门和心脏畸形等。因此，从优生的角度考虑，对于较长时间服用避孕药的妇女，一旦避孕失败而怀孕，应做人工流产。服用避孕药而又希望生育妇女，则应在停服避孕药半年后怀孕 11：服用避孕药能拔牙吗？ 不要在月经期间拔牙恐怕大家都知道，但拔牙与服避孕药的关系，好多人并不知晓。 有一种叫干槽症的病，指的是拔牙以后，发生牙槽窝凝血块溶解，牙槽骨暴露及坏死。患这种病的人，常在拔牙3~5天出现向耳颞部放射的持续性剧烈疼痛，局部淋巴结肿大、压痛，也可有张口受限、食欲不佳、低热、全身不适、睡眠差等症状。令人吃惊的是，下颌阻生智齿拔除后，干槽症的发生率由原来的0.5%上升到68.4%，其原因多种多样，与口服避孕药也有关。 有位医生为了证实口服避孕药与干槽症之间的关系，选择了78名健康妇女，年龄在17~37岁，这些人两侧智齿均为阻生，但无急性炎症。他将39名没有使用口服避孕药的编为一组，将另外39名服用口服避孕药的编为第2组。每人在月经周期的第1天拔除一侧阻生智齿，在月经周期的第14天拔除另一侧阻生智齿。所有手术均由同一位医生，用同样的麻醉剂和按标准方法拔除。拔牙后第1、4、7天进行检查，观察是否发生干槽症。结果，有27名患者的28只牙发生了干槽症，其中有18只发生在口服避孕药组，特别是月经周期第1天拔牙的占最多。没有使用避孕药组干槽症的发生率只占12.8%，在月经周期第14天拔牙的干槽症发生率最少。发生干槽症的27例中，月经周期第1天拔牙的占了17例。可见关系十分密切。 口服避孕药使干槽症发病率增加的原因可能是避孕药使纤维蛋白质分解活动增加，凝血块被破坏的原因，而月经周期第1天拔牙使干槽症发生率升高的原因是由于此时唾液中纤维蛋白溶酶原的前体激活物增加，达到最大值，当伤口与唾液接触时，凝血块过早被破坏而影响愈合。这与月经前、中期和经期刚结束时的情况是一致的。 拔牙如此，口腔及其他部位的手术也如此。因此，女性朋友拔牙不仅要避开月经期，还要避开口服避孕药期。 12：避孕药物可以预防肠癌 一位意大利研究者周一说，避孕药中的雌性激素可以帮助妇女预防肠癌。 一篇涵盖二十项国际研究的综述表明，使用口服避孕药和肠癌发病率之间成反比。 研究者们认为利用避孕药的抗癌性将来可能会研制出新的癌症治疗方法。 研究者们认为，避孕药物中的雌激素可以通过减少和结肠癌发病有关的胆酸来降低患结肠癌的危险性。它还能够降低另一种存在于血液中的激素 IGF-1的含量，这种激素可以促进细胞的分裂。 因为IGF-1使细胞分裂得太快，人体内IGF-1含量高时就可能会诱发癌症。当患病细胞的分裂失去控制而不能消灭自身的时候，癌症就出现了。 在实验室研究中科学家们已经发现雌激素能抑制结肠癌细胞的生长。 La Vecchia 对以往研究的分析显示服用避孕药的妇女与未服用的妇女相比结肠癌的发病危险性减少了18%。 13：哪些女性不易服避孕药？ 1.高血压、高胆固醇血症患者。 2.心、肝、胆及肾脏病患者。 3.生育后小孩不满两周岁的妇女。 4.糖尿病患者或有家族糖尿病史者。 5.怀疑已经怀孕和以前怀孕时患过黄疸病者。 6.有不规则的阴道流血或手术后不满一个月者。 7.腿和肺部有血管阻塞者。偏头痛或因血管病头痛患者。 8.乳腺、生殖器官、肝脏怀疑有癌症者，或有家族乳腺癌病史者。 9.癫痫、精神病患者。 10.下肢短缺或膝下部有严重伤残者。 还有，35周岁以上的妇女及有吸烟、饮酒嗜好者也应慎重使用女性口服避孕药。 14：为什么不能滥服避孕药 在农忙时节，一些农村妇女为了参加劳动，不按照避孕药的服药规定，长期连续服用，俟农忙过去，才停止服用，这样做好不好呢？从眼前利益看，似乎有好处，暂时不来月经，既不影响工作，又干净利索。其实，这样做对身体有害。因为长期连续服药会使卵巢功能受到抑制，导致月经不调或闭经。月经不调，出血过多，还会引起贫血、感染，全身不适之感。所以，这种使用避孕药的习惯一定要纠正，否则对身体有害。 还有些妇女服探亲避孕药也不是按规定服用，误认为探亲药都是同房一次服药一次。其实，只有53号避孕药才能这样服用。其他探亲避孕药如果这样使用，往往会造成避孕失败，或月经不调。所以，服避孕药时必需先弄清楚所服药物的型号、作用及服用方法，才能确保避孕效果及身体健康。 15：口服避孕药远不止避孕 实际上，口服避孕药的作用远不止是避孕，她对妇女身体健康有着许多鲜为人知的保护作用。很多研究表明，多数妇女都能服用避孕药而不必担心在短期内会有副作用或长期内会影响健康。 降低宫外孕发生的可能性。宫外孕(发生在子宫以外的妊娠，通常在输卵管内)可导致腹部剧痛和腹腔大出血，甚至危及生命，是育龄妇女最常见的妇产科危险病症之一，常需手术切除卵管或卵巢。与未服口服避孕药妇女相比，服口服避孕药者宫外孕发生的机会可降低达90%。 降低卵巢癌的发生率。卵巢癌不易早期发现，是妇科癌症中恶性程度最高、疗效最差和死亡率最高的肿瘤。口服避孕药对卵巢癌的保护作用于1977年首先发现，已经至少经10个试验所证实。口服避孕药可使卵巢癌发生的可能性平均降低50%，并随服药时间的延长而越加降低。 降低盆腔炎的发生率。严重的盆腔炎可导致宫外孕和不育症，服用口服避孕药可使宫颈粘液发生变化，阻止炎症蔓延，服用口服避孕药的妇女发生盆腔炎的机会少。 保证有规则的月经周期。而且月经开始的时间还可加以控制。例如可避免在假期、蜜月、考试、竞赛或者周末有月经出血；服药还可缓解经前期紧张症状；消除排卵痛。 延缓衰老。随着年龄增长，卵巢功能开始衰退，雌激素水平越来越不稳定，这样妇女会出现经量增多，经期延长，更多地出现类似更年期综合症的情绪波动，甚至潮热。大服避孕药能提供稳定的雌激素水平，使这种影响降低。还有研究表明，口服避孕药释放的雌激素还可延缓甚至防止妇女在30岁以后开始的骨质丢失。 16：避孕药物不宜混合服用 口服避孕药有长效、短效和探亲药三种类型。一般为单一服用，如果担心避孕失败，而将长效和短效避孕药混用，或将长效避孕药当作短效孕药服用，将会造成严重后果。 因为长效避孕药一般每月只用1片，而短效避孕药则从月经第5天开始，每天服1片，连服22天。若将长效避孕药与短效避孕药同服，或将长效避孕药当短效药服用，其药量增加，会造成肝功能损害，出现黄疸，常常需要1年多的治疗才能恢复健康。 因此，长效与短效避孕药不宜混用，应单一服用。 17：口服避孕药易诱发子宫颈癌 根据最新发表的一项有关子宫颈癌发病原因的研究结果表明，女性使用口服避孕药容易诱发子宫颈癌。 宫颈是位于子宫底部的腺性器官。造成子宫颈癌发生最常见的原因之一是人型疱疹病毒的感染。而人型疱疹病毒是一种可以通过性接触传染的病毒，目前所有浸润型子宫颈癌中都发现有这种病毒。在发达国家，子宫颈癌通常可以通过普通的医学检查查出。由于子宫颈癌一般都能在其早期被检查出并得到比较及时的治疗，所以这种癌症的治愈率也比较高。尽管如此，子宫颈癌目前仍是世界上许多国家癌症死亡的主要元凶之一。 目前,世界各国预防子宫颈癌发生的主要研究集中在分析哪些因素会增加子宫颈癌的发生机会。英国科学家对1.25万名妇女所做的28项临床研究结果进行了评估，以确定在使用口服避孕药和造成子宫颈癌之间是否有着一定的联系。评估结果表明，与那些从不服用口服避孕药的妇女相比，那些使用口服避孕药不到5年的妇女患子宫颈癌的机会为10%，而口服避孕药已使用了5至9年的妇女的子宫颈癌发生机会为60%，如果口服避孕药的使用期延长至10年以上，子宫颈癌的发生率则可高达120%。 此外，研究人员还发现，患有人型疱疹病毒的妇女加上服用口服避孕药会使子宫颈癌发生的机会增加90%。因此，研究人员表示，那些喜欢使用口服避孕药的妇女在用药前应听取医生的建议，因为每个人的具体状况不一样。而那些已经长期使用口服避孕药的妇女则应该定期做子宫颈癌的检查。 18：女性外用避孕药物有哪些 外用避孕药是放入阴道内，以杀死精子来达到避孕目的的药物。常用的外用避孕药有外用避孕药膜、外用避孕药片、避孕栓和避孕膏等4种。 怎样使用女性外用避孕药片？ 外用避孕药片是一种酸性杀精药物。 使用方法：先将手洗净，用手指把药片推入阴道深部，紧贴子宫颈口处，经过5－10分钟，待药片完全深化后即可性交。如药片放入阴道后超过半小时性交，或性交后半小时未射精，这时需要再放入1片，以保证避孕效果。性交结束后6－8小时，方可用温水清洗外阴部，不要提前清洗，以免影响药效。 患有阴道炎的妇女不宜使用。 怎样使用女性外用避孕药膜？ 外用药膜也叫外用烷醇避孕膜，有很强的杀精作用，避孕有效率达96％以上。 避孕药膜男女均可使用。 性交前将一张避孕药膜对折两次，呈原来的1／4大小，或将药膜揉成松软的团，然后再用手指将它推入阴道深部的子宫颈口附近。如感觉药膜粘在手指上，可在阴道内转一圈，药膜从手指上脱下后，再将它推入阴道深处，放入5分钟后，待药膜深化即可性交。 怎样使用女性外用避孕药栓？ 使用时把手洗净，取避孕栓1枚，剥去外面的一层锡纸或蜡纸，用手指将它（尖头向前）慢慢推入阴道深部，经过5－10分钟，待避孕栓全部溶化后，即可性交。如避孕栓放入阴道半小时尚未性交，应再补放1枚，以免避孕失败。性交结束后6－8小时可用温水洗净外阴部。 栓剂含油质，容易损坏橡胶，不宜与阴道隔膜、阴茎套同时使用。 患有阴道炎，子宫脱落垂、重度宫颈糜烂及阴道松弛者不宜使用。 怎样使用女性外用避孕药膏 性交前把避孕膏注入器旋接在避孕膏管口上，压迫药管将药膏挤入注射器内（避孕膏注入器上如有刻度，将药膏挤入到刻度为止，或挤入到注入器尾部为止），女方仰卧于床上，两腿分开，将尴有药膏的注入器慢慢插入阴道深部，然后取出注入器即可进行性交。如注入药膏时间过久尚未性交，到时需要再注入1次，否则会导致避孕失败。 19：长效和短期避孕药的服用方法 长效口服避孕药是由人工合成的孕激素和长效雌激素配制而成，服药1次可以避孕1个月，成功率达98％以上。常见的长效避孕药有以下3种： 1、复方18甲基炔诺酮 又称复方长效18甲，内含炔雌醚3毫克、18甲基炔诺酮12毫克。初次使用者，从月经来潮的当天算起的第5天和第25天各服1次，每次1片，以后每个月按第2次服药的同一日期服1片。如某妇女5月2日来月经，则5月7日服1片，5月27日再服1片，以后每月27日服l片。 2、复方炔雌醚 内含炔雌醚3．3毫克、氯地孕酮15毫克。服用方法与复方18甲基炔诺酮相同。 3、复方16次甲基氯地孕酮（简称复方16次甲） 内含炔雌醚3毫克，16次甲基氯地孕酮10毫克。服用方法与复方18甲基炔诺酮相同。或从月经来潮的第5天服第1片，在服第1片后的第20天服第2片，再隔20天取第3片，以后每隔28天服1片。如某妇女5月2日来月经，则5月7日取第1片，5月27日服第2片，6月16日服第3片，以后每隔28天服1片。 服短效避孕药的妇女如要改服长效避孕药时，可在预定的那个月经周期服完22片短效避孕药的第2天服第1片长效避孕药，以后按长效避孕药的使用方法服用。如果打算停用长效避孕药时，先改服短效避孕药1号或2号（服用方法见短效避孕药），连服2～3个月经周期作为过渡，这样可以防止月经失调。每次服药时间最好放在中饭后半小时左右，上大夜班的妇女，可在夜餐后服药，这样万一有药物反应时，正好在睡眠期间，可以减轻不适。初次服长效避孕药后10～15天来一次月经，服药后的头两次月经周期有些缩短，这是正常现象，第三次后月经周期可转为正常。 短效口服避孕药是由人工合成的雌激素和孕激素配制而成，我国常用的口服短效避孕药有以下4种： 1、避孕药1号：又称复方炔诺酮片，内含炔雌醇0．035毫克、炔诺酮0．6毫克。 2、避孕药2号：又称复方甲地孕酮片，内含炔雌醇0．035毫克、甲地孕酮1毫克。 3、避孕药O号：内含炔雌醇0．035毫克、炔诺酮0．3毫克、甲地孕酮0．5毫克。 4、短效18甲：又称复方18甲基炔诺酮片，内含炔雌醇0.03毫克、18甲基炔诺酮0．3毫克。 服用方法： 上述4种短效避孕药效果一致，使用方法完全相同，可任选其中一种服用。 具体服药方法如下： 从月经来潮当天算起的第5天开始服药（即使那天月经尚未干净，也要服药），每天晚上服1片，连续服22天，可避孕1个月。一般在停药后1一3天月经来潮，然后再从月经来潮的第5天开始，继续按上述方法连续服22天。这样逐月地重复下去，可连续服用多年。 服药时要注意以下几点： 1、严格按照规定服药，不管到时月经是否干净，必须在来月经的第5天开始取，服迟了就不能抑制排卵，会影响避孕效果。 2、服药不能中断，必须连续服22天，如在某天晚上忘记取药，第2天早晨必须补服1片。如果不补服或中途停服，会引起阴道出血或避孕失败。 3、少数妇女服药后有恶心、呕吐、头晕等反应，反应高峰多在服药后3一4个小时。为了减轻反应，最好在晚饭后或睡前服药。这样待药物反应时，服药者已经熟睡，可大大减轻药物反应。 4、要养成定时服药习惯，这样不易忘记，防止漏服。 5、如果服完22片短效避孕药后7天仍没有来月经，应在那天晚上开始服下个月的避孕药。如连续2个月不来月经，应停止服药，检查原因，此时仍要采取其他避孕措施，以免怀孕。月经恢复后可以继续服用短效避孕药。 6、口服短效避孕药尚有口服避孕膜1号、2号、0号，它们的成分和含量分别与避孕药1号、2号、0号相同，使用方法也相同。</t>
  </si>
  <si>
    <t xml:space="preserve">关于增值税的抵扣公司本月收到一张维修费的增值税专用发票，应如何做 </t>
  </si>
  <si>
    <t>1、本月收到一张维修费的增值税专用发票，应如何做抵扣的分录啊？借：管理费用（或制造费用等）--修理费借：应交税金--增值税（进项税额）贷：银行存款等2、去年有一张同样的维修费的增值税专用发票，未入账，税务要求补税，补税后又该如何做分录呀？（1）按上年补交税近作分录 借：以前年度损益调整 贷：应交税费--增值税检查调整 （2）查补转出 借：应交税费--增值税检查调整 贷：应交税费--未交增值税 （3）补交增值税时 借：应交税费--未交增值税 贷：银行存款 （4）结转调整 借：利润分配--未分配利润 贷：以前年度损益调整 2010-10-12 09:59 补充问题当月进行抵扣时，抵扣的金额，应填写在增值税纳税申报表的附表（本期进项税额明细表）中的哪一项中？填写在：认证相符的防伪税控增值税专用发票栏下的：其中“本期认证相符且本期申报抵扣”栏中。</t>
  </si>
  <si>
    <t xml:space="preserve">怎么打开本地安全设置? </t>
  </si>
  <si>
    <t>开始\控制面板\安全中心\</t>
  </si>
  <si>
    <t xml:space="preserve">谁有好听的歌曲，推荐几首啊？ </t>
  </si>
  <si>
    <t>失去  半杯鸳鸯  ---同恩  &lt;一个金曲奖肯定的新女声，一个最具故事性的好嗓音&gt;Do They see Jesus  In  Me ---同恩  &lt;一个具有超强爆发力嗓子的歌手&gt;一个人的星光---许静岚  &lt;这首歌似乎苏永康也有唱过,但是这首更好听哦,很伤感&gt;终点---关心妍  &lt;建议大家听听剧场版,真的很感人&gt;夏雨诗---潘裕文  &lt;用夏天的雨写一首情诗给你&gt;街舞---小昔米  &lt;节奏很轻快，估计在上搜不了，不过再QQ音乐上有&gt;写歌---朱琳  &lt;年仅13岁的她对演唱技巧掌握得比成年人更熟练，也是很有爆发力&gt;曾经太年轻---蓝又时  &lt;蓝又时又一经典伤感作品,很好听,不用我多介绍&gt;你的香气---claire  &lt;海豚爱上猫的主题曲,节奏轻快又不失忧伤,我很喜欢它的歌词哦&gt;远行---李慧珍  &lt;这首歌会让人一直静静地听下去,声音很舒服&gt;我不想忘记你---claire  &lt;又一伤感歌曲啊,失恋的人可以听听啊,好听&gt;说爱我---梁一贞  &lt;战神主题曲,曾经有段时间很迷这首歌,不错&gt;我们的纪念---李雅薇    &lt;放羊的星星主题曲,有一次心情不好听这首歌就哭了&gt;原谅---张玉华  &lt;一个人静静地听静静地唱,然后静静地流泪&gt;路人---江美琪   &lt;小美的声音大家都知道,很干净,她的歌我最喜欢这首了&gt;不哭了---许慧欣  &lt;很轻很静很伤的一首歌&gt;放不下---龚诗嘉  &lt;节奏相对其他的会较快,但不失特别的伤感味道&gt;</t>
  </si>
  <si>
    <t xml:space="preserve">以现在的阿森纳表现来看，亨利会走吗？阿森纳进了四强，而且还极有希? </t>
  </si>
  <si>
    <t>HENRY 应该不会走了，ARSENAL在欧洲赛场有很大的机会夺冠,在国内争第四也不是问题.</t>
  </si>
  <si>
    <t xml:space="preserve">600177的派现资金何时到账 </t>
  </si>
  <si>
    <t>明天，五月七日，星期五…</t>
  </si>
  <si>
    <t xml:space="preserve">初中化学个别知识初中化学，除酸碱指示剂外，能鉴别酸碱的物质。求汉 </t>
  </si>
  <si>
    <t>金属镁可以酸性溶液，把镁加入待检溶液中，有氢气产生，说明该溶液显酸性。铵盐可以鉴别碱性溶液，加铵盐加入待检溶液中，加热，如果氨气生成，说明溶液显碱性。有个更简单的方法，就是用pH计。</t>
  </si>
  <si>
    <t xml:space="preserve">请问想把家里的旧饮水机和旧电扇卖了,应该买给什么人呢?那些收废品 </t>
  </si>
  <si>
    <t>旧家电的行情就是那样,他们的贬值很厉害,这是现实.我觉的你就卖给第一买家,这样的价格会高一些,不是你卖给收家电的就钱多,他们卖了也不是自己用,也是卖给别人为了一定的利润他们的价格也很低.你就根据这个原则来处理的话,我相信价格肯定要高一些.还有一个办法那就是:在卖旧家电的商铺里委托代卖,自己定价格,当然,你必须给委托人一定的佣金.</t>
  </si>
  <si>
    <t xml:space="preserve">微博能不能同时置顶多条微博 </t>
  </si>
  <si>
    <t>用户自己所发微博右下角“转发”选项前面新增“置顶”选项，点击可将此条微博置顶。每次只能有一条微博置顶。微博置顶功能面向所有级别微博会员，非会员可以试用24小时。</t>
  </si>
  <si>
    <t xml:space="preserve">《格子RPG》中过FB正常打和扫荡有什么区别？ </t>
  </si>
  <si>
    <t>正常打和扫荡在FB金钱奖励 活力的消耗都是一样的 唯一不一样的地方在于用扫荡不能完成过FB的评级 如果要拿到第三个等级的话必须手动刷 如果FB已经完美了就为刷装备还是扫荡把。</t>
  </si>
  <si>
    <t xml:space="preserve">各位大哥大姐们，小弟想问一下地下要塞怎么走法和在哪里可以看到地图 </t>
  </si>
  <si>
    <t>你下到3后在里面相信肯定到过一个像仓库的地方，那里刷将军的地方，有好多木箱堆着的那地方有个隐秘的地道，不注意看好象是死路仓库角落，就在木箱的右边你看哪能进就是地道！</t>
  </si>
  <si>
    <t xml:space="preserve">为什么我下载的只能对站。就4个对呢我在上下载了实况8PC版的。安 </t>
  </si>
  <si>
    <t>一定是下了一个试玩版。再下一个啦。。。。。</t>
  </si>
  <si>
    <t xml:space="preserve">电脑主板什么的好好在哪？微星的好不好 </t>
  </si>
  <si>
    <t>技嘉、华硕、微星都很好，不过在下很喜欢技嘉的主板，可谓物美价廉；华硕的价格一直是它的弊病；微型就如上面的详细叙述一样，最能的是它，最无能的也是它。</t>
  </si>
  <si>
    <t xml:space="preserve">是触礁了还是触雷了?是哪条船? </t>
  </si>
  <si>
    <t>当年被自杀小艇攻击的阿里伯克级驱逐舰－－科尔号</t>
  </si>
  <si>
    <t xml:space="preserve">我是否应该当真我和我朋友相识是因他是我同学的哥哥，是我同学介绍我 </t>
  </si>
  <si>
    <t>我就相信距离产生美这句话,女孩子不妨矜持一点.你应该相信你的直觉,不妨"冷"他一段时间.如果他是真心爱你的,无论他家离你家有多远,他都会过来找你的.如果他坚持不来联系你的话,劝你也不要太悲观,一个男人事事都要听父母的安排,没一点主见,这样的男人不要也罢!</t>
  </si>
  <si>
    <t xml:space="preserve">自然分娩是否会造成阴道松弛? </t>
  </si>
  <si>
    <t>自然分娩，适合于大小适中的胎儿，在正常子宫收缩力量下，经过母亲适当大小的产道，胎儿多能够顺利诞生。阴道分娩，只需少量的局部麻醉、产后恢复较快、住院时间短。剖腹产，需要较复杂的麻醉，有手术出血及术后发生并发症的机会，对孕妇的精神与肉体方面都会造成创伤。 （一）自然分娩的优缺点 优点：产后恢复快，产后可立即进食，仅会阴部位可能会有伤口，并发症少。 缺点：产前阵痛，阴道松弛，子宫膀胱脱垂后遗症，会阴伤害甚至感染，外阴血肿等。产后会因子宫收缩不好而出血，若产后出血无法控制，需紧急剖腹处理，严重者需切除子宫，甚至危及生命。产后感染或发生产褥热，尤其是早期破水、产程延长者会发生急产（产程不到两小时）。尤其是经产妇及子宫颈松弛的患者，胎儿难产或母体精力耗尽，需以产钳或真空吸引协助生产时，会引起胎儿头部肿大。 胎儿过重，易造成肩难产，导致新生儿锁骨骨折或臂神经丛损伤。羊水中产生胎便，导致新生儿胎便吸入症候群。胎儿在子宫内发生意外，如脐绕颈、打结或脱垂等现象。毫无预警地发生羊水栓塞。 （二）剖腹产的优缺点 优点 ：可避免自然生产过程中的突发状况，阴道不易受到损伤。 缺点 ：出血较多。并发症较多，包括伤口感染、腹腔脏器粘连及麻醉后遗症等。产后恢复较慢。住院时间较长。 （三）剖腹产的选择 可从母体及胎儿两方面考虑，决定是否选择剖腹产。 1．母体方面：骨盆狭窄或骨盆腔肿瘤，阻碍产道。 产前出血，为前置胎盘或胎盘早期剥离。 35岁高龄初产妇。产程迟滞。母亲生殖道有感染。分娩过程发生问题，如子宫破裂。前胎剖腹产。不良的病史。 2．胎儿方面 ：胎位不正。 胎儿预估体重超过4000克或小于1500克。胎儿窘迫，胎心音发生变化或胎儿缺氧，出现胎便,多胞胎怀孕,胎儿畸形,脐带脱垂。 总之，剖腹产，母亲和胎儿的死亡率及罹病率皆较阴道产高，在产前检查中及时发现问题，并与医师做密切配合，采取适当的生产方式，是达到母子均安的原则。 剖宫产的利与弊 阴道自然分娩最好，胎儿由母体经过10多小时临产分娩，有适应环境变化的过渡。当子宫收缩时，迫使胎儿胸廓运动，促进胎儿出生后的呼吸功能。分娩过程，头部随产道变化较大，可增强胎儿脑的功能。据有关材料分析，自然分娩的孩子比较聪明。 自然分娩与剖宫产比较，出血少，感染少，也易恢复体力。 然而，在分娩过中三个要素缺一不可，一旦出现不正常情况，如骨盆狭窄、胎盘早剥、前置胎盘、产道进展不顺利，胎儿将有生命危险，为了将子从危险中抢救出来，应当机立断，实行剖宫产. 但是剖宫产毕竟是手术，出血多，感染机会多，产妇体力恢复慢。据分析，剖宫产婴儿比自然分娩的婴儿生理适应机能差。 剖宫产的利 剖宫产也就是剖腹产，是经腹部切开子宫取出胎儿的手术。手术固然有一些好处，比如当胎儿或母亲有异常时不能顺利地通过阴道分娩，行手术可以挽救母婴生命；手术可以免除产妇宫缩时的阵痛；腹腔如果有其它疾病可以通过手术一并切除； 剖宫产的弊 剖宫不必说，手术麻醉可能发生意外，甚至造成瘫痪。手术可能造成大出血，可能造成感染，伤口愈合不良。手术可能造成其它脏器发病。手术产的新生儿发生吸入性肺炎的可能性要大得多。。。。。。总之，剖宫产并不一定比自然分娩痛苦小。所以，产妇应端正态度，尽量争取自然分娩。是否需要做剖宫产，应该听从医生指导，而不要凭个人意愿，轻易放弃自然分娩的机会。</t>
  </si>
  <si>
    <t xml:space="preserve">美型动漫正常向的，画风成熟的 </t>
  </si>
  <si>
    <t>吸血鬼骑士，彩云国物语，SA特优生，樱兰高校男公关部，全职猎人（这个最好不要马上看，因为貌似停更很久了）妖精与伯爵（还是伯爵与妖精来着），翼年代记，会长是女仆，妖精的尾巴，黑执事（性向很正常嘛），妖精的旋律，skip beat ,零之使魔，地狱少女，犬夜叉</t>
  </si>
  <si>
    <t xml:space="preserve">女友睡觉时,经常背对着我,是习惯,还是不愿和我一起睡,为什么不能? </t>
  </si>
  <si>
    <t xml:space="preserve">首先,要肯定你的想法是错误的,第一,吵架时候的话,都是生气的话,你不要信,第二,她是你的妻子,不是你的仆人,不要大声和她说话,要多想想自己是大男人,要容忍一切,要包容一切,第三,在相爱的俩个人,不可能一个晚上都抱在一起,除非死了,你确定你晚上每时每刻都不是背对着她的吗,只是你醒的时候正好她背对着你,不要想太多了,第四,发挥你的幽默感,多哄哄她开心,和你在一起快乐,才是她想要的,不要一点小事就找茬,慢慢来吧,我想你们会安全度过磨合期,祝你们幸福一生  </t>
  </si>
  <si>
    <t xml:space="preserve">呜呜，隔壁的人半夜深更老放大声的音乐，帮忙想个办法，谢啦~~隔壁 </t>
  </si>
  <si>
    <t>这些人习惯于夜生活，未必是刻意的捣乱，你完全可以去提醒他们注意，在提醒不起作用的情况下报警拉。警告我们被你们制造的噪音所困扰，我们经常被你们制造的巨大的噪音从睡梦中吵醒，我们无法再容忍这种情况。请在午夜后保持安静。如果你们不改正你们做法，我们将报警。                             你们的邻居Warningwe are bothered with your noise.we are often awake by your huge noises. we can't bear it any more. please keep quiet after midnight. if you don't pay attention to this. we'll call police                               your neighbor</t>
  </si>
  <si>
    <t xml:space="preserve">动漫朋友请看过来请问这是谁啊?那部动画片中的人物?这部片子好看嘛 </t>
  </si>
  <si>
    <t xml:space="preserve">这是《shaiya》里的创造女神伊泰安《shaiya》由韩国一线游戏大厂SONOKONG（孙悟空）耗时3年，斥资70亿韩元打造，是一款强调生死对抗的史诗级MMO-RPG。故事描述了女神伊泰安所创造的神之大地上，光之同盟与愤怒联合两大阵营，由于不同信仰所引发的战争。游戏一经推出，即在韩国国内引起巨大轰动和广泛好评，被业内评论家誉为“网络游戏中的艺术品”。Naver（韩国最大通用搜索引擎）统计数据显示，仅在游戏内测期间，“shaiya”一词就凭借其在韩国玩家心目中的超高人气，一举登上关键字搜索排行榜首位。为保证《shaiya》超一流游戏品质，开发商SONOKONG在制作上不惜血本，重金力邀韩国顶级画师全权负责游戏人设和CG绘制工作，精致而细腻的伊泰安女神形象堪称史上最完美女性典范。韩国知名剧作家一手打造具有宏大世界观的游戏剧本，血泪交织的英雄史诗比肩好莱坞一流大片。游戏9首主题音乐，由知名音乐制作人乔治奥得智(代表作《银河飞将》、《杀死比尔2》)于华纳专业制作室录制完成。众多大牌制作人的倾力加盟，为《shaiya》这一史诗级大作添上了璀璨星辉。  </t>
  </si>
  <si>
    <t xml:space="preserve">逻辑推理（需过程）如果小张考试及格并且大田考试不及格，则小娜考试 </t>
  </si>
  <si>
    <t>D.张及格且田不及格,则娜不及格.逆否命题:娜及格,则张不及格或田及格.答案:娜及格且张及格.补充:1.谢谢"可可"!2.我被绕晕了.</t>
  </si>
  <si>
    <t xml:space="preserve">"树老叶子稀,人老头儿低"何意? </t>
  </si>
  <si>
    <t>我理解为，这句话展示出一种衰败的气息。树老了，叶子就不像以前那么繁茂葱翠了。人老了，就没有了年轻时和壮年时的豪气与胆魄了，有点底气不足的意味。当然，也含有人老了之后，不像年轻时那么骄狂与自大，人老之后，多少有些自卑与懦弱，不像年轻时那么意气风发，壮志凌云。不知道我的理解对不对。请斧正。</t>
  </si>
  <si>
    <t xml:space="preserve">欧洲杯德国小组赛最后一场和哪个队踢？ </t>
  </si>
  <si>
    <t>德国队最后一场和丹麦踢啊最终以不败的战绩闯入了半决赛</t>
  </si>
  <si>
    <t xml:space="preserve">越做越爱（打一成语） </t>
  </si>
  <si>
    <t>日久生情</t>
  </si>
  <si>
    <t xml:space="preserve">孕妇为什么容易牙龈出血？孕妇牙龈出血怎么办？我怀孕已经20周了， </t>
  </si>
  <si>
    <t xml:space="preserve">您好！你的牙龈出血情况，估计是孕妇常见的妊娠期牙周炎的症状，你可自查一下，经常出血的牙龈颜色是否深红发紫？是否有牙齿变长，牙龈出现萎缩的迹象？如有上述症状，则可确定是妊娠期牙周炎了。对此一定要及时护理，否则牙周病菌将通过血液循环，很可能对胎儿不利。使用牙　黄　金1号,对这种情况是最合适的，首先它不含任何化学添加成份，绝对不含对孕妇胎儿都有害的抗生素，而由纯天然植物萃取而成；其次，它只需要口含就起作用，无需经过消化系统或血液循环，对孕妇和胎儿的安全性极高，比其他任何一种产品都更合适供孕妇使用，通常只需使用一个月，牙龈出血、疼痛、牙结石等牙周炎症状都将明显消失～不妨试试。 参考资料： 爱牙网络 </t>
  </si>
  <si>
    <t xml:space="preserve">女儿身上痒时用手抓，抓后红红的皮肤上就会凸起一块块像蚂蚁和蚊子咬? </t>
  </si>
  <si>
    <t>有可能是荨麻疹。我就有人工荨麻疹。我是皮肤吹了冷风，比如晚上睡觉被子没盖严，见着风的地方就开始痒，用手一抓，就起一大片一大片的包，红红的扁平状的，高于皮肤。后来，皮肤稍微被什么碰一下，就也会起，比如用手臂挎着包包，被勒过的地方就起来了。去医院，大夫说这种东西是过敏引起的，我治的比较晚，吃了一个月的中药才条理过来，现在也起，但是好很多了。如果你的宝宝和我状况相似，就早点去治疗吧，别托成慢性的</t>
  </si>
  <si>
    <t xml:space="preserve">谁能给我最好的POPIN音乐？ </t>
  </si>
  <si>
    <t>最好的是自己?旱玫?R%人?旱煤貌灰欢ㄗ约?旱煤肳WW.163888.NET?}舱旧蟷?常有人上P辰治璧囊鬸.搜索POPIN就可以了</t>
  </si>
  <si>
    <t xml:space="preserve">请问XDJM一个合格的客户经理应具备什么样的素质和哪些相关条件？? </t>
  </si>
  <si>
    <t>客户服务既代公司，又代表客户的工作在公司的执行负责人。并且客户经理又是售领导人。所以必须具备一定沟通能力、领导能力、组织能力、公司间的协调力、工作的时间和质量的预算能力......</t>
  </si>
  <si>
    <t xml:space="preserve">水蜘蛛改造图值多少钱? </t>
  </si>
  <si>
    <t>随着水蜘蛛热潮的退去，水改图已经很不值钱了。水改造一套4张大约8000左右。而一套僵尸改造图3张可以卖到1W5。</t>
  </si>
  <si>
    <t xml:space="preserve">“法人”或“法人代表”用英文怎么说？ </t>
  </si>
  <si>
    <t>楼主,你好!法人和法人代表都属于法律术语,应该用artificial person法人; representative of/for artificial person法人代表legal entity是指法律实体,不太确切法人是相对自然人natural person而言的法律名词,通常指具有营业执照的公司或机构等,而法人代表是由该法人公司或机构的总经理或董事长兼任,行使法人权利,承担法人责任和义务.祝好!羊羊</t>
  </si>
  <si>
    <t xml:space="preserve">手机连上电脑自动充电?对手机好吗？对电脑好吗？ </t>
  </si>
  <si>
    <t>你好，手机通过数据线连接电脑后，自动充电是正常的。基本所有的USB数据线连上电脑后都会充电。对电脑是没有任何损害的，只是对手机电池的寿命有一定的影响，因为会增加充放电次数.</t>
  </si>
  <si>
    <t xml:space="preserve">買鞋子加跑?拥降子?]有用奇怪我在四?^的?(c24)買了加七的 </t>
  </si>
  <si>
    <t>恩。就因为你不是C 你才认为不加跑动。..跑动对一个抢板的C是很重要的.不要不懂装懂了.跑动是在双方都拿球的情况下看出来的,不拿球的情况下 C和G的速度基本都差不多当然我觉得女C会比胖子跑的快一点</t>
  </si>
  <si>
    <t xml:space="preserve">这是哪国生产的什么飞机啊？（图）如图 </t>
  </si>
  <si>
    <t>这是印度国家航空实验室研制的推进式螺旋桨Saras型轻型飞机Saras型轻型飞机既属于运输机也可为客机使用。该机型额定载员14人，载重近12吨。飞机最大时速550公里，持续飞行达5小时。据报道，Saras轻型飞机项目两架原型机中的一架在2009年3月初的飞行试验中坠毁，事故造成3人死亡。事故飞机所用发动机是普惠发动机公司产的 PT6A-67A涡轮螺桨发动机。2004年，Saras进行了首飞试验。</t>
  </si>
  <si>
    <t xml:space="preserve">魔兽争霸III冰封王座中不死族有那些快捷键？？？魔兽争霸III冰 </t>
  </si>
  <si>
    <t>非常全建筑：大墓地：N-----灵通塔：Z-----黑暗祭坛：A-----地穴：C-----坟场：V -----屠宰场：H 埋骨地：B-----诅咒神庙：T-----牺牲深渊：S-----商店：R建筑中的升级：灵通塔——幽灵塔：T-----蛛网怪塔：N地穴——吞食尸体：C----狂暴食尸鬼：Z----钻地：B----诱捕网：W----石像术：S坟场——邪恶力量：S----邪恶装甲：V----生物攻击：A----生物盔甲：C屠宰场——挖握尸体：E----疾病云雾：D----破坏者：X诅咒神庙——巫师训练：E----女妖训练：A----骷髅寿命：S----骷髅法术：M埋骨地——冰冻喷吐：B 牺牲深渊——牺牲：C（点侍僧按右键到深渊可直接牺牲）作战单位：死亡骑士：D----恐惧魔王：E----恶灵：L----地穴领主：C----侍僧：C----食尸鬼：G 穴居恶魔：F----石像鬼：A----憎恶：A----绞肉车：M----十胜石像：O----巫医：N 女妖：B-----冰霜巨龙：F单位技能：死亡骑士——死亡之卷：C----死亡契约：E----邪恶光环：V----召唤亡灵：D 恐惧魔王——腐烂蜂群：C----催眠：E----吸血光环：V----地狱火：N恶灵——冰冻霜星：N----冰冻装甲：F----黑暗仪式：R----死亡腐烂：D地穴领主——穿刺：E----尖刺外壳：S----腐尸甲虫：C----蝗虫群：C食尸鬼——恢复：C----穴居恶魔——诱捕网：W----石像鬼——石像术：S巫医——死尸召唤：R----邪恶狂暴：U----残废：C女妖——诅咒：C----反魔法护罩：N-----侵占：O十胜石像鬼——枯萎精髓：B-----灵魂触摸：C-----变身：X 暗黑狮芬克司（由十胜石像变来）——魔法破坏：D---死亡之珠：O---吸收魔法：B</t>
  </si>
  <si>
    <t xml:space="preserve">请问udp限制是怎么回事?我的电脑进入跑跑卡丁车游戏后,总是提示 </t>
  </si>
  <si>
    <t xml:space="preserve">以下来自跑跑官方论坛GM发贴没有服务器认证的解决方法如下： 1.请您关闭防火墙上网助手，杀毒这样的程序。 2.如果是使用路由器或者内网的玩家，请在网络上设置使UDP数据通过。 3.您还可以试一下这个方法 打开 宽带连接 的属性, 进去之后点 网络(这个是您的ADSL连接的网络接入) 然后打开 TCP/IP的属性, 是 自动获取DNS服务器地址 的话 就改成 使用下面的DNS服务器地址 首选：  备用：空白 然后断开网络连接在重启电脑再连上 再把 使用下面的DNS服务器地址 改成 自动获取DNS服务器地址 断开网络连接在重启电脑再连上 4.标题：进不去游戏的看过来 帖子地址：  5.删除我的文档－跑跑卡丁车文件夹,卸载游戏重装最新的客户端。 6.病毒也会影响正常游戏的运行，请重装系统后再试试如果以上方法都无法解决您的问题，请您在此帖中回复以下信息，以便于我们进行提交。 1.您现实所在的地区 举例：上海 徐汇区 2.您连接的服务器 举例：电信一区 3.您所使用的网络方式 举例：电信 ADSL 1M 4.是否有使用路由器或者是内网 举例：有使用路由器，供二台电脑进行联网 5.您是在单位&amp;amp;#183;家里还是网吧？ 举例：在网吧 6.如果是网吧，您这样的情况是否换台机器可解决，还是在网吧中较多的电脑都无法解决。（在家进行游戏的玩家可不对此问题进行回复） 举例：我在上海田林东路的东方网点，我换一台电脑即可正常进入游戏。 7.您尝试过按照客服提供的解决办法来解决此问题吗？再次连接是否可正常进入游戏？ 举例：我按照客服的办法修改DNS可正常进入游戏，但每次都需要修改比较麻烦。 或者：我按照客服的办法都无法解决此问题，再次连接也无法进入游戏，仍然是无法认证的提示。 8.联系方式请短消息发送给当班管理员 请尽量提供电话联系方式 参考文献： </t>
  </si>
  <si>
    <t xml:space="preserve">我可以把小乌龟放在手里吗感觉他身体好凉啊.想抱着他..可以吗?他 </t>
  </si>
  <si>
    <t>我家乌龟一年四季都是冷的　由于它是冷血动物　身体的体温和周围环境有一定关系　现在天冷了　如果你家采光好的话　可以在太阳好的时候让它多晒晒太阳　此外　如果说晚上温度很底　家庭条件也允许日有条不紊　那么可以用一个灯泡对其进行照明　这样就相当一个小太阳　对它进行加热　相信它会喜欢的　</t>
  </si>
  <si>
    <t xml:space="preserve">14场图我的思路，思路错怎么买任九都是错，希望大家给看看改改！ </t>
  </si>
  <si>
    <t>本期该防平应该0不多,帕尔玛那不勒多防1</t>
  </si>
  <si>
    <t xml:space="preserve">知道如何申诉的进这就是所谓的无意义灌水？我要申诉，知道的请告诉我 </t>
  </si>
  <si>
    <t>　　点本页下方“意见反馈”，在上面留言，同时也给下面那个邮箱发邮件，说明你的误叛情况。</t>
  </si>
  <si>
    <t xml:space="preserve">心电图窦性心律57，PR间期0.118s有问题么？ </t>
  </si>
  <si>
    <t>PR间期小于0.12s，有可能为L-G-L型预激综合征，就是说窦性激动不沿着正常的通路下传心室，而先沿James旁道下传，然后再通过房室结，速度要快于正常房室结通路，因此相应P-R间期缩短，因激动是从房室结下传的故不出现增宽的QRS破群。没什么事，没有出现心动过速没事，不用吃药，不用治疗，若有折返性心动过速，可考虑射频消融术根治。</t>
  </si>
  <si>
    <t xml:space="preserve">科隆，你牛，毁了我的6串1，2倍单啊比较心痛 </t>
  </si>
  <si>
    <t>其实，随便是澳盘还是欧赔，都可以看出不败的局面....好运了</t>
  </si>
  <si>
    <t xml:space="preserve">4101,奥萨苏18日03:00马竞技3002,西班牙17日23 </t>
  </si>
  <si>
    <t>总体很不错！巴萨防到1即可；毕尔巴需防1，还记得大热死掉的皇家社会吗？就怕不进球；塞尔塔，甚至有必要全包，太热了！再给你荐两个胆：西班牙人3、韦尔瓦1。祝你好运！</t>
  </si>
  <si>
    <t xml:space="preserve">结婚对戒买什么材质的好?不带钻的,是选18K白金呢,还是铂金好? </t>
  </si>
  <si>
    <t>当然是铂金啦，铂金（Platinum，简称Pt），是一种天然形成的白色贵重金属，以其在珍贵首饰中悠久的历史和传承、天然白色的光泽、纯净稀有的特性和与它在、物理属性、价格等方面有非常明显的区别，只有铂金可以被称作白金；LZ可以到权威网站国际铂金协会里去看看嘛，知识很全面的。</t>
  </si>
  <si>
    <t xml:space="preserve">任选九图好运!独苗了,这期买两单1152错蓝军.这是以为活着,, </t>
  </si>
  <si>
    <t>大品牌，实实在在，值得信赖！！</t>
  </si>
  <si>
    <t xml:space="preserve">我想在广东开茶饮品店，但不知原材料到哪里购买，请问广东哪家供应茶? </t>
  </si>
  <si>
    <t>LZ,广东很大的，你得指定一个市区才有人好容易回答你嘛！！</t>
  </si>
  <si>
    <t xml:space="preserve">街头篮球C如何防对方C的卡位有时候对方C在篮下比我早占了有利位置 </t>
  </si>
  <si>
    <t>如果他比你先占有利位置，应该是你方进攻，要不然有点不应该这时你就去挡拆，不怕他不跟出来，挡出空位命中很高的，他跟出来就找机会进去，运气最不好时就是你队友不准，他还不跟出来，那就没办法了，分球吧还有一招就是你拿球，用w把他从好位置挤开，或者你干脆自己进攻，进了也就没有板了如果他们进攻你还没卡好位置，这是最差的情况，要么这板你不起跳，他一跳你就能占好位置了，如果他抢空了你正好捡，没补进你正好抢，位置不好的板你去抢反而连这两点都做不到，缺点是外线容易骂你，这也没办法，你总不能老卡不好位吧要么你分球，但分球也不是万能的，特别是如果他卡好位置可能连分球的空间都不给你，这就看你级别了，级别高还好点，级别低就没辙了</t>
  </si>
  <si>
    <t xml:space="preserve">抠图问题用磁性套索工具耐着性子抠，其他还好，就是头发怎么抠都抠不 </t>
  </si>
  <si>
    <t>抠图的方法很多。用哪种工具要看照片的难易程度来决定。你的这张照片用磁性套索工具处理，边缘不会太整齐的。（这张照片也是合成的，有几处处理的不太理想。你看手心和手指处缺了一块）用多边形套索工具较合适。1.点击‘多边形套索工具’（羽化值1PX)，从头发和手指处，向左开始一点一点的沿头发向下到肩膀，再到左下角，向右拐.....直到和开始点接头；这条套索现就变成了蚂蚁线了2.打开一张背景图片，把套索的人物，移到背景图片上，调好位置和色彩、明亮；合并图层3.保存要学习PS用口述或文字是说不明白的，必须看视频教程。网上有很多，你可以找找看。</t>
  </si>
  <si>
    <t xml:space="preserve">艺海百货商城在哪儿？听说在四道口，具体在哪儿？我在清河这边，怎么 </t>
  </si>
  <si>
    <t xml:space="preserve">艺海百货商城在大钟寺金五星百货对面点击“清河”后面箭头，选择具体出发地 </t>
  </si>
  <si>
    <t xml:space="preserve">新装备材料问题？新装备材料天泪之泉干啥用的？沙漠之鼎啊忘了叫什么 </t>
  </si>
  <si>
    <t>天泪泉是做新装备的鞋子，手等 用的 ~那个是沙之塔雕把~那个可以等你开了第4张地图每天做任务可以送的~~也可以刷神无 BOSS会出的~耐力之类的就是打卡片BOSS会掉的~~具体什么BOSS我也不清楚~反正有16种卡片BOSS  自己去新地图看把~</t>
  </si>
  <si>
    <t xml:space="preserve">为什么我国以前称呼韩国为南朝鲜中华人民共和国建国以后至与韩国建交 </t>
  </si>
  <si>
    <t>由于朝鲜战争的原因,我国把分开后的朝鲜称为北朝鲜和南朝鲜.同样,美国等西方国家称其为南韩和北韩.中韩建交时,双方就国名进行了磋商,韩国人要求使用汉字"韩国"做为国名,(英文名翻译过来其实是:高句丽).中国同意.既然南朝鲜都称韩国了,北朝鲜就没必要了,直接称朝鲜了!朝鲜因为怪事先没和他商量,向中国提出强烈抗议,两国为此差点断交,几年后才恢复正常,</t>
  </si>
  <si>
    <t xml:space="preserve">想开饭店用房产证是否可以贷款我目前有房贷，但我还要利用房产证来开 </t>
  </si>
  <si>
    <t>可以。找银行联系一下把。方法，利率都可以协商。</t>
  </si>
  <si>
    <t xml:space="preserve">大家好才算真正的好我好、你好、他好才算真正的好。这是我的心愿，请 </t>
  </si>
  <si>
    <t>我有，但是我觉得就现实来说，只有好我，好你，好他才是可行的，即修、齐、平的传统思想，我看这不过时。</t>
  </si>
  <si>
    <t xml:space="preserve">老公这两周不太愿和我过性生活，是不是有问题？我和老公是两地分居的 </t>
  </si>
  <si>
    <t>不好说才两周嘛也许是他太累了如果是两个月那就绝对有问题了</t>
  </si>
  <si>
    <t xml:space="preserve">我怀念着绿色，如同涸辙的鱼盼等着雨水...代表着什么？ </t>
  </si>
  <si>
    <t>“我怀念着绿色”，“如同涸辙的鱼盼等着雨水”这些话共同强调的是强烈的渴望，单独提出来前者只是人的思念，后者是视如生命的盼望，这样描写就表现出感情由浅转深，而不只是普通的感觉了。</t>
  </si>
  <si>
    <t xml:space="preserve">为什么胡萝卜不宜生吃?西红柿和黄瓜呢?还有什么蔬菜不宜生吃? </t>
  </si>
  <si>
    <t>胡萝卜中含有大量胡萝卜素，比任何蔬菜都多，但是胡萝卜素只是维生素A的半成品，很难被人体直接吸收。因为胡萝卜素是脂溶性物质，只有溶解在油脂中，食用以后，在人体肝脏肠壁中所含的胡萝卜素酶的作用下，才能转变为维生素A，为人体所吸收。因此，那种认为胡萝卜营养丰富，多吃可明目护眼，而把胡萝卜当作水果生吃或凉拌，是不的，恰恰把90％的胡萝卜素因不能被人的肠胃吸收而排泄掉。故而吃胡萝卜最好用油炒，或与肉同炖。另外，胡萝卜素还易被酸性物质破坏，所以 吃胡萝卜不宜放醋。美国科学家经过长期研究发现一些常用蔬菜（如西红柿、洋山芋、茄子和花菜等）含有数量不等的尼古丁。这些蔬菜如果未加烹饪而生吃，则进入人体的尼古丁数量会更多，给人们造成的伤害接近于烟雾弥漫中的被动吸烟。虽然西红柿有可能含有尼古丁，不过多位专家均认为生吃西红柿不会影响健康，因为其中的尼古丁含量少到可以忽略，在正常情况下不会对人体产生影响。广州市蔬菜科学研究所所长谢伟平也表示，番茄、超甜玉米以及生菜等，洗干净后是适宜生吃的。但他提醒市民，扁豆、四季豆等含有氰化物，不宜生吃。此外，目前还有一种说法称小番茄（樱桃番茄）是转基因食物，对人体健康有影响。对此，谢伟平特别澄清，这种说法其实是谣传，樱桃番茄是一种比大番茄更加古老的品种，并不是转基因番茄，而且其甜度更高、口感更好。谢伟平说，目前国内没有转基因番茄，市民可以放心食用。人们为了自身的健康，开始吃生菜吃活食。吃生蔬菜，生野菜不仅能预防、治愈多种疾病，且能延年益寿，尤其能保持女性容光焕发，保持青春，可谓返老还童的灵丹妙药。　　有一种完全的纯食生菜疗法，即选择五种以上的蔬菜做成泥状食用，每日大约吃1100克到1300克，连吃一个半月。此间，只吃生蔬菜、葱。炒的熟食全都不吃。有时也可以将生菜汁或生菜泥与大米掺在一起吃。采用这种吃法，每日大米用量270克左右，生蔬菜300—450克左右。    常见的蔬菜种类有罗卜、菠菜等，容易生吃的蔬菜什么都行。颜色过红的蜂斗才、牛蒡子等不宜生食。胡罗卜和白罗卜将根和叶同时生吃最好，根和叶同时吃时，量要大致相等，一般一次吃五种以上蔬菜为原则。　　如将物种生蔬菜混合到一起吃，每种蔬菜的营养成分各不相同，可以互补，使生菜疗法能起到更好的效果。只吃两三种蔬菜效果不明显，体弱多病者，以制病为目的时应吃五种以上，健康者为改善体质，吃三种就可以了。　　生吃蔬菜是，根和叶的配合应大致相等，绿叶部分由于受太阳光合作用的影响，含有丰富的维生素和叶绿素；根部，特别是毛根，含有丰富的大地中有机物，在冬季缺乏鲜蔬菜是，选择的根和叶各一种也可以。吃适量的水果也有好处。但是，因为水果可口好吃，往往吃的过多，这样反而不好。西红柿、茄子、黄瓜、南瓜和水果一样，也不要过量食用。蔬菜和水果比较，水果好吃，但改善体质、治疗疾病不如蔬菜效果好。　　长期坚持用绿色蔬菜进行天然食疗，不仅可治愈多种疾病，还可以使您精神焕发，红光满面，身体健康，获得抗衰老的功效。</t>
  </si>
  <si>
    <t xml:space="preserve">有没有人知道这个卡通叫什么名字？？？？急求！！ </t>
  </si>
  <si>
    <t>是 熊出没 里面的光头强.</t>
  </si>
  <si>
    <t xml:space="preserve">请问清泉老师，000562今天能介入吗？ </t>
  </si>
  <si>
    <t>观望.不介入.</t>
  </si>
  <si>
    <t xml:space="preserve">为什么我不可以加入血盟啊？我已经10级了,以前也没有加入血盟,为 </t>
  </si>
  <si>
    <t>建立血盟需要10级.加入血盟1级就可以了.如果以前有加血盟.不管是自己退出或者被盟主开除,都需要经过5天之后才可以加入别的血盟.这期间如果有盟主加你.他那边会显示不能加人的信息.你这边则不显示任何信息.如果你从来没加过任何血盟.盟主加不进来你也可能有个原因.那就该盟主踢人了,并且没过五天.盟主踢人了.也是五天没法加人进来的.你加不进盟有可能和你没关系.而是因为他踢人了.如果你既没加过别的盟.盟主也没这几天踢过人.那请诉求GM.也可能和你的显示问题有关系.(我能想到的可能性就这些.希望能帮到你)</t>
  </si>
  <si>
    <t xml:space="preserve">去年检查有肠胃功能紊乱，两个星期前身体有炎症，医生开了消炎药，吃? </t>
  </si>
  <si>
    <t>首先做一个血常规和便常规看一下。明确诊断最重要。</t>
  </si>
  <si>
    <t xml:space="preserve">18至22岁的人想长高怎么办? </t>
  </si>
  <si>
    <t xml:space="preserve">如果你现在尚未满25岁，那么只要你遵行下面所说的饮食方法，仍然有机会再增高一点。 要想增高，应该多吃蛋白质，尤其是含有中"胺基酸"的食物，如：面粉、小麦胚芽、豆类、虾、螃蟹、贝类、海藻、牛肉、鸡肉、肝脏、猪腿肉、蛋、牛奶、乳酪及深色蔬菜等。 反之，白米、糯米、甜点等食品则应尽量不吃。可乐与果汁也少吃为妙，因为其中所含的糖份多，会阻碍钙质的吸收，吃多了会影响骨骼的发育。此外，盐也是增高的大敌，必须养成少吃盐的习惯。 让我们介绍几种促进增长维护健康与身段的理想食物： 1、百分之百的蛋白质：蛋白质能使体内多余的脂肪很快地燃烧掉，使体重减轻，又可增强身体对疾病与疲劳的抵抗力。摄取蛋白质对健康有很大的稗益，这是专家们共同的意见。 2、动物性蛋白质，在肉类、鱼、蛋等都含有多量。 3、蛋：各种动物性蛋白质之中，蛋是最重要的食物。蛋也有制造细胞的各种氨基酸，所以用餐时吃蛋，一定可以发挥优异的效果。 4、早餐不能省掉：有许多怕胖的女孩，都忽略了早餐，事实在西洋人眼中，早餐才是一天的主餐，不管体重多少，早餐一定要吃。 5、、少吃零食：零食如糖果、巧克力、花生等，大多都含有高量的热量，实在危险，不吃零食不行的人，不妨学模特儿咬红萝卜。芹菜或热量少的食物。 6、量要多而热量要少：每个人都有食欲，大小不同而已，既想满足食欲又要，就该选择此类食物，水果西瓜即是，即使吃得满肚子，却几乎没有热量；蔬菜汤也是。 7、维生素的补给：如前所说，维生素是生命的泉源，为了美容及营养，每天要补给充分的维生素。 8、、少饮酒：因为酒精的热量很高，取代了脂肪的燃烧作用，体重自然增重。 9、多作运动：让多余的能源尽量消耗，存积在体内，会转化成脂肪。 10、多吃生菜：如红萝卜。芹菜等卡路里少的食物，生菜未经煮食，养分没有被破坏。许多模特儿都有随时伸手吃食生菜的习惯。 维持优美的身段不容易 身材优美的人，吃时除了维持上面几个食物原则，吃的方法也有几个原则。 （一）慢慢吃：慢慢地边吃边欣赏味道，可以减少空腹感。观察身材苗条的人，其用餐总比狼吞虎咽的人花了加倍的时间。 （二）多喝水：水不含有热量，绝对不会胖的，当想喝茶或饮料时，不妨以水代替，水会洗掉体内的不净物，使你的肌肤更漂亮。 （三）生吃：油腻的调味汁是发胖的原因，所以要避免，尽量以自然的味道来饮食。 （四）人工甘味料代替糖：糖是最高的精力资源，最后会变成热量。其它脂肪或淀粉就储存在体内，食物内如果一定要有甜味，无妨用人工甘味料替代热量高而且会增加体重的糖。例如普通奶油蛋糕一般是200卡热量，如果使用人工甘味料，则只有70卡热量。 （五）沙拉：沙拉对美容有很大的效果，毋庸讳言，然而沙拉卡路里高，最好以热量较少的一种白色调味汁，或柠檬汁来取代。 其它的食物诸如巧克力，咖啡。牛油。红薯。炸鸡肉都能使你在保持迷人身段的努力中招致失败，不可不慎。一般说来，维持一个迷人身段的摄食情形是一天要2300卡热量，当然这个数字也要视各人的体质而略为增减。 为防止体重的增重，平时要养成测量体重的习惯。 运动加营养:长高不是梦想 市面上流行的增高器、增高药效果究竟如何，众说不一，难予置评。不过可以肯定的是，传统的运动加营养的方法是最自然也最安全的。只要你按照下面说的做，你再长高3厘米的梦想就会成真，你的身材也会更修长。 力学增高法 只要是人类，背脊或多或少都有不正常的弯曲。如果把此种（不正常的弯曲）矫正，则各部的关节会伸长，使你的高度增加，你不要小看一个关节由弯曲到伸直能长多少，人体的关节有那么多，积少成多，当然可观。 力学治疗法，不仅对小儿麻痹及半身不遂有显著效果，同时能治疗严重的猫背及O型脚，并使脊椎恢复正常，使体态转好，增加身高。除此之外，也能够治疗妇女生理的不顺、冷症等。因此，从事于这种美容体操的妇女日益增多。只要每天施行3次，3个月之后，最少能长高3厘米，体态会变得婀娜多姿,可以说是一举两得的美容体操。 （一）并拢两脚，笔直地站立，把一条腿向后移开半步，然后把上体向前弯曲，不要弯膝盖，使手指能触到地面为止，如此，连续做15～20次。这个动作，可以使大腿及膝盖的线条优美柔和，令左右两腿匀称。 （二）两脚打开30～60厘米，挺直地站立，把一条腿向后退半步，然后把上身扭曲，使指尖能够触及另一侧的脚趾。并连续做10～15次。这个动作，可以使两腕的线条优美柔和，腰围缩小，并矫正脊椎柱的弯曲。 （三）两脚打开60～70厘米，把一条腿向后退半步，再抬起双臂，与肩膀同高，然后把双臂水平地向后甩去。向长腿的方向扭转7次，向短腿的方向扭转4次。这动作，可以使腰围紧缩，体态娇美。 </t>
  </si>
  <si>
    <t xml:space="preserve">请教大家一首歌曲？歌词是：生是为了证明爱是为了痕迹```是谁的啊 </t>
  </si>
  <si>
    <t>JS组合的歌，歌名叫《杀破狼》蛮好听的</t>
  </si>
  <si>
    <t xml:space="preserve">如何从财务比率分析看清公司财务情况 </t>
  </si>
  <si>
    <t>一、比率可以评价某项投资在各年之间收益的变化，也可以在某一时点比较某一行业的不同企业。财务比率分析可以消除规模的影响，用来比较不同企业的收益与风险，从而帮助投资者和债权人作出理智的决策。二、财务报表比率分析框架１．清偿能力比率。是衡量公司偿还短期债务能力的比率。清偿能力比率是对短期债务与可得到的用于偿还这些债务的短期流动资金来源进行的比较。（１）流动比率。显示公司用其流动资产偿还流动负债的能力，是最常用的清偿能力比率。其计算公式为：流动比率＝流动资产÷流动负债。一般情况下，流动比率越高，反映公司短期偿债能力越强，债权人的权益越有保证。一般认为２∶１的比例比较适宜。但是流动比率也不能过高，过高则表明公司流动资产占用较多，会影响资金的使用效率和公司的获利能力。（２）酸性测试比率，也称速动比率。表示公司用变现能力最强的资产偿还流动负债的能力。其计算公式为：酸性测试比率＝（流动资产－存货）÷流动负债。２．财务杠杆比率。反映公司通过债务筹资的比率。（１）产权比率。反映由债权人提供的负债资金与所有者提供的权益资金的相对关系，以及公司基本财务结构是否稳定。其计算公式为：产权比率＝负债总额÷股东权益。产权比率表示，股东每提供一元钱债权人愿意提供的借款额。在通货膨胀加剧时期，公司多借债可以把损失和风险转嫁给债权人；在经济繁荣时期，公司多借债可以获得额外利润。（２）资产负债率。反映债务融资对于公司的重要性。其计算公式为：资产负债率＝负债总额÷资产总额。资产负债率与财务风险有直接关系：资产负债率越高，财务风险越高；反之，资产负债率越低，财务风险越低。（３）长期负债对长期资本比率。反映长期负债对于资本结构（长期融资）的相对重要性。其计算公式为：长期负债对长期资本比率＝长期负债÷长期资本。长期资本是所有长期负债与股东权益之和。３．保障比率。是将公司财务费用和支付及保障它的能力相联系的比率。利息保障比率表示公司支付利息费用的能力。其计算公式为：利息保障比率＝息税前利润（ＥＢＩＴ）÷利息费用，或＝息税折旧摊销前利润（ＥＢＩＴＤＡ）÷利息费用。折旧和摊销是按照权责发生制对以前发生的支出的调整，实际上仍然属于本年的现金流量，也可以用来支付利息费用。因此，笔者认为，采用ＥＢＩＴＤＡ比采用ＥＢＩＴ更为精确。４．周转率。是衡量公司利用其资产的有效程度的比率。（１）应收账款周转率。反映公司应收账款的质量和公司收账的业绩，说明应收账款年度内变现的次数。其计算公式为：应收账款周转率＝年销售净额÷应收账款。（２）应收账款周转天数，又称平均收现期。其计算公式为：应收账款周转天数＝一年中的天数÷应收账款周转率，或＝（应收账款×一年中的天数）÷年赊销金额。应收账款周转率和应收账款周转天数这两个比率与公司的信用政策环境有密切联系。应收账款周转越快，销售实现距离实际收到现金的时间就越短，但过快的应收账款周转速度与过短的平均收现期可能意味着过于严厉的信用政策。账面上应收账款余额很低，却可能使销售额和相应的利润大幅度减少。（３）应付账款周转率。其计算公式为：应付账款周转率＝年赊购金额÷应付账款。（４）应付账款周转天数，又称平均付现期。其计算公式为：应付账款周转天数＝一年中的天数÷应付账款周转率，或＝（应付账款×一年中的天数）÷年赊购金额。（５）存货周转率。其计算公式为：存货周转率＝销售成本÷存货。（６）存货周转天数。其计算公式为：存货周转天数＝一年中的天数÷存货周转率，或＝（存货×一年中的天数）÷销售成本。存货周转越快，表明存货越具有流动性。但过快的周转速度可能是存货占用水平过低或存货频繁发生缺货的信号。（７）营业周期。是从外购承担付款义务到收回因销售商品或提供劳务而产生的应收账款的这段时间。其计算公式为：营业周期＝存货周转天数＋应收账款周转天数。营业周期的长短是决定公司流动资产需要量的重要因素。较短的营业周期表明对应收账款和存货的有效管理。（８）现金周期。其计算公式为：现金周期＝营业周期－应付账款周转天数。分析现金周期必须注意，该指标既影响公司经营决策又影响公司财务决策，并且人们可能忽略对这两种决策的错误管理。例如不及时付款，损失了公司信用，却能直接缩短现金周期。（９）总资产周转率。表示公司利用其总资产产生销售收入的效率。其计算公式为：总资产周转率＝销售净额÷总资产。５．盈利能力比率。（１）毛利率。是公司的销售毛利与销售净额的比率。销售毛利是指销售净额减去销售成本的余额。销售净额为销售收入扣除销售退回、销售折扣及折让的差额。其计算公式为：毛利率＝销售毛利÷销售净额＝（销售净额－销售成本）÷销售净额。毛利率是商品流通企业和制造业反映商品或产品销售获利能力的重要财务指标。商品流通企业商品的销售成本为商品的进价成本，而在制造业则为产品的生产或制造成本。当毛利扣除经营期间费用后即为经营利润。可见，毛利率反映了公司产品或商品销售的初始获利能力，保持一定的毛利率对公司利润实现是相当重要的。（２）销售利润率。是利润额占销售收入净额的百分比。该指标表示，公司每销售一元钱产品所获取利润的能力。其计算公式为：销售利润率＝利润额÷销售收入净额。运用该比率进行分析时，利润额习惯上使用利润总额，但由于利润总额不仅包括销售利润，而且包括投资收益及营业外收支等，造成分子和分母计算口径的差异。所以笔者建议，采用狭义的销售利润，这样得到的实际上是主营业务利润率，它是衡量一个公司能否持续获得利润能力的重要指标，对管理层决策更有价值。（３）投资回报率。是衡量公司综合效率的指标。其计算公式为：投资回报率＝税后净利÷资产总额＝销售净利率×总资产周转率。（４）权益报酬率。反映股东账面投资额的盈利能力。权益报酬率＝税后净利÷股东权益＝销售净利率×总资产周转率×权益乘数＝投资回报率×权益乘数。高的权益报酬率通常说明公司有好的投资价值，但如果公司运用了较高的财务杠杆水平，则高的权益报酬率可能是过高的财务风险的结果。</t>
  </si>
  <si>
    <t xml:space="preserve">如何让自己每天都保持一颗平静的心情？ </t>
  </si>
  <si>
    <t>要保持一颗平常心，首要的是要提高自身的修养，建议你多看看修身养性的书。</t>
  </si>
  <si>
    <t xml:space="preserve">人为什么会困？又为什么会睡觉？ </t>
  </si>
  <si>
    <t>在人的一生中，约三分之一的时间是在睡眠中度过的，由此可见睡眠对每一个人是多么重要。从某种意义上说，睡眠的质量决定着生活的质量。睡眠可以分成两种完全不同的状态：一种叫做快波睡眠，也有人把这种睡眠状态称快速眼动睡眠。顾名思义，就是睡眠时眼球转动得很快，大脑也非常活跃，人做梦都是出现在这个时期。　　另一种状态是叫做慢波睡眠，它是第一种状态的深化，睡眠人进入了更深的无意识状态。科学家发现，快波睡眠和慢波睡眠的作用是不一样的，两种状态也在睡眠过程中交替出现。睡眠是让大脑和小脑休息的。动物需要睡觉，而没有大脑的植物不睡觉；人体的有些器官，比如肝脏，是不休息的。这表明睡眠是整个脑部特有的现象，至少慢波睡眠可以使脑部修补自由基所造成的损害。自由基是新陈代谢的副产物，可损伤人体细胞。其他器官可以通过放弃和替换受损细胞来修补这种损害，但脑无法这样做，只能让人进入睡眠状态，尤其是慢波睡眠状态，人体组织才能利用这段难得的“闲暇时间”进行“抢修”作业。</t>
  </si>
  <si>
    <t xml:space="preserve">刘云飞和李蕾蕾到底哪个强?新一届国家队名单又出来了,刘云飞仍然入 </t>
  </si>
  <si>
    <t xml:space="preserve">    刘云飞和李蕾蕾可以说都是国内一流水平的守门员.刘云飞反映机敏,弹跳好，爆发力突出，是一个兴奋型运动员。李蕾蕾比较沉稳，对点球把握较好。从综合素质考虑，刘云飞特点突出一些。至于国家队最近一直让李蕾蕾打一号，与朱广沪任人为亲有直接关系。你看，目前国家队成员，98%是朱广沪带过的。我想说谁好并不重要，重要的是为国家镇守住龙门才是真。毛泽西 朋友我的看法不知你同意否。     </t>
  </si>
  <si>
    <t xml:space="preserve">舌头疼怎么办？我妈70多岁了，舌头疼3年多了，白天不算疼，就是晚 </t>
  </si>
  <si>
    <t>{舌炎--早期舌干燥，有烧灼感或刺痛感。然后舌体肿大，呈鲜红色(品红)，同时菌状乳头肿胀、充血。接着丝状乳头、菌状乳头萎缩继而消失，使舌面变得光滑、发亮，呈萎缩性舌炎，有时呈舌，有时有舌面裂纹或小的溃疡，有的患者有口腔粘膜溃疡。经服用维生素B2试探性治疗，迅速见效。 治疗--核黄素5毫克，口服每日3次。临床多用复合维生素B配合核黄素治疗。不宜单用维生素B6治疗舌炎、口角炎，以免使维生素B2缺乏加重。同时调整饮食及烹调方法，多食用富含核黄素的牛奶、肝、菠菜、胡萝卜、白菜等。} 舌的上表面满布着乳头，这种乳头就是组织的细小毛发状突出物。成群的味蕾散布于乳头四周。在正常情况下，乳头呈粉红色，柔软光滑，有若天鹅绒一般，上面满布交错纵横的裂纹，露出舌下深红色的肌体来。但有些人舌上表面的这种正常颜色及质地却会有各种改变。这些舌的疾病大多是小毛病。不需医生治疗。但如果你有舌的疾病，而这种毛病持续不退超过十天时，你就应该去看医生了。偶尔，造成舌部疾病的原因与情绪有关。 舌上的肿块或溃疡 如果你舌上发生肿块或溃疡，持续达十天以上仍末痊愈，你应该立刻去看医生，即使患部并无疼痛发生，你也不要再拖延了。这种肿块或溃疡可能是无害的，但它也可能是良性的或恶性的（见口腔及舌的肿瘤）。 舌炎及地图样舌 舌炎是一种可治疗的舌发炎现象。在舌发炎时，乳头无法适当地形成，不再将舌体覆盖起来。地图样舌也是一种相似的疾病，但它与舌炎有两点不同之处；第一，它是以斑块状出现，时生时消；第二，病因不明，也无治疗方法。在罹患这两种疾病中任何一种时，你的舌头暴露在外的表面会变得很光滑，边缘突起，呈深红色，常会有疼痛感觉，如果你吃辛辣的食物，舌头就痛得更厉害。 舌炎的肇因有许多种，其中包括感染、创伤及变应性变态反应（过敏反应）等。舌炎经常是营养缺乏的一种症状，如果你有上述的舌炎症状，你去看医生。如果你患有潜在性疾病，将这种病治好，舌炎也会随之痊愈。如果你没有潜在性疾病，你就不用去管它，舌炎可能会迅速痊愈。 医生可能会处方调配一种抗菌漱口液给你使用。在晚间入睡时局部制剂敷在暴露的舌表面上，可以减轻不适的感觉。如果你避免食物热烫的或辛辣的食物、酒与吸烟，就可缓解因舌炎或地图样舌所造成的疼痛。 舌变色及出现裂缝 舌变色的原因有好几种，但通常都没有什么关系，不必担心。有些人的舌会现现较平常深而广泛的裂缝或皱折。有时候，每个人口腔内都有的那种细菌会聚积在裂缝中或乳头上。这会使你的舌头呈现黑色或深褐色。这种舌变色状况也可能是由于诸如真菌性口炎等真感染所造成的，也可能是吸烟、服用抗生药物所引起的。有时候乳头会变得很长，像毛发一样。发生这些裂缝、毛发状的乳头或舌变色都不必担心。如果不会使舌头痛得太厉害，你可每天用牙刷轻刷舌头，将牙刷沾抗菌漱口液来刷舌头，使舌头恢复正常。同时你还要继续实施其他的口腔卫生方法，并对任何症状加以治疗。 另一种舌变色叫做舌苔，当你在生病时，就会发生舌苔，当你有发热症状时，舌苔特别容易发生。你会发现舌面上覆盖着一层白色或黄色的苔状物。这层舌苔是由聚积的细菌、食物残渣及过多的细胞所组成。当你的疾病痊愈时，你的舌就可能会恢复正常。发生舌苔，只要注意适当的口腔卫生即可，不需要作其他的治疗。 舌炎有哪几种,怎样防治 - 来源：健康1+1 地图舌、毛舌、沟纹舌、正中菱形舌炎、舌乳头炎、萎缩性舌炎都可能有血管充血，淋巴细胞、浆细胞浸润等病理改变，都可包含在舌炎的范畴内。 地图舌的是舌乳头呈片状剥脱，形似地图。患者一般无自觉症状，治疗无特殊方法，若有刺激性痛可作相应的治疗。 沟纹舌又称为裂纹舌，一般也不需治疗。应注意保持口腔清洁。对疼痛者先清洗沟纹，再作相应的治疗。 毛舌是一种非特异性慢性炎症。由于舌背上丝状乳头的角化上皮延缓脱落，增生的丝状乳头形成绒毛状而得名。多由于食物、药物、抗生素的长期应用，吸烟等口腔环境改变而致。多发于舌背的后2/3或舌中部，可染色形成红毛舌、黑毛舌，犹如麦浪倒伏，毛长1mm以上，若过长还可刺激软腭，有痒感或恶心；黑毛舌中央部分颜色深而周围较浅。患者无明显不适，舌活动正常，数周内可自行脱落。无特殊方法治疗。尽可能查出病因，对症处理，注意保持口腔清洁，戒烟，或局部涂制霉菌素液。 正中菱形舌炎发生于舌盲孔前、舌背中线区（即人字沟前方）的菱形或似菱形的、圆形或椭圆形的无乳头病损，其直径约1cm左右，颜色微红，与周围组织有明显的界限；有时局部呈结节状，触之较硬，但基底部较软，不需要治疗，可用洗必泰液漱口。 舌乳头有丝状乳头、菌状乳头、轮廓乳头、叶状乳头。丝状乳头炎即萎缩性舌炎。菌状乳头位于舌前方及舌尖部，炎症时菌状乳头充血、红肿，肿大的乳头有灼痛感，尤其是进食过热和辛辣食物时刺激性疼痛明显，其原因不明，与维生素B族缺乏、贫血及局部受到漱口剂、食物、理化等刺激有关。轮廓乳头炎偶有发生，乳头肿大、发红，局部有肿大不适感。叶状乳头在人类已退化，呈皱褶状位于舌缘两侧，接近咽部，在咽部炎症和尖锐牙尖等刺激影响下发生炎症，此时叶状乳头皱褶加深、红肿，舌动作时疼痛，可有刺激痛、灼痛，应注意与发生于此的恶性肿瘤鉴别。治疗叶状乳头炎要去除局部刺激，可用强的松龙混悬液注射。 萎缩性舌炎又名光滑舌，是丝状乳头的慢性炎症。在维生素B族缺乏、贫血、真菌感染或其他全身疾病等情况下丝状乳头萎缩，舌背光滑呈红色，而菌状乳头突出、红肿、肥大。严重者菌状乳头也萎缩，舌面无舌苔，有灼热、灼痛感，对外界刺激敏感，常因受到损伤而有小面积的糜烂或溃疡。 正中菱形舌炎、舌轮廓乳头炎常被患者怀疑为肿瘤，应注意区分，必要时取活组织检查以确诊。舌叶状乳头炎发生之处可能发生恶性肿瘤，治疗前应先排除恶性肿瘤。</t>
  </si>
  <si>
    <t xml:space="preserve">1岁9个月孩子从床上摔下来怎么判断是否有事？您好，我们家小孩1岁 </t>
  </si>
  <si>
    <t>体重身高中等。翻身不好，要多练习，尽快学会。可以先侧俯卧位翻身，前面用玩具逗引，让他自己翻到俯卧位，如不能，在背部略为助他一些力，帮助翻身。会仰卧位翻身到俯卧位后，再练习从俯卧位到仰卧位翻身。每天练习3～4次，每次5～10分钟。还不会坐，需要练习。可以使用空气加湿器。</t>
  </si>
  <si>
    <t xml:space="preserve">参加F1比赛需要提前作好哪些准备工作？ </t>
  </si>
  <si>
    <t>赛车的调教,和车手的情绪最重要!还有就是后勤保障等.</t>
  </si>
  <si>
    <t xml:space="preserve">请问以下症状会是什么病症？头痛失眠易醒肚子不舒服疲乏 </t>
  </si>
  <si>
    <t>可能是自主神经功能紊乱，很复杂的  在这里说不清楚  去医院吧</t>
  </si>
  <si>
    <t xml:space="preserve">看PP识飞机？（22）这是什么型号的发动机？还有是什么型号的飞机 </t>
  </si>
  <si>
    <t>歼-10的尾喷管，AL-31FN型涡扇发动机。</t>
  </si>
  <si>
    <t xml:space="preserve">紧急求助！如何杀灭吃毛毯的虫子？我家的纯毛地毯上发现了许多吃毛毯 </t>
  </si>
  <si>
    <t>你拿去干洗一下，估计你家的毛毯肯定有虫卵，所以即使放置樟脑球还有虫子。干洗用的是四氯化碳溶液，一种有机溶媒，虫卵一定会洗掉的。然后拿到阳光下晒。</t>
  </si>
  <si>
    <t xml:space="preserve">中外游客在海滨着装的不同取向是不是反映了对时尚的不同理解？夏天， </t>
  </si>
  <si>
    <t>有一点吧，大部分只能说是因为文化差异，对衣着的认识不同．</t>
  </si>
  <si>
    <t xml:space="preserve">+001是哪里的号码手机显示。结果来对方好像在说日语，汗！ </t>
  </si>
  <si>
    <t>只有国外的电话,在来点显示的时候才出先+号,所以只要是前缀是+号,一定是国外的.具体是哪个国家的，只能通过国家代码查了</t>
  </si>
  <si>
    <t xml:space="preserve">为什么我养的红剑鱼下的小鱼都是死的? </t>
  </si>
  <si>
    <t>如果小鱼一生下来就是死的，缺德虎已经说清楚了，如果不是，那就是饿死的或闷死的。胎生鱼刚生下来的时候与卵生鱼相似，都是不能游动的，一般只能靠附着在鱼缸壁或水草上，否则就会因为沉到鱼缸底窒息而死，此时可用浅水喂养。小鱼一般出生三天后能够游动时开始摄食，由于小鱼的嘴太小，不能摄食普通的饵料，可食红蜘蛛虫的幼虫，或用鸡蛋黄喂养，如果此时没有合适的饵料喂养，小鱼就会饿死。</t>
  </si>
  <si>
    <t xml:space="preserve">上存照片时,,照片过大,上存失败,怎么办?怎样修改照片的大小才能 </t>
  </si>
  <si>
    <t>把照片格式更改一下：打开照片——点击菜单栏里的文件——另存为——保存类型（改为JPG格式）——保存，这时你的照片基本上能上传成功.</t>
  </si>
  <si>
    <t xml:space="preserve">1岁宝宝牙龈上长黑点你好？我近期发现宝宝上面牙龈没长牙的地方有黑 </t>
  </si>
  <si>
    <t>您好，最好到口腔科面见医生。</t>
  </si>
  <si>
    <t xml:space="preserve">以分换胆今晚额有一胆,100%打出,且是高SP值,有意置换者请留 </t>
  </si>
  <si>
    <t>高.实在是高.送个胆北单:尤文斯塔--布雷西牙=====1</t>
  </si>
  <si>
    <t xml:space="preserve">城市电网规划是由城市规划设计院来做还是由电力设计院来做 </t>
  </si>
  <si>
    <t>原来是电力设计院来做，现在都由供电局规划部做了，也只有它们才有电力系统的参数。城建局也有城市电网规划，但那是很表面的东西，主要是规划变电站址，圈圈地皮：红线图。</t>
  </si>
  <si>
    <t xml:space="preserve">有人可以给我说下见一个陌生女孩第一句话要怎么说 </t>
  </si>
  <si>
    <t>(从你问的这句话不难看出,你是个内向的人,大致可以知道你的性格了)用自己最平常的心,最平常的状况对待,让对方感到你的随和且容易接近.不要伪装,也不要对自己夸夸其谈.不过要是对方是另一种性格的话,可能就.....,不过也好,不适合你</t>
  </si>
  <si>
    <t xml:space="preserve">音乐里WAV是波形音声?如何把MP3格式转换为WAV格式? </t>
  </si>
  <si>
    <t>用全能音频转换通进行转换。</t>
  </si>
  <si>
    <t xml:space="preserve">我这次失恋后，人就一直发胖，我该怎么办？我失恋后，我就一直发胖， </t>
  </si>
  <si>
    <t xml:space="preserve">现在的瘦身秘招，不论你是胖上面，还是胖下面、或是全身胖，都可以恢愎100%的窈窕身材。 如果你有以下特征： 下身肥胖，肌肉松软，容易痰多、水肿，吃得少也不瘦，手脚冰冷 1、多泡澡或足浴（泡脚），每周至少三次，以促进血液循环并强化新陈代谢. 2、绝不能胡乱的节食，或采用不当的方法，像“苹果疗法”、“七日断食法”。因为阴型肥胖的人是需要能减肥又能补身的方法才能成功。 3、多喝温热的饮料或茶水，“绝不能”喝冰冷的饮料。否则减肥的成功机率会大大降低。 4、吃一点辛辣的食品，如生姜、胡椒、花椒、辣椒等。对身体加温有很大的作用，会提升基础代谢功能。 5、不要吃白糖，可用红糖、蜂蜜代替。泡面、味精也不要吃。 如果你有以下特征： 全身肥胖，肌肉结实，容易流汗，容易便秘，血压易偏高 1、多泡澡或足浴（泡脚），每周至少二次，以促进血液循环并强化新陈代谢。 2、减少食量，阳型肥胖者的最大弱点就是常会饮食过量。 3、多喝温热的饮料或茶水，如果真的想喝一或吃一些冰冻的食物或饮料，必须先喝下一杯温热水才行，“绝不能”空腹吃喝冰冷饮料或食品。 4、多吃蔬菜和水果。 5、戒绝煎炸、油腻食品以及甜点食品。。 6、不要吃白糖，可用红糖、蜂蜜代替。泡面、味精也不要吃 怎样运动才减肥 有很多人说运动减肥会越来越胖，因此对运动是否能减肥总是怀疑。其实，运动是减肥最有效的办法之一，关键在于掌握好运动量和运动方式。 一、避免剧烈运动 剧烈运动对减肥无效而且无益。譬如利用跑步机跑步，举杠铃，踢足球以及一切的窜蹦跳跃，运动时间短，运动量大，人体的消耗量激增，这种消耗中占很大的比例的是糖和水份，极易产生饥渴，会不由自主地加大进食量。这类运动也不易坚持，当运动心率超过160次／分时，产生的疲惫感常常使人放弃运动，停停打打的结果当然是减肥无效。即使真的咬紧牙关，坚持到底的一般也是将全身的肌肉练得极为饱满，有力，也和东方女性传统的窈窕柔美相去甚远。 二、坚持有氧运动 慢性运动是有氧运动，具有强度低，有节奏、不易中断的特点，有利于减少皮下脂肪数目，缩小皮下脂肪的体积，适合消化和循环。例如散步、骑自行车、慢跑、游泳、打太极拳等等。 要求是1、有足够的氧气参与，在室外最好；2、必须坚持30~60分钟；3、运动时心率小于150次／分。不宜做运动的时间：饥饿时，吃饭前，睡觉前。 最佳锻炼时间为黄昏7-8点。 另外，在家里也可坚持锻炼，例如深蹲练习，跳绳、利用椅子代替肋木前后踢腿等。 总而言之，运动减肥的原则是坚持做有氧运动，每周不少于两次。短期运动不会有明显的效果，一定要坚定信心，坚持锻炼，直达到健康减肥的目的。 </t>
  </si>
  <si>
    <t xml:space="preserve">先谢谢了早晨起来眼肿怎么办？ </t>
  </si>
  <si>
    <t>眼睛肿与饮水和睡觉的姿势都有关。睡前喝太多的水，身体水分过多，由于眼睑组织较舒松，容易聚集水分而肿胀。因此睡前少喝水。睡觉应该使用小枕头，抬高头部，减少眼睑水分聚集。</t>
  </si>
  <si>
    <t xml:space="preserve">飞飞——天衣虚幻耳环——仔细看看问题天衣耳环增强一定的防御力虚幻 </t>
  </si>
  <si>
    <t>天衣耳环,FF里现在没有出.估计2转会出,防御应该比金刚高...虚幻耳环,在周末活动打气球里可以出,还有有次活动也出了.价钱不是很高........虚幻耳环是+敏捷的.</t>
  </si>
  <si>
    <t xml:space="preserve">很厌倦生活讨厌每个人，感觉他们都不好，也很讨厌自己，我心理总感觉 </t>
  </si>
  <si>
    <t>1.找到的方向，精力花在自己认为有意义的事情上面。如果是学生可以把学业当作生活的中心，在工作的话可以把业务当作生活的中心，有了方向，不会整天不知所措，为细枝末节的事情怄气。2.宽容心。自己不完美，别人也一样不完美，既然如此，就要坦然接受。能够改变和提高的地方，尝试提高，无法改变的事情，尝试接受。3.看到自己的强项，不足的地方慢慢提高，给自己一点耐心，慢慢会发生变化的。4.尝试观察自己的情绪，不被情绪牵着鼻子走，做情绪的主人。说话着急的时候，给自己的大脑发一个指令，让自己放松，慢慢的说就可以，不是生死攸关，不是杀人放火，何必着急。5.按照自己的价值观念来生活，也尊重别人的生活态度。自己的观念不强加于人，自己内心清晰、对别人的误解也不着急辩解。因此，情绪稳定，内心波澜不惊，相信说话自然会平和很多，口吃的问题也可能会因此而缓解或者消失。6.最根本的还是要学习接纳。接纳不完美的自我，不完美的家人，不完美的朋友，不完美的社会。这些不完美，造成一些伤害，但伤害也不过如此，冷静的接纳一切（你会发现其实自己优势的地方也是很多的），在冷静面对的基础上，心平气和的致力于改变和提高，相信你一定会越来越开心的。（地球本来就不完美，但是地球照样在转，不完美没什么大不了的，希望恒久存在。）个人浅见，仅供参考。祝福你。</t>
  </si>
  <si>
    <t xml:space="preserve">幽幽猪猪猪猪的小尾巴为什么是绕圈的? </t>
  </si>
  <si>
    <t>便于忽悠呀,你看一甩一晃的多方便呀~~~~~~~~~~~~~</t>
  </si>
  <si>
    <t xml:space="preserve">子宫肌瘤一定要做手术么 </t>
  </si>
  <si>
    <t>不是的，也可以用药物治疗的，但是使用于肌瘤在两个月妊娠子宫大小以内、症状不明显者。一般采用雌激素，米非司酮。若是肌瘤在两个半月妊娠子宫大小或症状明显导致继发贫血者，则需采取手术治疗。</t>
  </si>
  <si>
    <t xml:space="preserve">药流后会分泌乳汁吗?药流后乳头挤压会有白色的液体出现,这个正常吗? </t>
  </si>
  <si>
    <t>您好：一般在断奶后或流产后的近期双侧的乳房分泌乳汁样液体一般是属于生理性的，不用太担心。</t>
  </si>
  <si>
    <t xml:space="preserve">多少字节=1KB多少KB=1MB多少MB=1GB多少GB=？谢谢 </t>
  </si>
  <si>
    <t>电脑处理时是这样的：    1024B=1KB   ,    1024KB=1MB    ,    1024MB=1GB    ......就是说在电脑中全是以1024为进率进行互相转换的。而现在的硬盘，U盘，还有一些存储的介质，它们在互换是却是以1000为进率（也许是因为换算的方便吧）。这样，有时，一块80G的硬盘被系统只识别只有为76G左右。</t>
  </si>
  <si>
    <t xml:space="preserve">出租车司机求职北京哪个出租汽车公司招聘单班的司机,最好是新车. </t>
  </si>
  <si>
    <t>呵呵，最好亲自去出租车公司去看看呵呵，勤快点了祝你好运</t>
  </si>
  <si>
    <t xml:space="preserve">感冒过后的咳嗽应该吃什么比较好感冒过后，连续咳嗽了两周，有痰，有 </t>
  </si>
  <si>
    <t xml:space="preserve">对于虽然我们不能制服它，但我们还是有预防和缓解症状的办法，在又一个　　感冒多发季来临之时，一些对付感冒的方法，你都可以试试。　　一、热水泡脚　　每晚用较热的水(温度以热到不能忍受为止)泡脚15分钟，要注意泡脚时水量要没　　过脚面，泡后双脚要发红，才可预防感冒。　　二、生吃大葱　　生吃大葱时，可将油烧热浇在切细的葱丝上，再与豆腐等凉拌吃，不仅可口，而　　且可以预防感冒。　　三、盐水漱口　　每日早晚、餐后用淡盐水漱口，以清除口腔病菌。在流感流行的时候更应注意盐　　水漱口，此时，仰头含漱使盐水充分冲洗咽部效果更佳。　　四、冷水浴面　　每天洗脸时要用冷水，用手掬一捧水洗鼻孔，即用鼻孔轻轻吸入少许水(注意勿吸　　入过深以免呛着)再擤出，反复多次。　　五、按摩鼻沟　　两手对搓，掌心热后按摩迎香穴(位于鼻沟内、横平鼻外缘中点)十余次，可以预　　防感冒及在感冒后减轻鼻塞症状。　　六、鼻子插葱　　感冒后鼻子不通气怎么办呢？可以睡觉时在两个鼻孔内各塞进一鲜葱条，3小时后　　取出，通常一次可愈。倘若不行，可于次日再塞一次。值得提醒的是：首先，葱条要　　选择粗一点，细了，一是药力小；二是容易吸入鼻腔深部，不易取出；其次，若患者　　的鼻腔接触鲜葱过敏，可在葱条的外面包上一层薄薄的药棉。　　七、白酒擦身　　用铜钱、硬币等光滑硬物蘸白酒，轻刮前后胸、曲池及下肢曲窝处，直至皮肤发　　红发热，然后喝一碗热姜糖水，约15分钟后便大汗淋漓。汗后周身轻松舒适，此时注　　意免受风寒，感冒很快痊愈。　　八、可乐煮姜　　鲜姜20至30克，去皮切碎，放入一大瓶可口可乐中，用铝锅煮开，稍凉后趁热喝　　下，防治流感效果良好。　　九、呼吸蒸汽　　初发感冒时，在杯中倒入开水，对着热气做深呼吸，直到杯中水凉为止，每日数　　次，可减轻鼻塞症状。　　十、热风吹面　　感冒初起时，可用电吹风对着太阳穴吹3至5分钟热风，每日数次，可减少症状，　　加速痊愈。　　十一、蒜泥蜂蜜　　将等份的蒜泥与蜂蜜混匀后，用白开水送服，每次一汤匙，每天4至6次，对治疗　　流感有佳效。　　十二、香油拌蛋　　将一两香油加热后打入一鲜鸡蛋，再冲进沸水搅匀，然后趁热喝下，早晚各服一　　次，2至3天便可治好感冒愈后的咳嗽。 </t>
  </si>
  <si>
    <t xml:space="preserve">80的绿土鞋子多少钱具体看看图片！ </t>
  </si>
  <si>
    <t>作为天然的装备加的力还可以，速度也不错，唯一的遗憾是没有所有，总体来说还是不错的，可以先喊个3卡，最后2卡多点出手就行了。</t>
  </si>
  <si>
    <t xml:space="preserve">肾病综合症患者要注意些什么？肾病综合症患者饮食要注意些什么？ </t>
  </si>
  <si>
    <t>低盐低脂低蛋白低胆固醇饮食。瘦猪肉、鸡肉淡水鱼肉每天每千克体重0.5--0.8克以内，蛋清一个；主食半斤以内，蔬菜、水果（橘子香蕉少吃）不限，盐每天2--3克以内，水肿期要无盐饮食。禁食：蛋黄、动物内脏、海鲜、豆制品、乳制品（鲜奶可以）、其他肉类、坚果类、挂面、咸菜咸蛋等。最主要的是休息好。</t>
  </si>
  <si>
    <t xml:space="preserve">哪的宝箱多啊，是普通钥匙开的，在好坏层最好有图，谢谢了而且能打到 </t>
  </si>
  <si>
    <t>宝箱怪的卡一般打到的很少，开箱子的时候开到的图鉴出的几率比较大。其实可以收这些东西，也不是很贵，2千一张，兔子的2万就拿下了。想开箱子最好的地方是水洞，但是那的怪是55+的，是练级的地方。想抓箱子怪练的话就是葛布林之家了，那的箱子是2-3级的在1层。其他地方的箱子怪的级别都比较高了。就不好了。</t>
  </si>
  <si>
    <t xml:space="preserve">我不知道是不是怀孕了,有点郁闷我是8月17日来的LJ,平时都挺准 </t>
  </si>
  <si>
    <t>平时YJ准现在推了八天，就最好去医院一下的，可能是因为身体、环境和精神各方面原因导致月经不调。但也不排除是在排卵期后期受孕，天数不够还测不出来。放松一点心情。别在家里自己猜来猜去了，医生还是有经验一些的。我上个月推后一个月，把情况跟医生一说，她就直接问我是不是一天到晚就想着要宝宝，呵呵，真的好厉害，还真让她说对了呢。祝你早日好孕哦！</t>
  </si>
  <si>
    <t xml:space="preserve">软拷贝！急急急！各位仁兄大哥：我前段时间向国外投了篇文章，他们让 </t>
  </si>
  <si>
    <t>hard copy 是打印的， 复印的， 用纸的。 soft copy: =electronic copy， 就是电子的，自己打出来的，包括扫描的。 这两个是相对应的。通俗点讲硬拷贝就是把资料用印表机印出来，软拷贝就是把资料拷贝在记忆体里。应该是叫你将电脑中的（如果是在电脑中打的）那篇文章的原文件或扫描件发过去就行了。</t>
  </si>
  <si>
    <t xml:space="preserve">英语Atfirstshewasquiteinterestedin </t>
  </si>
  <si>
    <t>D got tired of</t>
  </si>
  <si>
    <t xml:space="preserve">舰船识别8........................... </t>
  </si>
  <si>
    <t>上为日本第3号型驱潜艇，只有一艘CH－3号，55×5.6×2.1M，270吨，2×40MM炮，2500马力，20节，47年除籍。下为日本第4号型驱潜艇，共9艘，（CH－4～12），只有4、5、9号活到战后。55.5×5.6×2.15M，291/304吨，2×40MM炮，2600马力，20节。这是CH－3号</t>
  </si>
  <si>
    <t xml:space="preserve">无“双”月【古董商】折扣一折起什么时间开始？？古董商里还是那价! </t>
  </si>
  <si>
    <t>请看清楚 上面写的是   最低  折扣一折起并不是所有商品全部一折...TX最会玩这种文字游戏了- -</t>
  </si>
  <si>
    <t>(转)断头铡</t>
  </si>
  <si>
    <t>再好的K线图不及一个政策,国家资金5000点不跑,4000点不跑,3500点才跑?险金3300点进场,3500又出局?太快了吧!</t>
  </si>
  <si>
    <t xml:space="preserve">电脑密码破解 </t>
  </si>
  <si>
    <t>你说的是系统密码，还是cmos密码？破解的方法不一样。对于cmos密码，可以通过扣电池的方法清除。对于系统密码，最好通过winpe，然后用软件清除密码，一般的winpe下都集成了此软件</t>
  </si>
  <si>
    <t xml:space="preserve">请问苏州火车票电话订购现在最多可以提前多少天？预订购1月18日车? </t>
  </si>
  <si>
    <t>直达或动车组的10天.其他的5天.你不要预定的,预定有风险的.你到那天刚满的时候去好了.百分之百可以买到的,我买了6号的.今天就买了2张.不要太着急.虽然春运,但是你只要按时到售票的那天去就肯定没有问题的.</t>
  </si>
  <si>
    <t xml:space="preserve">台虎钳的装配图咋画啊?台虎钳完整的装配图 </t>
  </si>
  <si>
    <t>1)确定比例，合理布局，将各个视图的外形轮廓画出。2）画出装配体的主要结构部分，尽量将各视图中的同一零件一起绘制。3）画出次要结构部分。4）检查校对，修改补充。5）完成全图，加深图线，画剖面线，标注必要的尺寸，公差配合和技术要求，标明零件序号，填写明细表和标题栏。找了一个机用虎钳装配图供参考。在：爱问-教育资料-学习辅导。 3009692</t>
  </si>
  <si>
    <t xml:space="preserve">征途里的供品有什么用？征途里的供品到底有什么用啊？我看有人80L </t>
  </si>
  <si>
    <t>东南游戏交易网免费为你服务（ ）这个可以用来刷盟国友好度，同时增加大臣血量。、捐的多血量回升很明显，猫眼石卷可以用来换精致的升级宝石一次换一个要用不邦的银子50辆，征途太黑了捐这个还有用钱，这人价格不是很高要很各区各服的价了，建义去找个商人问下</t>
  </si>
  <si>
    <t xml:space="preserve">三星r40笔记本拆机过程前年买的笔记本，过了保修，想拆开清理风扇 </t>
  </si>
  <si>
    <t>去当地的三星维修站让他们帮你除下尘就可以了 花不了多少 你自己打开没有点DIY经验很容易出错弄坏的</t>
  </si>
  <si>
    <t xml:space="preserve">今年7月1日是星期一,推算8月1日是星期几? </t>
  </si>
  <si>
    <t>因为7月有31天，8月1日，相当于月32日。每星期有7天，32-4X7=4所以，如果7月1日是星期一,8月1日是星期四。（你的题目说“今年”是不对的）。</t>
  </si>
  <si>
    <t xml:space="preserve">怎样改善严重的橘皮现象？总不运动，发现身上的橘皮现象越来越严重， </t>
  </si>
  <si>
    <t>经常吃点猪脚，买紧肤的用品</t>
  </si>
  <si>
    <t xml:space="preserve">是否要转存啊?2007年8月22日存入五万元,现在又加息了,哪位 </t>
  </si>
  <si>
    <t>当然转存哦,不过 还有一种情况,今年内还会加息一次的,你还是看着办吧,如果你转存一下,会带来更多的收益,因为你毕竟只存了1个月嘛.</t>
  </si>
  <si>
    <t xml:space="preserve">什么是刷军工，希望高手提点一下！经常可以听到刷军工这个词，不少人 </t>
  </si>
  <si>
    <t>刷军功就是40级以后在大营中郎将那接的任务，他说让插旗，其实不插旗也可以有军功，你跟别人去刷敌国的npc就可以了，每杀死一个不仅有经验还有军功，你可以在你的任务栏里看到军功的多少，有了军功回大营就可以找中郎将兑换金钱了.</t>
  </si>
  <si>
    <t xml:space="preserve">惠普的喷墨打印机保修几年? </t>
  </si>
  <si>
    <t xml:space="preserve">惠普的喷墨打印机保修一年，金牌服务三年． </t>
  </si>
  <si>
    <t xml:space="preserve">闲着没事。。。谁有好玩的游戏啊。。。给我推荐哈。。 </t>
  </si>
  <si>
    <t>个人推荐《魔兽世界》《剑网三》☆═━┈如果我的回答对您有所帮助，请点击“有用”，谢谢┈━═☆手机游戏 保卫萝卜，疯狂猜图，森林跑跑熊， 我叫mt，天天爱消除，飞机大战。（如果你对我的答案还满意，那就帮我点个有用吧，谢谢你的采纳，爱你哦亲！）推荐你玩puzzle craft，植物大战僵尸2极品飞车15</t>
  </si>
  <si>
    <t xml:space="preserve">黑老大为什么横行八年才被捉呢？横行乡里、鱼肉百姓、疯狂敛财近十年 </t>
  </si>
  <si>
    <t>之所以能横行八年之久而没有被抓,那是因为他过去有着错综复杂的关系网.许多人怕他被抓会牵扯出其他案件.因为这些人头顶上也有着各种光环,现在他们下台了,黑老大没有了靠山,所以新来的领导人把他给抓了,也为自己在当地树立了威信.</t>
  </si>
  <si>
    <t xml:space="preserve">直脚和小脚牛仔裤配什么鞋子好新买了条裤子，不晓得配什么鞋子，是那 </t>
  </si>
  <si>
    <t>浅颜色的运动鞋,你试试看</t>
  </si>
  <si>
    <t xml:space="preserve">酒馆任务求救！２５的帽子要用兰色任务刷到的钱来买吧，可我玩有一个 </t>
  </si>
  <si>
    <t>看运气了，天天接任务我30几才凑够了3个鸳鸯锁片</t>
  </si>
  <si>
    <t xml:space="preserve">为什么下载的客户端打不开的？ </t>
  </si>
  <si>
    <t>1.下载后,用鼠标右健点击客户端打出现"winRAR文件解压"后点击解压到你要安装的文件夹就可以了.(你应该安装解压软件的)2.可以的拷贝(即复制文件)3.约3.3G</t>
  </si>
  <si>
    <t>中海达Hi</t>
  </si>
  <si>
    <t>是因为比例尺太大，当前点坐标值不在屏幕内，所以缩小图的比例尺即可。 如果再会出现这样的问题。可以通过参考资料的联系方式找服务人员。</t>
  </si>
  <si>
    <t xml:space="preserve">请问“有奖调查”活动的奖品发了没有呢？我怎么还没有收到奖品呢？什 </t>
  </si>
  <si>
    <t>您好，目前好象还没有，注意到爱问首页看看，那里有公告</t>
  </si>
  <si>
    <t xml:space="preserve">请问如何去除嘴角两侧的皱纹 </t>
  </si>
  <si>
    <t>是法令纹吗?不知道你几岁了,如果是很大的岁数,很难去除的.如果是年轻由于肌肤干燥和面部动作造成的,可以用一些修护的护肤乳液涂于皱纹的地方,可以慢慢改善.</t>
  </si>
  <si>
    <t xml:space="preserve">医生们你好，早泄吃什么要能好医生们你好，早泄吃什么要能好 </t>
  </si>
  <si>
    <t>你好，早泄应积极参加体育锻炼，以提高身心素质，增强意念控制能力，调整情绪，消除紧张，自卑和恐惧心理。性生活时要做到放松，勿疲劳后行房，建议您多食一些具有补肾固精作用的食物，如，胡桃肉，栗子，甲鱼，鸽蛋，猪腰等，药物可口服六味地黄丸、金锁固精丸治疗。</t>
  </si>
  <si>
    <t xml:space="preserve">这是什么枪呢？ </t>
  </si>
  <si>
    <t>呵呵，你也体会到提问没人搭理的感觉我来贴一段：　　在第二次世界大战期间，苏联军队提出需要装备一种威力比ДПМ 机枪大、质量又小的机枪。于是在１９４４年采用弹链供弹的连用机枪应运而生。该枪虽于战时设计，但在１９４６年才正式装备部队，故称为РП－４６(RP-46)式连用机枪。该武器虽被前苏军正式采用，但装备数量很少。　　РП－４６式机枪采用导气式工作原理，闭锁机构为中间零件型闭锁卡铁撑开式。供弹机构主要为弹链供弹，由取弹器滑板、拨弹滑板，受弹器座、枪机框、枪机等组成。枪机框由装填拉柄带动取弹器滑板前、后，通过取弹器滑板上的曲线槽再带动拨弹滑板左、右运动，完成拨弹动作。供弹过程为单程输弹、双程进弹。必要时，还可用ДПМ机枪的弹盘供弹，只要将弹链盒供弹机构取下，换上弹盘即可。该枪采用全自动射击方式。　　该枪瞄准装置由圆柱形准星和弧形表尺组成，照门缺口高２ｍｍ，宽１．５ｍｍ。　　该枪发射前苏联１９０８年式７．６２ｍｍ有底缘枪弹。性能数据初速----840ｍ／ｓ最大射程----3000ｍ表尺射程----1500ｍ有效射程----800ｍ枪口动能----3391J理论射速----600发／ｍｉｎ自动方式----导气式 闭锁方式----卡铁撑开式发射方式----连发供弹方式----弹链或弹盘容弹量 　　弹链----25０发       　　弹盘----47发全枪长----1283ｍｍ枪管长----607ｍｍ膛线----4条，右旋全枪质量(不含供弹具)----13kg实弹链盒质量----9.6kg 瞄准基线长----635ｍｍ</t>
  </si>
  <si>
    <t xml:space="preserve">两个人的爱能够长久么?两个都从15岁开始谈恋爱，但是我担心我们的 </t>
  </si>
  <si>
    <t>朋友你有这样的想法很正常因为15岁时你们都还小可以说什么都还不知道的时候谈恋爱是不会有好结果的。劝你们现在都还小先不要把感情放在第一位，那样对你们不会有好结果，你们该读书就好好读书就为了你们的另一半好好读，只有有了学历找到一份好工作才能谈感情。不要觉得她（他）会离开你，如果真的离开了也就证明了他（她）觉得你们不合适要么就是移情别恋了。所以没有社会经验、没有事业前最好是不要谈感情上面的事。当然不是说你们的感情一定是我所说的这样但是那样你们的感情或爱情也是不可能走到最好的。</t>
  </si>
  <si>
    <t xml:space="preserve">出句:求神问卦,徒增心结.原创 </t>
  </si>
  <si>
    <t>迷信盲从罔顾性命求神问卦徒增心结</t>
  </si>
  <si>
    <t xml:space="preserve">什么是自然避孕法？ </t>
  </si>
  <si>
    <t xml:space="preserve">自然避孕法是指不用药物、工具、手术的避孕方法。比林斯自然避孕法以宫颈粘液作为测定排卵的信号。女性体内成熟卵子自卵巢排出后仅能存活1天，精子排入女性生殖道后仅能存活1-3天。因此，将妇女排卵前后定为易受孕期，其余为不易受孕期。这样在易受孕期内避免性，即在卵子排出后存活的时间内避免与精子相遇，达到避孕的目的。不过，本法只适用于月经周期规律、正常的妇女。女性可以通过观察自身宫颈粘液性状及外阴部感觉的周期性变化，来确定易受孕期及不易受孕期。宫颈粘液在卵巢激素的作用下，呈现周期性变化。外阴随宫颈粘液的周期性变化，出现干燥、潮湿、和润滑三种不同感觉。也可以根据擦拭外阴的粘液，直接观察宫颈粘液性状。在正常月经周期中，月经过后的最初几天，外呈干燥感觉，无粘液出现；此后随着体内雌激素水平的升高，外阴开始出现少量粘液，先为混浊、黄白色粘稠的粘液，外阴有潮湿感；几天后，随体内雌激素水平的进一步提高，出现透明、稀薄如蛋清样能拉成长丝的粘液，且量增多。这种粘液可以引导精子穿过子宫颈上游至宫腔。这时候外阴潮湿感更明显，并具有润滑感。润滑感的最后一天称为“粘液高峰日”，出现在排卵前2天至排卵后3天。此时为排卵期，也就是易受孕期。排卵后在孕激素的作用下，宫颈粘液又变得混浊、粘稠，外阴又逐渐出现干燥的感觉。此时起到下月经来潮前及月经后的干燥期至粘液出现时为止，这两个阶段为不易受孕期。正确使用比林斯自然避孕法，避孕率可达到90%以上。如果在使用此方法的前一个月经周期暂时停止性生活，就可以对粘液的分泌情况做清楚、详细的观察和记录。再结合基础体温测定排卵日期，那么避孕的效果会更准确。  </t>
  </si>
  <si>
    <t xml:space="preserve">请老师们给看看600510的公告是利好，还是？600510昨天晚 </t>
  </si>
  <si>
    <t>对510自身目前情况来说较好，要用钱毕竟，银行上市时间不确定，收益不确定，拿出资金也好！</t>
  </si>
  <si>
    <t xml:space="preserve">油条怎样做更漂亮面包粉做油条不好吗？是什么粉最好 </t>
  </si>
  <si>
    <t>制作方法：1、牛奶稍加热（不烫手），按1：1放入盐和糖，适量安琪酵母，搅拌使其融化待用。2、高筋粉放入适量泡打粉，搅拌均匀，然后将1加入搅拌，活成光滑面团，静置2-3小时。3、将一平盘底部抹油，面团放入，并用手压平，蒙上保鲜膜，放入冰箱。4、清早将炒锅放适量油，加热。面饼取出，切十厘米宽条，菜板抹油，擀薄，待油烧八成热，切三厘米条，稍拉一下下锅，快速翻动，两面焦黄出锅。</t>
  </si>
  <si>
    <t xml:space="preserve">谚语、成语、座右铭一、填空：1、鸟贵有翼，（）。2、秀才不怕衫破 </t>
  </si>
  <si>
    <t>1、思考一切 马克思2、人不可有傲气，3、但不可有傲骨 徐悲鸿4、一丝不苟 齐白石5、天才和灵感是不愿做懒汉的客人的人 柴可夫斯基6、早 鲁 迅7、我现在还在学习，我愿意终身学习 高尔基.8、拼命去争取成功 法拉第</t>
  </si>
  <si>
    <t xml:space="preserve">我现在有盆腔炎已经一个多星期了，请问能根治吗？我现在有盆腔炎已经 </t>
  </si>
  <si>
    <t>我是大夫:    最好是不要同房!盆腔炎是一种较为常见的疾病，大多是因为卫生问题(个人卫生、不洁性交等)引起的。急性盆腔炎表现为：下腹疼痛，发热，如病情严重，可有高热、寒颤、头痛、食欲不振等。慢性盆腔炎表现为：低热，易疲乏，病程较长时，有神经衰弱症状，如精神不振、周身不适、失眠等，还有下腹部坠胀、疼痛及腰骶部酸痛等症状。常在劳累、性交后及月经前后加剧。此外，患者还可出现月经增多和白带增多。1）家庭治疗措施1.注意个人卫生加强经期、产后、流产后的个人卫生，勤换内裤及卫生巾，避免受风寒，不宜过度劳累。2.多吃清淡的食物饮食应清淡食物为主。多食有营养的食物如：鸡蛋、豆腐、赤豆、菠菜等。忌食生、冷和刺激性的食物。3.经期避免性生活月经期忌房事，以免感染。月经垫要注意清洁卫生，最好用消毒卫生纸。4.喝水盆腔炎容易导致身体发热，所以要注意多喝水以降低体温。5.避免不必要的妇科检查尽量避免不必要的妇科检查，以免扩大感染，引起炎症扩散。2）其它疗法1.药草茶①当归9克，香附9克，益母草12克。水煎服，每日1剂。②桃仁10克，败酱草15克，黑木耳10克。水煎服，每日2次。③小茴香30克，栀子30克，甘草10克。共研末，每服2—3克，每日2--3次。④黄芪50克，当归15克，大枣10枚，红糖适量。水煎服。⑤枸杞子20克，当归20克，瘦猪肉适量。调味煮汤，吃肉饮汤。2.穴位按摩患者仰卧，双膝屈曲。术者居其右侧，先进行常规腹部按摩数次。再点按气海、关元、血海、三阴交各半分钟，然后双手提拿小腹部数次。痛点部位多施手法。用于治疗慢性盆腔炎。</t>
  </si>
  <si>
    <t xml:space="preserve">请问颈上咖哩鸡怎么吸出来的?有什么技巧吗? </t>
  </si>
  <si>
    <t>像吸田螺一样，在颈上的一处位置吸住不放，1分钟左右即可</t>
  </si>
  <si>
    <t xml:space="preserve">性生活不和谐,你会选择离婚吗? </t>
  </si>
  <si>
    <t>显然会影响夫妻感情，长此下去，也许会走到离婚的地步．</t>
  </si>
  <si>
    <t xml:space="preserve">请问各位高手,混体分离器的刀身哪里出?打什么怪?小弟先在这里多谢? </t>
  </si>
  <si>
    <t>打是打不出来滴，是通过做任务得到的，在亚丁的仓库管理员那里接，得到任务道具每100个和他玩一次游戏，赢了就能得到A武器的组件，每次4个，能不能得到魂体的就看你运气了，告诉你很难，推荐还是在QY问玩家收比较好！</t>
  </si>
  <si>
    <t xml:space="preserve">与物候有关的农谚 </t>
  </si>
  <si>
    <t>六月韭，驴不啾。麦子上场，核桃半瓤。九月里路上牛喝水，种不上麦的发后悔。清明前后，点瓜种豆。塘土埋住驴蹄子，收拾翻麦种糜子。毛杏塞鼻子，种谷种糜子。早蚯闻蝉叫，晚蚯迎雨场。麻雀囤食要落雪。蚂蚁垒窝要落雨。鱼跳水，有雨来。 初三、初四不见月，连阴带下得半月。四、六不开天，开天一、半天。七阴八下九不停，十日晒得脑瓜痛。早烧（烧云）不出门，晚烧晒死人。早看东南，晚看西北。早晚烟扑地，有雨意。云向东，潦池空；云向南，潦池闲；云向西，潦池溢；云向北，潦池鼓堆堆。打破土旺头，一十八天不套牛。大暑小暑灌死老鼠。山戴帽，大雨到。五月十三滴一点，耀州城里买大碗。八月十五云遮日，正月十五雪打灯。重阳无雨看十三，十三无雨半冬干。立冬无雨一冬晴。前毛毛（雨）不下，后毛毛不停。热生风，冷生雨。前蒙蒙不下，后蒙蒙不晴。蚂蚁搬家，长虫（蛇）过道，一两天内，必有雨到。瓦渣云，晒死人。早雨没多的。大旱不过二十五。龟背潮，下雨兆。蚯蚓爬上路，雨水乱如麻。泥鳅静，天气晴。猪衔草，寒潮到。鸡迟宿，鸭欢叫，风雨不久到。 立春下雨，四十天春阴。立春节日有迷雾，一春雨水不会多。立春节日雨淋淋，阴阴湿湿到清明。雷打惊蛰前，四十五天不见天。春雷十日阴，要晴须见冰。二月干一干，三月宽一宽(水涝)。清明晴，谷雨淋。雨打清明节，干到夏至节。发尽桃花水，必是早黄梅(干旱)。清明若逢晴，梅里雨淋淋。春二三月冷落，秋九八月热落(多雨)。春天第一雷，报告当年水(雷声来自东南方则多雨，来自东北方则少雨)。行得春风(四月的偏东风)，必有夏雨。春水铺，夏水枯。一日南风三日暴，三日南风狗钻灶(预报风 雨、低温)。春霜不过三，过三半月干。春季回暖早，必有台风到。春寒多阴雨，春暖百花香。西风刹雨脚，泥头晒不白(春季如吹西风而雨止，则晴天不会持久)。刮了长东南(连续四天以上东南风)，半月不会干。春季少东风，夏季雨水穷。立夏北风当日雨。小满不满，黄梅不管，小满满，黄梅管(满和管都是下雨的意思)。杨花落在蓬尘里，收麦收在浓泥里(多雨)。五月十三青杠(天晴)，床底下摸蚌(多雨)。夏至无雨三伏热。小暑热得透，大暑凉飕飕。黄梅夜消(晚上出现短时间的晴天)，明天细雨重出现。三天不落断黄梅，梅里不落莳里(指夏至到小暑)落。黄梅天寒雨水多。热在三伏，冷在三九。五九西北风秋水大(大潮)。伏里西北风，腊月船不通(低温)。伏里凉，秋雨淋倒墙。西南大风(指初夏时)三日晴。天脚(地平线)吊乌云，大雨要倾盆。早撑不要晒，夜撑不要收(撑，指太阳的光带叉天)。南云涨，天要变。乌头风，白头雨(指黑云和白云)。立秋无雨秋干热，立秋有雨秋洒洒。早夜秋，凉飕飕；中午秋，热烘烘(指立秋的时间)。早夜风凉(指白露节气后一段时间)，干到重阳。一场秋雨一场凉，十场秋雨要着棉衣裳。八月初一难得雨，有雨秋里旱。八月十五云遮月，正月十五雪(或雨)打灯。白露多雨寒露枯。九月初一难得晴，若是睛，种麦干煞人。重阳无雨一冬晴，重阳有雨一冬阴。重阳阴，一冬温；重阳晴，一冬冰。九月廿七衣不做，十月初五拖不过。霜降东风迟来霜，霜降西风早来霜。立冬下雨一冬阴，立冬天好一冬晴。冬前不结冰，冬后冻煞人。冬前不下雪，来春多雨雪。冬至西南(风向)，清明定寒。十月十五阴，三冬腊月暖盈盈；十月十五睛，三冬腊月冷冰冰。头九暖，冻得百乌转。头九冷，三春暖洋详。水九旱三春(水九，指头九多雨。三春指春 分、清明、谷雨三个节气)。四九无雨三伏旱。腊里暖，六月旱；腊里寒，六月水。腊月打雷回暖早。“九”里暖，春里寒。寒水枯，春水铺。干净冬至邋遢年，邋遢冬至干净年。冷得足，晴得长。送“九”一场雪，百日发大水。(二)根据云预报天气的谚语 天上钩钩云(钩卷云)，地上雨淋淋。鱼鳞天，不雨也风颠。天上出现鲤鱼斑，明日晒稻不用翻。乌云接日头，半夜雨稠稠(太阳下山前钻入乌云不再露脸，半夜即将下雨)。乌云接得高，明天晒断腰(太阳下山前，钻入乌云后重又出来，明天将继续好天)。逆风行云，天要雨淋。西北黑云生，雷雨必震声。早起猪头云(气象学上叫碎雨云)，傍晚台风鸣。火烧云，晒煞人。早看天顶穿，晚看四脚悬。早怕南云涨，晚怕北云推。天脚吊乌云，大雨要倾盆。</t>
  </si>
  <si>
    <t>如何辨别卡西欧手表的真伪型号是AW</t>
  </si>
  <si>
    <t xml:space="preserve">卡西欧手表基本上没有假表,造假的成本较高,利润小.有关AW-S90-1A1V 的情况介绍请看: </t>
  </si>
  <si>
    <t xml:space="preserve">关于社会问题的我最近在写一个社会问题的调查.我想问问为什么会有那 </t>
  </si>
  <si>
    <t>这个不好说,总的来说,不是说有的,有的是被花眼巧语骗的,有的是强行的,只有部分是自愿的!不过女的是想自己喜欢就好!</t>
  </si>
  <si>
    <t xml:space="preserve">睡醒口中有口水怎么办为什么睡醒之后口中老是分秘有很多口水，吐出还 </t>
  </si>
  <si>
    <t>说明你的唾液腺比较敏感,你侧卧睡觉压迫你的唾液腺,唾液腺受到刺激分泌唾液(即口水).解决的办法是改变睡姿,变侧卧为仰卧即可.或者是你胃酸过多加上胃寒,不要吃太多的酸的东西,吃多点补品</t>
  </si>
  <si>
    <t xml:space="preserve">小日本的联赛就是神经一个比日本A片还烂，难猜得很。以后再不碰。 </t>
  </si>
  <si>
    <t>打倒小日本，将小日本种族灭绝！！！</t>
  </si>
  <si>
    <t xml:space="preserve">流星蝴蝶剑怎么玩 </t>
  </si>
  <si>
    <t>流星蝴蝶剑其实就是古代版本的CS操作和CS一样问题是你如何用方向键+鼠标左右键施展出武器中:1级小刀,2级刀,1级剑,2级剑,大刀,枪,锤等武器在暴气的时候的必杀技能,和普通绝招拉哈哈可以在百度中搜索攻略</t>
  </si>
  <si>
    <t xml:space="preserve">QQ为什么不出现对话框了呢我的QQ不知道出了什么毛病,能看到对方 </t>
  </si>
  <si>
    <t>一般是因为病毒引起的，但也包含QQ文件夹受限。重新安装可以短暂正常使用QQ一段时间，稍后又无法点开窗口。建议购买或查找下载正版杀毒软件，更新最新病毒库后，在操作系统安全模式下进行查杀，如不想如此费事，查找资料学习系统灾难的恢复ghost.</t>
  </si>
  <si>
    <t xml:space="preserve">更新太慢了吧~官网出个补丁包行不~我下了10分钟才15%~ </t>
  </si>
  <si>
    <t>建议你用下载工具下载,一来提高下载速度,二来保证下载的品质.省得下载过程中丢失数据.另外,刚才服务器在维护当中,可能会影响一点速度,现在应该可以了.</t>
  </si>
  <si>
    <t xml:space="preserve">赛尔号常胜将军的守护神怎么打 </t>
  </si>
  <si>
    <t>LZ你好，很高兴回答你的问题！LZ可以用BUG跳过守护直接打真身！前提是你守护已经成功打过了！LZ开一个小号，一开始先和小号发起对战，然后小号拒绝，这是大号上就有一个提示框：XXX拒绝了你的邀请（注意：这个提示框不能关掉）！然后把背包清空！进入玄武空间，点击玄武对战，这是是不能对战的，系统会说你背包精灵血不够，然后用超NO打开仓库选个精灵放入背包，再和你的小号发起对战（就是点击前面那个提示框上XXX下面的连接），赢了以后就可以跳过守护了！</t>
  </si>
  <si>
    <t xml:space="preserve">我用的金山毒霸本来在C盘现在想装在E盘,要先卸掉但是我本来的病毒? </t>
  </si>
  <si>
    <t>金山的服务器速度很快你可以选择在清晨重新安装几分钟就可以全部更新</t>
  </si>
  <si>
    <t xml:space="preserve">一道实验题求助."大树底下好乘凉",这是一个众人皆知的俗语.小峰 </t>
  </si>
  <si>
    <t>上楼实验目的是：探究有阳光和无阳光照射情况下温度的高低。而题目是说在遮阳伞下和在大树下，哪个更凉爽？当然是小芳的观点正确。即：遮阳伞下比大树底下炎热。实验器材：两支相同的温度计，一个遮阳伞。实验方法：1、撑开遮阳伞，把一支温度计挂在伞下。2、把另一支温度计挂在大树底下。3、过一段时间后（例如15分钟），同时观察两温度计的示数。实验现象：大树下温度计的示数要低于遮阳伞下温度计的示数。实验感想：1、遮阳伞和大树虽然同时可以遮住阳光，但大树比较稠密，遮阳效果比较好。2、更重要的原因在于大树的树叶有蒸腾作用，而蒸发可以吸热，故而大大降低了大树底下的温度。</t>
  </si>
  <si>
    <t xml:space="preserve">魔兽世界2.0荣誉装还有声望要求么？到了2。0穿荣誉装还要声望么 </t>
  </si>
  <si>
    <t>不要了，战场声望都没用了</t>
  </si>
  <si>
    <t xml:space="preserve">psp的问题我的是3.40OE的自制系统，下了一个变形金刚的游戏 </t>
  </si>
  <si>
    <t>你把cso转换成iso文件</t>
  </si>
  <si>
    <t xml:space="preserve">S机中那几台最好用剪刀石头布最好是能用图纸合成的 </t>
  </si>
  <si>
    <t>都好用  看你会不会用了  S机体全是设计图合的 强化啊 那就要看你用什么机体了 看你喜欢什么流的机体把  无脑流 ZZ F91 猥琐流 V 命运 正义 T3 还是输出流 自由 掉毛 神 还是矮打流 冰箱 和螳螂自暴流 神与</t>
  </si>
  <si>
    <t xml:space="preserve">高中生物：自由组合定律的验证一、基因型为：AaDd和aaDd的豌 </t>
  </si>
  <si>
    <t>答：一。可以：因为AaDd可以产生AD aD Ad ad四种配子类型，且每种的几率为1/4，aaDd可以产生aD ad两种配子类型每种的几率为1/2。其杂交后，子代会出现AaDD aaDD AaDd aaDd Aadd aadd 共六种基因型，出现的表现型（显显 隐显 显显 隐显 显隐 隐隐 ）共4种，既显显、隐显、显隐、隐隐，比率为2/6、2/6、6/1、6/1； 充分说明了基因的自由组合定律。二。同上分析，AADD的配子为AD aadd配子为ad，杂交后的全部子代均为AaDd 表现型仅为一种，呈双显性，无法从杂交的结果中验证自由组合定律。回复2楼：题目没有进行子1代再次AaDd自交，只通过子1代判断把  否则可以自交的话那就显然1和2都可以验证了</t>
  </si>
  <si>
    <t xml:space="preserve">内存128的玩命运最近常出现画面闪烁，客服说是虚拟内存设置不对，? </t>
  </si>
  <si>
    <t>内存小了,CPU的负荷就加大,加之CPU的主频也小,也就拼全力了,当然CPU使用率就快速上去了,只能增加物理内存,增加虚拟内存只是辅助性的起点作用,根本的还是要解决硬件实体也就是物理内存要加大才行.</t>
  </si>
  <si>
    <t xml:space="preserve">求帮助！！！我注册成企业版的，该怎么办！！！我想注册的是个人版的 </t>
  </si>
  <si>
    <t>没办法啦只有重新申请一个了，</t>
  </si>
  <si>
    <t xml:space="preserve">上古神器2,找不同,哪有黄色花纹?我只找到4处 </t>
  </si>
  <si>
    <t xml:space="preserve">vivick浮点保护套的浮点起什么作用？ </t>
  </si>
  <si>
    <t>浮点保护套的浮点看着像乒乓球的球拍，设计灵感也应该是来自于此。在使用中浮点的作用主要是抗拉拽，耐磨，再简单中透出帅气。</t>
  </si>
  <si>
    <t xml:space="preserve">90的技能需要多少技术？？？我都是前期全加满，省的以后再加，累啊 </t>
  </si>
  <si>
    <t>除了法师以外是28点`其他职业全是25点`</t>
  </si>
  <si>
    <t xml:space="preserve">贵州省高考我想要贵州省04到08年的高考试题，每一科都要，麻烦各 </t>
  </si>
  <si>
    <t>贵州用的是全国统考卷。</t>
  </si>
  <si>
    <t xml:space="preserve">最近老想小便，小便的那感觉刺疼，小腹也疼，怎么了？不去医院有别的? </t>
  </si>
  <si>
    <t>你这种情况最好还是去医院,应该是沁尿系感染,如不去医院也要到药店去买一些治疗尿路感染的药来吃,比如:阿奇霉素,三金片等.</t>
  </si>
  <si>
    <t xml:space="preserve">求助！！给自己绷带的宏和~~猎人~~的宏我是一个NE猎人，希望懂 </t>
  </si>
  <si>
    <t xml:space="preserve">我有一些宏你也许用的到自动选最近目标说明：（寻找最近目标+防御模式+宠物攻击+猎人印记+自动攻击）（以上动作同时进行）快捷键Tab /script TargetNearestEnemy()/script PetDefensiveMode()/script PetAttack()/施放 猎人印记(等级 3)/施放 攻击2.印记目标/雄鹰说明：（自动射击+宠物攻击+雄鹰守护/猎人印记）同时进行 如果身上有灵猴守护则施放雄鹰守护  如果有雄鹰守护则施放猎人印记快捷键Q/施放 自动射击/script PetAttack()/script for i=1,16,1 do if (UnitBuff("player",i)~=nil) then if ( nd(UnitBuff ("player",i),"Mon")~=nil) then CastSpellByName("雄鹰守护(等级 4)");break;end end if(i==16) then CastSpellByName("猎人印记(等级 3)");end end3.射击 SOLO模式（保留长冷切时间的技能）说明：（如果无自动射击则开启自动射击+宠物防御模式+宠物攻击+智能钉刺）+奥术射击+多重射击快捷键E/script if(not IsAutoRepeatAction(40)) then CastSpellByName("自动射击"); end/script PetDefensiveMode()/script PetAttack()/script UseAction(8)---------------------将此介绍的宏(8.智能钉刺)放在物品栏8/施放 奥术射击(等级 6)/施放 多重射击(等级 3) 4.射击 PK模式 (使用长冷切时间的技能)说明：(如果无自动射击则开启自动射击+宠物防御模式+宠物攻击+急速射击）+震荡射击+智能钉刺+狂野怒火+多重射击+奥术射击+胁迫快捷键R/script if(not IsAutoRepeatAction(40)) then CastSpellByName("自动射击"); end/script PetDefensiveMode()/script PetAttack()/施放 急速射击/施放 震荡射击/script UseAction(8)---------------------将此介绍的宏(8.智能钉刺)放在物品栏8/施放 狂野怒火/施放 多重射击(等级 3)/施放 奥术射击(等级 6)/施放 胁迫5.近身攻击说明：做到用一个按键切换灵猴守护+使用近战技能/script UseAction(6)----------------------将此介绍的宏(6.切换灵猴守护)放在物品栏6/script UseAction(7)----------------------将此介绍的宏(7.近身技能)放在物品栏7/施放 胁迫/施放 狂野怒火6.切换灵猴守护说明：如果身上没有灵猴守护则施放灵猴守护，有则使用猛禽一击      快捷键6：将此宏放在快捷栏6/script for i=1,16,1 do if (UnitBuff("player",i)~=nil) then if ( nd(UnitBuff("player",i),"Mon")~=nil) then CastSpellByName("猛禽一击(等级 6)");break;end end if(i==16) then CastSpellByName("灵猴守护");end end7.近身技能说明：（如果目标没有被摔拌则施放摔拌，有则猛禽一击+宠物攻击）+猫鼬撕咬   快捷键7：将此宏放在快捷栏7/施放 猫鼬撕咬(等级 3)/script local T; for i=0,15,1 do T=UnitDebuff("target", i); if (T and  nd (T,"Trip")) then break; end; end; if (T and  nd (T,"Trip")) then CastSpellByName("猛禽一击(等级 6)"); else CastSpellByName("摔绊(等级 2)"); PetAttack() end 8.智能钉刺说明：首先判断目标是否牧师/圣骑士，如果是则使用宏(9.吸魔钉刺),否则使用宏(10.毒蛇钉刺） 快捷键8：将此宏放在快捷栏8/script class = UnitClass("target"); if ( ( class == "牧师" ) or ( class == "圣骑士" ) ) then UseAction(9); else UseAction(10); end 9.吸魔钉刺说明：自动判断目标是否已有吸魔钉刺，如果有则宠物攻击，如果没有则加上 快捷键9：将此宏放在快捷栏9/script local T; for i=1,16,1 do T=UnitDebuff("target", i); if (T and  nd (T,"AimedShot")) then break; end; end; if (T and  nd (T,"AimedShot")) then PetAttack(); else CastSpellByName("蝰蛇钉刺(等级 2)"); end;10.毒蛇钉刺说明：自动判断目标是否已有毒蛇钉刺，如果有则宠物攻击，如果没有则加上 快捷键10：将此宏放在快捷栏10/script local T; for i=1,16,1 do T=UnitDebuff("target", i); if (T and  nd (T,"Quickshot")) then break; end; end; if (T and  nd (T,"Quickshot")) then PetAttack(); else CastSpellByName("毒蛇钉刺(等级 6)"); end; 11.跳放冰冻陷阱/爆炸陷阱说明：跳放陷阱不容易被察觉快捷键C/script U=UseAction Jump()/施放 冰冻陷阱(等级 2)12.找JY宠物说明：方便抓JY宠物，如果目标野兽在40码内就有显示目标头像/target 巨型火鸟/script if UnitExists("target") then Jump();end 13.假死陷阱说明：按一下是假死+宠物停止攻击收宠+清除目标，按第2下是冰冻陷阱。可以在15秒的毒蛇钉刺过后使用/script TargetLastEnemy()/script PetPassiveMode()/script PetFollow() /script ClearTarget()/施放 假死/施放 冰冻陷阱(等级 2)/script TargetLastEnemy()14.使用绷带说明：使用绷带后，不丢失目标。/script TargetUnit("Player");/use 厚魔纹绷带/script TargetLastEnemy(); /script PetDefensiveMode()绷带 请把宠物食放在从左向右数第二个包，第一行自左向右数第一格 /script UseContainerItem(3,1) /script TargetUnit("player")   1 选目标放标记 说明：SOLO可用，组队少用 代码： /script if (not UnitExists("target")) then TargetNearestEnemy();end /施放 猎人印记(等级 1) 2 假死： 说明：假死后当前目标不会消失，但假死刹那间则已经清除当前目标而提高成功率。因为使用中发现，假死后，当前目标消失的话，起来后还得重新选定目标，不太方便，故故作此改进 代码： /script PetFollow() /script ClearTarget() /施放 假死 /script TargetLastEnemy() 答疑： 第一行收回BB，一般情况下，BB也已经在挨打，或者在打怪，收回到身边有什么用吗？ 答：这个假死，是为了手动放陷阱。BB攻击敌人，则不能放陷阱。这是游戏规定的，放陷阱必须在非战斗状态。如果不收，BB设成被动模式，则挨打，顶怪，没办法。如果收回，则怪追BB打，BB跑得快，挨打就少了，当BB跑回身边，再过小会，8S差不多也过去了，放冰陷，然后治疗BB，或绷带。 3 驱散射击: 收宠驱散后，取消自动攻击状态，但当前目标冰变。因为使用中，经常一驱散后，宠也收了，可是自己立马又给我敌人一次攻击，把敌人打醒了，很不方便，故作此改进 /script PetFollow() /施放 驱散射击 /s 困惑4S!挨打解除 /script ClearTarget() /script TargetLastEnemy() 楼主~~为什么驱散的宏怎么不好用~~问题是使用以后宝宝是回来了~可是没有使用技能~~能帮忙解决吗？？？？？谢谢了！！！！ 答:驱散宏，我的写法是最常用的。当用驱散时，目标不受攻击的情况下，困惑4S，如果受攻击，则解除。我用驱散，主要是为了让敌困惑4S，以拉开距离或治疗BB或吃喝或绷带。所以，用本宏前，不要用毒箭，也不能让队友用痛苦之类的DOT。如果你非想再接着加技能，实现起来很简单，只要下面再加：/施放 毒蛇刺击(等级 1) 4 喂宠 宏1: 请把宠物食放在从左向右数第二个包，第一行自左向右数第二格 5个背包按照排列位置编号如下： [4][3][2][1][0]] 6格包的格子编号如下： _____[1][2] [3][4][5][6] 16格包的格子编号如下： [ 1][ 2][ 3][ 4] [ 5][ 6][ 7][ 8] [ 9][10][11][12] [13][14][15][16] /施放 喂食宠物 /script PickupContainerItem(3,2) 喂宠的宏是不是缺什么？我使用这个宏之前还必须使用喂养宠物这个技能，不然的话使用宏就直接把物品拿在手上了。 答：这个宏肯定可以用。我一直在用的。我放上来的宏全部是试验成功后才放的。至于你说的问题，可能是因为在战斗中你用了这个宏，或者对应格子里没有宠物愿意吃的食物。我自己也碰到过同样问题。只要重新把宏图标从/m中拖出到动作栏上，便可恢复正常。请放心使用。注意，如果宏正常，图标上有英文字的，是宏的名字。如果图标变成了普通的食物图标，则出错了，要重新拖一下。 宏2:(推荐！) 说明：改进的喂养宠物宏 作用：如果3,2有食物，自动喂食，如果没有，自动打开3号背包。按语句讲，还应该有战斗中宏无效的作用，但上机验证没有通过，不知何故，请大家指教。本人怀疑 Combat已经在CWOW1.62无效所致。 /script if (not  Combat) then if (not GetContainerItemLink(3, 2)) then OpenBag(3); else CastSpellByName("喂养宠物"); PickupContainerItem(3, 2); end end 5 绷带 请把宠物食放在从左向右数第二个包，第一行自左向右数第一格 /script UseContainerItem(3,1) /script TargetUnit("player") 6 协助 宏1: 前提：选中的当前目标为队友或自己 /script AssistUnit("target") /施放 猎人印记（等级 1) 宏2（推荐!) 感谢：二区月光林地小D：随风的丫头。在其帮助下，我在加基森边上，完成了本宏的测试 作用：自动协助第一个队友，比前一个版本的方便些。如果想协助第4个队友，请把"party1"必为"party4"。一般，我把战士设为协助对象。 /script AssistUnit("party1") /施放 猎人印记(等级 1) 6 解散/召唤宠物 /施放 解散宠物 /施放 召唤宠物 7 拉怪 (组队拉怪用。注意：先要选中一个敌人) /script if UnitExists("target") then SendChatMessage("&gt;&gt;"..UnitName("target").."[lvl "..UnitLevel("target").."]&lt;&lt;","say");end /施放 猎人印记(等级 1) 8 宠物攻击/追击 注意，4是指宠物技能共四个中的左边的第一个，我一般放“突进”，点击一下就用一次技能 /script PetAttack() /script CastPetAction(4) 9 鹰守/猴守切换 /script for i=1,16,1 do if (UnitBuff("player",i)~=nil) then if ( nd(UnitBuff("player",i),"Mon")~=nil) then CastSpellByName("雄鹰守护(等级 1)");break;end end if(i==16) then CastSpellByName("灵猴守护");end end 10 副本报告巡逻队来了(注意：先用鼠标指在视野内的怪身上，按该宏的快捷键即可） /script p="mouseover" /script if UnitExists("target") then if (UnitIsEnemy("player",p) ) then SendChatMessage("巡逻队&gt;&gt;"..UnitName("target").."[lvl "..UnitLevel("target").."]&lt;&lt;来了","say");end end 11 装死放冰冻陷阱 由于时间上的要求，一般没法一次性成功。所以一般不做这样的宏，也建议别用这样的宏。非要做的话，就这样吧。只不过要一直按键，一直到冰陷放出为止。 用本宏的建议:自己与怪拉开点距离，宠顶，自己枪打。当必要时，则按宏。一般来说，这样操作，都能成功。 /script PetFollow() /script ClearTarget() /施放 假死 /施放 冰冰陷阱(等级 1) 打人的时候再点就是不出假死,但是非战斗状态的时候点了就只放陷阱.也没有假死,晕... 答：首先，这个宏，只要你能手动放出假死并放出陷阱的话，这个宏也一定能成功。 其次，关于你的问题，我想解释一下。要放假死，如果不抵抗而且身上没有让你假死不了的敌方技能，无论你是否战斗中进行中，假死就能成功。在这种情况下，用我的宏，至少能成功假死。如果假死成功，必须要有8S不受攻击，也不攻击别人（包括宠物不攻击），才能放陷阱，一般来说，这时肯定能成功安放陷阱 。用宏的话，也一样能实现。你为什么不成功，原因：战斗中，如果宠物没设成被动模式，则不会成功，如果宠物受攻击，不攻击，是否影响假死后放陷阱，我不太清楚；后来，只出陷阱，不假死，我估计是你的假死冷却时间还没结束。 总之，这个宏，你只要手动能放出陷阱，宏也可以。 12 摔绊宏： 经使用效果的比较，发现下面的写法有效性高，而且动作帅得多 /施放 摔绊(等级 1) /script Jump() /script ToggleAutoRun() 13 报告自已坐标： 可以一定程度上代替插件的坐标显示功能，方便那些不用插件的朋友，现在可以凑合着找特定坐标的东西了。使用方法：鼠标放在视野内任何地方，按宏键 /script x, y = GetPlayerMapPosition("player");Msg="(x,y):(".. rmat("%d",x*100).." ,".. rmat("%d",y*100).." )", "say"); end 14 快捷寻找精英BB 当在刷新点附近转悠时，先把“断牙”改为BB的名字，不时按一下这个宏，如果BB在以玩家为圆心的半径至少41码（经验证，感觉应该更大）的圆形区域内刷新，则BB头像出现在屏幕左上玩家自己头像右边，且玩家会跳一下。试验时，我没骑马，成功了。如果骑马了，感觉也可行。由于本人爱好招BB，经常为了招个心仪的BB用几天时间，感觉在到处转悠寻找目标时，很不方便。于是想出这么个招，好使！嘿嘿！该招是在荒芜之地招38级JY红狼巴那布斯(Barnabus)时，大约是第5天，想到的，特此纪念，嘿嘿。可恨为什么猎人只能养三个宠啊!!痛苦!! /target 断牙 /script if UnitExists("target") then Jump();end 15 鹰守/豹守切换 /script for i=1,16,1 do if (UnitBuff("player",i)~=nil) then if ( nd(UnitBuff("player",i),"JungleTiger")~=nil) then CastSpellByName("雄鹰守护(等级 1)");break;end end if(i==16) then CastSpellByName("猎豹守护");end end 16 冰冻陷阱： 建议组队使用 /施放 冰冻陷阱(等级 1) /s 冰陷阱！别打冰住的怪，能冰10S！ 17 冰霜陷阱: 建议组队使用 /施放 冰霜陷阱 /s 霜陷阱！请在陷阱上顶怪，布衣开战2S后动手！ </t>
  </si>
  <si>
    <t xml:space="preserve">老品牌大亨果茶还能买到吗？ </t>
  </si>
  <si>
    <t>大亨果茶回来了！这个具有20多年历史，曾经在各地消费者餐桌上出现，伴随着几代人节庆家宴的大亨果茶这位久违的老朋友经过精心的准备，终于回来了！这一在中国饮料业市场第一个喊起“纯天然、无污染”的老牌饮料又将重回百姓生活，与大家共同再续“山楂之恋”。在接受记者采访时，天津大亨果茶公司相关负责人表示：“其实大亨在近年来的运营中，并没有弃消费者而去，虽然有一段时间曾经在消费者的视野里短暂消失过，但是我们一直在努力。在广大消费者数十年如一日的支持下，如今大亨果茶终于重回市场，大亨食品厂对消费者的厚爱深表感谢！”据了解，大亨通过多年的探索创新，除了果茶外还研发出了野生蓝莓汁、山楂茶等天然饮料，并且于今年8月在香港联交所上市。专家认为，这正是中国民族品牌与时代接轨的一个强有力的象征。</t>
  </si>
  <si>
    <t xml:space="preserve">邯郸的那些白癜风医院哪个好？ </t>
  </si>
  <si>
    <t>白癜风是一种易诊难治的皮肤疾病，得了白癜风更要及时治疗。发现皮肤部位出现白斑，就要重视起来，及时到正规医院确诊，尽早接受系统治疗，“早确诊，早治疗”。目前白癜风的治疗方案有很多，需要去正规专业治疗白癜风的医院对症治疗。希望对您有帮助，祝早日康复！首先要根据患者的病情，检测查明发病诱因及黑色素细胞缺失程度，进而根据检测结果制定最适合患者的治疗方案，从根源入手针对性治疗，是可以治愈白癜风的。建议白癜风患者及时到国家正规白癜风权威机构接受诊疗。希望对您有帮助，祝早日康复！只要患者坚持正规治疗，疾病被治愈的几率是非常大的。而疾病能否被彻底的治愈，关键还是看患者选择的医院，一家正规可靠的医院可以让患者早日摆脱疾病的困扰。</t>
  </si>
  <si>
    <t xml:space="preserve">5173上的骗子很多?怎么用5173买完美里的装备?我有银行卡, </t>
  </si>
  <si>
    <t>先去开通网上银行，至于怎么预防骗子嘛，主要看运气。不过，最好交易的时候另外创个新的游戏帐号用小号去交易，再通过邮寄的方式寄到大号上来。我经常这样买，就算有骗子使用完美的找回功能也没用，他封的是那个没用的小号，随便鄙视下游戏的里的败类</t>
  </si>
  <si>
    <t xml:space="preserve">《完美世界》客户端下载后为什么不能解压缩啊，总是卡在一个地方～～? </t>
  </si>
  <si>
    <t>有什么提示？你的winrar是不是最新版本？建议用最新版的winrar解压缩</t>
  </si>
  <si>
    <t xml:space="preserve">什么是诚信？？如题...为什么又怎么多人都不知道,所以问一问. </t>
  </si>
  <si>
    <t>不知道就是不知道~</t>
  </si>
  <si>
    <t xml:space="preserve">8场了，不知道能不能中，晒晒 </t>
  </si>
  <si>
    <t>已中奖，鉴定完毕.</t>
  </si>
  <si>
    <t xml:space="preserve">怎么样才能恢复美白？以前我很白很白（现在除了脸别的地方都白），不 </t>
  </si>
  <si>
    <t>嘻嘻｀这样子的情况很正常哦｀痘痘以后，皮肤变黑。但是很庆贺你也是不幸里的万幸。因为美白呢，要想天然的美白前提一定是生来是白的，否则真的要用到那些化学成分的漂白功效的东东才可以的！现在是夏季哦，你一定一定要注意绝对防晒，尤其是痘痘，绝对不可以叫他直接和阳光接触。否则那个痘疤真的是超级难以去掉的。然后，就是选择天然的美白产品，一下子就见效的一定不是天然产品的功效，不要心急，要持之以恒！一点一点的来啦。至于什麽牌子的什麽东东，看你自己的实际情况啦。不然，还是推荐一个吧，就是一个很平价的，AVON净白系列！看你自己的实际情况哦｀年龄啊什麽的！</t>
  </si>
  <si>
    <t xml:space="preserve">我不炒汇，也很外行，只是持有日元，现在日元兑人民币一直在跌，所以? </t>
  </si>
  <si>
    <t>下次请直接到外汇分类提问！！我是觉得日圆今年有机会！！</t>
  </si>
  <si>
    <t xml:space="preserve">他这么说是什么意思呢？我终于向喜欢的男生告白，但是他说：＂世俗生 </t>
  </si>
  <si>
    <t>爱一个人很多时候是感觉,不是得到.看了你写的关于你们.我觉得他是个好男人.每个人在做某件事和做某个决定的时候都可能有苦衷,不便跟他人说起.他的解释是怕伤害你,我想他是爱你的,至少是在乎你的.只是在世俗的世界里他可能还没准备好吧?如果你真心爱他.那就给他点时间吧!将来谁也不知道!或许,他还是不接受你.那就做个朋友吧!为什么一定要去强求呢?知己和恋人是同样珍贵的!默默看着你爱的人幸福何尝不是一种别样的幸福呢?我想你是个女孩.找个爱你的人生活会比找个你爱的人轻松些.女人应该天生让人宠的!不要太为难自己,学会放手!你会找到属于你的幸福的.祝福你</t>
  </si>
  <si>
    <t xml:space="preserve">我的木星跑205怎么跑不过冥王啊！我发现木星在过弯上很差啊！跑急 </t>
  </si>
  <si>
    <t>当然了，冥王的转弯也不是吃素的。在说直道也比木星快206所以你就不用在苦恼了练好技术在比过呵呵祝你游戏快乐。</t>
  </si>
  <si>
    <t xml:space="preserve">质数和合数两个质数之和一定是合数吗? </t>
  </si>
  <si>
    <t>质数定义：都有2个约数，都是1和它本身。例：2，3，5都是质数，但2+3=55也是质数两个质数之积一定是合数，而之和不是</t>
  </si>
  <si>
    <t xml:space="preserve">怎样在博客中加入视频？ </t>
  </si>
  <si>
    <t>如何在BLOG中添加视频第一步、登陆自己的博客第二步、点击发表文章选项第三步、点选显示源代码第四步、复制下面的代码到文章里面，注意用你选中的视频地址，替换代码中的视频链接地址。&lt;div align=left&gt;&lt;/div&gt;&lt;embed src=视频链接地址 width=200 height=186 type=audio/mpeg loop="false" autostart="false"&gt;　 设置和音乐一样"true"为自动播放,"false"为不自动播放，宽度width和高度height都可以自定义。 第五步、保存文章。第六步、发表文章显示成功。第七步、在首页会看到视频文章的效果。</t>
  </si>
  <si>
    <t xml:space="preserve">2012年新款女式太阳镜那款好看？今年有什么新款的太阳镜？推荐一 </t>
  </si>
  <si>
    <t>好看的女式太阳镜太多了，但各人的喜好和经济条件不一样，选择不尽相同。你去网上搜索 选择好了。</t>
  </si>
  <si>
    <t xml:space="preserve">一般都说斯利安孕前三个月开始再吃，那如果三个月还没有怀上呢。吃一? </t>
  </si>
  <si>
    <t>叶酸是一种B族维生素对于孕妇来说叶酸可以预防胎儿脑神经管畸形、先心病、兔唇等畸形，还可以预防巨幼红细胞性贫血另外叶酸还可以预防冠心病等慢性心血管病、预防老年痴呆症、妇科肿瘤、提高免疫力等所以任何人群都可以服用 只要你服用的叶酸总含量不超过1毫克，是不会有任何副作用的，放心吧</t>
  </si>
  <si>
    <t xml:space="preserve">再一次感受到绝杀的痛苦补时阶段第4分钟，耶达右路传球，孔蒂（卡利 </t>
  </si>
  <si>
    <t>错两场...还不错,下期加油!!</t>
  </si>
  <si>
    <t xml:space="preserve">没买过P3``但是今天有感觉！买了5倍！9265倍``不知道怎么 </t>
  </si>
  <si>
    <t>朋友那就好运了。</t>
  </si>
  <si>
    <t xml:space="preserve">这两把武器值多少军费？都是R1金牌满段，电4有人要嘛？ </t>
  </si>
  <si>
    <t>金牌满段好刻印较热门武器，表示网一25万-35万之间。</t>
  </si>
  <si>
    <t xml:space="preserve">毛主席故居（上屋场），朝向什么方向？ </t>
  </si>
  <si>
    <t>我告诉你吧 ，上屋场是座南朝北。</t>
  </si>
  <si>
    <t xml:space="preserve">古木枯，此木成柴 </t>
  </si>
  <si>
    <t>女子好，少女最妙</t>
  </si>
  <si>
    <t xml:space="preserve">抽烟和不抽烟的女人。你更喜欢哪个？想到什么说什么吧！~~~~~~ </t>
  </si>
  <si>
    <t>喜欢不吸烟的传统和文静，喜欢抽烟的潇洒和大方。</t>
  </si>
  <si>
    <t xml:space="preserve">忧郁症是一种什么病？ </t>
  </si>
  <si>
    <t>忧郁症，也被称为「心的感冒」，近年来，在高压力社会中，几乎已成为最流行的精神文明病，而世界卫生组织将其与癌症并列为下个世纪，最需要卫教预防，也最盛行的疾病之一。世界卫生组织等的研究表明，平均每一百人中就有三人患有忧郁症，其中因为忧郁症所带来的身体疾病，甚至自我毁灭的例子更是比比皆是。忧郁症是一种涉及生理、心理、情绪和思想的疾病。不仅影响正常的，也会影响人与人之间的感情和对事情的看法。忧郁症不同于暂时性的心情沮丧，如没有有效治疗，症状会持续数周、数月，乃至数年之久，其症状包括：(1) 感到悲伤和空虚。(2) 对各种活动提不起劲或兴趣。(3) 感觉没有价值或有罪恶感。(4) 没有食欲，体重减轻。(5) 失眠或嗜睡。(6) 容易疲劳。(7) 无法集中注意力。(8) 有死亡或自杀的念头。忧郁症病例并不一定同时符合上述的所有症状。成因：造成忧郁症的原因很多，如失去挚爱或遭受失败等；但是在很多病例中，大脑显像技术指出，忧郁症患者负责情绪、思考、睡眠、食欲和行为调节的中枢神经回路无法正常运作，而必要的神经传送素（沟通神经细胞的化学元素）亦失去平衡。一般认为血清素和正肾上腺素均扮演着导致忧郁症的关键角色。研究指出，这两种化学元素都会影响一个人的情绪。容易感到忧郁的原因可能是基因引起的，与心理因素和外在环境（如，失去挚爱或生活状态的重大改变）相互影响，心脏病、中风或癌症等疾病也可能引发忧郁症的症状。忧郁症并不专属任何特定人群，并有可能发生在任何人身上，不管是什么地区、国家或民族，都可能会有精神及行为失常的人。精神失常亦有可能出现在生命周期的任何时候，不管男女，贫富，乡村或城市，都有可能发生。关于精神失常易出现在工业化国家或富有的人中的观点是错误的。同样有些说法关于，在现代化步伐落后的农村生活中不易产生精神失常也是不正确的。</t>
  </si>
  <si>
    <t xml:space="preserve">电影院有24排座椅，每排有30个座位，共有650人去看电影，至少? </t>
  </si>
  <si>
    <t>设至少排数为X30X+(17+X/2)(24-X)≥65025-√141≤X≤25+√141,∴最小值为X=13</t>
  </si>
  <si>
    <t>开不了机按了开机键过后，那个绿灯亮了一下，但是经过1</t>
  </si>
  <si>
    <t>1、换块cmos电池，也就是的电池试试 。2、把内存拔下来用橡皮擦一下再插上。电脑不能开机——也就是不能正启动的现象与原因有很多，下面就举几个本人在工作中或是帮朋友搞机时经常碰到的几种现象来说明一些自己对这方面的看法。 1、电脑能正常打开电源，并进行coms自检，但就是不能启动操作系统。光标在黑屏上闪烁，有提示：“Press any key to restar computer.” 1）我碰到的这种情况解之道是检查软驱中是否有软盘。为什么要这样做呢，因为很多人的机子的coms设置首先从软盘启动，而驱中的软盘只是因为工作时一时疏忽而忘了取出的工作数据盘，并非系统启动盘，系统启动时找不到启动文件，当然启动不起来了。有好几次朋友匆匆忙忙打电话来请我去，都只是这个小小“难题”在作怪而已。 2）另一种情况是中了开机型病毒。当检查coms设置正确，其它设备工作正常后，你就应该想到是不是机子中毒了。解决方法当然是杀毒，有菜鸟问：机子都启动不了，怎么杀毒啊？怎么不行呢，在coms中把“boot first drive”设置从cd-rom 启动，保存设置，重启，把事先找好的带有杀毒软件的光盘塞入光驱，运行杀毒程序kill之。一般中毒的文件是 i, i， i等系统文件。重启电脑，电脑是不是正常启动了？我就碰到过这种情况n次了，都是这样搞定的。 2、有一些时间（半个小时以上）没用电脑，开始启动时计算机自动重新启动，有时会连续重起多次，然后就能正常登录，这时系统会提示刚刚从一个严重错误中恢复。 此后计算机就能够正常工作，即使连续工作几个小时也不会再出错。并且此时如果再次重新启动（甚至关机后重起）也完全正常。重新安装系统也是如此。 这个问题就比较大了，一般不是软件方面的原因，很有可能是硬件的故障。有些机子的配置不是很好，某个硬件尤其是主板性能、质量不是有保证的，在电脑启动时需要预热，否则会出现“断电”现象，使计算机重启。解决之道是采用更换部件法进行定位。如果你很自信的怀疑是主板在捣鬼，你可以关机10分钟后重启，如果问题依旧，可以为主板洗冤。 3、按下电源按钮毫无反应，连个屁也不会放一个。其它电器工作正常，说明供电正常。 1）检查连接电脑的电源线； 2）检查是否有无给电脑供电； 3）检查硬盘有无供电； 4）检查电源按钮的电源跳线是否正常； 5）检查主板是否供电，若无，8成是电脑的电源挂了； 4、开机黑屏 你有没有遇到过？一开机就什么也看不到，气不气人？ 1） 内存问题 内存是计算机中最重要的部件之一。系统在加电自检过程中，能够检测出内存和其他关键硬件是否存在和能否正常工作。如果有问题或不能正常工作，系统就会用喇叭报警。喇叭的声音不同，表示不同的故障。内存有故障，喇叭发出的声音是“嘀嘀”。 电到这种现象，你不妨打开机箱，把内存条取出，清除上面的灰尘，把插槽里的灰尘也清了，或是换个插槽插上。一般来说，就搞定了。 2） 显卡不能正常工作 如果显卡不能正常工作，计算机也会黑屏。但这时系统不会用小喇叭报警。 开机后，系统自检正常，小喇叭不报警。但屏幕上显示“No Sign a ls”。据此，初步判断是显卡有问题。将显卡卸下后，发现显卡上粘满了灰尘，先用刷子把显卡刷干净，再用橡皮把“金手指”打磨一遍。然后插上显卡，开机，正常进入系统。 这种问题，一般是由于时间长了，显卡的“金手指”部份因氧化而与插槽接触不良引起的。它的特征是系统自检正常，小喇叭不报警，显示器黑屏（比较老的显示器）或显示“No Sig－n a ls”（比较新的显示器）。处理这种故障的方法是检查显卡是否接触不良或插槽内是否有异物影响接触。 3）主板BIOS故障 我去年在弄我的电脑时，本来想在coms中把bios设置一番，好弄个密码开机，没想到一开机就黑屏，但喇叭不报警。通过检查，发现显卡没问题。又检查了其它几个东东，发现也很正常。百般无奈之下（当时我在乡下住，村子里没有别的电脑）干脆将电池卸下后又装上，再开机，系统显示正常，要求进行BIOS设置（主板放电法）。重新设定后，顺利进入晕倒师。如果你也遇到类似问题，也可以试一试主板放电法，说不定问题就在这儿。 为什么要这样做，我也不是很清楚，我当时是急了，采用了“置之死地而后生”的战略哦——其实是蛮干的。 5）开机不久后提示“The opearing loader was lost” 不用多说，你一定装了至少2个的操作系统，多重启动菜单丢了。解决办法参照我前面的文章：丢失了多重启动菜单…</t>
  </si>
  <si>
    <t xml:space="preserve">有没有近期去过大连森林动物园的朋友大连森林动物园有野外散养的吗? </t>
  </si>
  <si>
    <t>1.二期是散养的~2.两区通票 （含大象表演）  成人票  120 学生票 60 3.30元左右~4.也是30元~</t>
  </si>
  <si>
    <t xml:space="preserve">为什么会这样走路女儿一岁了，她学走路时是匆忙扑前来的，为什么会这 </t>
  </si>
  <si>
    <t>宝宝刚刚学走路时，首先身体平衡不能掌握好，所以容易前冲，同时，他的内心是希望挑战又有些恐惧，所以迫切希望找到依靠。不过很快就会好的。祝你的宝宝越走越好——现实的路和人生的路。</t>
  </si>
  <si>
    <t xml:space="preserve">我的车是桑塔钠2000型的车,想更换轮胎,应选择米其林哪种型号的? </t>
  </si>
  <si>
    <t>回答：您好桑塔纳2000的轮胎应该是195/60R14 86H这个规格，去米其林的驰加店更换肯定没问题，其服务的专业性在轮胎店中是一流的，轮胎质量绝对有保障。具体怎麽换得看你的轮胎的使用状况，如果都无法安全使用了，那就四个全换；如果有两个轮胎质量情况还较好，那就换两个。但必须保证同一轴上的左右两个轮胎的型号，品牌及花纹要完全一致，同时左右两个轮胎的磨损程度要相近，不能相差2毫米以上，否则会导致行驶的问题。</t>
  </si>
  <si>
    <t xml:space="preserve">冬天要怎样做才能不那么冷？ </t>
  </si>
  <si>
    <t>多吃一些含蛋白质和脂肪的食品，多做做运动提高自己的抗寒能力，多穿件衣服，注意头部的保暖，这样就会感觉不那么冷了。</t>
  </si>
  <si>
    <t xml:space="preserve">一吃酸奶就拉肚子什么毛病？ </t>
  </si>
  <si>
    <t>可能你的体质不适合喝酸奶，希望能帮到你不吸收吧，可能是不可以空腹吃的。如果能帮到你，请设为有用，谢谢吃酸奶在饭后1小时再吃。</t>
  </si>
  <si>
    <t xml:space="preserve">长春旅店停车费用多少？ </t>
  </si>
  <si>
    <t>住店不花钱停车</t>
  </si>
  <si>
    <t xml:space="preserve">一个２０岁的男人怎么打扮自己才性感？我要的是具体的内容，说具体的 </t>
  </si>
  <si>
    <t>20岁对男人来说,可称得上阳光般的年龄哦,183的身高,很不错的条件嘛,我觉得你要把你的阳光的形象表现出来,可以尽量穿得休闲一些.穿T-恤衫撒,或者在平时运动时穿球服撒!露出你的健康的体魄,保证你从此以后回头率百分之两百.对了,我觉得"性感"形容女人可能比较好一些,形容男人用"气度不凡"或者"魄力""干劲十足"可能好一些,因为男人可能在内涵方面更能征服女人</t>
  </si>
  <si>
    <t xml:space="preserve">Asongfor××的罗马音歌词滨崎步的 </t>
  </si>
  <si>
    <t>ASongfor :hinoyasuhik ;tanakanaideerainettehomeraretarishiteitayosonnakotobahitotsumonozonde'nakattadakarawakaranaifuriwoshiteitadoushitewaratterunodoushitesobaniirunodoushitehanarete'kunoneeoshieteitsukaratsuyokunattaitsukarayowasakanjitaitsumadematteirebawakariaeruhigakurumouhiganoborunesorosoroikanakyaitsumademoonajitokoroniwairarenaihitooshinjirukototteitsukaurakirarehanetsukerarerukototoonajitoomotteitayoanokorosonnachikaradokonimonakattakittoironnakotoshirisugite'taitsumotsuyoikodanetteiwaretsudsukete'tanakanaideerainettehomeraretarishiteitayosonnafuunimawarigaiebaiuhodoniwaraukotosaekutsuuninatte'tahitorikirideumaretehitorikirideikiteikukittosonnamainichigaatarimaetoomotte'ta</t>
  </si>
  <si>
    <t xml:space="preserve">请问将现有经济适用房转为商品房后，还能再购买经济适用房么 </t>
  </si>
  <si>
    <t>经济适用房定义：    经济适用房是指以微利价出售给广大中低收入家庭的商品房。它是具有社会保障性质的商品住宅，具有经济性和适用性的特点。经济性是指住宅价格相对于市场价格而言，是适中的，能够适应中低收入家庭的承受能力。购买经济适用房后五年内不得交易.申请经济适用房的条件:    具有本市城镇户口（含符合当地安置条件的军队人员）；无房或住房困难家庭（住房困难户是指人均住房建筑面积低于全市人均建筑面积60％的家庭或家庭住房建筑面积低于45平方米）；符合市政府确定的中低收入线标准（中低收入线标准由市政府每年公布，目前，中低收入线为家庭年收入不高于29800元）；市政府规定的其他条件。以上条件都需要符合才能申请经济适用房.一般来说,你这种情况是不能再申请经济适用房了1、因为你已经不是无房或住房困难家庭。2、已经申请过一套经济适用房的一般不会在批第二套。</t>
  </si>
  <si>
    <t xml:space="preserve">怀孕初期腹痛拉肚子是否正常怀孕初期晚上腹痛还会拉肚子，请问这是否 </t>
  </si>
  <si>
    <t>您好!不正常的,请问您是否吃错什么东西了?建议最好是到医院做个B超检查,了解胚胎的发育情况,祝您健康!</t>
  </si>
  <si>
    <t xml:space="preserve">※夏螟虫※支线任务任务已接,我马上接着去剑舞坪,却找不到梦璃和怀 </t>
  </si>
  <si>
    <t>晚上抓虫子白天在剑舞坪找梦璃和怀朔聊天</t>
  </si>
  <si>
    <t xml:space="preserve">请问公测后我的号子还有吗?公测后栓号子吗~不栓就好了~~但我的朋 </t>
  </si>
  <si>
    <t xml:space="preserve">    您好，从1月21日15时开始的终极内测所有数据都保留到公测阶段，谢谢。</t>
  </si>
  <si>
    <t xml:space="preserve">年夜饭总让人头疼，有没有什么创新菜谱可以学习下？想提前练习厨艺， </t>
  </si>
  <si>
    <t>做 菜 是 要 有 耐 心 的 ， 不 管 是 原 料 ， 还 是 菜 品 这 些 都 要 选 好 ， 最 近 买 的 荷 美 尔 培 根 ， 用 来 做 菜 ， 就 要 考 虑 到 培 根 煎 到 什 么 程 度 最 合 适 ， 因 为 培 根 其 实 就 是 腊 肉 ， 所 以 不 能 太 老 ， 出 点 油 就 可 以 了 ， 自 己 做 的 豌 豆 南 瓜 炒 培 根 味 道 就 老 好 吃 了 ， 选 的 是 小 金 瓜 ， 口 感 好 ， 老 公 也 喜 欢 ， 荷 美 尔 官 网 上 的 新 年 菜 谱 活 动 正 在 举 办 ， 上 面 有 很 多 创 新 菜 谱 的 烹 饪 方 法 ， 可 以 去 学 习 下 ， 还 有 年 货 卡 和 大 礼 包 等 奖 品 ， 让 自 己 提 高 一 下 也 不 错 。</t>
  </si>
  <si>
    <t xml:space="preserve">女人会一辈子记的得到她第一次的男人吗？前提为不是在她自愿的情况下 </t>
  </si>
  <si>
    <t>不会,除非那个男的令她得到了人生的第一次高潮</t>
  </si>
  <si>
    <t xml:space="preserve">我没次进游戏后一段时间就会自动退出，然后会出现几个错误文件，这是? </t>
  </si>
  <si>
    <t>这里涉及你安装的是否有错误的文件或是破损的文件，所以在进入界面上有一个文件完整性的验证，你可以验证一下，这虽然要花时间，但对安装的游戏软件有好处，稳定性高，还有，你要注意一下你的内存，如果你的内存或是虚拟内存不够，会造成系统资源不足造成死机或是退出；还有一种情况是，你的系统盘或是游戏安装的盘预留的硬盘空间不足，造成系统或是游戏在运行时因为这个原因而频繁退出或是死机，如果都是可以的，就要注意病毒问题</t>
  </si>
  <si>
    <t xml:space="preserve">国债如何购买，收益！我是在京外地人，无固定工作，想花二万买点国债 </t>
  </si>
  <si>
    <t>国债分有记账式与凭证式！两者有很大的区别！记账式债券是国家发行的一种可以在二级债券市场上进行抄买抄卖的一种债券，期限一般在5年-10年左右，固定的收益率在2%-4%左右。如债券的持有期为满期，国家将按购买时的面值进行兑付，并支付利息！而在这期间，客户可以按债券的市场价格进行买卖，以赚取差价！凭证式债券是国家发行的一种固定期限，固定利率的债券，与银行定期存款基本一样，区别就在于债券免收20%的利息税！如果你是年轻人，风险承受力较强，时间较富裕的！我建议你可以购买记账式国债，此类债券的收益高，但时间较长（如果按期支取的话）！但可利用投资周期进行投机。目前市场上的记账式债券的收益率一般都在4%以上！如果你想进行的是稳定的投资，我建议你可以购买凭证式国债！但此类国债的发行期由国家来定的，你想买时还不一定有卖。但明年第一季度肯定会有一期！如果觉得收益低的话，你可以试一下购买现金型！此类产品风险极低（从实际上说可以说是保本吧），收益较高（目前一般的年收益在3%左右），灵活性强（随时可以赎回，提前一天交易就可以了，基本上与活期的灵活性一样了）！！</t>
  </si>
  <si>
    <t xml:space="preserve">求关于太平洋战争的电影请大家推荐些经典的关于太平洋战争的电影，最 </t>
  </si>
  <si>
    <t>珍珠港风语者细红线父辈的旗帜</t>
  </si>
  <si>
    <t xml:space="preserve">游戏如何截图？怎么截图？ </t>
  </si>
  <si>
    <t>按print screen键（Prt Scr)出来打开画图（类似也行），粘贴上就行了。或者直接在游戏目录下找到截图文件夹。</t>
  </si>
  <si>
    <t xml:space="preserve">请问各位专家，降息是从今天开始执行吗？ </t>
  </si>
  <si>
    <t>不是的,今年只有加急的情况,没有降息.只是利息税税率从今日起由20%降为5%了.</t>
  </si>
  <si>
    <t xml:space="preserve">怎么进入游戏为什么总是这样啊?上次刚刚注册的好下次再上就显示说用 </t>
  </si>
  <si>
    <t>可能你注册后没有达到一定级别官方就清理掉了</t>
  </si>
  <si>
    <t xml:space="preserve">东方cj350听朋友说，东方cj上在卖荣威350？汽车也能在电视 </t>
  </si>
  <si>
    <t>恩，东方cj 电视购物节目上的确出现了荣威350的订购。我一直以为哪有这么多人在电视购物节目上买车，这么大件的东西。。。原来我错了，1秒钟卖出5辆荣威350，实在太牛叉了，那天我是真的打不进去电话，等了很久。打了4次，最后那次等了2分钟才打进去，我回家的时候已经晚了，最后已经订不到了，说什么活动结束了，靠，什么世道，我最后还得去4S和销售讨价还价。东方CJ上销售的是1.5AT迅达版的，加了真皮座椅和inkanet，成交价是9.97万，相比市场价自动挡携带inkaNet智能行车系统车型10.67万，便宜了1.6万，超优惠的！！</t>
  </si>
  <si>
    <t xml:space="preserve">06年桑塔纳300006年12月桑塔纳3000MT自动天窗版，3 </t>
  </si>
  <si>
    <t>此车目前在二手车市场上的交易价格大致在8.8万元左右。</t>
  </si>
  <si>
    <t xml:space="preserve">佣兵的特点佣兵为什么会没人选，他有什么优点有什么缺点？请高手和玩 </t>
  </si>
  <si>
    <t xml:space="preserve">  改版前的佣兵组个可以+血的职业打钱较快，长矛是正面全体攻击，引一群蓝色的怪刷还是不错的，在大规模战斗中也能发挥一定作用，可以同时攻击多个堵门的敌人  改版后打浅蓝色的怪基本就不掉钱了，打绿色以上的怪又抗不住，佣兵移动速度较慢，无魔法防御技能，单体攻击较低，越到后期组队越困难，因为后期组队打的怪都较强，基本都是一次引1个打，佣兵的全体攻击特点得不到发挥。  改版后打低级怪基本不掉钱，佣兵唯一的一点优势没有了，如果以后没有变动的话，佣兵这个职业估计会消失.</t>
  </si>
  <si>
    <t xml:space="preserve">有关油画的问题油画为什么不能用玻璃罩保存? </t>
  </si>
  <si>
    <t>一幅油画如何保存得当 作者: daifangdong   发表日期: 2006-05-30 23:14   复制链接 一幅油画如果保存得当，可数百年不变颜色，反之，则可能发生色层的龟裂、脱落和变色。那么，怎样保护你的油画免受损坏呢？ 一、可在画布背面薄薄地涂上两层预先溶解在松节油中的天然蜂蜡，能完全防止潮湿空气的浸入而造成损害。二、油画要避免阳光的长期直射，因为紫外线对色彩的破坏性很大，会造成褪色和变色。 三、储存油画的屋子要注意通风和防潮，尽可能离洗澡间、厨房远一些，注意防止灰尘、油烟对画布造成的损坏，房间内应保持一定的温度与湿度。受潮的画一定要慢慢阴干，切忌暴晒，否则画面容易脱落。四、油画切忌将两张画面对贴。避免气温升高使画面粘连，导致油彩脱落、画面受损。五、卷油画时要使画布朝里，画面朝外，外面卷一层纸筒，然后再用塑料布裹上，防止画裂。六、墙上挂的油画如果落上灰尘，可以用微湿的干净布轻轻地擦。如果油上面有油烟，可以用淡一点的肥皂水和清水轻轻地试着擦洗，然后迅速拿海绵把画面上的水吸干，再拿电风扇轻吹油画表面。如果遇到年代久、有龟裂的油画，一定要少用水，局部干擦即可。如果用专业的上光油为油画保养，在喷上光油之前，要用干净的布把画面擦干净。七、一般油画可以保存二三百年，但随着时间的推移，有些油画在几十年后就可能出现龟裂。如果品较多，可以把油画用塑料布包起来，放在木箱里，防止硬伤。总之，保存油画需要购藏者在实践中灵活掌握，不断总结，才能在油画收藏中做到游刃有余，乐在其中。</t>
  </si>
  <si>
    <t xml:space="preserve">该让他搬进来吗我想帮我朋友咨询一下，她和男朋友认识还不到一个月， </t>
  </si>
  <si>
    <t>不赞同让他搬进来。你上爱问咨询这个问题，说明你的心里是矛盾的！但是你要知道，你们才认识一个月而已。当然婚前同居本身就是不好，不是说认识的时间长短来定！你们都还彼此不够了解，你试想：他搬进来后，许多事情水到渠成的发生了。。。还有机会后悔吗？更何况，他心里可能会感激你帮了他。但在内心深处会不会觉得你是个随便的女孩子呢？建议你：让他找他的男性朋友同住，或者自己另租一间房！如果他不经济不是很宽裕的话，你可以适当地帮他一把！</t>
  </si>
  <si>
    <t xml:space="preserve">请问密码是怎么修改的？ </t>
  </si>
  <si>
    <t xml:space="preserve"> 左边的帐号管理中心  打上ID后 上面有修改密码 进行回答问题修改就可以了吧</t>
  </si>
  <si>
    <t xml:space="preserve">请问：电脑在每次启动或是打开以后就会出现一个对话框：标题是：16? </t>
  </si>
  <si>
    <t xml:space="preserve">可以将C:\WINDOWS\SYSTEM32\ctfmon.exe里面的“ctfmon.exe”删除即可。也可以下载windows清理助手进行清除： 下载网址：  下载安装后，首先升级到最新版本，打开软件，点击“系统扫描”，对扫描结果全选，如果软件提示你是否执行驱动清理，点击“是”，然后点击“执行清理”按钮，如果软件提示你是否“备份”，选择“是”（备份是为了防止发生清理错误，如果清理后系统没有发生异常，就删除备份），按提示进行操作即可。 </t>
  </si>
  <si>
    <t xml:space="preserve">为什么在我们班上女生成绩总是比男生好？每次不论是任何考试都是女生 </t>
  </si>
  <si>
    <t>这都是具有科学性的，开始都是女生比男生学习好，到后来就演变成男生比女生学习好，这跟男女生成长阶段不同有关</t>
  </si>
  <si>
    <t xml:space="preserve">中央财经大学和对外经济贸易大学哪个更好一些？就业还有名气方面～ </t>
  </si>
  <si>
    <t>两个学校在专业上各有千秋财经大学以财政\金融\会计\保险专业见长,而经贸大学以外语\外贸\涉外经济法见长.</t>
  </si>
  <si>
    <t xml:space="preserve">请问这游戏有插件没是不是像WOW一样有插件有的话在那下载 </t>
  </si>
  <si>
    <t>目前还没有，也许不久的将来会有吧</t>
  </si>
  <si>
    <t xml:space="preserve">怎样如何知道他所说的话是要编的？他是个很爱在背后说别人坏话的，有 </t>
  </si>
  <si>
    <t>眼睛是心灵的窗户</t>
  </si>
  <si>
    <t xml:space="preserve">人每天需要睡多少个小时？睡几个小时最好？知道的说说看，不知道的别 </t>
  </si>
  <si>
    <t>儿童一般需要的睡眠时间在十个小时左右。老年人的睡眠时间约需四、五个小时左右。成年人一般能保证有七至九个小时就足够了。当然，嗜睡的人除外。人的睡眠时间不是越长越好。而是只要能够保证大脑、身体的恢复时间就够了。睡的时间长了反而会头痛、浑身酸软无力 。以自己的感觉罢 ，你自己认为你的睡眠能使自己在工作 、生活当中精神饱满、精力充沛 ，那就是休息好了 ！</t>
  </si>
  <si>
    <t xml:space="preserve">朝鲜最近的动作引起国际社会的不小的骚动,,各种指责纷纷指向朝鲜,? </t>
  </si>
  <si>
    <t>小国无外交，世界本来就不平等，大国是不希望小国们都能武装到牙齿。朝鲜想有长程导弹别说美国不答应，中国也要反对才是。其实道理很简单，你拿着棍子干人的时候是不是希望对方有本事拿着把刀子等着你，我想你希望他还是老实被你教训，不反抗不是，就算他哪天吃了大力神了，发了疯了，有胆子单挑你了，你也让他得赤手空拳跟拿了大棒子的你干不是。国家利益随时变化，今天是朋友明天可能是敌人，我们50-70年代积极支持兄弟的越南的时候，可曾想过转眼就打个十年。朝鲜和韩国的民族主义倾向很值得我们注意，不是危言耸听，和中国有战争的可能。朝鲜能把核弹打到北京了，一帮天真的“孩子”还在大声的叫：射的好。如果我们指望朝鲜拿它光去射日本，那就错了，当年斯大林就是这么想的，想着让纳粹打英法，和他签定友好条约，结果呢。朝鲜说了导弹只打日本了吗？有天转过头来打到我们的头上怎么办？还是邓大人讲的：小朋友不听话了，要打屁股。朝鲜还是至于一个我们能够控制的环境比较好。</t>
  </si>
  <si>
    <t xml:space="preserve">我以前是打内线的，现在想打后卫有什么教人打控球后卫的视频 </t>
  </si>
  <si>
    <t>看视频帮助不大，个人感觉。控球后卫多加强手指的感觉和开阔视野，控球和组织最重要。需要你有那个意识。多看看nba比赛就知道了</t>
  </si>
  <si>
    <t xml:space="preserve">各位去过丽江的小伙伴们，有没有好的经验给介绍一下？包括吃住路线等? </t>
  </si>
  <si>
    <t>丽江的话，最好是信步游玩。慢是主调的旅行。希望我的回答对你有帮助，可以点击右下方“有用”哦，谢谢!去沱江鱼府(丽江精品店)吃，去丽江橡树缘连锁客栈住，如果能帮到你，麻烦点击“有用”，谢谢！大研古镇、木府、玉龙雪山、黑龙潭公园、束河古镇、玉水寨、千龟山、虎跳峡、香格里拉、泸沽湖。吃的最好不好在丽江古城里面吃，价钱贵，也不是很好吃。吃饭可以在花马街或者到七星街吃，也可以再南门这边吃土鸡火锅，丽江腊排骨就到象山市场那边吃比较好。 住宿推荐丽江古城客栈、旅游推荐丽江金沙旅游http://lvyou.baidu.com/lijiang/  介绍个攻略</t>
  </si>
  <si>
    <t xml:space="preserve">帮忙！！1比如说我在电脑下载了一些影碟，可是我又不想在电脑上看， </t>
  </si>
  <si>
    <t>这样你要买个刻录机，可以买CD的也可以买DVD的，按照你的用处买一个装了就可以刻成光盘！并不是想U盘一样可以复制的！</t>
  </si>
  <si>
    <t xml:space="preserve">GM4转任务接不了，望尽快解决！我到80级都半月了，做了4转1/ </t>
  </si>
  <si>
    <t>我的也是，转职都转不了 的任务都做不了 接了之后找NPC对话之后还是要你找NPC对话， 而且下线再上来任务都不见了，又要重接了，我发现接了任务接着点开NPC还可以反复继续接已经接了的任务。反常 80级的转职任务接了之后还可以在其他NPC接到相同的80级（1/5）任务，下线再上线任务同样不见，但是府主的介绍状还在任务栏， 搞到我现在任务栏都有几张府主的介绍状了 郁闷死了，现在还在等，还是未解决状态</t>
  </si>
  <si>
    <t xml:space="preserve">做近视眼手术好吗？会不会反弹或有什么后遗症？我准备做近视眼手术， </t>
  </si>
  <si>
    <t>做手术不好，本人不赞成进行手术。做手术不会反弹，但如继续大量近用眼近视还会加重，即便手术本身无问题，但远期疗效也不能肯定。详情请看下面论述：1、手术治疗近视，从降低屈光度的角度看十分可靠，但并非所有患者都可以做手术，如角膜偏薄的患者、低度患者、超高度患者以及其他有某种疾病及不能进行手术的患者。2、手术就是在角膜上动刀手术后很难痊愈。有报道，某手术患者十年后一次偶然的碰撞造成眼球破裂（解膜）（这在下面提供的网址上可以找到。3、手术后如果继续近距离用眼仍会反弹，近视仍会加重,你这种情况也很容易再患或加深近视。4、如果你进行手术，手术本身失明的概率很小，但会面临并发症的危险，去年有报道有900度的患者做了激光手术仍发生了视网膜脱离。5、关于手术风险可看看下面论述：本人认为手术风险峰很大不建议进行手术治疗：手术的风险有两方面，一是系统性风险，二是技术性风险。所谓系统风险，即在理论上出现的手术风险，是手术理论不完善导致的风险。主要问题是人眼球的屈光度是不断变化的，如果大量看近你的度数还会增加,做手术又患近视；当摘掉眼镜后，如用眼减少，眼的屈光度又会降低，形成老视。这些问题在短期内看不出来，但在二十年三十年甚至更长时间后就会非常明显，本人认为这是英国叫停近视眼手术的主要原因。事实证明，很多当时成功的手术患者出现了老视，有一部分又患近视。同仁医院的一个说法是有25%的手术患者有了问题（以后可能更多）。这在去年的同仁医院眼科在线上有，本人记不清是那一期了（在   上相关链接栏有）系统风险，某患者做手术非常成功，但存在一些不确定因素：1）因不断用眼又患近视2）因长期不再看近，结果出现老视，远远早于正常人。3）手术并不能预防近视眼并发症，少数患者又患视网膜脱离等并发症，但因做了手术，不能再降低度数，影响了非手术方式的治疗。近年来对近视眼治疗争议最大的要数角膜激光手术。英国《星期日泰晤士报》报道“由于担心患者的长期安全，政府医疗监督部门正在阻止国家医疗服务系统进行眼部激光手术”。有些报道说我国的手术水平高，简直不自量力，说中国医生比英国芊生水平高，这可能吗？——“长期安全”，据我的理解不是手术本身的安全，而是系统安全。 不可预测的系统风险，如角膜被切削后出现疤痕因受碰撞等原因导致眼睛破裂圆锥角膜等也应属于这种风险。关于技术风险：所谓技术风险是指手术操作或仪器治疗过程中存在的风险，应当说，随着治疗仪器的逐步改进这类风险已逐步减小。此外,大医院和手术经验丰富的医生出现这类风险的概率要小。　　综上所述，手术风险很大,建议不要进行手术。此外，非手术疗法也逐渐丰富起来，效果越来越好，不久有望成为治疗真性近视的首</t>
  </si>
  <si>
    <t xml:space="preserve">爱上哥哥怎么办?我爱上了学长,两年.可是我只争取到妹妹的位子.我 </t>
  </si>
  <si>
    <t>大胆的去追求吧！幸福不是等来的！</t>
  </si>
  <si>
    <t xml:space="preserve">一切向前看打一成语 </t>
  </si>
  <si>
    <t>义无返顾</t>
  </si>
  <si>
    <t xml:space="preserve">全家的健康心理很重要全家一起健康才能永远健康。全家中有一个不健康 </t>
  </si>
  <si>
    <t>应该说你的父母和姐姐能有你这样的亲人是幸运的，他们也是幸福的。毕竟他是你的姐姐，我感觉你还是稍微照顾一下。</t>
  </si>
  <si>
    <t xml:space="preserve">X4和X7的比较 </t>
  </si>
  <si>
    <t xml:space="preserve">首先X7得自身攻击力肯定比X4得 高好多，然后你用X7了自身职业得攻击力也高很多了啊，所以X4和X7合同样得石头会打得多得多，也不排除X7有隐藏属性，还没有去研究 ：） </t>
  </si>
  <si>
    <t xml:space="preserve">包皮问题，我这样需要手术吗？我19岁，发育比常人晚一点，我怕自己 </t>
  </si>
  <si>
    <t xml:space="preserve"> 阴茎的皮肤很薄，而且可以移动。在阴茎前端，皮肤皱成双层，覆盖在龟头上。这遮盖着龟头的皮肤，称为包皮。在正常情况下，7岁以前的孩童，包皮较长，能完全包住龟头，随着发育，阴茎增大，变长，包皮就遮盖不住龟头，而使龟头露了出来。但在一部分成年人中，包皮仍完全遮盖着。即使在阴茎充分勃起时，仍不能完全暴露出龟头，这就叫包皮过长；如果包皮口过小、过紧，不能向上翻转和暴露出龟头，就称为包茎。不论是包茎，还是包皮过长，由于包皮长期包着龟头，包皮内温度、湿度增高，易于细菌生长繁殖而发生炎症，久之，可形成包皮和龟头粘连，可引起性交疼痛。另外，包皮皮脂腺还分泌一种奇臭的物质，叫包皮垢。在包皮过长特别是包茎的情况下，这种包皮垢很难清除。动物实验研究已证明：包皮垢具有致癌作用。临床资料也证明：包皮过长，特别是包茎患者，阴茎癌的发病率高。所以，包皮过长而又不愿手术的同志，要经常翻转包皮清洗包皮垢，这是很重要的。据临床实践观察，一部分包皮过长的患者，其外皮并不过长，只是难于适应第三龟头和内裤磨擦的不适感，而不愿把包皮翻上去。建议还是要把包皮翻至冠状沟处，让龟头暴露出来，那种不适感很快就会消失了。　　从胚胎学上讲，包茎先天发生者很少，主要是后天局部炎症造成的。所以，从孩童起，家长经常帮助他们翻转包皮，清除包皮垢，就可能预防包茎的发生。对成年已发生的包茎和包皮过长，还是及早手术为妥。对7岁以前儿童的包皮过长表现，因其阴茎淌未发育，不一定是过长，不需手术，只需经常帮助翻转包皮，进行清洗就行。 </t>
  </si>
  <si>
    <t xml:space="preserve">我梦见自己怀孕了，是好是坏 </t>
  </si>
  <si>
    <t>是好事，说明有好运孕育。 新年快乐！请给我一个好评哦，谢谢！</t>
  </si>
  <si>
    <t xml:space="preserve">幽幽们，哪天你检到了一百元钱，你当时会有什么想法？要新颖哈～ </t>
  </si>
  <si>
    <t>我在马路边捡到一百元,把它藏在手里不让警察叔叔看见,手里拿着钱,就要变神仙,我开心地说了声失主BYEBYE</t>
  </si>
  <si>
    <t xml:space="preserve">如何用电脑对照片进行修里 </t>
  </si>
  <si>
    <t>■安装一款图片处理软件，然后熟练地使用。■常见图片处理软件有1.Photoshop：它是图片处理的专业软件，功能强大，几乎没有它干不了的活。但是新手不容易掌握，非数月功夫才可以学会的。2.光影魔术手：适合初学者，功能简单，容易上手。3.ACDSee：是目前最流行的数字图象处理软件，但是它的强项是“看图”。4.其他“傻瓜”类图片处理软件：功能单一，适合针对图片进行单一处理。</t>
  </si>
  <si>
    <t xml:space="preserve">新装修的房子有油漆味怎么办？新装修的房子有油漆味,开窗户好几个月 </t>
  </si>
  <si>
    <t xml:space="preserve">.保持自然通风2.室内放置植物，如吊兰，芦荟等（建议使用芦荟）3.使用市场上的甲醛吸附剂4.如有异味，可适当放置菠萝皮及洋葱皮吸味。5.少使用明火以增加室内温度等的物件6.夜晚保持窗户少量通风7.防止室内人感冒，否则会对身体有长足损害8.可放置一块固本肥皂于暗处，会吸味。9.勿在室内健身及从事大体力工作。银子够用的话，可以买市场上带消除甲醛等气体的空气净化器。 属于本人以前的回答了，就是照样搬过来一个设计师建议。 </t>
  </si>
  <si>
    <t xml:space="preserve">苏州哪里拍婚纱照比较好？苏州有名的婚纱摄影是哪家？ </t>
  </si>
  <si>
    <t>推荐兰蔻婚纱摄影工作室。婚期将之，拍婚纱照自然必不可少，然而听很多新人说起拍婚纱照的经历都是有喜有忧，我自然也开始为拍摄满意的婚纱照而四处留意。由于很多朋友反映流行到摄影工作室拍摄，我在网上浏览过很多摄影工作室,也去过少少摄影工作室实地考察,最后感觉还是苏州兰蔻摄影工作室给我的印象最深，这里的人都很热情,服务特别好,价格也不贵,还没有后期消费,拍完后给朋友看,朋友都说拍得真好 。</t>
  </si>
  <si>
    <t xml:space="preserve">求封面，谢谢了那位给俺整个封面呀，作品叫《如蓝惆怅》情感随笔的。 </t>
  </si>
  <si>
    <t>JPG格式，封面已完成。如需要修改，请到个人中心留言</t>
  </si>
  <si>
    <t xml:space="preserve">关于英语的问题1.She___hermomenttocrosst </t>
  </si>
  <si>
    <t>1.She___her moment to cross the road. A.watched B.saw C.caught D.held 正确答案：C.caughtcatch moment 意为“不失时机”、“及时”。2.Don't be ruled by your passion.意为：不要被自己的情感所左右.（即要理智）3.He received a letter from his wife announcing that she had had a baby.(他收到一封妻子的来信,说她已经怀孕了) 翻译对吗? 答：对。</t>
  </si>
  <si>
    <t xml:space="preserve">怎么是线导鱼雷？鱼雷都有哪些种类？看到很多报导说线导鱼雷很先进， </t>
  </si>
  <si>
    <t xml:space="preserve">   雷是一种具备自我行走能力，在接近水面或者是水面以下航行，用以攻击水面或者是水底目标的一种武器。鱼雷可以由潜艇、军舰、直升机或者是固定翼飞机等载具上面发射。在第二次世界大战中期以前的鱼雷不具备导引功能。在发射之前需要先设定鱼雷航行的方向与深度，发射之后鱼雷会持续前进直到受到物体影响而引爆或者是动力来源用进而沉没。现代的鱼雷都有自我导引与追踪目标的能力，准确度和杀伤力比二次大战时期的前辈不可同日而语。现代鱼雷的构造从前往后大致上可以区分为：寻标头，用以侦测和追踪目标。 弹头。 动力段，包括内燃机与电池动力的供应多设置在这一区。 导线段，如果是线导鱼雷，会有大量的导线缠绕储存在这一区。 推进段，这是将动力来源转换为推进鱼雷前进的能力。大多数的鱼雷使用的还是螺旋桨的设计。线导鱼雷:    由发射台通过导线传输指令控制导向目标的鱼雷。通常由潜艇和水面舰艇发射，也可由反潜直升机发射，用以攻击潜艇和水面舰船。线导鱼雷航速为35～60节，最大航程达4.6万米。线导鱼雷发射后，鱼雷通过导线向发射台传回自身的状态、位置、目标的方位、距离等信息，发射台根据鱼雷返回的信息发出遥控指令操纵鱼雷攻击目标。线导鱼雷的主要特点是由于导线传输指令，因而具有较好的抗干扰能力。中国鱼雷:   鱼五型：中国海军第一种自制热动力声线联导反潜鱼雷，代号为YU-5。目前，该型鱼雷装备在中国海军最新型039型柴电潜艇上。80年代中期，中国决定研制大型线导反潜鱼雷，作为039型新一代柴电潜艇的配套武器装备。在设计上，要求采用大功率，远航程的OTTO热动力系统，导引则是中途线导，末段主被动联合声导的混合模式。在研制过程中，据信运用了许多美国和日本的科技。1990年初中国宣布成功地测试了一种新式大型鱼雷，应是鱼五型的初步研制成功。鱼五型的研制成功，对于中国鱼雷武器的发展具有极为重要的意义。在技术上，鱼五型是中国海军柴电潜艇装备的第一种反潜鱼雷。它的研制成功显示了中国鱼雷在热能源动力技术放面的突破，将会大幅度提高中国海军的反潜作战能力。过去，中国海军仅配备一种可供潜艇使用的反潜鱼雷，即鱼三型。但这种鱼三型鱼雷只能配备在夏级和汉级核潜艇上，柴电潜艇无法使用。因此，中国海军庞大的柴电潜艇部队，事实上只配备有反舰鱼雷而没有反潜鱼雷。也就是说，这些柴电潜艇只能进行反舰作战而不能进行反潜作战。由此看来，鱼五型的研制成功，是中国海军常规潜艇第一次具备了反潜作战能力。 </t>
  </si>
  <si>
    <t xml:space="preserve">请问各位高手仙3里的景天为什么不能学&lt;雷&gt;系法术?请问各位高手仙 </t>
  </si>
  <si>
    <t xml:space="preserve">      仙剑是讲究五行相生相克的，景天属风系，而雷是克风的，所以不能学啊。</t>
  </si>
  <si>
    <t xml:space="preserve">一道常识题甲公司向乙公司发出采购50台电脑的要约，乙公司于3月1 </t>
  </si>
  <si>
    <t>A  因为三月一日乙公司已经承诺了</t>
  </si>
  <si>
    <t xml:space="preserve">关于UI插件修改oCB施法条美化官方最新版[ACE2]这个怎么改 </t>
  </si>
  <si>
    <t>那个都行啊大脚  精灵  小强  月光.如果这些都不行要单身的话就去 下</t>
  </si>
  <si>
    <t xml:space="preserve">石家庄哪家地板经济实惠质量好？各位大神救命啊，小弟装修预算超支了 </t>
  </si>
  <si>
    <t>现在大自然地板在搞活动，优惠让利，活动力度不小，强化地板49块钱每平米起价，推荐你去看看。他们怀特装饰城和红星美凯龙方北店都有店面，都在搞活动。你要是住裕华区的话就好办了，去哪儿都近，差不多一上午就能搞定。我姨夫前天去他们店抽奖来着，抽了个大礼包。你要是去那里买的话我祝你好运，呵呵。</t>
  </si>
  <si>
    <t xml:space="preserve">受骗人我在中绿黑传销网站上以wangsir_这个用户名诉说了我的 </t>
  </si>
  <si>
    <t>有没有机会就看你用什么证据证明他们确实是拿了你的钱了。如果说能证明确实拿了，他们不仅要一分不少地还给你，还有可能受处分；可你要是拿不出证据，他们又不承认，这事儿就不好办了。不过，我觉得应该能找到证据，因为你们是两个人啊，那个人可以给你作证。另外，到银行调取当天的取款记录可以证明是取出多少钱，而与你打的收条的不符，这也是证据啊。建议向其上级机关和检察院举报。</t>
  </si>
  <si>
    <t xml:space="preserve">打倒资本家我去年从大专毕业一直没找到工作，今年好不容易通过家里人 </t>
  </si>
  <si>
    <t>您好，关于您的问题，答复如下，以供参考：1.  这是一个关于劳动合同的签订以及试用期的问题。2.  根据《劳动合同法》第七条规定：用人单位自用工之日起即与劳动者建立劳动关系。用人单位应当建立职工名册备查。所以，即使用人单位未与您签合同也不妨碍您自用工之日起成为用人单位的员工。而且，针对用人单位不与您签劳动合同的情形，《劳动合同法》第十条规定：建立劳动关系，应当订立书面劳动合同。已建立劳动关系，未同时订立书面劳动合同的，应当自用工之日起一个月内订立书面劳动合同。第八十二条第一款规定：用人单位自用工之日起超过一个月不满一年未与劳动者订立书面劳动合同的，应当向劳动者每月支付二倍的工资。由于用人单位为及时与您订立劳动合同，应当按照规定承担相应的责任。3.  关于试用期问题，《劳动合同法》第十九条规定：劳动合同期限三个月以上不满一年的，试用期不得超过一个月；劳动合同期限一年以上不满三年的，试用期不得超过二个月；三年以上固定期限和无固定期限的劳动合同，试用期不得超过六个月。同一用人单位与同一劳动者只能约定一次试用期。以完成一定工作任务为期限的劳动合同或者劳动合同期限不满三个月的，不得约定试用期。试用期包含在劳动合同期限内。劳动合同仅约定试用期的，试用期不成立，该期限为劳动合同期限。第二十条：劳动者在试用期的工资不得低于本单位相同岗位最低档工资或者劳动合同约定工资的百分之八十，并不得低于用人单位所在地的最低工资标准。第八十三条规定：用人单位违反本法规定与劳动者约定试用期的，由劳动行政部门责令改正；违法约定的试用期已经履行的，由用人单位以劳动者试用期满月工资为标准，按已经履行的超过法定试用期的期间向劳动者支付赔偿金。根据以上法条，由于用人单位与您约定的试用期为三个月，所以你们之间的劳动合同期限应当为三年以上固定期限或是无固定期限。而且三个月的试用期已过，用人单位未以您不符合录用条件与您解除关系，表明你符合用人单位的条件已成为正式员工，所以您应当获得按照合同所约定的正式员工的工资。如果用人单位未按约定给付工资，则应当依法支付赔偿金。4.  在此，我们建议您进一步与用人单位协商，并做好证据的收集与保存工作，以便更好的保护自己的合法权益。</t>
  </si>
  <si>
    <t xml:space="preserve">玉的好坏长时间佩玉带对人体有好处。如果要买玉佩带的话是不是要买质 </t>
  </si>
  <si>
    <t>现代研究表明：玉含有对人体有益的元素，经常佩戴和使用玉器（如玉镯、项链、戒指、玉席、玉枕等），由于摩擦皮肤与穴位等作用，对经络血脉皮肤等有多种好处，起到防病治病效果，故将玉器作为护身符，是非常有益的。 玉乃稀世之宝，玉石含有人体所需的硒、锌、镍、钴、锰、镁、钙等30多种对人体有益的微量元素，这些元素散发的启动波和人体细胞的启动波是同一种波动状态，人体细胞随着从玉石散发出的波动产生共鸣和共振，使人体细胞组织更具活力，并促进血液循坏、增强新陈代谢、及进排除体内废物。其中占40％的镁元素是形成叶绿素的主要成分之一，镁元素也存在人体细胞中。玉能使生活饮用水和自然水变成活性水，帮助人体提高免疫力。 玉对人体的医疗健身作用很早就补人类所发现。我国著名的中医药巨著《神农本草》、《唐本草》、《本草纲目》中都有过著述。《本草纲目—金石部第八卷》中记载，玉具有：“除胃中热、喘急烦懑、滋毛发、滋养五脏、柔筋强骨、止渴、润心肺、助声喉、安魂魄、利血脉、明耳目”等疗效。根据玉对人体的保健功能，运用传统中医经典理论结合现代科技手段，创新研制的玉枕、玉鞋、玉手球、玉项链、玉座垫、靠背和通过ISO9002国际体系认证的保键玉石床垫，补公认是举世公享、造福人类、具有“世界意义”的发明创造。它的保健机理是： 任何一种物质所能发射和吸收的电磁波的波长都是相等的，人体能发射和吸收的红外电磁波的波长一般在8-10μm，波峰在9.4μm处。光谱测量分析表明：岫岩玉的特殊分子结构使其发射人体能很好吸收的红外线电磁波（如图所示）。波长刚好在8-10μm的范围内，波峰在9.9μm处。这种作用通常叫做共振吸收，或叫做偏匹配吸收。这种叫磁波能产生极好的生物作用，即改善循环，剌激再生，酶活性提高，生理功能恢复，加强细胞吞噬功能和抗体的生成。 但佩带假玉对身体有害。 有关专家提醒人们，购买玉石一定要谨慎，选不好还会影响健康。 国家首饰质量监督检验中心的高级工程师王春生认为，玉一般分为A、B、C三种货，A货是指原石原色的玉，是不经化学处理的玉器，价格较高。B货是经化学漂白再充填树脂的玉器，价格较便宜。C货玉色较差，加温至110摄氏度时放在铬盐溶液中浸泡一二天，使铬盐渗透进玉料裂缝中达到染色效果，初看时晶莹剔透，一二年后就会褪色，此玉价廉物美，但没有收藏价值。现在市场上多见的是B+C货，以B货和C货同步结合加工而成。 王春生说，A货是天然玉石，其构成元素较为固定，一般对人体无害；B货中的树脂不遇外力作用，一般也不会有太大的危害；B+C或C货染色后其酸溶液在褪色后有可能会对体皮肤有损害，因为有些商人可能用氢氟酸、硝酸、硫酸、盐酸等强酸来仿冒玉的古旧沁色，然后在假古玉的表面涂上一层地板漆、水晶漆或环氧树脂等。 北京朝阳医院职业病中毒医学科主任郝凤桐认为，树脂类物质与强酸在一起作用，很可能会产生刺激性，人体接触后会患接触性皮炎，出现红肿、刺痛、瘙痒和脱皮等病征。皮肤较为敏感的人最有可能出现症状。 两位专家都建议，为了健康和安全，最好戴不经化学处理的天然玉石。</t>
  </si>
  <si>
    <t xml:space="preserve">组队我怎么东西比别人拿的少为什么？奶妈为什么随机比别人东西拿的比 </t>
  </si>
  <si>
    <t>1.可能你等及不够高吧,随机的话,等及高的玩家的可能被分配的东西多一点(一个毕业ms的心得)2.有可能话你不去拣东西,因为如果是你拿东西的话大半都会给随机分配到别人手里.记得一次组了3人小团东西都是我拣,几个小时下来东西掉了无数可我只拿到可怜的2个树枝,后来换别人拣东西,果然有效!</t>
  </si>
  <si>
    <t xml:space="preserve">发好孕棒了，说说我艰辛的怀孕历程！终于轮到我发好孕棒了，历时一年 </t>
  </si>
  <si>
    <t>接第一棒啦，下个发棒的就是我祝孕期快乐，母子平安！</t>
  </si>
  <si>
    <t xml:space="preserve">anymore的用法?anymore(不再)该怎样造句呢?句子中 </t>
  </si>
  <si>
    <t xml:space="preserve">    很遗憾例5是错的!     Will the new plan be [any (more acceptae) ]than its predecessors?   是一个比较句.acceptable是多音节形容词,要用more修饰作比较级.所以any more在这个句子里不是作为词组使用. 现在我对上面的句子作肯定/否定回答你就会明白.Yes/No,the plan is/isn't more acceptable than its predecessors.    any more=no longer  不再,已不    1.any more要用否定词.而no longer 不用.      2.any more位于句末,而no longer位于句中.例(1)She is not my friend any more = She is no longer my friend.      她不再是我的朋友.例(2)He does not live there any more = He no longer lives there .      他已不住在这里.</t>
  </si>
  <si>
    <t xml:space="preserve">用什么软件录制视频比较好？？？ </t>
  </si>
  <si>
    <t>录制用frapsFraps这是一款屏幕录像软件，同平常我们拍摄的DV不太一样的是这个软件只能录取你自己屏幕上的画面，但是清晰度非常的高，其原理类似于用极快的速度在屏幕上进行截图合并成视频的过程。 编辑可以用Vegas或绘声绘影  绘声绘影容易上手,适合新手 而Vegas功能更强大。</t>
  </si>
  <si>
    <t xml:space="preserve">2008年大连中考14中录取分数线 </t>
  </si>
  <si>
    <t>现在还没有,不过你可以上网查一查这个学校近三年的录取分数线,然后取其平均数作为参考分数线基本上就差不多.</t>
  </si>
  <si>
    <t xml:space="preserve">碎片整理时遇到的问题,请高手帮忙!谢谢!XP系统,磁盘碎片整理时 </t>
  </si>
  <si>
    <t>这是因为进行磁盘碎片整理遇到磁盘错误，让你先检测磁盘，然后再进行碎片整理。右键单击你要整理的磁盘盘符－－属性－－工具－－在“查错”栏点击“开始检查”按钮，弹出窗口，勾选“自动修复系统文件错误”，点击“开始”，弹出窗口，点击“是（Y）”，然后重启电脑，启动过程中会自动检测并修复磁盘错误，此时要耐心等待，检测修复完毕并启动到桌面后，再执行磁盘碎片整理即可。</t>
  </si>
  <si>
    <t xml:space="preserve">请前辈高人指点如何开展药品销售因生活所迫，我想加入药品推销员行列 </t>
  </si>
  <si>
    <t>医药代表惊曝回扣内幕2005年08月19日13:15 兰州晨报编者按：对于医药回扣的运行潜规则，一位医药代表说，业内有一个行规，叫“不找三种医生，必须认识两种大夫”。三种医生是：护士、见习医生和进修医生；而必须认识的两种大夫是：管床位的临床大夫、管病房的负责医生。他们在的职位大都是主治大夫、副主任医师、主任医师。　　医药代表需调查两种大夫所在的科室和名字，甚至是个人爱好。所有的预备工作结束后才能上门。　　药品开始在医院使用之后，医药代表将定期和医生进行回扣结算。医生把自己的处方记录或者病人的床位号码和用药记录交给医药代表。然后医药代表到药剂科进行核对———之前药剂科自然已经被医药代表打通了关节。　　医院是药品销售的主阵地，也是药商销售“攻势”的重点。依附在药品营销链条上的寄生群体究竟有多少？在药费中“掘金”的手到底有多少只？药商是怎样使自己的药品进驻医院、再经由医生的处方最终销售给患者的呢？　　“回扣”———这个医生们“人人心中有，个个口中无”的话题需要打破。　　8月15日，国内某药企医药代表费先生向记者讲述了他所亲历的“公关”与业务。我们也许能从他的描述中管窥一斑。以下是记者与医药代表费先生的对话实录———还没碰到拒回扣的“你入行多久？据你了解涉及回扣问题的医生有多少？”面对记者的问题，费先生打开了话匣。“我在大学学的专业就是‘药学’。毕业后从2000年开始干上这一行。那时，医药公司招‘医药代表’，首选接触过医药行业的人以方便和医生拉关系，但现在‘懂不懂行’关键看个人的公关能力了。只要能找准‘道’，几乎不用多少言语，双方‘门一关，信封一递，事情就成了’。我做了这么多年，还没有碰到不收回扣的医生。”药品价格一路飞涨药品的经销一般都要经过这样的流程：“药厂－医药代表－医院－医生－患者”。费先生介绍：“一般来说，在各种类型的药品中，抗生素类的药品利润最大，实际成本不到申报价的1／10。”费先生以自己曾经代理过的一种药为例做解释。这种药的供货价为2元／支，而医院拿到的批发价为21．80元／支，零售价为24．30元／支。　　从区区2元暴涨至24．30元，表面上看，医药公司每销售一支药品就能拿到19．80元的利润，但医药公司要将其中50％的利润“献”给医院。而且在医院的这部分，其分配模式已基本成为惯例：院长、药剂科长“维护费”5％－10％；开单医生“处方费”20％－30％；药剂科工作人员“统方费”5％－10％。医院回扣药品占半“全国现在做药最好的大企业，我敢说没有一家不是通过这样的运作方式来‘发展’的。一个药品的出厂价到最终卖到患者手中，过程太多，所以要满足各方的利益，药品价格就要定很高，否则，一盒都卖不出去。举例：某公司‘高科技’的抗癌药品，医院卖给病人的零售价格是2000元／支，每个疗程用药6－9支。　　几个疗程下来，病人就要花掉七八万元。其实这种药出厂价才300多元一支。”“必须留出足够的空间用来支付回扣、公关等费用，做业务要狠下‘功夫’，否则再好的药也卖不出去，”费先生这样告诉记者。而如此渠道“做”进去的药，在医院所有的药品中一般占到40％－50％。　　生产出来的药品一旦进入流通环节，它的标价就会飞涨。因为在“中转”过程中药品被层层“剥皮”。　　对此，费先生画图做解：药价的飙升链条：成本价－提货价－厂价（从此环节价格皆经物价部门审核）－批发价－零售价。中标药品受到冷落 在医院，由政府组织招标的中标普通药品价格相对便宜，但这些药并不被医生“青睐”。　　医院实行药品招标采购制的本意是让药品经销商公平竞争，挤出虚高药价中的水分，让利于患者。这本是件让药品经销商、医院和患者三方得利的好事，但现实的情况却并非如此。　　对此，费先生的解释是：在没有实行招标采购前，由于中间“油水多”医生争着开处方。可一旦中标了，药价扣除了医生回扣的部分，医生失去了开单提成的好处，自然不会再开这种药，而改开有利可图的其他替代药。另外中标的药品多为普通药，也因其透明度相对高，不被医院“看好”。这类药品临床需求量很大，但每个销售环节的利润都不大。在医院的销售额不高，长久下去便在医院打不开“局面”了。这样的状况，被行业内的人生动地比作“不中标等死、中标早死”。详解医药回扣链条“医生拿回扣只是医院整个药品销售回扣链中的一小部分。这一链条上最关键的环节算下来基本上有四个。他们分别是：药剂科、院领导、医生及财务人员，而整个流程关键的步骤有5个。”费先生这样“细化”了“回扣链”。第一步：药剂科备案 首先，医药代表要备齐生产厂家的各种资质证书和检验材料去医院药剂科申请入药（药品进入医院）备案。　　通常这个问题比较容易破解，数千元就可以“摆平”。随后，药剂科人士将会指点你去某领导（一般这位领导是主管药品进货的）那里“看”一下，否则医院的入药审查讨论会难以通过。第二步：院领导审查费先生在回忆自己攻克这个“关口”的经历时说，第一次见到院领导时，好话说尽，人家还是绷着一张脸，就那么一句“不行，医院这样的品种很多，不能再进了”，根本就不给你机会。　　第二次，碰了壁的费先生托了不少关系终于有幸邀请对方共进晚餐，关系逐渐融洽。　　此后，费先生又与对方通过几次电话，请过几次“安”。一周后，费先生准备了一个“信封”，踏进了人家的办公室。这次办公室只有院领导一人，没有过多的寒暄铺叙，费先生直接将这个信封放在办公桌上。对方看也没看就将信封拨入抽屉……第三步：医生开处方进入医院后必须“走临床”，这时直接决定药品临床反应和销售量的科室负责人和临床医生成为“重中之重”。与直接给病人开药的医生搞好关系很重要，这些医生是药品销量大小的决定者。对医生，医药代表只需和他们谈好“扣点”。第四步：兑付回扣款前三步走到后，要做的主要工作就是给医生兑付现金回扣，这里药剂科“功不可没”。因为，医生在药方上开了药以后，患者未必在医院买药。这样，就可能造成“跑方”。为真实计算出医生的开方量，就必须由药剂科工作人员统计出某段时间对某种药品的处方量，一般按月计。不然，医药代表将无从得知该给各个医生多少回扣款。第五步：财务上回款 财务直接掌控着回款率，其意义不言自明。因此，一个完整的销售链条上，这部分的“打点”必不可少。　　以上五步，只是这个沉重的“回扣链”上最主要的一部分，而在实际的“操作”中还有许多环节需要疏通。　　另外据费先生说，医药代表贿赂医生的花样繁多，回扣是显性的，有的隐性“回扣”利润则更大。医生评职称需要学分、论文时，由医药代表所在药企凭其关系为医生“搞定”；若某专家需要做一个课题研究，药企则会以合作的方式拨一定资金给专家。面对如此“名利双收”的好事，医生们想不动心也难。　　对好不容易打开的局面自然也要精心经营。平时的送礼及随时请吃请玩也不能忽视了。这些东西才是最能建立感情的。　　当然，“名利”也好，“感情”也罢，这些投资早就折算在了患者的药费上。医药回扣成漏网鱼 对于医生收受药品经销单位回扣以不合理处方形式提高患者负担的现象，法律制裁似乎显得力不从心。　　为什么会出现这样的情形呢？因为这里涉及到一个法律对处方的合理性进行审查的难题。一般说来，医生在诊疗过程中开具不合理处方，从而提高患者的药费负担，法律无法用非专业者的眼光判定处方是否合理。　　比如说，对于某一种病症，可供医生选择的有价格不同的3种药品，其中一种价格奇贵但疗效迅速，另两种价格低廉但疗效不如前者迅速，不过一定能治好病。如果医生通过选择高价药而获得回扣，要对其进行打击，医生就会说，他的选择本来就符合医疗技术规则。因此，法律在这个时候就显得尴尬，似乎不好追究其责任。　　另外，医药回扣隐秘、低风险。回扣款被医药商家留给了医药代表，变为了销售费用，医药代表和医生单线联系，直接到诊疗室、医生家里进行推销，结成利益联盟，他人很难发现，也给司法办案带来了难题。　　查处打击的难度大，致使法纪对医药回扣的约束作用相当软弱，也是近年医药回扣屡禁不止、愈演愈烈的一个重要因素。</t>
  </si>
  <si>
    <t xml:space="preserve">肉包子有营养还是菜包子有营养？ </t>
  </si>
  <si>
    <t>不好说，各有各的特点啊，其实最重要的是要看个人口味如何了，人们面对美食的时候还会考虑他的营养价值吗？喜欢出就OK，你认为呢？：）</t>
  </si>
  <si>
    <t xml:space="preserve">要搞笑的幽默笑话 </t>
  </si>
  <si>
    <t>统保密      罗斯福任美国总统以前，在海军部供职。某日，一位朋友问及海军在大西洋的一个小岛筹建基地的秘密计划。      罗斯福特意向四周望了望，然后压低声音问：“你能保守秘密吗？”      “当然能。”      “那么，”罗斯福微笑着说，“我也能。”            还要加上一条    在一次制定美国宪法的会议上，有位议员说：“在宪法里要规定一条：常规部队任何时候都不得超过5000人。”    华盛顿平静地说：“这位先生的建议的确很好。但我认为还要加上一条：侵略美国的外国军队，任何时候都不得超过3000人。”永远看不见你了    青年时代的林肯在伊利诺斯州的圣加蒙加入民兵。上校指挥官是一个矮个子，身高只有四英尺多一点，而林肯的身材特别高大，大大超过指挥官。    由于林肯自己觉得身材高，他习惯于垂着头、弯着腰走路。上校看见他那弯腰曲背的姿势十分生气，把他找来训斥一顿。    “听着，阿伯，”上校大声喊道：“把头高高地抬起来，你这家伙！”    “遵命，先生。”林肯恭敬地回答。    “还要再抬高点。”上校说。    “是不是要我永远这个样子？”林肯。    “当然啦，你这家伙，这还用问吗？”上校冒火啦。    “对不起，上校，”林肯面带愁容地说，“那么只好与你说声再会啦，因为我永远看不见你了！”</t>
  </si>
  <si>
    <t xml:space="preserve">我是新手请教猛将怎么玩？什么是反猛？什么是力猛？怎么学在哪学技能 </t>
  </si>
  <si>
    <t xml:space="preserve">  反猛主要是以弓和双手为主，以反应决定攻击的高低（武力也加攻击不过作用较小），主要加点方式有反体，反力和反力体三种，此职业的特点是能杀大王，国战比力猛稍弱，练级省钱，过去以弓为主要武器，出双手兵器后以双手为主，是目前热门的职业。主要技能有弓系和双手系，低级别技能如穿弓，连弓，双击等可以在书店买到，其他的技能如落日，冰箭，霰弹，连环，烈风，炎爆，碎月只有王才出。有用的技能是连环，碎月，升级杀王均可用。  力猛短，长，重三种兵器都可用，以武力决定攻击的高低，加点以反体为多（此加点方式加反应不增加攻击），此职业的特点是擅长国战，等级和装备达到一定程度后，杀人很厉害，但不适合杀王，要想练好此职业需要花费大量金钱，是国战的传统热门职业。技能必杀: 重兵类:碎岩-&gt;拖刀-&gt;大喝-&gt;分身-&gt;一击 长兵类:连刺-&gt;升龙-&gt;旋樱-&gt;斩月-&gt;乱舞 短兵类:点穴-&gt;斩铁-&gt;真空-&gt;青虹-&gt;豪烈 一二阶必杀均任务技能.可以通过做任务学到。任务如下：拖刀学习 可否重复 否 任务限制 猛将或豪杰LV 24、碎 任务类型 技能任务 起始NPC位置 汝南 夏候霸（254, 14） 任务奖励 必杀技－拖刀 任务步骤 1.收集30 个蛊毒，并装备凤嘴刀：收集30个蛊毒，并装备凤嘴刀。完成后向汝南夏侯霸学习必杀技拖刀。 升龙学习 可否重复 否 任务限制 猛将或豪杰LV24、 连 任务类型 技能任务 起始NPC位置 寿春 孙匡（204, 20） 任务奖励 必杀技－升龙 任务步骤 1.收集海贼铜钱 、羽毛，装备长顶枪：收集50个海贼铜钱、10个羽毛，并装备长顶枪。完成后向寿春的孙匡学习必杀技升龙。 斩铁学习 可否重复 否 任务限制 猛将或豪杰LV24、点穴lV2、马术lV5 任务类型 技能任务 起始NPC位置 新野 吴懿（397, 12） 任务奖励 必杀技－斩铁 任务步骤 1.收集山贼铜钱 108个、装备宽刃剑：打倒横行郊外的山贼，收集 108个山贼铜钱；取得一柄宽刃剑，并将之装备在身上；向新野城吴懿学习必杀技：斩铁 碎岩学习 可否重复 否 任务限制 LV15、骑术1级 任务类型 技能任务 起始NPC位置 许昌 曹仁（255, 13） 任务奖励 必杀技－碎岩 任务步骤 1.取得屈刀：取得屈刀并装备在身上，回报许昌城中的曹仁。 2.收集100支匕首：收集100支匕首。 连刺学习 可否重复 否 任务限制 LV15、骑术1级 任务类型 技能任务 起始NPC位置 卢江 程普（105, 15） 任务奖励 必杀技－连刺 任务步骤 1.取得红樱枪：取得并装备红樱枪后，回报卢江城中的程普。 2.收集30个兽皮：收集30个兽皮。 点穴学习 可否重复 否 任务限制 LV15、骑术1级 任务类型 技能任务 起始NPC位置 上庸 关平（366, 15） 任务奖励 必杀技－点穴 任务步骤 1.取得青铜剑：取得青铜剑后并装备，回报上庸城中的关平。 2.收集30个粗麻：收集30个粗麻。 升级用短兵和长兵 国战用重兵其它需要学的还有战鬼.守护.集气.炼精化气.神速.罗刹. 除守护商店有其他均是王出的</t>
  </si>
  <si>
    <t xml:space="preserve">中外有别，2.59亿得主身份绝不能公开!在国外有记录公开法，明文 </t>
  </si>
  <si>
    <t>仇富心理太严重了   就算我中了100万都不敢公布信息  别说上亿了。。。</t>
  </si>
  <si>
    <t xml:space="preserve">1岁6个早晚喝配方奶还需要补钙吗？1岁6个月女宝宝每天早晚180 </t>
  </si>
  <si>
    <t>你的宝宝应每天服维生素D制剂伊可新1粒，服到2岁半。维生素D帮助钙的吸收和利用。宝宝早晚喝配方奶，其中有钙，不需要另外补钙。</t>
  </si>
  <si>
    <t xml:space="preserve">怀孕28周屁股疼从孕中期开始屁股和大腿有时候一动就会痛，特别是起 </t>
  </si>
  <si>
    <t>你好，如果您是两侧都疼的话，可能是关节和韧带的问题，如果只是一侧疼，有可能是神经痛。不知您以前是否有腰椎尖盘受损的情况，建议到医院检查一下。</t>
  </si>
  <si>
    <t xml:space="preserve">有关电脑杀毒电脑中了病毒用金山杀毒以后电脑全崩了，要怎么办？是重 </t>
  </si>
  <si>
    <t>如果有备份的话还原一下应该就可以了,要不就重装系统,金山重装高手好像可以重装系统,不过没有试过,不支持多系统的电脑.</t>
  </si>
  <si>
    <t xml:space="preserve">为什么我下载了解压会出错啊？我下载好了解压解到最后就出现出错的提 </t>
  </si>
  <si>
    <t>请您到官网查看安装步骤喔</t>
  </si>
  <si>
    <t xml:space="preserve">据说这副斗地主牌引起了很大的争议，考考童鞋智商！可以炸，但不能三? </t>
  </si>
  <si>
    <t>八窍俺已通了七窍，联盟可以采纳俺奖励一下么？</t>
  </si>
  <si>
    <t xml:space="preserve">河南省教师资格证考试用书河南省教师资格证用书，教育局列出了七本， </t>
  </si>
  <si>
    <t>河南省非师范类考生报考教师资格证考试,教材七本.《教育学考试大纲》和《教育心理学考试大纲》是教育部人事师和教育部考试中心制定,由北京师范大学出版社出版的                                另外的五本分别是    &lt;教学技能理论与实践》定价：15      《学会与团队管理概论》定价：14       《教学方法导轮》定价：定价：15        《教育法规概论》定价：13          〈教师职业道德〉定价：13是河南省教师资格认定指导中心组织编写，由华文出版社出版的</t>
  </si>
  <si>
    <t xml:space="preserve">想食牛肉果条。哪里有？？？[思考][思考] </t>
  </si>
  <si>
    <t>嗯，在黄花岗对面,黄花岗戏院右边的汕头牛肉店有啊，好正宗的哦。（赠人玫瑰 手有余香，如果我的回答对您有帮助，请选择“对我有用”，非常感谢您！）</t>
  </si>
  <si>
    <t xml:space="preserve">中国人应该买日本货吗? </t>
  </si>
  <si>
    <t xml:space="preserve">    抵制外我并不认为那是一种爱国行为，如果同类产品相比，一个是国产一个是日产，但无论是品质、价格等到方面日产产品相对比国产的要好呢？那还是要支持国产货吗？你买国产货也同理啊，两个同类产品相比，你当然选一个适合、优质的产品啊，这其实没差啊。    你不能只因为日本当年对中国做过的事情而一味的仇视日产货。其实爱国应该是要正面且健康的去面对，别的国家好的地方我们要学习，吸取他们的知识、技术，不好的方面我们也要从中学习，从而避免走弯路。    要真的不买日产货，麻烦中国的产品质量要搞上去，品牌做大一点，跟日本产的产品站在同一高台上，让全世界的人知道，中国产的是第一等的好品质，是第一流的技术。    同样，我觉得世界上那些觉得中国人占了他们的工作机会、他们的事业发展的，从而引发的抵制中国制造产品，排华行为，这些都是很可笑的，这事情在世界各地都有发生啊，不单只中国人，别国的人都存在，有本事的你就站出来跟中国人争，自己想办法，不要自己无能就赖到别人头上来！    有本事哪处没地方？    所以我并不认为抵制外国货就等于是爱国，真正的爱国我应该是要维护自已国家的尊严，各人出一分把国家的科技、技术、知识、经济都搞上去，做个勤奋、好学、大度的中国人，而不是当那种只会怨天怨地怨别人的中国人，我们要让世界上的人知道中国人的团结、中国人的坚强、中国人的精明、中国人的大度！我们泱泱大国，心宽眼大！</t>
  </si>
  <si>
    <t xml:space="preserve">写一个关于以人为本的口号！用这四个字，但要长些，最好是对联 </t>
  </si>
  <si>
    <t>以人为本之得失，以民为本之兴衰。</t>
  </si>
  <si>
    <t xml:space="preserve">福克斯油耗多少感觉09款福克斯不错，想买辆1.8手动档的，有没有 </t>
  </si>
  <si>
    <t>我买的是07款三厢1.8AT福克斯。基本都在市区，上下班时间跑，综合油耗为10.5升，平均时速为25公里。我觉得还算正常，一是本人开车没有急加速、急刹车的习惯，二是福克斯在时速40公里以下耗油相对大。我想如果是跑高速，可能平均油耗就少得多了。</t>
  </si>
  <si>
    <t xml:space="preserve">千辛万苦又回到同一起跑线，大家给些意见吧先说一下之前发生的事情， </t>
  </si>
  <si>
    <t>何必呢，让自己那么难过干什么，不管之前做的对或不对，如果她真的喜欢你，就绝对会原谅的，如果感觉实在太难了，就先放放手吧。让时间来检验</t>
  </si>
  <si>
    <t xml:space="preserve">丰田达路油底咋么拆急求答案！螺丝看上去拆完了，不知道有没有特殊的 </t>
  </si>
  <si>
    <t>你想维修什么故障，拆卸有底壳吗？</t>
  </si>
  <si>
    <t xml:space="preserve">怎样给九个月的宝宝做猪肝想给宝宝吃点猪肝,弄碎了煮粥没什么味道, </t>
  </si>
  <si>
    <t>猪肝菜粥:将猪肝剁成肝泥，放少量生抽、淀粉拌匀，蔬菜切成碎末。将拌好的肝泥用大火快速（为使肝泥滑嫩）爆香，加蔬菜、少量盐炒熟，起锅加入熬好的粥中，拌匀煮开即可。此粥淡咸味（可加少量糖提鲜味），香滑可口，天然营养.</t>
  </si>
  <si>
    <t xml:space="preserve">哪个国家的动漫好看？动漫比较 </t>
  </si>
  <si>
    <t>果断日本啊，各个年龄段的人都能找到适合自己的动漫</t>
  </si>
  <si>
    <t xml:space="preserve">无法启动"添加打印机向导"我刚装的XP番茄花园版系统,可是添加打 </t>
  </si>
  <si>
    <t>换个XP系统重装一次就会解决,多半是系统问题,现在市面上流通的许多盗版系统软件都或多或少少一些安装文件!</t>
  </si>
  <si>
    <t xml:space="preserve">梦幻西游怎么设置安全码 </t>
  </si>
  <si>
    <t>申请号之前没有设置安全码，以后就不能直接设置了，要先把身份证复印件发传真到客服，或者用游戏数据清空所有资料，然后登陆  继续登陆你的通行证，左上角有个完善安全信息，在设置安全码。</t>
  </si>
  <si>
    <t xml:space="preserve">大家帮忙我想帮一个可爱的小朋友起名!大家好我想给一个姓梁的男孩子 </t>
  </si>
  <si>
    <t>梁鸿鹏（够大气）；梁皓瀚（有学者意味）；梁衡健/伟然/飞宇/鹏程……</t>
  </si>
  <si>
    <t>通过欧赔凯利指数看胜负</t>
  </si>
  <si>
    <t>海哥辛苦了。连凯利都不放过哦。专业的彩民啊，兄弟我佩服。好运。中个大的。</t>
  </si>
  <si>
    <t xml:space="preserve">我左大腿上面感觉麻麻的,是不是腰间盘突出引起的 </t>
  </si>
  <si>
    <t>病情分析：大腿发麻不排除是患腰椎疾病压迫神经造成的。最好去拍个腰椎的片子确诊，指导意见：日常生活注意腰部保暖,避免受寒冷和潮湿,避免劳累及腰部外伤，避免着凉和贪食生冷之物。</t>
  </si>
  <si>
    <t xml:space="preserve">如果现在去看澳门的盘口，是一点端倪也看不出的 </t>
  </si>
  <si>
    <t>同意！你的观点看奥盘好比雾里看花一样，反着看也不对，顺看也不对，就她NND看不懂啊！可能就是奥盘的高深所在，</t>
  </si>
  <si>
    <t xml:space="preserve">急！就职英语！！求翻译！！麻烦大家帮忙翻译下，专业词汇可以不翻。 </t>
  </si>
  <si>
    <t>i had been a nical Assistant in a foreign company for one and half years with high spirit of team work,good communication skills and strong sence of responsibility.Also i have a better health condition , could handle affairs with computer as well as english , meanwhile i could complete some business trip missions successfully.I had undertook the work of relative clothing products,like glove,scarves,hats,pajamas and so on.And our concrete items is checking the product sample in its deference produce processing,then give reports and suggestions to the factories and account executives after making a product summerazation;In other parts ,we also working in solving and balance the differences between foreign customers and factories.翻的不好，请略效证后验收。希望对你有帮助</t>
  </si>
  <si>
    <t xml:space="preserve">手淫的感觉好爽,尤其是在那喷射的一瞬间,请问手淫一天两次多吗?我 </t>
  </si>
  <si>
    <t>一星期2次也不少了,一天就太多了!!小心,不要太放纵,很伤身体</t>
  </si>
  <si>
    <t xml:space="preserve">烟台女人漂亮吗？ </t>
  </si>
  <si>
    <t>哥们，明天坐在南大街边一个小时,保证美女多哦```记得穿多点```呵呵</t>
  </si>
  <si>
    <t xml:space="preserve">一道关于分类的选择题!采用不同的分类方法，可把非金属氧化物分为不 </t>
  </si>
  <si>
    <t>问题没有错，注意看可以发现P2O5,SO2,SO3,CO2,Cl2O7都是酸酐酸酐可以理解为气体直接溶于水后可以直接与水结合生成一种对应的酸而不再有其他物质生成，这种气体就是酸酐CO 和 NO不溶于水，可以排除   NO2溶于水后有NO生成，所以只有N2O5符合题意它溶于水后生成HNO3</t>
  </si>
  <si>
    <t xml:space="preserve">2011年8月搬家吉日新家在旧家的西南方向，户门朝北开（在三层中 </t>
  </si>
  <si>
    <t>夫：73（癸丑）年农历9月14妻：76（丙辰）年农历4月16女儿：99（己卯）年农历8月23儿子：04（甲申）年农历11月初6阳历2011年8月份除了下面的日子，没有你们可以举行“入宅仪式”（入住）的日子。 阳历2011年8月份你们搬家（入住）的最佳吉日：阳历2011年8月4日、8月13日、8月21日、8月25日或8月30日。分析如下：1、阳历2011年8月4日，农历（阴历）七月初五（辛卯）日清晨3：00～4：59或7：00～8：59：辛卯日是夫生肖的贵人；辛卯日和妻生肖五合。“入宅仪式”时请生肖属鸡的亲朋好友暂时避开。2、阳历2011年8月13日，农历（阴历）七月十四（庚子）日清晨1：00～2：59或15：00～18：59：庚子日是夫生肖的禄；庚子日的贵人是夫生肖；庚子日和夫生肖六合；庚子日和妻与儿子双方生肖三合；庚子日是女儿生肖的贵人；庚子日的禄是儿子生肖。“入宅仪式”时请生肖属马的亲朋好友暂时避开。3、阳历2011年8月21日，农历（阴历）七月二十二（戊申）日7：00～10：59或13：00～14：59：戊申日的贵人是夫生肖；辛卯日和夫生肖五合；戊申日和妻生肖三合；戊申日是女儿生肖的贵人。“入宅仪式”时请生肖属虎的亲朋好友暂时避开。4、阳历2011年8月25日，农历（阴历）七月二十六（壬子）日清晨1：00～2：59或17：00～18：59：壬子日是夫生肖的禄；壬子日和夫生肖六合；壬子日和妻与儿子双方生肖三合；壬子日是女儿生肖的贵人；壬子日的贵人是女儿生肖。“入宅仪式”时请生肖属马的亲朋好友暂时避开。5、阳历2011年8月30日，农历（阴历）八月初二（丁巳）日清晨1：00～2：59或17：00～18：59：丁巳日是夫生肖的贵人；丁巳日和夫生肖三合；丁巳日是妻生肖的禄；丁巳日和儿子生肖六合。“入宅仪式”时请生肖属猪的亲朋好友暂时避开。阳历2011年8月份适宜你们可以搬家（入住），但对全家人助益不大（无助无害）的日子：阳历2011年8月16日或8月31日。1、阳历2011年8月16日，农历（阴历）七月十七（癸卯）日11：00～12：59。“入宅仪式”时请生肖属鸡的亲朋好友暂时避开。2、阳历2011年8月31日，农历（阴历）八月初三（戊午）日清晨5：00～6：59 或15：00～16：59。“入宅仪式”时请生肖属鼠的亲朋好友暂时避开。搬家的日子通常是指：举行“入宅仪式”的日子，最好在“入宅仪式”前把所有、家具就定位、床、书、衣服、等杂物（锅、碗…）整理好，封门（把门关好），等“入宅仪式”的吉日开门、上香祭祖、开火（点火）或放鞭炮…等，在当天入住。 “入宅仪式”指，在吉日时： 1、在吉日时，开新宅的门。 2、在吉日时，开新宅的门后，准备好祭祖的所有事宜（布桌与祭品）。 3、准备好祭祖的所有事宜（布桌与祭品）后，上香祭祖,是点香祭祀祖先。 4、点香祭祀祖先后，插好香后，香在燃烧时，就可以在空暇时开炉火和烹饪。“入宅仪式”没严格规定要开炉火和烹饪。 5、香火过二分之一，就可以烧纸钱。 6、烧纸钱后，香还在燃烧时，就可以放鞭炮了。“入宅仪式”没严格规定要放鞭炮。 7、“入宅仪式”礼成（完成）。 恭喜乔迁之喜，祝事事大吉。</t>
  </si>
  <si>
    <t xml:space="preserve">解决下面的数学题１．一条路全长３０千米，分成上坡，平路，下坡三段 </t>
  </si>
  <si>
    <t>25小时，首先求出每段路程分别为5.10.15前面然后可求出时间分别为20/3,25/3,30/3,相加为25小时</t>
  </si>
  <si>
    <t xml:space="preserve">怎么知道自己怀孕 </t>
  </si>
  <si>
    <t>　许多做女性都知道“月经突然不来了”是怀孕的信号，其实在中还有一些小变化可以帮助你做出判断：   1。首先看排卵期性生活史和停经史。夫妻双方没有采取任何避孕措施，在排卵期前后有正常的性生活史，平时月经周期正常，突然出现5天以上的停经，就有可能怀孕了。 2。二是无故出现恶心呕吐。在停经之后出现恶心、呕吐，早晨加重，伴有头晕、四肢乏力、食欲不振、嗜睡等症状，一般为早孕反应。 3。三是口味的变化。停经后突然喜欢进食酸味或其他原来并不喜欢的食品，有厌油腻现象。 4。四是乳房的变化。在停经之后，出现乳房发胀的感觉，乳头有轻微疼痛，乳晕色泽加深，并出现褐色结节，常是怀孕的表现。 　5　五是小便的变化。停经50－90天之内发生小便次数增多，没有尿痛、尿急、发热等表现，这是子宫增大而压迫了膀胱引起的症状，提示胎儿发育正常。 　6。　六是基础体温特殊。正常情况下，育龄女性的基础体温是月经自来潮到中期（下次月经前2周）低体温、之后高体温（比前段体温约升高0.4℃左右）的典型双向型体温，如果后段时间的体温一直处于高温，并超过21天月经仍不来潮，则属于早孕。这是衡量怀孕与否的重要标志。假若体温高低不平，而且悬殊较大，胎儿往往发生危险，多属于黄体功能障碍，必须及时治疗</t>
  </si>
  <si>
    <t xml:space="preserve">上传怎么得积分上传资料积分怎么算？ </t>
  </si>
  <si>
    <t>有人下载就有积分</t>
  </si>
  <si>
    <t xml:space="preserve">麻烦哪位帮我P个YY频道的图我频道名字叫『K歌』潮流Hi歌地带图 </t>
  </si>
  <si>
    <t>路过   来看 看             不会这个</t>
  </si>
  <si>
    <t xml:space="preserve">新手，问下我58级法师。如何去外遇啊？怎走 </t>
  </si>
  <si>
    <t>外遇？你去跟人说就得了</t>
  </si>
  <si>
    <t xml:space="preserve">剑网3为什么无法连接服务器？ </t>
  </si>
  <si>
    <t>现在在维护呢！！</t>
  </si>
  <si>
    <t xml:space="preserve">想买电动车哪个品牌的好？我在石家庄想买辆电动车现在品牌太多了不知 </t>
  </si>
  <si>
    <t>绿源的电动车质量好</t>
  </si>
  <si>
    <t xml:space="preserve">小极品问价强火强黑无弱斗笠什么价，老区 </t>
  </si>
  <si>
    <t>强火强黑无弱斗笠混真天黑度极品。打魔神更是必备的东西。大家都知挂真天战一般要求强暗5强火3，法、道强火5强暗3，没双强的帽子顶着哪能挂得了多久，早没红回城了。还是斗笠魔防高。虽没攻火或攻神圣元素，也有800W-1000W的。</t>
  </si>
  <si>
    <t xml:space="preserve">提问中有语文课本42册，数学课本112册，自然课本70册，平均分 </t>
  </si>
  <si>
    <t>先求三种书的最大公因数，即42、112和70的最大公因数是14；所以：最多可以分14堆。【注：每堆中有语文书3本，数学书8本，自然书5本，共14堆。】</t>
  </si>
  <si>
    <t xml:space="preserve">请说说你见过的最有韵味的女人我是女生，不要当我是色狼哦。我先说说 </t>
  </si>
  <si>
    <t>我还没见过！如果从片面的来说也许有！但是每个人都有另一面的！在我的眼里还没人能做的那么完美！女人味不是刻意的做作！而是一种举手投足都流露出的高雅！</t>
  </si>
  <si>
    <t xml:space="preserve">开车等红灯最烦什么？我最讨厌发小广告的人，往车窗内乱丢，即使关窗 </t>
  </si>
  <si>
    <t>开车等红灯最烦什么？眼看绿灯亮了却熄火了！</t>
  </si>
  <si>
    <t xml:space="preserve">关于新浪邮箱，请大家都说说！最近浏览“爱问”，发现很多关于新浪邮 </t>
  </si>
  <si>
    <t>反正我的邮箱已经用了5,6年了,从来没有过问题</t>
  </si>
  <si>
    <t xml:space="preserve">请教伍老师女:八字:己酉戊辰庚午丁丑时辰只知道是丑时，不好意思再 </t>
  </si>
  <si>
    <t>个性上比较软弱,温和,人皮肤比较白.丈夫可能年龄和自己接近或略小,小孩应该是个儿子,学业比较出众.</t>
  </si>
  <si>
    <t xml:space="preserve">变速齿轮有什么用?在哪里可以下载变速齿轮呢?大概一般的宽带下载要 </t>
  </si>
  <si>
    <t xml:space="preserve">    变速齿轮是一个神奇的改变速度的程序。他是世界上第一个，也是目前最好的改变Windows游戏速度的程序。他几乎能改变任何Windows游戏的速度。我还没有发现任何其他程序能改变，而变速齿轮不能改变的游戏。并且在效果上，例如变速后画面的平滑性（这同时会影响游戏的操作性）、能使游戏达到的最快或最慢速度、使用的方便性、运行的稳定性等都是最好的。    除了游戏，变速齿轮事实上也能改变任何时间相关的程序的速度，例如视频播放、Flash、网页等。总之他是一个用途广泛而且相当有趣的程序。    可以从（ ）上下载本程序的最新版本。也可以用网络实名“变速齿轮”，只要在IE的地址栏中打“变速齿轮”然后按回车就行了。变速齿轮的使用    9x版变速齿轮的使用很简单，你要做的唯一事情是移动滑杆设定你想要的速度。设定的速度对系统中所有进程（也就是正在运行的程序）都有效。注意，有些游戏不能在运行中改变速度，这时只要先设定好想要的速度再运行游戏就可以了。    NT版的变速齿轮使用比9x版略微复杂。他只对那些你指定的进程变速，对其他进程则没有影响，这样就大大提高了变速齿轮的稳定性。有几种方法可以指定需要变速的进程：1。在“速度未改变的进程”列表框中是变速齿轮没有对他变速的进程。在这个列表框中选择一个进程，点加入按钮，可以把他加入到“速度改变的进程”列表中。2。点浏览按钮（标题是三个点的那个按钮），将打开文件对话框。用他选择一个可执行文件（*.exe）。所选择的文件名将自动填入下拉列表框，并且自动运行。3。在下拉列表框中填入带完全路径的可执行文件名，按运行按钮运行他。下拉列表框中保存着以前运行过的可执行文件名。你也可以方便地从中选择一个。4。被变速齿轮变速的进程启动的进程也将自动被变速。由于几乎所有的进程都是由NT的外壳进程（就是在变速齿轮中显示为“Program Manager”的那个进程。桌面和资源管理器也都属于这个进程）启动的，所以如果把“Program Manager”加入到“速度改变的进程”列表中，将是一个方便的使用变速齿轮的方法。    如果进程列表没有正确反映当前的进程状态，可以点刷新按钮刷新列表。对于一些不能在运行中改变速度，或者在运行中改变速度会发生异常的游戏，请先设定好想要的速度，然后用除了第一种方法之外的方法启动游戏。变速齿轮可以使用热键方便地改变速度。在不能切换到变速齿轮的使用界面，例如游戏正在运行时，热键甚至是唯一改变速度的方法。点热键按钮可以弹出设置热键对话框。固定速度热键用于把变速齿轮设定到一个固定的速度，加快减慢热键用于加快或者减慢速度。如果核选“加快减慢热键使用精细调节”核选框，每次加快减慢2的0.1次方倍，否则每次加快减慢2的0.5次方倍。另外，使用Ctrl+加快减慢热键也可以在每次2的0.1次方倍和2的0.5次方倍之间切换。“启用热键”核选框用于设置所有热键是否有效。注意如果用鼠标拖动滑杆将只停在整数倍位置，但是使用左右键可以进行更精细的调节。也可以使用Page Up、Page Down、Home、End键移动滑杆。</t>
  </si>
  <si>
    <t xml:space="preserve">迈克尔杰克讯的太空步要怎么练？ </t>
  </si>
  <si>
    <t>其实你看上去他动作步子在向前但身体却在向后退 这是一种错觉 如果你把带有太空步的MTV光盘慢放多看几遍就可以看懂 之后想学就很简单了 一脚踮起用尖点住地但是不可以移动 另一脚平移滑动向后 接着换脚做同样的动作 不过要自然 一开始看着一点也不像 不过多练几次后慢慢的就像了 但一定要自然 那时你侧身对了镜子练你会发现你学得很像 当然 迈 走的时候还穿有专用的舞鞋那是不好买的 很软很滑</t>
  </si>
  <si>
    <t xml:space="preserve">请问网上的歌怎么才能下到机子上，不用上网也可以听歌？我的机子怎么 </t>
  </si>
  <si>
    <t>一般电脑上都会有ＭＥＤＩＡ　ＰＬＡＹＥＲ和ＲＥＡＬＯＮＥ的．你也可以自己去下别的播放器，例如千千静听啊之类的．还可以有歌词同步的．至于下歌曲的话．你在任何一个搜索类似百度之类的输入歌曲名称就然后点搜歌的地方．然后就会出来搜索的结果　然后一般下的话直接点歌曲名就可以打开一个链接，它就会帮你下了．下好以后你可以选择添加到播放器里．然后就可以了啊！｀｀｀</t>
  </si>
  <si>
    <t xml:space="preserve">我粘贴的文档右边自上至下怎么都不到指定的位置?我从网上下的《词韵? </t>
  </si>
  <si>
    <t>这是因为每一行都有回车符(只有删除)或粘贴的是表格形式的(编辑_选择性粘贴_无格式文本)</t>
  </si>
  <si>
    <t xml:space="preserve">高职还是本科？听很多人都说现在上大学不如上大专，以后出来起码有一 </t>
  </si>
  <si>
    <t>分够了就上本科,不够就上高职</t>
  </si>
  <si>
    <t xml:space="preserve">电信4区刘备墨羽凌尘·天水新手开黑首先，我不是高端，我有点菜，但 </t>
  </si>
  <si>
    <t>万年不是传说，都是浮云咯！玩好自己就行了！反正黑得厉害的最多把线溜！白扇碎中了！你就和他形成直线角度无双！如果他被你右偏！你就轻轻按一下右（d)！千万不过于用力按！不然会打掉的！望采纳！</t>
  </si>
  <si>
    <t xml:space="preserve">窗口补丁到底怎么弄啊,麻烦给我个2.0的窗口下载地址 </t>
  </si>
  <si>
    <t>官方窗口化补丁: 客户端运行窗口化补丁使用说明：将压缩包中的文件覆盖劲舞团安装目录下原文件后，即可实现窗口化。官方的窗口补丁提供给了玩家三种游戏的选择方式:、窗口化运行：此种方式下劲舞团在桌面的显示为3/4的窗口界面，此种运行方式下，玩家可以自由切换至桌面，任意使用各种聊天软件，如腾讯QQ、网易泡泡等； B、窗口化全屏：此种方式下劲舞团在桌面的显示为全屏的窗口界面，此种运行方式下，玩家可以自由切换至桌面，任意使用各种聊天软件，如腾讯QQ、网易泡泡等 C、全屏化运行：此种方式下劲舞团将全屏显示，此种运行方式下，不可切换。 玩家可根据自己的需要来选择适合的窗口化模式。选定其中一种方式点击，即可在该种模式下进入游戏。</t>
  </si>
  <si>
    <t xml:space="preserve">裴勇俊我想知道他的详细资料和有关电影！ </t>
  </si>
  <si>
    <t xml:space="preserve">个人档案英文名: bae yong jun 出生日期：1972年8月29日 出生地方：汉城 血型：O型 : 天主教 身高：180CM 体重：75Kg 学历：明日国小|倍才中学|汉荣高中|成均馆大学影像学系在学中 初次出道：94年KBS青春连续剧《爱的问候》 爱好: 钓鱼、打保龄球、 游泳、 欣赏电影、 弹钢琴 特长：剑道，合气道，雪板 第一次谈恋爱: 中学三年级时单恋过一个女孩子-^^(保密) 第一个吻: 高中毕业后送第一次交的女朋友回家的时候在路灯下面 理想: 以后要当电影导演 身体部位的小秘密: 腿上毛特别多 最拿手的一道菜: 泡菜汤 酒量：两瓶白酒 演出剧目：　　94年KBS青春偶像剧《爱的礼节》　　95年开国特级电视剧《海风&gt;》　　95年KBS周末电视剧《年轻人的世界》(和高小英) 　　95年KBS电视游戏《离别的六个阶段》　　96年KBS连续剧《爸爸》　　96-97年KBS周末电视剧《初恋》(和崔秀钟、李升燕) 　　98年KBS电视剧《素足的青春》　　99年MBC电视剧《我们真的爱过吗》(和金惠秀) 　　2001 MBC连续剧《情定大饭店》(宋允儿、宋惠娇) 　　2002 MBC连续剧《冬季恋歌》(和崔智友) 　　2003年电影《丑闻》 </t>
  </si>
  <si>
    <t xml:space="preserve">巫师好还是传教好?我原来是传教，后来转成巫师的，但最近发现巫师练 </t>
  </si>
  <si>
    <t>传和巫师在补血方面的确要比传来的慢，在练级是一般1~3回合就清怪，谁会来等巫师加血呢，但不能只在补血这一个方面就下定论。还有一个误区，就是巫师不是用来加血的，巫师和传虽然都是魔法系的，但不能因为巫师也会加血，加的血比传慢一点就说他比传要差吗如果我说传打的没有魔多，就说传要比魔来的差吗巫师的能力可不仅仅只有这些，巫师是个综合的职业，可以说是魔法系中的士兵。有的是补血，魔法还有咒，制防技能等等，甚至可以学因果，拿个4级回力也能打出不错的效果。一楼的怎么可以说传要比巫师好呢（楼主是在比较职业的好坏，还是仅仅只有加血呢）既然你提了问题就来回答你吧。练级时的实战加血法（巫师必看）传和巫师都会这个，如果只是单方面的说在练级就不对了。虽然在补血的速度上没有传来的直接，但仔细想象就不是那么一会回事，练级是少血，一般少不了很多，如果打一下就少了一半血，这个就有点恐怖了，少1/3时巫师一般来说就会帮你加的（谁会这么好心帮你加满，你又不付我钱，在说只要你不死就会打的，难道就因为没帮你加满就踢我下队）。多个人都有不同的少血时（这个就比较麻烦，用单的回合浪费的多，用强的有补的少，又是少血量不等时）这时候就没有传来的好，但是这个可能性很小，除非是偷袭，但这个可能性不大，难道前几次巫师都吃白饭的吗，有可能会有这么多同时被达掉很多血吗，再说如果一个队伍没有传或巫时，就真的不会自己加血了吗？有钱的丢血瓶，没钱的用攻吸（魔吸）注意这个是巫师的得意技能，一般攻吸有点危险，乱敏就完了，魔吸用个2~3级的第2回合补就安全多了，你说过一个回合，是不是可能在第一回合就挂了，你想想谁会在只剩1点点血的时候才补的，一半血没了就开始喊痛了，除非那个巫师和你有仇，不会就这么不管你的拉。有1个人被合击血一下子就见底（这种可能性就更低了，除非那个人真的有这么背）这时，有脑子的巫师都不会帮他套恢复，因为血少先动这个道理，恢复也不用我多解释，是动了才补（如果你要问我为什么要动了才补，那我真的想打你）一般都是有条件的丢瓶子，没条件的套吸吸，如果没有吸，套个攻无也可以，如果说这要还死，我看你真的是背到了家（刚才被合过，现在又集体打你，看来真的要问问自己的RP了）。说完了实战有没有发现就算你血没有补满，但有巫师在的队伍也不会死的很惨，一两个也是难免的，因为每个人的RP都不同，谁都有背的时候啊。“任务经不起ＢＯＳＳ们的轰炸．” 有这种事吗？打BOSS的时候，除非特殊情况，一般都满血上阵，巫师的第一回合就是套恢复，一般以套2强为主，超的话只有用W，2动时效果不错。如果是传，血传还好，敏低，如果第一回合，用超补，可能可以补到，如果是敏传，本身魔就比不加敏的传来得少，在来能补到的可能就少，所以第一回合不用补血技能，这个就是传的局限，比较被动，敏的传更能体现。虽然在补血方面，速度来得慢，但总上还是比传多，如果有突法事件，因为有恢复在，所以就可以有充分的回合，用魔上就来得少。传的话，就要一个劲的补啊补啊补，还真以为自己是血库啊，没魔的时候能做什么啊。因为看了楼上说的就又加了几句。血不够补我承认，但你有想过吗？在打BOSS时，BOSS又不是打你一个，在恢复的情况下，应该不会马上就挂，现在除了一些魔（血少）或弓（轻装）一般都不会马上死，这个时候巫师可以套圈圈或着丢瓶子，虽然上来的没那么快，但也不至于死，就算死了，也有8级的气绝，伤了能差多少啊，再说如果没有传或巫的队伍就做不了任务了吗，可以把没有打赢BOSS的理由都怪罪与 用了巫师而不是用了传吗还有你说的个别BOSS，会对巫术，有什么追加对不对，那也只是攻略上或者是听别人说的吧，有自己去试过吗，我就有试过，说实话打BL真的会追加即死，但那个的命中低的很，如果队里有2~3人会气绝，就不会有问题，相对的反而好打很多，用是是强，打的不会很多，用恢复的话，基本上可以不死，还有个就是追加吸魔是不是，那个就有点夸张了，只是会多套几个反，哪来的吸魔啊。最后就是装备问题你说的也太偏激了，谁会天天穿个水龙套装到处跑，那个减半也不是哪个传都有的啊，装备这个好象有点偏离话题，跟何况你说的也是理想化呢以上只有传和巫师补血单方面在练级和打BOSS，其他的就不扩展了还有几句忠告《巫师守则七条》（1）勤练技能，时刻保证自己能使用最高等级的技能。（2）尽自己最大努力保护队友，不允许别人比自己先倒下。（3）熟悉所做任务的流程和细节，自己能独立带队。（4）不要高人一等，不要矮人一分，对所有职业一视同仁。（5）能够把握和控制局势，懂得各种战况下的对策。新手不练巫师。（6）谦虚谨慎，礼始礼终，迅速果断，戒骄戒躁。（啊～？）（7）乐于助人。【建议】巫师稀少的原因不是，而是玩家。迫切需要改变的不是游戏，而是玩家。</t>
  </si>
  <si>
    <t xml:space="preserve">二字，加二笔，变成另外一个字。能变出多少个新字？二字，加二笔，变 </t>
  </si>
  <si>
    <t>丰，王，毛，壬，仁，云，井、天、丑、元、夫、日，开，韦，车，止，曰，牛，气，手，互，五，?M，无，专，午，厅，巨，尹，丐，廿，亓,月。33个了。算了，太多了，再写上去我会写重复的。如果把二横着看也算的话还有：中，卅，币，什。4个，共37个。你这题一点奖励都没有谁会拼命想啊。</t>
  </si>
  <si>
    <t xml:space="preserve">夏天女孩子不戴胸罩出门的多吗？我的女朋友就不止一次没有戴胸罩就出 </t>
  </si>
  <si>
    <t>我也不知道这样的女孩子是不是很多,至少我的老婆就有这个习惯,夏天经常不戴胸罩就出门.</t>
  </si>
  <si>
    <t xml:space="preserve">暗黑破坏神3台服会不会比亚服给力点 </t>
  </si>
  <si>
    <t>台服就是亚服，亚洲只有一个服务器，架设在韩国的</t>
  </si>
  <si>
    <t xml:space="preserve">如果回档了怎么办啊？我这两天刚好冲了大量元宝```练出了两件+1 </t>
  </si>
  <si>
    <t xml:space="preserve">不改数据 只针对BUG噬魂~~~~~~~~~我朋友打电话去完美客服的，完美声称这次不回档，你放心吧，维护应该是对噬魂BUG修复 </t>
  </si>
  <si>
    <t xml:space="preserve">有真正的好男人吗到底怎样的男人才算好男人 </t>
  </si>
  <si>
    <t>好男人就是在你累了的时候帮你洗澡洗脚的。在你饿了的时候帮你找你喜欢吃的东西。你没吃饭的时候。他再饿有不会先吃饭。</t>
  </si>
  <si>
    <t xml:space="preserve">处女座的人该找什么星座的男朋友?难道处女座的人只和金牛座与摩羯座 </t>
  </si>
  <si>
    <t>我也是处女座~在我看来只要是彼此真心的喜欢对方，我相信一切困难都是可以克服的。因为我们心中有爱嘛~~命运是靠自己把握，幸福是要靠自己争取！难道不是吗？</t>
  </si>
  <si>
    <t xml:space="preserve">怎样存储我想知道，如果有什么好东西要放到邮箱里去，应该放在邮箱的 </t>
  </si>
  <si>
    <t>您好，可以用附件方式发送，具体就是打开您的邮箱附件（在写信筐下面），找到您要发送的东东打开就可以了（免费邮箱只能发15M的附件，如果太大可以压缩后再发）</t>
  </si>
  <si>
    <t xml:space="preserve">产后能洗头、洗澡和吃水果吗？听我妈妈和婆婆都说产后一个月内不能洗 </t>
  </si>
  <si>
    <t>我是剖腹产的，医生十天后就让我洗澡了．但是每次洗完澡要用酒精擦伤口． 产妇在产后头几天里，产妇体质较虚弱，消化功能差，食欲差，应吃些清淡、富于营养而容易消化的饮食，以后可根据各人的情况增加进食量与成份，保持充足全面的营养供给，在不增加消化道负担的前提下，产妇还应多吃些水果，以补充所需的维生素及矿物质。饭后可吃些水果如苹果，橘子，香蕉等。水果不要太凉，如刚从冰箱拿出来的水果要放在室温里过一会儿再吃，吃时要注意清洁，清洗或去皮后再吃，以免发生腹泻。有的人怕凉，也可切成块，用开水烫一下再吃，也可加些糖吃，最好不要煮沸，以免破坏水果中的维生素</t>
  </si>
  <si>
    <t xml:space="preserve">35岁,日常用什么面膜好?经常用面膜还用去美容院吗? </t>
  </si>
  <si>
    <t xml:space="preserve">定期去美容院做皮肤护理旨在深层清洁皮肤,促进血液循环,令你放松并得到心理满足,想让皮肤因此得到显著改善恐怕会失望哦!所以平日里也要注意皮肤护理,尤其35岁的肌肤,更要多补水,预防老化。推荐：娇韵诗平衡保湿面膜 340元      露得清细白修护面膜 99元      </t>
  </si>
  <si>
    <t xml:space="preserve">请问我还能拿回房子的一半所有权吗?我跟丈夫离婚了,当初考虑到他带 </t>
  </si>
  <si>
    <t>如果这套住房在婚前（注意，一定是以结婚证登记日期为准，婚礼、事实婚姻在法律上均没有效力）产权人就是您的前夫，而又不是以贷款方式购买的话，根据新婚姻法，是没办法要回房子的一半产权的。如果是贷款购买，在结婚证登记日又没有还清的话，您可以主张部分产权。比如，结婚时房子还有本金的60%没有还清，则您可以主张30%的所有权。</t>
  </si>
  <si>
    <t xml:space="preserve">昨天我提问有错吗有几百人看了我说得都实际情况！决战老区非法太多主 </t>
  </si>
  <si>
    <t>我们说的在多都没用了,他们不会去解决的,他们只认识钱,还管你人多不多了,只要有人买装备他们就满足了,            希望大家以后不要在说什么非法和BT的装备要他们解决了,都期待着要出的决战1复古的吧,希望不要象这个一样了</t>
  </si>
  <si>
    <t xml:space="preserve">宝宝眼睛里进绒毛怎么办？前天发现宝宝眼睛里进了一根绒毛，宝宝现在 </t>
  </si>
  <si>
    <t>孩子可能泪腺管堵塞，建议的专业小儿眼科门诊让医生帮忙疏通开就没问题了。有问题请追问。</t>
  </si>
  <si>
    <t xml:space="preserve">想去外国名校留学，请问都有什么途径？ </t>
  </si>
  <si>
    <t>我表姐是参加美邦guoji的2+2名校直通车去美国留学的，你可以去官网上查查</t>
  </si>
  <si>
    <t xml:space="preserve">吃了事后避孕药，射进去会怀孕吗？我吃了事后避孕药之后，过了四天跟 </t>
  </si>
  <si>
    <t>如果你当时是排卵期的话很可能怀上，因为那药支持不了那么长时</t>
  </si>
  <si>
    <t xml:space="preserve">我想请问一下,财务文员跟出纳这两个职位,对于新手来说,哪个比较好? </t>
  </si>
  <si>
    <t>出纳负责核算现金、存款帐，文员的范围广些，如果财务基础好，可以干文员，对现金、存款计算准确，工作认真负责，老板信的过的可以干出纳</t>
  </si>
  <si>
    <t xml:space="preserve">清泉老师601600深套怎样操作？ </t>
  </si>
  <si>
    <t>盘中反弹减磅.</t>
  </si>
  <si>
    <t xml:space="preserve">高烧不退病人连续发高烧已经十多天了平均温度都在38.5°各项体检 </t>
  </si>
  <si>
    <t xml:space="preserve">    估计是扁桃体发炎或那个地方有炎症，确诊一下对症治疗就可以了。祝你如意。</t>
  </si>
  <si>
    <t xml:space="preserve">小单，玩的就是心跳冲啊 </t>
  </si>
  <si>
    <t xml:space="preserve">    让人有剑走偏锋之感觉。</t>
  </si>
  <si>
    <t xml:space="preserve">隋唐演义是个什么游戏啊[隋唐演义]是收费游戏还是免费游戏啊 </t>
  </si>
  <si>
    <t>你好～《隋唐演义》是一个武侠味背景故事的角色扮演类网络游戏。祝好运～猛龙祝你天天好心情！</t>
  </si>
  <si>
    <t xml:space="preserve">我的考分634能被中央财经录取吗 </t>
  </si>
  <si>
    <t>这与中央财经院校向你所在省、市所招收的人数及你所在地填报该校志愿的人数有关，所以单就分数是很难断定的。</t>
  </si>
  <si>
    <t xml:space="preserve">上不了（程序中出现错误：DoGameInner)玩的真累。3天2 </t>
  </si>
  <si>
    <t>我都快一个月上不去了，和你的毛病一样。真气人</t>
  </si>
  <si>
    <t xml:space="preserve">清夜扪心6月7日我在上网时突然发现：当天不但是欧洲杯开幕的日子， </t>
  </si>
  <si>
    <t>人的兴趣都是阶段性的。06，07年的股市简直就是赚钱的神话，谁不想来分杯羹？你的注意力和心思放在这了，当然没兴趣别的。赚钱又不羞耻，没必要内疚！有趣的事很多，只要自己投入了，快乐了，又何必较劲呢?一切随心，别勉强就好。</t>
  </si>
  <si>
    <t xml:space="preserve">我的宝宝注意力不集中怎么办我的小孩今年上小班，老师上课板凳做不住 </t>
  </si>
  <si>
    <t xml:space="preserve">关注孩子的注意力问题，首先要弄清什么叫注意。简单地说，注意就是孩子的整个心理活动持续集中的在某个事物上，而这个过程不会被外界环境所干扰的能力。这里面包括两层意思：第一，孩子的心理活动选择在某一个方向(对象)上；第二，心理活动集中在这个对象上的强度或紧张度，且在此期间不会被外界环境所干扰。孩子的心理活动在某一事物上的强度越大，紧张度越高，注意也就越集中。 孩子注意力不集中，有病理性的先天因素，但更多的是后天习惯和环境所造成。本文主要和父母讨论一下孩子在非病理的情况下，注意力不集中的原因和对策。其中，没有养成良好的专注做事的习惯，是造成孩子注意力不集中的最重要因素。 培养孩子专注做事的好习惯 之所以注意力不集中，主要是由于没有养成良好的专注做事的习惯。这类孩子的特点是： 1、当孩子面对他不感兴趣、不明白或者认为太容易的事情时，往往表现为自我监控能力弱，易走神； 2、注意指向分散，意识紧张度不足，易被周围其他事物所吸引； 3、思维容易分散，注意稳定性低，做事做不下去，三心二意； 4、做自己喜欢、感兴趣的事情(如看、做手工、玩电脑游戏、观察小动物等)往往能够做到注意力十分集中，不易受外界环境干扰。 如果发现孩子具备以上几种特点，这就说明您的孩子没有养成专注做事的好习惯。这很可能是由于家庭环境不良或父母没有注意培养孩子这方面习惯造成的。比如明明在家里做作业的时候，她的书桌上总是堆着几件小玩具和果汁、点心之类的东西。明明的母亲也习惯于在看着孩子写作业的同时，打电话和同事聊天。明明的学习环境中有太多的容易分散她注意力的事物，使她无法集中精力做事。当母亲发现孩子作事磨蹭、拖拉时，只是不停地唠叨、催促和训斥，使孩子更加丧失了对学习的兴趣。像萌萌这样的孩子，当做一件特别感兴趣的事情时，他们的注意力是十分集中的，所以，要培养孩子专注做事的习惯，首先要从孩子的年龄特点和兴趣入手。具体做法是： 1、根据孩子的年龄特点，让他学会在一定时间内集中注意力。孩子在不同时期，其注意力一次笥集中的时间是不一样的。按照学龄阶段划分，小学一二年级的孩子，注意力一次性集中的时间在10-20分钟以内。超过这个时间，孩子会感觉到累，容易走神；三四年级的孩子，可坚持到30分钟左右；到了五六年级，便可增加到40分钟以上。对于刚入学的低年级孩子，老师会在课上到一半的时候，让孩子们一起唱唱歌、做做操，使他们的大脑疲劳度得到缓解，以便在下而后时间里集中精力学习。到了中年级，孩子坚持的时间虽然稍长一些，但是有经验的老师会在讲课讲到重点时，语速由快到慢一点，语调由低到高一些，或者把板书的重点用彩色粉笔圈一下，让声音的变化刺激孩子的耳朵，颜色刺激孩子的眼睛，吸引他的注意力。如果老师发现有的孩子走神了，会用眼神沟通一下，或者提醒一下孩子：“某某同学做好准备，要回答我的问题了！”既把他的思维拉回来，又不损害他的自尊。 父母在家也可以借鉴。包括：1、让孩子在规定时间内分阶段完成学习任务。如果孩子能够专心完成，父母要给予一定鼓励(表扬、抚摸、亲吻等)，并让他休息5-10分钟。再以同样的方式完成下面的学习。当孩子能够做得很好时，可逐步延长一次性集中做题的时间。2、要求孩子在审题的过程中，自己把题目的要求、条件用笔勾出来，以防止走神出错。这些都可加强孩子的自信，让他感觉“我能自觉集中精力做好一件事”。 2、平时多鼓励，不干扰孩子做好他喜欢做的事情。当孩子专注于做他的小手工制作或观察小动物而忘记了吃饭时，父母切记不要干扰孩子，而是耐心地等他把工作完成。要知道，孩子沉浸于他的兴趣同时，就是在无意中培养自己的注意力呢。父母可在孩子做完他们的“工作”之后，给予孩子鼓励：“你能这么专注地做好一件事情呀！”并及时和孩子分离他的感受，让孩子有意识地把做这件事时的注意力和心理过程迁移到其他事情中。 3、要尽量减少对孩子唠叨和训斥的次数，让孩子感觉到他是时间的主人。父母的唠叨和训斥只会让孩子对相应的事情产生厌烦，从而注意力更不可能集中。不妨让孩子感受到自己是时间的主人，教孩子学会分配时间：当他在相对短的时间内集中精力做好功课，便有更多的时间做其他事情。孩子学人自己掌控时间，有成功的感觉，做事会更加自信。 4、大声读书有利于训练注意力。每天安排一个时间(10-20分钟)让孩子选择他们喜欢的小文章大声为父母朗读，这是一个使孩子口、眼、脑相互协调的过程。孩子在读书的过程中，尽量不读错、不读丢、不读断。他的注意力必须高度集中，把这种训练一直坚持下去，孩子的注意力能逐步南昌市，理解能力也会增强。 5、营造一个有利于集中注意力的家庭学习环境。孩子能够保持良好的注意习惯，不但要先辈训练，周围的环境也是非常重要的。孩子的书桌上，只能放有书本等相应的学习用品，不可摆放玩具、食品，更不能有电视机、电话等声音干扰。父母也尽可能不在孩子学习时进进出出，大声干扰。此外，室内的光线也是一个容易被忽视的环节，光线柔和适度有助于孩子集中注意力。 及时了解孩子的心理和生理发展状况 老师发现一向学习习惯不错的朋朋，忽然变得上课经常走审，一个人发愣，学习成绩也明显下滑。通过谈心和家访，老师了解到近来朋朋的父母经常吵架，他非常害怕，担心爸爸妈妈会从此分开，于量无论上学还是吃饭，总是在想这个问题，以至无心学习。有些孩子，在一段时间内忽然出现注意力下降、爱发愣、内向、脾气暴燥、爱哭等情况，这时，父母和老师要及时了解孩子生活中可能遇到的事件。主要包括两种情况： 1、生活中遭遇突发事件，会给孩子带来过度兴奋、激动、恐惧、愤怒、伤心、忧虑等情绪体验，使他们在短期内变得注意力不集中，自我控制力下降。父母和老师要及时给予关心、理解和正确引导，使孩子尽快恢复正常心态，注意力水平也就相应恢复正常。 2、生活中的突发事件(如看恐怖片、临近考试等)或者孩子饮食习惯不良，都可使其睡眠不足或质量不高，提供身体营养的微量元素缺乏，导致生理性的精神不振、内分泌失调。这些也都是造成孩子注意力水平下降的重要因素。必要时父母可带孩子去医院检查，协助发现问题，尽快恢复孩子正常的睡眠、饮食。孩子注意力不集中的问题便可相应得到解决。 另外，加强孩子的体育锻炼，让孩子多跑步、拍球、跳绳，常进行有氧运动，加强血液循环功能，也是防止孩子精神疲倦、锻炼协调能力，提高注意力的好方法。 上课“不听讲”不一定就是注意力不集中 放放的妈妈总是为他上课不中讲的问题操心，因为放放上课的时候不是在摆弄文具、看课外书，就是和别的同学说话。所幸的是，放放的学习成绩还不错，考试成绩总保持在班进而前五名。但是，妈妈担心孩子到了小学高年级或中学，这种听讲不集中的习惯会使学习成绩下降。 确实有一些像放放这样的孩子，他们并不是“不听讲”，只是比别的孩子更会扣讲。他们善于抓住老师讲课时的语言点、重点。老师一说大家注意了，看看这道题应该怎么思考？这个记叙文的思路应该是什么？他们马上就会抬起头，认真地把老师上课的重点听好、抓好。其它的时间，他们已经听会了，自然“你讲你的，我玩我的”。然而，父母不能强求所有的孩子都能做到这点，事实上，只有少部分非常聪明的孩子才能够这样。其特点是： 1、孩子无论在上课还是与人交谈时，都能够很快抓住重点，领会意思，并给以相应的反馈。 2、在家做功课或其他事情时，都能在较短的时间里，效率较高地完成工作。 3、不用家长太多的指导，学习成绩一般比较优秀。 4、思维活跃，爱思考，迁移能力较强，做事能够举一反三。 如果您的孩子确实拥有这些特点，那么您就不必要太担心他会由于注意力不集中而造成学习成绩下降。相反，要求这种孩子长时间注意力集中，到了真正该听的部分，他反而会感到疲倦，听不过去。对于这类孩子，父母只需要告诉孩子，要学会尊重他人，遵守课上纪律，并学会在听懂老师讲课的情况下自己做题、复习。在家里，父母用新鲜并有一些难度的知识激他们的求知欲，并引导他们在学习时不只满足于“会”而要寻找多种方法、最好的方法解决问题，从而更好地培养孩子的注意力。 </t>
  </si>
  <si>
    <t xml:space="preserve">南方今年夏天气候怎么样？是否有洪灾旱灾？ </t>
  </si>
  <si>
    <t>多暴雨，多地已发生灾情，川黔冀京津东北大暴雨 重庆遭百年大雨现迁移之中</t>
  </si>
  <si>
    <t xml:space="preserve">培养基的保存温度？培养基最好在多少温度下保存？我记得当时做实验时 </t>
  </si>
  <si>
    <t>短期保存的话0到5度就可以的。。</t>
  </si>
  <si>
    <t xml:space="preserve">懂电脑的帮忙看看请问如何升级显卡驱动器知道的告送我好不？谢谢了 </t>
  </si>
  <si>
    <t>如果您确认显示卡支持3D模式，请安装新版本的显示卡驱动程序及DirectX 9.0程序DirectX下载地址：  显卡升级主要是一些游戏发烧者为了跟上新游戏的发展而不断购置性能更高的显卡新品的行为,因为新的游戏总是对显卡(也包括CPU等硬件)性能等要求更高.(这也不断的推动计算机硬件的更新和发展),显卡升级要受制于主板,一般只能升1个档次.对于一般电脑使用者来说,升级显卡没有多大的必要.想问的是,第一,你装的显卡驱动是否和你的显卡是相匹配的.第二,按装之后才这样的吗?有没有重起?第三,如果你觉得你是安装错地方了,你可以去鼠标右键点击我的电脑.然后点击属性.进去之后,看最上面一行,有一个硬件的,点击它.然后你应该可以看到一个设备管理器这个名字.点击进去.看有没有一些,去到显示卡那里看,图案上有没有一个黄色的圆圈和一个感探号,在上面.如果有就证明你的驱动没有安装好,或者是安装了不对的版本的驱动,必须重装.你可以直接在那用右键点击,更新驱动.然后试一试.我想问你下,你有没有升级你的显卡呢??显卡的驱动是不断升级的.我给你一个网站虽然是英文的,但是所有显卡的更新驱动程序都有.有的是经过微软公司验证过的,有的更新的版本,是没有被测试过的你可以去试一下 然后找合适你的版本还有就是WHQL是被测试合格的意思.还有就是当你打开一个新的驱动程式下载之前.你会看到有很多的版本,如果里面有写你的版本的型号,那么你就可以下载,最好选择美国.不要选择欧洲.如果你是MX440的去 如果你是6字开头的去 如果都不是去 绝对能找到你要的 这里是提供给98和ME的朋友的.但是版本不是最新的.建议去看一下还有个就是BIOS升级!我现在有这方面的资料,但给你说起来就很难了,你先看看你的BIOS是不是EPROM或TSR BIOS (terminate and stay resident BIOS)是否支持软件升级.你可以先用刷新程序检测一下显示卡BIOS的类型,然后就可以进行输入工作了..........-------------------------------------------------------------------------若是升级失败了.请注意将你的显示卡插入到PCI的插槽中,然后接上显示器 的电源!第二就是打开计算机,系统会自动使用PCI显示卡启动计算机的!在启动时按下DEL健,进入CMOS参数设置!第三就是选择Integrated Peripherals 将 Init Dis-play First中的参数设成PCI Slot此设定的目的是如果您的爱机同时有AGP显示卡和PCI显示卡,,PCI显示卡被设为优先启动.第四步:按F10保存设置并重新启动.最后:再一次关闭计算机,然后将升级失败的AGP显示卡再插入AGP插槽中,打开计算机,想办法进入DOS方式后,重新对AGP显示卡的BIOS进行刷新.成功后将PCI显示卡取下,再将显示器连接到AGP显示卡即可!以上是升级失败后的补救方法,要是你在升级过程中万一失败,就可用此方法恢复!(CMOS的参数也可以不改)血蝶(累死我了,分儿给我啊!,)(呵呵,我这还是第一次跟人要分呢!)(呵呵~!~)(如有错的地方,请各大虾指正!必回帖!)血蝶</t>
  </si>
  <si>
    <t xml:space="preserve">开店准备工作请开过专卖店的朋友帮忙，开一个服装专卖店要准备些什么 </t>
  </si>
  <si>
    <t>初涉商海，如何开店？ 在和一些工艺品经营业主的交流中，我们发现有些问题他们当初没有进行细致的考虑，仅仅从一些表象来主观确定所要经营的产品种类和盲目投资，为此我们根据市场销售的一些经验，给将要开实体销售店的朋友们提出一些参考。一、 有兴趣 兴趣是最好的老师，对你所要经营的货品首先你必须对它有兴趣，这样才能够不断地促使你去发现这些货品给你带来的新卖点，才能保证你的货品始终深受消费者的喜爱。从而形成长期被你所引导的顾客，以及吸引更多的客人来光顾。 二、 市场走访 市场走访是开店前必要的准备工作，在你锁定了你要经营的货品条件下，切忌不可盲目地以个人主观意识去投资，你可以就现在市场上的同类店花上几天的时间进行询问市场价，了解一下消费群结构和他们周边的环境，同时体会一下别人的装修风格等等。 这些走访可以帮助你在与供货合作伙伴洽谈时提供一些必要的参考。 三、 了解你的供货合作伙伴 对供货合作伙伴的了解可以从以下几个方面来考察： 1. 提供的货源是否符合你经营的货品结构？达成供销合作的条件是什么？ 分散进货：货品结构可以增加，但也分散了进货渠道，造成很多中间环节的费用增加；集中进货：你的销售业绩量大，就可以得到更多相应的合作支持和优惠条件。 2. 对方的经营性质是什么？（生产商还是批发商；公司还是个体） 供货商的经营信誉和经营方向对一个想长期以此为发展的经营者而言这是应该加以考虑的一个因素。 3. 对方对市场的认识如何？（是否有相应的市场支持和保护保障） 刚开始开店经营，还有一些准备不是很完善，这需要借助供货合作伙伴给于一定的支持和协助，比如退换货支持就是其中一项，这样可以避免一些货品形成积压。另外货品批发价是否公开和区域保护政策（无区域界定会造成零售价格恶性竞争）。 4. 确定供货合作伙伴在什么条件下可以给与什么支持？ 经营初期一定要借助一些可利用的资源来补充自己的实力。 四、 店面选择 完成上面的几个步骤，接下来就是选择店面地址的问题了，这里提供一些参考议。 1. 分析一下可以销售的货品结构，综合考虑之后根据货品结构确定消费群集中的地段以及适合这类货品销售的街区位置，拟定出几个适合位置。 2. 衡量一下现有的资金情况，询查已拟定位置的店面租金情况和可以租用的店面结构。 注意一个问题：店面面积、内部结构与店前环境要结合货品摆放综合考虑。 在确定店面时，如果出现资金少量短缺的矛盾时，可以从货品方面考虑是否能找出一些平衡条件，如适当减少一些价值高的货品数量（以样品形式出现）；预期走货快的货品款式是否可以与供货商协调小批量金额发货等等，来弥补较好店租前期投资超支的矛盾。但同时也要避免一时热情产生所投资过量造成的经济压力。 五、 货品结构补充 在经营过程中留意货品走势情况，及时补充可以形成系列消费、具有拓展延伸性的货品，以便店内常有一些新款上架，引导消费和吸引顾客购买。 六、 店面装修 如何做到装修风格突出而费用成本又能降低，这对于店主来说确实是一个新问题。这里列出几个要注意的问题和建议： 1. 请有经验的设计给出整体装修效果，这部分花费比起材料返工或浪费更值得； 2. 与设计交流要充分表达自己期望的效果，并要求设计给出相应的装修概算； 3. 如果供应合作商可以提供部分装修建议或相应支持，可以借助其力量协商完成； 4. 装修效果是作为货品映衬而不是装修本身，所以在选择材料与颜色搭配上尽量避免喧宾夺主； 5. 灯光的布局和选择要适宜，强光和虚化光线的组合要以突出货品为主导，不是多多益善； 6. 装修材料的材质要根据货品结构的文化内涵来选择； 7. 装修整体风格要有主题突出，易简炼明了，不易繁琐花哨。七、 资金安排（转让费、店面租金及其他不确定费用除外） 1. 装修费控制在400.00元/㎡以内 2. 首批进货量保证500.00元/㎡以上 3. 流动资金保证300.00元/㎡以上 八、 工商登记注册 一般性质的经营办个个体工商户就可以了，这是最简单的工商注册，同时也可减免一些不必要的费用，手续如下： １． 申请 申请人持文件、证明向户籍所在地或经营场所所在地工商行政管理所提出申请。并提交以下文件和证明： （１） 经营者身份证明。 身份证明包括身份证、户口簿和职业状况证明。 （２） 经营场所证明。 如是自有房，提交房产权证明。如是租用房，提交租赁协议和出租方的房产权证明。如涉及到市容、人防等方面的，还需提供有关部门批准的证明。 （３） 申请书。 （４） 从事特定行业经营的要有审批证明。 （５） 个人合伙经营的要有合伙协议。 参考：在办理申请前，先咨询当地一些有可以减免费用的条件规定，如果你符合其中条件，在提交申请时别忘了带上这些资料文件。 ２． 受理 工商行政管理所对申请人提交的文件、证明、申请书进行初步审查。如符合规定、手续齐全、予以受理。一般当天就可以办理完。如有不齐备资料，相关部门会给出应补充资料的明细。 ３． 审批 工商行政管理所受理后，报县（区）级工商行政管理局审批。 ４． 发照 审批后，申请人交纳登记费用，由工商行政管理所向申请人颁发营业执照税务办理手续在申报办理税务登记时，应当填写《税务登记表》一式两份、《纳税人税种登记表》一式一份，并根据不同情况向税务机关如实提供以下证件和资料： （1） 工商营业执照或其他核准执业证件及复印件； （2） 有关合同、章程、协议书及复印件； （3） 法定代表人（负责人）或业主居民身份证、护照或者其他证明身份的合法证件及复印件； （4） 主管国税机关要求报送的其他资料。 九、 店员选择与培训 一个人看不过来！两个人也很辛苦，在必要的时候你要招一个帮手，找员工的时候主要先看人品，再看口才，在看长相，女性为佳，因为产品种类多，女性细心，最好能找个喜欢这些东西的，她自己就会主动学习和出些好方法帮助你，你会很省心。记住一个要点，最好找知道根底的人，最好是本地人，这样产品丢失问题比较好处理，不要东西被卷走了，都找不到人，记住把身份证复印件留好，并且查看原件。 刚开新店，店里店外都得忙碌，在必要时需要招帮手，招店员首先要看人品，其次要看办事能力，还要看对方对经营的货品是否有兴趣，这样才能够主动学习货品知识和向顾客很好的表述货品性质等等。店员的基本资料要详细了解和保存。 同时店内货品要有详细登记，出售价格与成交价格之间的浮动比例要做到心中有数，以防货品丢失和资金流失。 培训方面如果供应合作伙伴可以提供相关的专业系统资料就更好了。</t>
  </si>
  <si>
    <t xml:space="preserve">补丁安装不好意思,我实在不太会,下载的补丁怎么样解压到安装目录, </t>
  </si>
  <si>
    <t>1.可以使用FSBOX的自动更新，就是登录时选择大区后会出现的“自动更新”OR"手动更新"选前者！2.下载更新包，然后将压缩包剪切复制黏贴至您的“FS2008”的安装盘下载的文件内，然后解压即可游戏！比如：我安装在： D:\FS2008    则我就黏贴复制到该目录下解压缩那个补丁包即可！</t>
  </si>
  <si>
    <t xml:space="preserve">佛山大沥到顺德容桂的车几小时一班？ </t>
  </si>
  <si>
    <t>206路-&gt;佛山城巴南海-顺德线-&gt;317路</t>
  </si>
  <si>
    <t xml:space="preserve">该不该接受他的爱有个比我小9岁的男人很爱我，首先声明，我没钱。姿 </t>
  </si>
  <si>
    <t>年龄不是爱情的决定因素，父母的反对意见也不是爱情阻力，关键是你们两人心心相印、情投意合，在一起有爱的甜蜜和感觉，从内心感到幸福、快乐，有这种感觉就是一对美满的情侣。婚姻自主，恋爱自由，父母的意见仅仅只能作参考，婚姻大事还得自己作主。不过，你要有思想准备，女人虽然比男人长寿，但衰老比男人快，到了更年期，会发生一些不协调的因素，将影响夫妻感情，提前有思想准备才能更好地维护你们的感情。</t>
  </si>
  <si>
    <t xml:space="preserve">什么零食好吃？国庆的时候在精茂城逛了一圈，发现有一家叫蛋蛋猫的进? </t>
  </si>
  <si>
    <t>您好，推荐奇华饼挺不好吃，求好评谢谢。</t>
  </si>
  <si>
    <t xml:space="preserve">世界上是否有外星人关于外星人 </t>
  </si>
  <si>
    <t>我也喜欢关于UFO的事我也看过关于UFO的书籍照片我个人认为“有”这么大的宇宙这么多的星球不会只有我们人类的肯定还有像地球条件一样的星球还有比我们更高度的文明更先进的科技...</t>
  </si>
  <si>
    <t xml:space="preserve">今晚英镑走势不知道今晚英镑会不会回升啊? </t>
  </si>
  <si>
    <t>总体来看，我不太看好英镑/美元的后势，但如果今天美国就业数据非常不好，美元再次大幅下跌的情况下，英镑也有可能间接受到支撑。</t>
  </si>
  <si>
    <t xml:space="preserve">户口可以迁回来吗？我家在天津，在重庆上完大学后在成都找到工作，并 </t>
  </si>
  <si>
    <t>你当初毕业时若是直接请求返回原籍是可以的，但你现在不是应届毕业生了，不能以此为由返回原籍回天津了。只能是在符合天津户口准入的政策的情况下才能迁回到天津了。至于落到哪，这就得根据你符合哪个政策说了。但你现在的单位既然没有资质可以落户口，就与他无关了。天津市的户口准入政策，你可以参考的是： （1）引进人才户口 ：本市企业引进的具有研究生以上学历人员在我市注册的企业工作，准予本人、配偶及其未成年子女在津落户。 　　外省市具有大学本历(只限于全日制普通高校的毕业生，不含业大、职大、自学考试等成人教育取得本科学历的人员)，年龄在35周岁以下的，已在我市注册的企业工作并签订劳动合同的，允许本人户口迁入我市，农业户口可办理"农转非";在我市注册的企业中工作满3年，具有合法固定住所的，可申报其配偶及未成年子女户口迁入我市，并可办理"农转非"。具有我市常住非农业户口的本科学历人员，已在我市注册企业中工作满3年，要求配偶及子女迁入我市或"农转非"的，可参照此规定办理。需提交个人书面申请、身份证复印件、户口簿复印件、单位或居(村)委会证明、结婚证复印件、学历证书复印件、引进单位证明、劳动合同复印件和单位营业执照(副本)复印件。 （2）投配偶户口 　　外地或本市“两区三县”的人员与市内居民结婚,年龄在３５周岁以上,并且投靠配偶10年以上的人员,可准予在配偶户口所在地落户,18周岁以下的子女可以随迁。对其中外地或本市农业户口人员与我市患严重疾病或残疾的居民结婚,年龄在30周岁以上,在津居住5年以上的,可照顾在配偶户口所在地落户,子女可以随迁。需提交个人书面申请、身份证复印件、户口簿复印件、单位或居(村)委会证明、结婚证复印件,因病残投配偶还要提交指定医院证明和残疾程度照片,离婚再婚的还要提交离婚证件复印件。 （3）突出贡献人员户口 　　1、对外省市人员和我市农业人口在津兴办私营企业,上年度纳税额达30万元人民币的,可准予该企业主要负责人及其配偶和未成年子女或高级管理人员1名在津落户或"农转非"。对外省市在津投资兴办的国有或集体所有制企业及本市乡镇企业,上年度纳税额达50万元人民币的,可准予该企业主要负责人及其配偶和未成年子女或高级管理人员1名在津落户或"农转非"。需提交个人书面申请、身份证复印件、户口簿复印件、单位或居(村)委会证明、结婚证复印件、单位营业执照(副本)复印件和纳税凭证复印件。 　　2、在我市经济建设中,获得市(部)级以上荣誉称号的外省市来津人员,可准予本人、配偶及未成年子女在津落户,需提交书面申请、单位证明、结婚证、身份址、户口薄、荣誉证书复印件等材料。</t>
  </si>
  <si>
    <t xml:space="preserve">数学题小红的体重比小玲重5千克，小玲的体重比小红轻1/7。小玲的 </t>
  </si>
  <si>
    <t>小红体重=5÷1/7=35（千克）小玲体重=35-5=30（千克）或35×（1-1/7）=30（千克）</t>
  </si>
  <si>
    <t xml:space="preserve">我怎么转不了260小时啊，怎么回事我点了N*N回，就是转不了，谁 </t>
  </si>
  <si>
    <t>用完后要第二天才可以转</t>
  </si>
  <si>
    <t xml:space="preserve">12生肖的排名由来 </t>
  </si>
  <si>
    <t xml:space="preserve">十二生肖又称为十二属相，是用十二种动物为名称的纪时方法。 1,在很久很久以前，天上的玉皇大帝为了让人们适时耕作、起息，便想教人们学会纪时。玉皇大帝准备选十二种动物作为十二生肖，每过一年便递换一种动物，十二年后再重新一轮。消息传出后，天下所有的动物都想成为十二生肖中的一位，都希望能让人类记住自己，于是动物们纷纷赶往天庭，接受玉皇大帝的挑选。玉皇大帝见动物们如此踊跃，很是高兴，为了尽量做到公允，玉皇大帝命动物们进行比赛，胜者即可入选。当老鼠跟巨大的大象搏斗时，因其机敏灵活，钻进了大象的鼻子而打败大象，赢得了所有动物的掌声，并被排在了选中的十二种动物的第一位。十二生肖就这样产生了。 2,说玉皇大帝想选出12种动物做为代表然后他就派神仙下凡跟动物们说了这件事又定了时间在卯年卯月卯日卯时到天宫来竞选来的越早的排的越前面后面的排不上而那个时候的猫和老鼠还是好朋友猫爱睡觉但他也想被选上所以就叫老鼠到时候叫他可是老鼠一转头就忘记了老鼠去找来老牛说他起得早跑得快叫牛到时候带带他老牛答应了 而那个时候的龙是没有犄角的而鸡是有犄角的龙就跟鸡说鸡已经很漂亮了用不着犄角叫鸡借他鸡一听龙的奉承很高兴的借了他叫他竞选后记得按时还他龙满口答应 到了卯年卯月卯日卯时，众动物纷纷赶向天宫而猫还在睡觉 老鼠坐在牛的背上一直到达天庭老鼠“蹭”的一跳玉皇大帝说他最早到达让他排第一老牛排第二老虎也随后到了排第三兔子也到了排第四龙来得很晚但他个儿大玉皇大帝一眼就看到了他叫他过来看他这么漂亮就让他排第五还说让他的儿子排第六可龙很失望因为他儿子今天没来这时后面的蛇跑来说：他是我干爸我排第六！我排第六！蛇就这么排了第六马和羊也到了他俩你让我我让你的：马兄你先~~羊兄你先~~他们推来推去的玉皇大帝看他们这么有礼貌就让他们排了第七第八猴子本来排三十几的可是他凭自己会跳就拉着天上的云朵跳到了前面排到了第九接着鸡狗猪也纷纷被选上 竞赛结束后猫才醒来老鼠刚回家就被猫满世界的追。。。 竞赛结束后龙来到大海边看到有犄角的他比以前漂亮多了就不准备还鸡了为了躲鸡他从此消失在人世间之中而鸡很气愤于是他从此以后天天一大早的起来对着大海喊：快还我！快还我！母鸡就喊：快还他！快还他！小鸡也叫：还！还！ 好了故事讲完了给你讲讲你所问的吧 国自帝舜时代就开始使用天干十个符号和地支十二个符号相配合的“干支纪年法”。以动物纪年的方法最初起源于我国古代西、北部从事游牧的少数民族中。《唐书》载：“黠戛斯国以十二物纪年，如岁在寅，则曰虎年。”清代著名考据学家赵翼在《陔馀丛考》证云：“益北狄俗初无所谓子、丑、寅、卯之十二辰，但以鼠、牛、虎、兔之类分纪岁时，至汉时呼韩邪(单于)款塞人居五原，与齐民相杂，浸寻流传于中国，遂相沿不废耳。” 十二生肖最早见于世界上第一部诗歌总集《诗经》。《诗经·小雅·车攻》曰：“吉日庚午，既差我马。”又见于《礼记·月令·季冬》：“出土牛，以送寒气。”十二生肖之说，究竟产生于何时？有史料云：它最晚应形成于汉代。其依据是东汉王充《论衡·物势篇》云：“寅，木也，其禽，虎也。戌，土也，其禽，犬也。”又云：“午，马也。子，鼠也。酉，鸡也。……申，猴也。”共提出十一种生肖名。加上东汉赵晔《吴越春秋》中有“吴在辰，其位龙。”恰好补上了“辰龙”，而成全了十二生肖。可见在东汉十二生肖已经形成。至于十二生肖的使用，至少在南北朝时代就已经出现。北史《宇文护传》记载了宇文护的母亲写给他的一封信，内容是：“昔在武川镇生汝兄弟，大者属鼠，次者属兔，汝身属蛇。”由此可见当时民间已普遍使用十二生肖记录人的生年了。 但是，在20世纪70年代中期，即1975年12月间，在湖北云梦睡虎地第11号秦墓的出土文物中，发现了上千支竹简。其中《日出·盗者》清楚地记载着用生肖占卜盗贼相貌特征的文字。这一奇迹的出现，证明了在春秋战国时代就使用十二生肖了。因为第十一号秦墓，据考证葬于始皇帝三十年，即公元前217年。有人说：我们的祖先用生肖纪年，远在秦始皇称帝之前就开始了，而且具体地指出“始于夏，流传于商周。”但如何引证，恐尚待史学和文物学者进一步探究了。 我国古代南北朝不仅使用十二生肖纪年，而且出现了沈炯创作的《十二属诗》： 鼠迹生尘案，牛羊暮下来。 虎啸坐空谷，兔月向窗开。 龙阴远青翠，蛇柳近徘徊。 马兰方远摘，羊负始春栽。 猴栗羞芳果，鸡砧引清怀。 狗其怀屋外，猪蠡窗悠哉。 这首诗在首字按序嵌入了十二生肖名，且突出了每种动物的生性特点，起到画龙点睛之作用。 明朝大学者胡俨撰写的十二生肖诗，不仅依次嵌入生肖名，而且一名一典，颇有情趣。诗云： 鼷鼠饮河河不干，牛女长年相见难。 赤手南山缚猛虎，月中取兔天漫漫。 骊龙有珠常不睡，画蛇添足适为累。 老马何曾有角生，羝羊触藩徒忿嚏。 莫笑楚人冠沐猴，祝鸡空自老林邱。 舞阳屠狗沛中市，平津放豕海东头。 </t>
  </si>
  <si>
    <t xml:space="preserve">关于LR宝宝遗忘技能的问题在LR宝宝训练师那里可以遗忘宝宝的技能 </t>
  </si>
  <si>
    <t>会  60级6级忠诚的宝宝给你300点技能点！ 重新学  洗宝宝天赋和人一样一次比一次贵！ 第一次10Y第二次50Y第三次1G！  建议在一周之内洗2次就可以了！  当每周二维护后再次洗宝宝时变会10Y！</t>
  </si>
  <si>
    <t xml:space="preserve">磁盘的碎片整理，是如何操作的？怎样操作磁盘碎片整理，请写出步骤 </t>
  </si>
  <si>
    <t>　　在win98/ME下进行磁盘碎片整理　　1、先点击菜单“开始－程序－附件－系统工具－磁盘碎片整理程序”来进行碎片整理。　　2、在弹出的“选择驱动器”窗口中来选择“所有的”，这样碎片整理就是针对整个硬盘了。 　　3、选择好后，程序就自动开始进行整理了，点击“显示详细信息”就可以看见如下图的界面了。 　　在win2000/XP下进行磁盘碎片整理　　win2000中的磁盘碎片整理程序是采用的一个全新的磁盘碎片程序，还是先点击菜单“开始－程序－附件－系统工具－磁盘碎片整理程序”来打开程序，打开后，选择需要进行碎片整理的磁盘，然后点击下面的“碎片整理”按钮就开始整理了。 　　这个碎片整理程序先进行磁盘分析，然后再进行碎片整理，这样就可以进行磁盘整理前后的对比了。 　　用其他软件进行磁盘碎片整理 　　 除了windows系统自带的碎片整理程序外，还有一些专用的磁盘整理工具，如VoptXP、MindSoft Defrag、PerfectDisk2000等，下面我们就介绍二个不错磁盘碎片整理软件。　　VoptXP　　Vopt XP（下载地址： 　　下载运行软件后，我们可以通过上下箭头来选择磁盘，然后就可以点击左面的按钮来进行磁盘整理了，点击右面的那个打勾的按钮就是分析磁盘，看看有多少碎片文件。 　　MindSoft Defrag　　“MindSoft Defrag”（下载地址：  XP操作系统环境下专用　　的磁盘碎片整理程序,采用MindSoft公司的MFO v3.0技术,它的操作方法也很简单，下载安装好后启动软件，选择需要进行碎片整理的磁盘，然后点击下面的“Defragment”按钮就可以进行碎片整理了。 　　最后需要提醒大家的是，在进行磁盘碎片整理的过程中最好不要进行其他的磁盘读写操作，还有要把屏幕保护程序和一些内存驻留程序关闭掉，否则磁盘碎片整理程序会因为磁盘读写而会重新开始整理，这样就会增加磁盘碎片整理的时间。</t>
  </si>
  <si>
    <t xml:space="preserve">留学签证可不可以同时签两个国家各位大大,我现在拿到了两个国家大学 </t>
  </si>
  <si>
    <t>美国签证一向就是难拿的，你现在也只是拿到大学录取通知书，并不代表你就是拿了美国签证，因此，我还是建议你先签美国，再去签加拿大的。加拿大留学签证相对来说比较好拿。其实是否签2个签证真的不重要，你内心到底是喜欢哪个学校，你是否以后想移民美国还是加拿大，长远点考虑比较好！</t>
  </si>
  <si>
    <t>help,please已知函数f(x)是R上的增函数，A(0,</t>
  </si>
  <si>
    <t xml:space="preserve">图象上两点，说明f(0)=-1,f(3)=1|f(x+1)|&lt;1,  -1&lt;f(x+1)&lt;1,    f(0)&lt;f(x+1)&lt;f(3)  0&lt;x+1&lt;3-1&lt;x&lt;2  ，就是答案    </t>
  </si>
  <si>
    <t xml:space="preserve">连上网以后打不开网页是为什么呀我的电脑最近网速特慢而且昨天连上网 </t>
  </si>
  <si>
    <t>关闭广告拦截</t>
  </si>
  <si>
    <t xml:space="preserve">大家帮我分析分析！他什么心态？我和他结婚３年多了，有一个可爱的女 </t>
  </si>
  <si>
    <t>你丈夫心理有问题，最好是去做一下心理咨询。如果他真的特别介意你的初恋不是他而是他的同学，而且无法停止因此而恨你、想折磨你的想法，那么他对你就不是真诚的爱，至少现在不是了，而是以婚姻的名义来实行内心的报复。如果他一直不能停止要折磨你的想法，以后他折磨你的办法会越来越多的，甚至可能会以寻找婚外情等等手段来弥补自己“吃的亏”。适当的时候应该考虑一下你们的婚姻到底出现了多大的问题？还来得及挽回吗？正常关系的夫妻，应该相互体贴、相互包容、相互关爱的，重要的是要分清是非，谁的错误谁就该勇敢承担，而不能每次都让一方认错，这样的婚姻关系是不平等的，也是对每次都认错一方的不尊重。所以，现在是该你认真考虑一下你们婚姻的实质的时候了。</t>
  </si>
  <si>
    <t xml:space="preserve">这玩意儿留下的弹壳回收不？（图）这玩意儿留下的弹壳回收不？有回收 </t>
  </si>
  <si>
    <t>上将的问题一向颇具趣味性，标题看似简单，其实内涵丰富；仅就这个问题，我随便掺乎几句，其实上面这位朋友已经负责任地说了，我国的弹壳都是钢的，对此，我非常同意。各位可能有所不知，我国对枪炮弹药药筒的钢壳化研究早就在60年代就开始了，到80年代初，我国已经全面实现了所有枪、炮弹药药筒的钢壳化，而且其制造技术居世界领先地位。所以，对像730近防炮以及所有舰炮所用弹壳，勿庸质疑，一定是钢的。既然是钢的，是不是就不回收了呢？也不一定，但要分情况，像这种炮，要转着打，其回收装置用什么做，就是个问题，用金属箱？射速这么快，箱子装多了或满了会增加炮的无效重量，交战中难道还用人专门处理废弹壳？不可能吧。用网兜？炮转起来，拖个大网兜稀里哗啦地？也不是个事嘛，于是，索性就全不要了，于是，就看到了照片上呈现的，一开炮，弹壳都争先恐后往海里跳的情景。但如果是陆炮，就像PT所言，能回收还是回收。废金属毕竟也是钱嘛。但下面这幅照片，可以看到一个破网兜挂在舷边，但我们应该能看出来，那个东西绝不是730炮的固有附件，也许是水兵们为了防止弹壳掉在下层甲板上人踩上去要摔跤采取的临时措施，即使不摔跤，你也得清理，挂个兜子就不用清理了嘛。对不？但谁要楞管它叫弹壳收集器，我也不反对。</t>
  </si>
  <si>
    <t xml:space="preserve">我玩不了游戏？？？？昨天晚上还可以在新墨香中驰骋，今天上了还没一 </t>
  </si>
  <si>
    <t>重装。。。。</t>
  </si>
  <si>
    <t xml:space="preserve">关于战绩的....为什么这几天好多人喊着收战神坐标呢?好象现在战 </t>
  </si>
  <si>
    <t xml:space="preserve">战绩不是没用的！还是那句话“存在即是道理”和早期的女娲那样！毕竟现在只出到130装备 想要打出好材料的话当然要去寻找各种渠道咯``例如FB FM 如果有*到125级的话也会有很多人去守 现在的*都是给110装备 你应该看到110装备已经不怎么值钱勒 满TS成品也就3000左右 以前最低都8500 120的也普遍降价了 只有130的没多大的波动 ！！以后应该会慢慢完善战绩的用途吧 </t>
  </si>
  <si>
    <t xml:space="preserve">中国的五大镇山是哪五座山？ </t>
  </si>
  <si>
    <t xml:space="preserve">东镇沂山东镇沂山，古称“海岱”、“海岳”，与泰山同属泰沂山脉的两大主峰。假如有一天你来到了沂山，你是否意识到自己已经进入“人世蓬莱”的境界？假如你来到了位于山东临朐的东镇沂山，你是否意识到自己已经进入“人世蓬莱”的境界。在这里，你除了可以尽情欣赏宏伟壮丽的林海，特险峻的山岳风光、神奇莫测的天象奇观，还可以细细品味“东镇碑林”、“摩崖造像”、“吕祖洞”、“齐古长城遗址”这样的人文景观，与历史进行对话。 东镇沂山，古称“海岱”、“海岳”，与泰山同属泰沂山脉的两大主峰。西汉太初年间，以慕仙闻名的汉武帝听到了黄帝沂山封禅的传说以后，亲临沂山，并在沂山最高峰——玉皇顶建起了“泰山祠”。此后两千多年间，历代统治者诏令加封，修建庙殿，树碑立刻。东镇庙因此成了当时青州境内最大的山庙。院内古柏名木参天蔽日，历代古碑丛矗如林，被誉为“东镇碑林”。同时，大批隐者处士、世外高人纷纷慕名而来，到这里云集憩居，给神话般的沂山更增添了浓郁的仙家气息。今天的沂山，大量的景点就是由这些神仙传说敷衍而成的，比如吕洞宾修炼仙术的“吕祖洞”，老子云游时居住过的“太清洞”，碧霞元君洗脸的“天池”，太上老君的坐骑变成的“青子石”。沂山南侧还有齐古长城遗址，它西接岱山，东连琅岈，一千余里，曾经是春秋战国时期齐鲁两国的疆界。现在遗存有土墙穆陵关遗址约1500平方米，它像一位老人，在那里默默地诉说着过去的沧桑。 在沂山的自然景观之中，壮丽的林海最令人难忘。整座沂山，森林覆盖率达到91．2％，人称“天然大氧吧”。无论是古寺周围的松林，玉皇顶下的落叶松，歪头崮四周的耳栎林，还是槐荫溪的刺槐林，花枝台的灌木林、百丈崖的麻栎林，都葱葱郁郁，遍布山岭沟壑，用绿色给沂山涂抹了主色调。而点缀其间的木榆花、映山红、照日白、天目琼花等野生花草，又使沂山显得分外妩媚，从而构成了一幅“三季有花，四季常青”的美丽画卷。还有沂山那给人带来神秘感觉的云雾，每逢阴雨季节，群山之间云雾飘渺，歪头崮、狮子崮诸峰时隐时现，若即若离，犹如仙境瑶池。置身在如此人间仙境，你一定会有“古今多少事，都付笑谈中”的洒脱。 还有玉皇顶、歪头崮、狮子崮等奇峰突兀，探海石、风动石、狐狸石等怪石嶙峋，吕祖洞、栖风洞、人参洞等洞穴幽深，它们有如珍珠般散落在沂山的群山之间。落差68米、被誉为“江北瀑布之冠”的百丈崖瀑布，水大崖峻俯冲谷底，犹如万马奔腾。难怪当年李白游沂山时也动情地留下了“百丈素崖裂，四山丹壁开。龙潭中喷射，昼夜生风雷”的诗句。 关于歪头崮，流传着一个有趣的传说：歪头崮早先高耸入云，能听到天庭的很多消息，沂山因此受益不小。有一次，玉帝商量到沂山采灵芝。这事恰巧被歪头崮听到了，于是沂山所有的灵芝都躲藏了起来，采灵芝的仙女只好空手而归。玉帝很生气，决定调查此事。正巧歪头崮又在那里偷听，玉帝一看火了，一个巴掌扇将过来，从此歪头崮就变成现在的这副模样。 西镇吴山 宝鸡一如她的名字那样充满神奇魅力，踏上这块土地，你会发现自己面对着一部深邃的古书。 西镇吴山，是这部古书最为神奇的章节。宝鸡一如她的名字那样充满神奇魅力。踏上这块土地，你很快就会发觉自己面对着一部深邃的古书。史前时代的炎帝点燃的中华文明之火，仿佛还在那里熊熊燃烧；姜子牙似乎还坐在钓鱼石上悠然垂钓，等待周文王的邂逅；汉高祖刘邦“明修栈道，暗渡陈仓”的典故，依然还在宝鸡的群山之间回荡…… 在这部古书之中，西镇吴山是最为神奇的章节。 据记载，中国传说时代的三位帝王——尧、喾、舜，就埋葬在吴山。几千年来，关于尧、喾、舜的神奇故事和历史谜团，被一代代的人们不断地构思着、传播着，至今，依然感动着无数探寻者的心灵。就在吴山的群峰之中，秦始皇的祖先秦灵公设上畴祭祀黄帝，设下畴祭祀炎帝，开始了中华民族祭祀炎黄的历史——知道了吴山拥有过如此深厚的历史，你就不难理解，为什么汉代会将吴山当作自己的神都，先后有6位皇帝23次来吴山祭祀封禅——仅汉武帝就来了13次。吴山的一草一木，无不深藏着远古时代的秘密，记载着过去不寻常的历史。 历史的盛宴早已散尽，永不褪色的是吴山那充满原始气味的峰峦山林。总面积3340公顷、最高海拔2069米、林木覆盖率达95％的吴山，简直就是大自然鬼斧天工的杰作。它既有北国山势之雄，又兼有南国山色之秀，境内冈峦嵯峨，奇峰擎霄，有名的山峰就达18座之多。其中以镇西锋、大贤峰、灵应峰、会仙峰、望辇峰最为神奇。大贤峰为群峰之首，它的名称来源于“凝骨插天，秀拔突起，有俨然拱肃之状”。灵应峰如斧劈刀削，山峰之下一泓汩汩流淌的清泉绕过。会仙峰在灵应峰的南边，过去常有高人逸士游栖。镇西峰又名毓秀峰，处在四峰之中，“吴山之峰”的石碑赫赫然耸立在顶巅之上。五峰排空，状如五朵鞭蓉凌空并开，晴日极目，云雾缭绕，满山滴翠。在这些主峰之间，还有来鹤、晴映、鹦鹉、青剑等12小峰，差参期间，错落有致，挺拔俊俏，美不胜收。 陶醉在如此美妙的环境里，你当然会由衷地感到，当年康熙手书的“玉峰挺秀”，用在吴山身上是那样的恰如其分。 南镇会稽山这是一片盛产名人的沃土：治水归流的夏禹、卧薪尝胆的勾践、放荡不羁的稽康、伤情的陆游、书圣王羲之父子——他们在会稽山留下了数不清的传说和遗迹，使会稽山呈现与江南水乡迥然不同的另一番风景。据《世说新语》载：晋代大画家顾恺之从会稽回来后，有人问他会稽山的山水如何。顾恺之说：“千岩竞秀，万壑争流，草木蒙笼其上，若云兴霞蔚。”从此“千岩万壑”几乎成了会稽山水的代名词。东汉时期鉴湖的筑成，在一个更加广阔的空间上把会稽山的千岩万壑组成一更加迷人的山水画卷，正如李白所描绘的：“遥闻会稽美，一弄耶溪水。万壑与千方，峥嵘镜湖里。”难怪会稽山备受道士仙家的青睐，被当作道教的“洞天福地”。 然而，真正造就了会稽山恒久魅力的，是活跃在会稽山周围的那些历代名人。这是一片盛产名人的沃土，治水归汉的夏禹、卧薪尝胆的勾践、神仙名家葛洪、放荡不羁的稽康、伤情的陆游以及山水诗人谢灵运、书圣王羲之父子……他们在会稽山留下了数不清的传说和遗迹，使会稽山呈现出与江南水乡迥然不同的另一番风景。 在会稽山的名人星空中，治水英雄夏禹是最灿烂的一位。4000年前，夏禹在会稽山脚下遇到了美丽的涂山氏之女，深深地被她的美丽所打动。他娶下了这位天仙般的美女，留下了千古佳话。后来完成了治水大业的大禹，在这里召集天下诸侯会盟，封禅祭天。据说，宛委册南麓的龙瑞宫遗址，这就是当年夏禹封禅的地方。大禹死后，埋葬在会稽山下。大禹死前留下遗嘱：“吾百世之后，葬我于会稽山，衣裘三领，铜棺三寸，穿圹七尺，下无及泉，坟高三尺，薄土阶三等葬之，勿伤田亩”。因此大禹陵没有封土，只有后代立下的一块碑和四周郁郁葱葱的古槐。有趣的是，虽然没有封土，但即使最有生命力的竹根，只要延伸到大禹陵区域，都会枯死。 多年前越王勾践“卧薪尝胆”的故事仍然在人们心中流传，绍兴城里，越王台、飞翼楼、文仲墓等古越国的遗迹依然吸引着人们的凭吊伤情。会稽山还是百越民族的发祥地，大批的山峰就是以越国的种种生产方式来被命名：采集种植的山就被命名为蕺山、稷山、葛山、麻林山；养殖狩猎的被命名为犬山、鸡山、白鹿山；有开矿、冶铸的就起名为姑中山、赤堇山以及上灶、下灶、日铸岭等。 探求大禹的遗迹，追寻越国的历史，品味会稽山的山川溪谷，你会读到绍兴水乡之外的另一种风景。 北镇医巫闾山 医巫闾山所在的辽宁省北宁市，被称为“幽州重镇，翼北严疆”，历来是兵家必争之地。站在医巫闾山，当年金戈铁马惨烈拼杀的场面仿佛依稀眼前…… 别看它海拔只有800多米，闾山在历史上是被列为东北三大名山之首的。《全辽志》说：“辽境内，以医巫闾山为灵秀之最，而千山次之，最东侧为东山（长白山）”。也许正因为有了这样一份灵气，它不仅让屈原为之魂牵梦绕，留下了“朝发轫于太仪兮，夕始临乎于微闾（医巫闾）”的美丽诗篇，而且后来成为辽代帝王的“生命之山”。你绝对想不到，在这片看似寻常的群山之中，竟长眠着大辽国六位皇帝、十几位皇妃和二十多位大臣。其中就有皇太子耶律倍、皇太后萧燕燕这样显赫一时的历史人物。正是由于有了这样的背景，从东北家的满清王朝，对闾山是那样的尊崇倍至。康熙、雍正、乾隆、嘉庆、道光等五代皇帝先后十几次来闾山祭祀狩猎，留下御文五十余首。其中，乾隆皇帝就来过三次。今天，从北镇庙举办的祭山大典活动中，你依然能感受到当年乾隆皇帝来闾山祭祀山神时的盛况。 “名山插霄汉，朵朵青芙蓉。连亘数十里，隐见千里重。”风流倜傥的乾隆皇帝用他那生花妙笔这样赞美闾山。闾山以其奇峰怪石、古木苍松、岩洞沟壑的自然风光称雄于世，将军拜母峰、莲花峰、额头峰、骆驼峰、神女峰、孔雀开屏石、福寿禄三星石等等这样的奇峰怪石在闾山随处可见。 闾山是大自然孕育的风景佳作。它通体成景，横看竖看皆可入画。闾山的大小景点有100多个，海云观的白云，额头峰的浓雾，圣水盆的月色，观音阁的古香，把闾山点缀得宛如一幅丹青水墨长卷。闾山四季不同，景色各异；春来梨花盛开，香雪如海，盛夏青山叠翠，郁郁葱葱；深秋漫山红遍，层林尽染；隆冬瑞雪纷飞，山舞银蛇，一派北国风光。 闾山的人文景观即使经历了数百年风雨，丝毫也不显得逊色。当年耶律楚材用功的读书堂、耶律倍读书处的“望海堂”，还有辽代的双塔、吕公岩、十八蹬、仙人桥……美丽堂皇的亭、台、楼、阁，星罗密布的碑刻摩崖，烟云缭绕的古刹殿堂，无不折射出闾山丰厚的文化和曾经有过的辉煌。最令人流连忘返的则是北镇庙，这座占地近5万平方米的大型庙宇是五镇中人存最好的镇山庙，现有殿庙七重，从南向北依次为山门、神马殿、御香殿、大殿、更衣殿、内香殿、寝宫。石坊前“喜”、“怒”、“哀”、“乐四尊石狮，将四种表情刻画的惟妙惟肖，可谓一绝。庙内东北角有一座天然小石山叫仙人岩，别小看这个小山包，当年乾隆皇帝就是在这里与人较量棋艺的。大殿内明代32位文武功臣壁画，一个个人物栩栩如生，仿佛当年。 中镇霍山 人们对山西的印象似乎总与乌黑的煤田、厚重的黄土和干涸的河床分不开，如果到了霍山，你就要修正自己的观念了。 横亘在山西省霍州市东部的霍山，南接历山，北连绵山，面积234平方公里，由陶唐峪、七里峪、悬泉山等山脉构成。 这是一片历史文化的厚土。传说尧帝访贤入霍山，看到这里山水雄奇，便在此建筑了别宫。洪荒时代，洪水泛滥，大禹奉命治理水患，他先登霍山筑台祭天，然后随山砍木，疏河导水，开始了他的治水伟业。至于周武王封霍国、三家分晋、隋唐霍邑之战等等，也都与霍山有关。如今历史都已成云烟，只有遗迹尚存：尧王祭天的遗址，还在霍山的群峰环抱之中；历经数千年栉风沐雨的尧祠，仍矗立在陶唐峪的臂弯里；在霍州城南，白壁关仿佛还回荡着当年尉迟敬德大战秦琼时“三鞭换两锏”的呐喊声…… 人们对山西的印象，总是与乌黑的煤田，厚重的黄土和干涸的河床分不开，如果到了霍山，你恐怕要修正自己的观念。山谷里那些潺潺的流水、澄净的深潭、水花飞溅的瀑布，让你如同来到水的世界。悬泉山瀑布落差68米，正南沟瀑布落差60米，还有仙女崖瀑布、滴水崖瀑布、大河滩瀑布，每一个瀑布都姿态各异，每一个瀑布都飞珠溅玉。而在山谷里，溪流下，令你赞叹不已的还有霍山神奇的石头。这里的石头褶皱与断裂并存，经过百年风雨打磨、河水冲刷、丽石纹理清晰，弯曲有致，如同一幅幅墨笔画，从中你可以看到神仙、鸟兽、市井、山水，凡是你能想象到的东西都可以找到，堪称“霍山一绝”。 在霍山的多处景区中，七里峪的景色最为迷人。七里峪风景区位于霍山北部腹地，是太岳山国家森林公园的重要组成部分，游览总面积15万亩。七里峪景区开发得比较晚，正因为如此，山谷内的植被得到了良好的保护，大片大片的野花、秀美如锦的高山草甸、神秘的原始森林，都会令你大饱眼福。据检测，峪中空气质量达到国家一级以上标准，是华北地区天然的大氧吧，堪称“华北绿肺”。 悬泉山也是一处非常不错的去处。位于霍山中麓的悬泉山。因悬泉瀑布气势磅礴而得名，悬泉瀑布为悬泉山的主要景观，就在悬泉山入口处，飞流直下，溪鸣谷应，是不可多见的美景。悬泉山还是一座“八仙之山”，许许多多的景致都留下了八仙的遗迹和传说：驴蹄印传说是张果老倒骑毛驴赶着走与八仙聚会时留下的；七里潭是吕洞宾与仙女相会误了事的地方……可以说，是八仙传说造就了悬泉山。 </t>
  </si>
  <si>
    <t xml:space="preserve">雁门清高苦荞茶可以起到降血压作用吗？ </t>
  </si>
  <si>
    <t>苦荞茶是将苦荞的种子苦荞米经过筛选、烘烤等工序加工而成的冲。苦荞，属蓼科双子叶植物，因外壳呈黑色也称黑苦荞、黑珍珠，学名鞑靼荞。苦荞茶的功效与作用1.增强免疫力苦荞茶中富含蛋白质、叶绿素、脂肪、碳水化合物和各类微量元素，这些物质可以增强人体免疫力，延缓机体衰老，增强抗氧化能力。2.降血糖苦荞茶中含有黄铜类物质，它能够促进胰岛β细胞的恢复，降低血糖和血清胆固醇，改善糖耐量对抗肾上腺素的升血糖作用，同时它还能够抑制醛糖还原酶，因此可以治疗糖尿病及其并发症。3.保护肝脏苦荞茶中所含的黄酮类物质对急慢性肝炎、肝硬化，脂肪肝以及因半乳糖胺和CCL4等引起的中毒性肝损伤均有一定的疗效。4.帮助减肥苦荞茶中含有的膳食纤维弄够促进大肠蠕动，增强身体代谢功能，从而起到很好的减肥功效。5.促进生长发育苦荞茶中富含丰富的天然氨基酸和脂肪酸，这些都是幼儿发育所必须的物质。苦荞茶的营养价值苦荞麦含有多种有益人体健康的无机元素钙、磷、铁、铜、锌和微量元素硒等，镁的含量是小麦面粉的11倍以上，铁元素是其它主粮的2—5倍，锌为1．5倍以上，锰为1．4陪以上，钾为小麦的2倍，大米的2.3倍，黄玉米面的1.5倍。镁、钾的高含量大大增强了苦荞粉的营养保健功能。  点好评， 祝你天天开心、事事顺利。</t>
  </si>
  <si>
    <t xml:space="preserve">对抗者的定义是什么？英文解释是什么？ </t>
  </si>
  <si>
    <t>对抗者:Antagonist【释义】:在博弈二人对局中行动滞后的那个人,与决策人要作出基本反面的决定,并且他的动作是滞后的、默认的、被动的,但最终占优。他的策略可能依赖于决策人劣势的策略选择,占去空间特性,因此对抗是唯一占优的方式,实为领导人的阶段性终结行为。D ’sactionislagged,default,andnegative,butgenerallyadvantageous.Hisstrategymightbetakingadvantageofthebadstrategyofthedecisionmaker.Therefore,confrontationistheonlywayforwinningthegameand,inessence,theterminalbehaviorofthestagebytheleadership.查看更多,请登陆网站《博弈圣经》曹•国正著新加坡希望出版社世界著名图书馆.著名大学收藏----海外中文图书</t>
  </si>
  <si>
    <t xml:space="preserve">我老婆偷人了我怎么办她背叛了我我和她19岁久结婚了现在有个快满3? </t>
  </si>
  <si>
    <t>如果是为了面子选择离婚，那就太不值得了。人生在世，谁能无过？面对诱惑，几乎每个人都会有所动摇。宽恕是大爱，如果你有足够的胸怀。再找个女人也未必比她好，你考虑吧。</t>
  </si>
  <si>
    <t xml:space="preserve">喜欢科比的人来有没有哪为同志和我一样迷科比的啊来说说吧评价一下 </t>
  </si>
  <si>
    <t>科比是何许人哪能帮忙介绍一下嘛说实话我们对于别人都是喜欢别人好的一方面不是吗但每个人都有不足之处。即然有坏的一方面那我们为什么还要记得呢我们只是喜欢我们喜欢的一部分就行了。至少会受到一定的影响那就看每个人的理解了</t>
  </si>
  <si>
    <t xml:space="preserve">hp1020打印机win98那位大侠有惠普1020在window </t>
  </si>
  <si>
    <t>惠普官方没有win98下的驱动有xp和2000下的，建议操作系统换xp了，128m内存就能用了。</t>
  </si>
  <si>
    <t xml:space="preserve">我的男友是丧偶,原户籍上写的还是已婚,没有销户,现在我们要登记结? </t>
  </si>
  <si>
    <t>到当地派出所，社区，公安局。办理，很快的</t>
  </si>
  <si>
    <t xml:space="preserve">我女儿几岁上学合适我女儿07年4月满六周岁现在上幼儿园大班她性格 </t>
  </si>
  <si>
    <t>现在就可以，孩子会慢慢适应的</t>
  </si>
  <si>
    <t xml:space="preserve">怎么治疗瘢痕疙瘩瘢痕疙瘩能祛除吗？ </t>
  </si>
  <si>
    <t>你好，痕疙瘩为結締組織增生,中医认为本病为气滞血瘀所致,当以活血化瘀,通络止痛为治,丹参注射液有活血化瘀,行气通络之功,故外治瘢痕疙瘩有较好疗效.此法简单有效,副作用少,病程越短,效果越好.你好，治疗瘢痕可以采用疤痕切除游离植皮术，较大的增生性疤痕可手术切除，再治疗疤痕中从身体正常部位切取游离皮片移植到疤痕创面上，修复创面，恢复肌肤功能。不管应用何种治疗疤痕修整手术，重要的是做完治疗疤痕手术后要遵从医嘱。以及治疗疤痕手术后的护理工作。建议广大患者尽早到正规的皮肤病医院检查治疗。最后，祝你健康。疤痕一旦形成根本无法祛除，只能是淡化，你可以用一些淡化的方法来加速疤痕褪去的速度。把维生素E胶囊用针戳破，取其内的液体涂抹在疤痕上轻輕揉按5-10分钟，可渗透至皮肤内部而发挥其润肤作用</t>
  </si>
  <si>
    <t xml:space="preserve">急急急......我在新浪论坛里发了一则帖子，现在想把删了，请问? </t>
  </si>
  <si>
    <t>联系发帖所在版面的版主帮忙删除吧。</t>
  </si>
  <si>
    <t xml:space="preserve">抑郁症正在发病期的抑郁病人，会和周边人说自己的病症吗？ </t>
  </si>
  <si>
    <t>会的，试试“百忧解”吧，若不见效，早看医生。</t>
  </si>
  <si>
    <t xml:space="preserve">大家谈谈巴里这场球的看法，结果会如何？ </t>
  </si>
  <si>
    <t xml:space="preserve">终场比分 可能2-0！~~~ </t>
  </si>
  <si>
    <t xml:space="preserve">自动弹出的网页窗口好烦人，如何去掉？ </t>
  </si>
  <si>
    <t>你的IE被恶意绑定或者篡改了.解决办法: 下载并安装"雅虎助手".运行"IE修复专家"的"强力修复"功能,对你的IE进行彻底修复.记住一点:在使用"强力修复"的时候,无论它提示你什么,都要点"确定"!!这样就让你的IE恢复到你刚做完系统时的状态!完成对IE的修复后，进入雅虎助手网站，开启"IE保护"功能,在主页地址栏里输入你想要的主页地址，然后点“立即设置”.另外,建议你开启插件拦截与清理功能,对你电脑上所安装的插件进行彻底清理并拦截自动安装插件。这样你就不会再担心IE被篡改和恶意绑定了,从而在根本上解决问题.祝你成功,愉快!!</t>
  </si>
  <si>
    <t xml:space="preserve">罗纳尔多强烈推荐五场1.都灵主场力克佛罗轮萨333332.莱万特 </t>
  </si>
  <si>
    <t>第5个还比较靠扑</t>
  </si>
  <si>
    <t xml:space="preserve">开豆腐坊一般一年能赚多少钱? </t>
  </si>
  <si>
    <t>这要看你的规模和销量大小。我有一个邻居，每天做两包豆腐，一般一年能我两三万的收入，而且基本上家里的农活一点不影响。就是辛苦点。</t>
  </si>
  <si>
    <t xml:space="preserve">手机购彩第一视频彩视界彩林盟主争霸赛的全国五强是什么？我发现手机 </t>
  </si>
  <si>
    <t>在整个活动时间内，就是从区域五强之中按区域分别选拔的，获奖人数：各分区1人，共计5人</t>
  </si>
  <si>
    <t xml:space="preserve">最便宜宠物用品批发在哪 </t>
  </si>
  <si>
    <t xml:space="preserve">     这个网站里有很多宠物用品批发的地方，去看看吧     </t>
  </si>
  <si>
    <t xml:space="preserve">因扎吉吃卡卡软饭啊，李金羽去AC也能成超级射手机会都是卡卡创造的 </t>
  </si>
  <si>
    <t>看来是山东的老乡.我是临沂的.支持大羽.</t>
  </si>
  <si>
    <t xml:space="preserve">国米你这样不行我的半场进球完了....哈哈哈哈 </t>
  </si>
  <si>
    <t>你的半场进球彩票买得很小啊,还这么开心呢?</t>
  </si>
  <si>
    <t xml:space="preserve">入市歌入市股民要注意,买进卖出守纪律;股票不是国库券,风险意识要 </t>
  </si>
  <si>
    <t>部分赞同，要勇于输更要勇于盈，对ST的态度要灵活，不是不能碰，但节奏一定要快！</t>
  </si>
  <si>
    <t xml:space="preserve">图片与价格我对你的产品很感兴趣为什么之有图片没有价格呢？ </t>
  </si>
  <si>
    <t>首先谢谢您！为什么这里只有图片没有价格 这个问题提得很好 回答：做任何事不把钱放在第一位，来到这里（博客）大家是博友 或称网友。所以这里没有价格。《进了店铺（网店、实体店）是顾客 避免不了的要说价格 感兴趣的朋友可去网店看看》 谢谢！！</t>
  </si>
  <si>
    <t xml:space="preserve">毛衣编织机???请问什么型号的毛衣编织几能编织出\/\/\/\/ </t>
  </si>
  <si>
    <t xml:space="preserve">   看看这个吧 上面有说明的 本公司专业经销针织设备，毛衣编织机，缝合机及配件，洗涤设备(干洗机,水洗机,脱水机,烘干机),熨烫设备及纺织助剂（洗剂，柔软剂，平滑剂，膨松剂）。隆重推出（1）多功能提花横式毛衣编织机。（2）自动毛衣编织机。（3）高速直针式缝合机。1、多功能提花横机：该机将家用提花机和工业针织横机结合，不仅具有这二者的功能，还具有引返，嵌花，三级胖花等功能，该机做工精致，小巧灵活，已申请多项专利，针织机械生产界的独创。2、自动毛衣编织机：该机节省劳动力，降低劳动强度，提高生产效率，使编织更具人性化。3、新型高速静音直针式缝合机：该机结构创新故障率低，维修容易，运转无声，超高转速，提高生产效率，直式大针穿透力强（传统缝合机属于弯针式,连动杆传动噪音大,不容易维修），特适合厚料缝制，不易损破织物。 本公司提供学员培训，技术指导，机器维修，毛衣加工，承接毛衫订单。 欢迎垂询，本处设有各种样机。 欢迎光临指导(公司在北京,济南,贵阳,西安,四川等地区有办事处) 大连市兄弟针织设备有限公司 地址：辽宁省大连市西岗区鞍山路22号10-1-3 电话：0411-82955422,83612488,85878028 传真：0411-88825433 E-MAIL:zhuwei999999999@  联系人:祝伟 邮编:116011   </t>
  </si>
  <si>
    <t xml:space="preserve">梦见男朋友与别人打架出血，意味着什么昨晚上，我梦见男朋友，和新疆 </t>
  </si>
  <si>
    <t xml:space="preserve">梦见和人打架：人际关系运上升。 梦见和朋友打架，和朋友关系会更亲密。 梦见和陌生人打架，会交到新朋友。 梦见打架出血，主喜庆之事。... </t>
  </si>
  <si>
    <t xml:space="preserve">有没有比较好的排毒养颜方法呢？排毒养颜最有效的方法！！ </t>
  </si>
  <si>
    <t>最有效的方法是：管住自己的嘴，没用的少吃，有毒的不吃，酸性食物的少吃保持肠道通常，经常饮水，及时排除体内毒素养成良好作息习惯，形成生物钟。保证足够睡眠调节内分泌，雌雄激素平衡！选用适合自己肤质的化妆用品！最重要的是心态，心情放松，开朗乐观，生气一次，会产生很多毒素的。</t>
  </si>
  <si>
    <t xml:space="preserve">请教练习散打和泰拳需要那些基本功每天需要进行哪些训练越细越好谢谢 </t>
  </si>
  <si>
    <t>素质训练:跑步,蹲跳,控腿等.柔韧训练: 提高柔韧性.筋长一寸,劲长一分.好的柔韧性才能保证扫踢,鞭腿,以及抄拳(勾拳)的质量.力量训练:足够的击打力度是胜利的保证,出拳的力量大部分来自大腿和腹部,而不是手臂.功力训练:抗击打训练和踢打沙袋.实战对抗.</t>
  </si>
  <si>
    <t xml:space="preserve">关于MP3我想买个256M的MP3播放器，要求是充电电池，质量较 </t>
  </si>
  <si>
    <t xml:space="preserve">魅族,X6,256M的市场价550,我同事前天500块买下了,好便宜啊.其他的ME,E2,好象也就是450,400出头,现在刚出的E3也就是多个五十到一百吧.我用的是ME,都买了四五个月了,一点问题都没有,我好几个同事都听我的去买的这个牌子.固件升级的服务还好. 这个牌子的音质效果你可以去找到专柜试听一下,效果确实不错的.我推荐好几个人买了,都反映很好. 不像朗科和爱国者那么贵,但性能却不比那差. 蓝魔和歌美我买的时候也试听过,不过后来再试听魅族的,就觉得不一样,所以一下子就盯住魅族了.你去电子市场多走两圈,多试听一下,多比较.也可以带一个自己的耳机,不用他们的耳机,然后在试效果,就能比较出来了.   魅族网站 X6的太平洋资料(可以看到评测): </t>
  </si>
  <si>
    <t xml:space="preserve">点击这里：让我们的《美好家园》永远也说不完也许你是家装高手；也许 </t>
  </si>
  <si>
    <t>你好！共同建设《美好家园》！非常赞同！</t>
  </si>
  <si>
    <t xml:space="preserve">jsp初学者简单的说我就是一个菜鸟，想学习jsp动态网页制作，但 </t>
  </si>
  <si>
    <t>1,首先把java语法基础熟悉.2,熟悉j2ee开发环境3,了解j2ee api,了解有哪些类供使用.4,学习servlet5,学习jsp6,学习struct等其他框架.当然如何你了解http协议,计算机网络原理更好.希望能帮助你.记住多看API,多练习.</t>
  </si>
  <si>
    <t xml:space="preserve">理解问题我问：对我印象怎么样？她回答：呵呵。我们交个朋友吧我觉得 </t>
  </si>
  <si>
    <t>她这是委婉地拒绝现在就和你交往，但是还不是没机会，因为她说有空加个Msn，这就是机会，她想进一步了解你，所以，朋友，把握这个机会吧！</t>
  </si>
  <si>
    <t xml:space="preserve">请求修改书名刚刚放上去15天,没人理,又放!请将《不会分离：其实 </t>
  </si>
  <si>
    <t>已更正,请注意查看!</t>
  </si>
  <si>
    <t xml:space="preserve">银行业从业资格考试人员问题自从银行业从业资格考试以来,有的人很认 </t>
  </si>
  <si>
    <t>1、现在还没有正式规定一定要考那个才可以上岗，只是政府出来这个政策。可能过不了多久就是每个人都要考的了，我的同学没考证也可以在银行就职。2、这个正有的银行在招聘的之后可能会要求，这样你的机会就可能大一点，国家可能什么时候规定一定要那个证才可以上岗的话，全部人都要考。3、一线人员考了的话，升职的机会比同级的有资本。做的工作范围也会广泛一点、深入一点。4、考了的话肯定没错的</t>
  </si>
  <si>
    <t xml:space="preserve">做梦捉到很多大虾，什么预兆？ </t>
  </si>
  <si>
    <t>梦见抓到好多虾：丰收在望。找工作者梦见抓到好多虾主求职：求职；求职运气继续看好，他人的帮助可以使你少走很多冤枉路，招聘方的选人原则也较为公平。女人梦见抓到好多虾则您的运势：如意，喜气洋洋，但是不能因此而散漫，流连於欢乐场所，招致坏运与劳苦。小心小偷闯空门。办公族梦见抓到好多虾则工作：工作运一般，需要灵活运动团队资源才能顺利成事。谈判和商议的场合较多，对口才和交际技巧的要求提高。</t>
  </si>
  <si>
    <t xml:space="preserve">那个著名的看图软件叫什么来着？叫什么来着？是XXXsee？偶给忘 </t>
  </si>
  <si>
    <t>叫ACDSee</t>
  </si>
  <si>
    <t xml:space="preserve">专业技能问题``我现在有个FS号练的炼金和裁缝``现在练个小牧师 </t>
  </si>
  <si>
    <t>这个是看楼主的心态：1、如果是休闲玩，而且G对你来说不重要，你的小MS就继续FM和裁缝吧，裁缝的原始月布套下副本，比T5还强大。少花你多少时间啊。2、如果楼主是想各个技能都尝试下，配合FM的还有珠宝，不过都是烧钱的技能。如果楼主想用商业技能自负盈亏，你可以考虑采药或者采矿。因为我看楼主不是想赚钱的，你大号是炼金和裁缝，小号又附魔，所以有以上建议。希望对你有帮助</t>
  </si>
  <si>
    <t xml:space="preserve">新标准英语六年级的试卷 </t>
  </si>
  <si>
    <t xml:space="preserve">配套新标准英语英语磁带,下载。里面有很多的分类，可以自己选择哦：）~~ </t>
  </si>
  <si>
    <t xml:space="preserve">对YOYO有意见的请进凡是反对YOYO现行做法的玩家行动起来。1 </t>
  </si>
  <si>
    <t>你脑壳"透豆"了啦.</t>
  </si>
  <si>
    <t xml:space="preserve">我在怀孕期劳动合同到期,公司不续签合法吗我合同期是1年,现在怀孕 </t>
  </si>
  <si>
    <t>只要单位没有与你解除劳动合同,原合同可以延续.只要你继续参加社会保险,就可以享受生育险的待遇和补助.</t>
  </si>
  <si>
    <t xml:space="preserve">淘宝购物如何辨别真假是在下单前辨别哦~ </t>
  </si>
  <si>
    <t>你是问商家真伪还是货品真伪。。。商家情况你可以看他的资料，开店时间，货品真伪你可以看评价，多方面考量下来比较稳妥，而且最好使用支付宝等对购方有利的交易平台，避免损失</t>
  </si>
  <si>
    <t xml:space="preserve">遇到这类女孩怎么应对呢？和我同租房子隔壁有个姐姐，只是比我大几岁? </t>
  </si>
  <si>
    <t>这种人其实碰上一两次钉子就好了，所以适当的时候回绝上一两次，她自然就觉得没趣了</t>
  </si>
  <si>
    <t xml:space="preserve">北京装修公司品牌信用哪个好本人想找北京一装修公司,信用好,装修质 </t>
  </si>
  <si>
    <t>东易日盛。手艺和信誉都好。我家是他们装的。售后服务也不错。千万不要让设计师带着你买材料！这是我的教训！</t>
  </si>
  <si>
    <t xml:space="preserve">上环后是要多少天不会出血上环后多少天才不出血 </t>
  </si>
  <si>
    <t>你好：请问你的具体情况是怎样的？上环多长时间了？现在出血多血多吗？做过什么检查吗？这种情况可以观察看看，如果出血特别多，时间太长最好是到医院检查一下，做电化学发光免疫法激素六项了解一下内分泌情况，结合阴道四维彩超了解一下子宫卵巢及环的情况，如有必要需要将环取出，考虑其他避孕方式，如腹腔镜下可复性绝育术，如仍有问题可来电详细咨询。</t>
  </si>
  <si>
    <t xml:space="preserve">广东梅州致力打造中国樱花第一谷. </t>
  </si>
  <si>
    <t>梅州市樱花谷位于梅江区城北镇扎上村，离市区十余分钟车程。2003年至今，经过台商十年艰辛耕耘，如今，这片荒山野岭植有八重瓣、菲寒、吉野等十多个品种10万多株樱花苗木，成为漂亮的樱花谷，按规划将发展至4000亩。　　“我们致力于打造中国樱花第一谷。”台商张碧桃在新闻发布会上介绍，所谓“第一”，不是指时间最早，也不是指规模最大，而是“第一浪漫”，即樱花谷将致力于打造成最浪漫的求婚胜地，“天下有情人均可来浪漫的樱花下求婚。”</t>
  </si>
  <si>
    <t xml:space="preserve">今年临汾的冬天会很冷么？ </t>
  </si>
  <si>
    <t>我从小就在临汾长大！~咱们呢唯一不用担心的就是冬天！~穿个保暖就过去了~现在天气受地球表面温度的影响全球温度都高了几度~况且咱们呢偏南~~不会冷哪的！~~但是注意保暖哦！！</t>
  </si>
  <si>
    <t xml:space="preserve">600399又怎么了,开会?昨天他开会了,今天怎么又...谁能告 </t>
  </si>
  <si>
    <t>2006-02-22刊登股权分置改革方案获国资委批准公告,继续停牌　　抚顺特钢召开股权分置改革相关股东会议的第二次提示性公告　　根据有关文件的要求，抚顺特殊钢股份有限公司现发布召开股权分置改革相关股东会议的第二次提示性公告。　　董事会决定于2006年2月27日13:30召开股权分置改革相关股东会议，会议采取现场投票、网络投票与委托公司董事会投票相结合的表决方式进行，网络投票的具体时间为2006年2月23日、24日和27日每日的9:30-11:30、13:00-15:00，审议公司股权分置改革方案。</t>
  </si>
  <si>
    <t xml:space="preserve">奥运题，帮忙游泳、射击、田径、球类、举重、体操、摔跤各拿了多少枚 </t>
  </si>
  <si>
    <t>游泳1金  3银  2铜  6块 、射击5金 2银 1铜 8块 、田径0金  0银 2铜  2块 、球类0金  1银  1铜  1块、举重8金  1银  0铜  9块、体操9金 1银 4铜 14块 、摔跤1金  2银  0铜  3块</t>
  </si>
  <si>
    <t xml:space="preserve">奥拓快乐王子保养时间表问题05年奥拓快乐王子，8万公里。我在网上 </t>
  </si>
  <si>
    <t>你好，你的车是05年的，应该是不可以保修的了，应该车行规定的三年或者10万公里质保是以先到为原则，你的车虽然8万公里，但已经不止三年了。至于保养，购买二手车后应该立即做一个汽车大保养，包括更好机油、三滤、然后检查刹车油、波箱油以及各个配件是否完好，之后就是每5000公里更好一次机油、机油格</t>
  </si>
  <si>
    <t xml:space="preserve">化学芳香烃是什么物质？有毒吗？ </t>
  </si>
  <si>
    <t>①芳香族化合物是指含有苯环的化合物，若仅有碳、氢两种元素组成芳香族化合物则为芳香烃。②芳香烃中和苯互为同系物的条件有两个：一是分子结构中只含有一个苯环，二是符合通式CnH2n-6（n≥6）关于芳香烃的概念，由于高中教材中仅仅介绍了苯，要在此基础上形成完整的芳香烃概念是非常困难的。因此，教材对芳香烃概念做了弱化处理。对学生在这方面知识的要求，仅仅局限于知道芳香族化合物的芳环一般都难以发生氧化反应和加成反应，而易于发生取代反应，而不要求学生了解为什么芳香烃会具有这些性质的原因。我读高中时，好像我的化学老师说是化学式有个苯环的物质就叫芳香烃。苯的衍生物就是芳香烃，具体的我也记不了那么多了，上面的我可能有些记错的，敬原谅！我还是给几个有关芳香烃的网址，你自己去看，在这里讲不明白。   芳香烃     16  3其实你可用百度的教育栏目下输入“芳香烃”进行搜索就有很多有关“芳香烃”的网站了。</t>
  </si>
  <si>
    <t xml:space="preserve">18g加里曼丹沉水沉香大概多少钱 </t>
  </si>
  <si>
    <t>你应该去正规的地方鉴定一下，毕竟沉香这种东西价格和它的含油量还有气味，单凭沉不沉水是无法知道其价格的。而且沉水虽然是沉香的必备素质，但是假货沉水的也不是没有。所以你还是去鉴定一下吧，估一下价</t>
  </si>
  <si>
    <t xml:space="preserve">小叶增生是什么引起的？需要注意哪些？本人26岁，单位体检查出小叶 </t>
  </si>
  <si>
    <t>一般是雌激素作用的结果，很多女性都有增生，轻的可以口服乳癖消，小金丸等，若形成纤维结节，建议去乳腺科就诊。青春期脸上长痘大部分都不用管，可以查查雄激素，如高雄或内分泌有问题，可以口服药物，建议医院医师指导下用药。</t>
  </si>
  <si>
    <t xml:space="preserve">听说没有美国签证往美国的机票都买不成功是这样的吗？听说办出了签证 </t>
  </si>
  <si>
    <t>不是这样的。我年前急着办美国短期商务签，当时是拿到签证第二天就出发了，而机票提前一个月就买了。举个例子，有时候在面谈的时候，签证官跟你要机票或机票订单。使馆永远都不可能控制航空公司的。</t>
  </si>
  <si>
    <t xml:space="preserve">皮皮虾有多少种叫法我知道皮皮虾又叫虾爬子，我家乡叫水蝎子，还有叫 </t>
  </si>
  <si>
    <t>天津叫皮皮虾,那年去南京,同行请客说有虾婆婆,一上菜才知道就是皮皮虾,呵呵,还有到广州管它叫??脲。青岛叫虾虎。虾虎,虾爬子,琵琶虾,撒尿虾,皮皮虾,好象学名叫虎虾学名“虾蛄” 广东人叫 濑尿虾 撒尿虾 北方人叫 虾虎 皮皮虾 琵琶虾 民间尚有“口虾蛄”、“虾爬子”“虾壳子”等等称谓。其中俗而吉利的名字是“富贵虾”，而俗得最动听的，即是绰号“虾狗弹”三字</t>
  </si>
  <si>
    <t xml:space="preserve">爱是出自于一个承诺吗？她爱了他整整三年。　　他对她有过承诺，但都 </t>
  </si>
  <si>
    <t>这么巧，她说得她刚交的男友当兵了，给我的第一感觉它是在骗你，想看你是否真的喜欢她，这只是我的感觉，不一定正确。你那么爱她，它也那么爱你，还问什么，去找她，对她好，比以前好几百倍，既然你意识到你不能失去她，为什么不倍加珍惜呢。就算她的新男友当兵了，那不是正好吗，上帝又给了你一次机会，去找她，说出你对她的爱，她以前那么爱你，这段感情是不可能忘得，去珍惜她吧。</t>
  </si>
  <si>
    <t xml:space="preserve">试从秦朝到清朝的历史分析一下我们古代诸国对匈奴的关系！PS：高三? </t>
  </si>
  <si>
    <t>你是不是把题目抄错了呀，匈奴作为一个民族在南北朝之后就不存在了，怎么回一直问到清朝呢。既然是作为高三的题目的话，肯定是要大量方面啦，一是抗击匈奴骚扰的方面，得分点在于要打出维护了边境的安宁，有利于生产发展。二是要答出与匈奴的交流，重点在于民族大融合。作为第一方面，第一个点是，秦朝蒙恬修筑长城，又出兵30万载河套地区抗击匈奴，然后就是汉朝文景世纪和亲政策，如果你想答得充分的话，还可以加上汉高祖白登之围，之后当然就是重点汉武帝啦，重点答处三次整套匈奴使得北方最终稳定下来就可以，东汉只有窦宪的北伐，略微提一下就可以，但注意这个时候大的是北匈奴。民族融合方面，西汉有一个呼韩耶单于内附，然后又了著名的昭君出塞，东汉还有一个呼韩耶单于（是上面那个的孙子）率南匈奴内附。要强调一下昭君出塞促进了各民族之间的交流，给北方少数民族带去了先进的文化技术。最后南北朝的时候还有一个匈奴贵族刘渊建立了成汉政权，这个不是重点了应该。而且应该是放在五胡乱华的大背景下，成为南北朝民族大融合的一个部分。高中历史题目特点就是重在结论，事实倒在其次，只要一句话就行，所以你必须反复强调促进了民族融合，保证了北方安定生产发展，同时，还要提一点负面影响，就是给汉朝劳动人民造成了一定的负担。</t>
  </si>
  <si>
    <t xml:space="preserve">世界上面积最大的淡水湖 </t>
  </si>
  <si>
    <t>苏必利尔湖，北美洲五大湖最西北和最大的一个，是世界最大的淡水湖，也是世界仅次于里海的第二大湖(里海是咸水湖)。湖东北面为加拿大，西南面为美国。湖面东西长616公里，南北最宽处257公里，湖面平均海拔180米，水面积82103平方公里，最大深度405米。蓄水量1.2万立方公里。有近200条河流注入湖中，以尼皮贡和圣路易斯河为最大。湖中主要岛屿有罗亚尔岛(美国国家公园之一)、阿波斯特尔群岛、米奇皮科滕岛和圣伊尼亚斯岛。沿湖多林地，风景秀丽，人口稀少。苏必利尔湖水质清澈，湖面多风浪，湖区冬寒夏凉。季节性渔猎和旅游为当地娱乐业主要项目。蕴藏有多种矿物。有很多天然港湾和人工港口。主要港口有加拿大的桑德贝和美国的塔科尼特等。全年通航期为8个月。该湖1622年为法国探险家发现，湖名取自，意为“上湖”。 附:世界知名淡水湖列表苏必利尔湖－位于北美洲；是世界第一大淡水湖。面积82362平方公里 维多利亚湖－位于非洲；世界第二大淡水湖。面积有68870平方公里 休伦湖－位于北美洲；面积59580平方公里 密歇根湖－位于北美洲；面积58020平方公里 坦干伊喀湖－位于东非；面积32000平方公里 贝加尔湖－位于俄国；面积31500平方公里 大熊湖－位于加拿大；面积31330平方公里 大奴湖－位于加拿大；面积28570平方公里 伊利湖－位于北美洲；面积25710平方公里 温尼伯湖－位于加拿大；面积24390平方公里 的的喀喀湖－南美洲最大淡水湖。面积8330平方公里。海拔3823米。 圣湖玛旁庸错－海拔最高的淡水湖；海拔4588公尺。 鄱阳湖－位于江西省，面积3960平方公里。</t>
  </si>
  <si>
    <t xml:space="preserve">为什么我的迅雷无法下载？当我点击了下载链接后，迅雷无法自动下载， </t>
  </si>
  <si>
    <t>我的也是，不过我是点下载链接的右键，然后点“复制链接地址”，有时迅雷的下载页面就弹出了，再不行就打开迅雷，点菜单栏的任务，选择新键下载任务，然后就又出现熟悉的下载页面，这就解决了。如果不想这么麻烦，可以重新安装迅雷。好了，就这些。</t>
  </si>
  <si>
    <t xml:space="preserve">A股和B股是什么意思？ </t>
  </si>
  <si>
    <t>都是国内股市,其中A股用人民币计价交易,有沪市和深市.B股用美元计价交易,在深市.</t>
  </si>
  <si>
    <t xml:space="preserve">郑和下西洋中的“西洋”是指的哪里？A大西洋B欧洲C南亚和西亚D美 </t>
  </si>
  <si>
    <t>郑和下西洋中的“西洋”是指C 南亚和西亚　　印度洋在我国古代被称为“西洋”。我们平常所说的明代大航海家郑和下西洋指的就是印度洋。在古希腊时期，著名地理学家、历史学家希罗多德（公元前484～425年）曾称之为“厄立特里亚海”，意为“红海”。初时指的可能就是现在的红海，以后穿过曼德海峡发现还有更大的海域，遂用这个名称泛指整个印度洋。到古罗巴时期，印度洋被罗马人称为“鲁都姆海”，但这个名字只不过是希腊语“厄立特里亚”的意译，也是“红海”的意思。同一时期，印度洋还被人称为“南海”、“东海”等等。直到15世纪末，葡萄牙著名航海家达·伽马为了寻找通往印度的航线，绕过非洲南端的好望角进入这个大洋后，才开始使用印度洋这个名称。这个名称逐渐为人们所接受，成为通用的名称。  　　</t>
  </si>
  <si>
    <t xml:space="preserve">《众神争霸》属于什么类型游戏？ </t>
  </si>
  <si>
    <t>属于MOBA，Multiplayer Online Battle Arena Games 的简写，意为多人联机在线竞技游戏。</t>
  </si>
  <si>
    <t xml:space="preserve">物理作业在遵守交通规则的前提下,从挂标志牌的地方去西大桥(距离是 </t>
  </si>
  <si>
    <t>此题有两图：一图为限制的速度；一图为距离．限制的速度未给出，此题无法解答．</t>
  </si>
  <si>
    <t xml:space="preserve">为什么我一到圣诞老人村就出不去了？我一进去就没法出来，虽然，可以 </t>
  </si>
  <si>
    <t>圣诞节是外国的一种节日我20几年了从来没过那个节日！</t>
  </si>
  <si>
    <t xml:space="preserve">怎么样才能改掉游戏进行中每个人头上的名称? </t>
  </si>
  <si>
    <t>至少现在是不可以修改的</t>
  </si>
  <si>
    <t xml:space="preserve">哪里可下载铃儿响叮当动物版音乐？wu </t>
  </si>
  <si>
    <t xml:space="preserve">迪达在哪踢球呢是AC米兰替补吗？为啥啊 </t>
  </si>
  <si>
    <t>AC米兰年纪大了现在呈现高薪低能的状态但是有合同米兰又没办法甩掉他所以现在在米兰打替补</t>
  </si>
  <si>
    <t xml:space="preserve">高中数学三角函数难吗？应该怎么学？ </t>
  </si>
  <si>
    <t>应该不太难吧。其实也就是18题，蛮简单的。</t>
  </si>
  <si>
    <t xml:space="preserve">请问国服与国际中法师的技能有何改变我没玩过国服,但我在国际中是个 </t>
  </si>
  <si>
    <t>国内的FS攻击高的很,一个90以上FS血暴暴90以上的WX以下8000多的血,,...哪个一暴是死一大片的,,基本上国内的FS是等级差别不大的情况下3就可以让对方间阎王了,,,在国内FS,城站PK都是厉害角色,不过国际的FS就改的太.........逊了,,,,,,,昨天我帮朋友的73的SS城战,晕,那是所向披靡啊,什么FS啊,通都不行,同是被几个 FS打都打不倒我,你说这是啥,,,,,不过以后FS会怎么样就不知道了,等你成仙入魔以后在看看吧应该会不错</t>
  </si>
  <si>
    <t xml:space="preserve">为什么葱、蒜在佛教是是荤食？ </t>
  </si>
  <si>
    <t>《首楞严经》里说：『葱韭蒜等,臭秽不净,能碍圣道,亦碍人天。』所谓葱、韭、蒜,『熟食发淫,生啖增洼』禁止僧尼及修行大定者食用。就是要教育世人这些东西有臭气,污秽不净,还会助长性欲。也就是说，荤的禁忌有宗教意义。佛教以大蒜、小蒜、蒜、兴渠、葱、薤、为五荤。道家以韭、薤、蒜、芸香、芫荽为五荤。荤字的部首从草，可见最早是指有刺激味道的植物。经文所提到的五种辛菜──葱、蒜、韭、薤、兴渠，虽然其本身并不具有毒素，也不是荤菜，但是辛菜里面所含的成份，对于学佛修道的人来说，犹如毒药一般会危害身心。因为如果生吃这类辛菜，会使人动肝火，容易增长瞋恚的心念；如果煮熟吃，则会壮旺相火，助长淫欲的念头。无形之中便助长我们犯下种种杀生、偷盗、淫欲、妄语等……恶行，斩丧我们的法身慧命。　</t>
  </si>
  <si>
    <t xml:space="preserve">月经推迟的原因？我平时月经来潮时间相差最多都是两三天，对上一次来 </t>
  </si>
  <si>
    <t>月经是一种很敏感的生理活动,各种不良刺激,如生活环境改变,气候变化,营养状态,药物,疾病因素及精神因素等都有可能造成月经异常,如果已经排除怀孕,建议在医生指导下调理月经。</t>
  </si>
  <si>
    <t xml:space="preserve">8万左右买什么车好？手头闲钱不多，全下来不能超过8万，买什么车好 </t>
  </si>
  <si>
    <t>推荐你买经济型SUV车型，相比家用紧凑型小轿车而言，SUV在空间上更有优势，特别是家庭成员超过4位的情况，而且SUV不再是油老虎，现在很多厂家出的经济型SUV不仅外观时尚，动力强劲，空间和舒适度也都很不错，可以考虑考虑森雅S80你可以去了解下，售价是6-8万，配备的日本进口发动机，空间是同类车型里最大的（2655mm的最长轴距），外观也很时尚，网上搜搜图就知道了，其他性能参数都不错，在同类型车里性价比是非常高的，可以考虑下</t>
  </si>
  <si>
    <t xml:space="preserve">Word文档中去不掉的横线附件里的文档表格下面总有一条横线，选不 </t>
  </si>
  <si>
    <t>在“编辑”的“替换”中，点击“高级”里的“特殊字符”，点击“注脚”。“替换为”的框框里不用打任何字。可以使用“全部替换”删除所有注脚，也可以“查找下一处”逐个删除，你不想要的注脚。_______________________________________上面的方法好用，不过麻烦你的文档就是城市零距离（重播） 后面有个注脚，删除就可以了。我的是office2010</t>
  </si>
  <si>
    <t xml:space="preserve">水之守护化妆品的主要功效和特点是什么？ </t>
  </si>
  <si>
    <t>主要功效是补水保湿的，容易吸收，价格也不贵，可以试试看。</t>
  </si>
  <si>
    <t xml:space="preserve">累计折旧需要设置明细帐吗?累计折旧待方是不是表示累计折旧的增加?? </t>
  </si>
  <si>
    <t>累计折旧不需另外设置明细账。累计折旧就在固定资产明细账中反映。累计折旧是固定资产的备抵科目。计提时表示增加，在贷方。资产处置时，从借方转出，表示减少。</t>
  </si>
  <si>
    <t xml:space="preserve">不是说不用株距也能生产出黄金了么?有么?? </t>
  </si>
  <si>
    <t>那是要在新地图的炉子里造新出的装备才是最低蓝色 几率紫色和黄色装备的。。而且需要的材料都是新地图里怪爆的或者挖的。昨天晚上在那造了个2D 90的法手。。感觉还不如穿黄昏的。。</t>
  </si>
  <si>
    <t xml:space="preserve">海虹是贝类吗？好像听一位学养殖的专家说过，海虹不是贝类，真的吗？ </t>
  </si>
  <si>
    <t xml:space="preserve">是贝类啊这个贝壳肉叫moule海虹的学名叫贻贝 海虹是紫黑色的 贻贝是海产双壳贝类，俗称海虹青口、，其干制品统称淡菜，有很高的营养价值，还具有很好的药用和食疗功效。我国沿海所产的食用贻贝主要有紫贻贝、厚壳贻贝和翡翠贻贝等，其中尤以翡翠贻贝个体最大，质量最佳，味道最好。 据分析，每百克鲜贝肉含蛋白质10.8克，糖2.4克，灰分2.4克，脂肪1.4克，干制贻贝肉蛋白质含量高达59.3%。贻贝还含有多种维生素及人体必需的锰、锌、硒、碘等多种微量元素。值得一提的是，贻贝的营养价值高还由于它所含的蛋白质有人体需要的缬氨酸、亮氨酸等8种必需氨基酸，其含量大大高于鸡蛋以及鸡、鸭、鱼、虾和肉类等必需氨基酸的含量。另据研究，贻贝脂肪中还含有人体所必需的脂肪酸，其饱和脂肪酸的含量，较猪、牛、羊肉和牛奶等食品为低，不饱和脂肪酸的含量相对较高。 贻贝还有很高的药用与食疗功效。据《本草纲目》记载，贻贝肉能治“虚劳伤惫，精血衰少，吐血久痢，肠鸣腰痛”。现代有关药书记述，贻贝性温，能补五脏，理腰脚，调经活血，对眩晕、高血压、腰痛、吐血等症均有疗效，而治夜尿吃贻贝效果甚好。贻贝中含有维生素B12和B2，对贫血、口角炎、舌喉炎和眼疾等亦有较好的疗效。 贻贝尤其是翡翠贻贝的食用方法有多种，如清蒸、白灼、红焖、鲜炸、炒吃和煲汤等均可。清蒸时剖开贝壳，加姜、葱、大蒜、酒、酱料等，味香可口，多吃不腻。夏天，若用其干制品——淡菜加料煲汤或煮粥，更是老少皆宜。   这个是我家经常吃的,又简单又好吃,做法是: 1.洋葱下锅炒香炒软: 2.再加入海虹肉(这个贝壳肉法语叫moule)炒一下,然后倒一杯红酒,投入一些香菜(香葱丁,九层塔碎).这个贝壳肉很容易熟的,只要一杯红葡萄酒的分量就能煨熟. 看看,贝壳肉吃透红酒,一个个肥嫩嫩的,香气扑鼻哦! 3.煨3-4分钟左右,看到汤汁成胶状了,根据自己家口味调口味加上盐,糖,我还浇上自制牡蛎汁,装盘,OK! 这个菜好鲜香的,混合了好几种香料: 洋葱汁带甜味的汁,可以去腥起香的;九层塔的清香;香葱的葱香;红酒的浓郁香; 海虹肉被红酒煨的嫩嫩的,又鲜香又嫩,好吃极啦! 二：海虹蒸熟后取肉凉拌吃,或者做沙拉的一个配菜,找了一个我以前做过的参考一下吧: ★海虹拌生菜土豆条★ 这个美味小食，既抵饱又健康还低脂肪. 希望大家喜欢哟! 看到家里有新鲜的蔬菜，还有新鲜贝壳，就做了这道的低脂肪的健康素食，蛮好吃，全家像吃小吃一样都来一大盘，油用的是低脂肪橄榄油，很有地中海美食风味哟~ 1。新鲜蔬菜一大堆，盘子里面是香葱＋蒜粒＋洋葱 2。土豆先用厨房餐巾纸吸干水，切细丝拌面粉，放一盘子，里面先放一点橄榄油，然后再放裹着面的土豆丝，大火蒸7－8分钟左右，时间不用长很快就熟了，拌土豆丝要用筷子拌哦，始终都不用手，要不就都粘在一起了，让面粉自然裹着在土豆丝上面才好吃 3。蒸好的土豆丝用筷子划一下，透着干干的奶油香，熟了，既不粘但还香软嫩。比吃炸土条条要健康吧，呵呵 4。红白萝卜 四季豆切小丁用一点水煮熟，这些蔬菜颗粒大了难咽下的哦。油锅放一点橄榄油，先炸香：香葱＋蒜粒＋洋葱，接着放一些盐和鸡精，再放煮好的蔬菜和蒸熟的土豆丝-加贝壳肉（我们这叫moule肉，能生吃的，就像牡蛎，可比牡蛎肉多）加一点切碎的碎香菜，随便翻炒几分钟。 翻炒的目的是为了进盐味，口味稍淡为好,最后我再加一点芝麻油增进香味. 5。OK，好啦！做了一大盘，上面再放些撕碎的生菜. 哦，忘了，西红柿被我边做菜，边生吃掉了，嘿嘿~~自己做菜的好处是随便吃咯~~ 这个好吃的小面食，既抵饱又健康还低脂肪. 希望大家喜欢～ </t>
  </si>
  <si>
    <t xml:space="preserve">我爸今年五十多岁，肚子胀已有五年了，尤其是运动或者是心急、生气时? </t>
  </si>
  <si>
    <t>胃胀多是消化不良,胃肠运动慢造成的,胃炎,胃溃疡的人常会胃胀. 胃胀。引发违章的原因主要有以下几种：  1、发病机理与病因 引起胃胀的原因有多方面的,如精神压力,消化不良等,主要是胃动力不足。  2、临床症状与危害 一般是饭后饱胀,嗳气,坐卧不安,茶饭不思; 胃胀的反复性和长期性可以导致胃炎,消化道溃疡。  水苏糖可促进胃肠道有益菌如乳酸菌和双歧杆菌的繁殖，竞争性地抑制幽门螺旋杆菌和其他致病菌，消除炎症。并可保护胃黏膜和吸收胃酸，减少胃酸和饮食对溃疡面的刺激，减轻疼痛。水苏糖具有较强的耐酸性，不会被胃液的消化酶分解，是治疗慢性胃炎，保护胃部健康最佳伴侣。对于消除违章、促进胃部蠕动，强化胃肠功能效果非常不错。</t>
  </si>
  <si>
    <t xml:space="preserve">如何获得青铜锭青铜锭可以买吗在什么地方有卖布雷有卖吗 </t>
  </si>
  <si>
    <t>江苏省 苏州太仓市金仓铜业有限公司   能提供各种青铜锭.</t>
  </si>
  <si>
    <t xml:space="preserve">长城借记卡能否异地存取,有无手续费我有一张中国银行北京回龙观支行 </t>
  </si>
  <si>
    <t>要手续费，百分之一，50元封顶，可在中行柜台内取，或是中行自动柜员机取，如在其他银行柜员机上取则多收10元手续费，从帐上扣。</t>
  </si>
  <si>
    <t xml:space="preserve">当天买进的股票能在当天卖出么如果我当天以5.00的价格买进了一只 </t>
  </si>
  <si>
    <t>你好！    不可以！    如果你持有的股票，当天买进同等数量的股票，可以卖出原来持有的股票。这就是T+0操作。</t>
  </si>
  <si>
    <t xml:space="preserve">有一些勇敢的人见了老鼠为什么会跑? </t>
  </si>
  <si>
    <t xml:space="preserve">勇敢的人去捉老鼠. </t>
  </si>
  <si>
    <t xml:space="preserve">双开刷不了双开之后，点游戏开始，每次都是“对方没有应答”。2v2 </t>
  </si>
  <si>
    <t>因为以前的1.06好像因为版本换了而不能用了 ，奇怪的是 加速和刷子永远封不掉，最开始的战神 葡萄。。。N多的</t>
  </si>
  <si>
    <t xml:space="preserve">激素依赖性皮炎从九月底被太阳暴晒了半个小时到现在一直断断续续过敏 </t>
  </si>
  <si>
    <t>根据您的描述和照片，考虑玫瑰痤疮，建议继续外用0.03%他克莫司软膏，用生理盐水冷敷，之前口服过什么药没有?用了多长时间?</t>
  </si>
  <si>
    <t xml:space="preserve">求一个比较全面介绍术士宏的地方。针对目前版本的术士宏哪里介绍得比 </t>
  </si>
  <si>
    <t>去 MOP 和 NGASS?^ 搜索一??叫  生命的尽头 的人的帖子有不会的可以回帖...每天都会回答问题.....而且教程很详细...有你需要的一切....</t>
  </si>
  <si>
    <t xml:space="preserve">稳胆－捷克３，撕洛伐３，波兰３，德国３，意大利３大家同意吗 </t>
  </si>
  <si>
    <t>意大利害人了</t>
  </si>
  <si>
    <t xml:space="preserve">梦见抢劫并追杀睡了个回笼觉，梦见和小学同学到一个村子看热闹，回家 </t>
  </si>
  <si>
    <t>这个梦是提醒你节约开支，另外，你会认识一个新朋友。</t>
  </si>
  <si>
    <t xml:space="preserve">怎样去除鸡腥味 </t>
  </si>
  <si>
    <t xml:space="preserve">用鸡做菜时要去除其腥味，必须注意以下环节： １、洗鸡是必须把鸡屁股切掉，并将鸡身内外黏附的血块内脏挖干净。 ２、不论是整只烹煮，还是剁块焖炒，都要先放在水里烫透。因为鸡肉表皮受热后，毛孔张开，可以排除一些表皮脂肪油，达到去腥味目的。 ３、在炒、炸之前，最好用酱油、料酒腌一下。 经过这样几个环节的处理，鸡肉成菜后就没有腥气。资料来源: </t>
  </si>
  <si>
    <t xml:space="preserve">《完美》新年惊喜来袭包月大礼强势登场这个活动开始了吗？请问这个活 </t>
  </si>
  <si>
    <t>活动还没开始,静请关注官方网页</t>
  </si>
  <si>
    <t xml:space="preserve">故障恢复控制台怎么用?如有时,系统的某个文件损坏,例如:C:\W? </t>
  </si>
  <si>
    <t>系统启动的过程中，提示仔 Windows\\System32 下面有某个文件丢失，系统无法启动，要求重新安装这样子。造成这种情况的原因有很多，通常是安装卸载一些的时候，被删除或替换了某些重要的系统文件，因而造成系统无法启动，以下是一个例子。 针对这种情况，我们可以使用恢复控制台的EXPAND或COPY命令来进行修复。进入恢复控制台，然后进入光盘下的i386文件夹，首先要确定我们丢失的文件是不是压缩过的。如果没有压缩过，我们直接复制到目标位置就可以了就可以了，例如NTDLL.DLL；如果是压缩的，就要用到EXPAND命令了，例如NTDSBCLI.DL_（只要后缀名最后一个是下划线的就是压缩过的）。 COPY的格式是：COPY（空格）来源文件（空格）目标文件夹 例如：COPY D:\\i386\\NTDLL.DLL C:\\Windows\\System32 EXPAND格式也是：EXPAND（空格）来源文件（空格）目标文件夹 例如：EXPAND D:\\i386\\NTDSBCLI.DL_ C:\\Windows\\System32 附：常用的系统故障恢复命令 1. Bootcfg：用于对启动文件BOOT.INI的配置和恢复 2. Disable 和 Enable：用于禁用/启用系统服务或设备驱动程序 3. Expand：用于从压缩文件中提取文件 4. FixBoot：重新写入新的分区引导区到指定的系统分区 5. FixMBR：修复启动磁盘的主引导记录 6. Help：显示帮助 7. Listsvc：列出该系统上所有的系统服务和设备驱动程序（配合Disable/Enable使用） 8. Set：显示和设置环境变量参考资料：  WinXP故障恢复控制台的使用</t>
  </si>
  <si>
    <t xml:space="preserve">急匆匆的近义词5年级学习园地的问题 </t>
  </si>
  <si>
    <t>急匆匆—急忙忙/慌忙忙</t>
  </si>
  <si>
    <t xml:space="preserve">老公不相信我??老公在家里床头柜里发现了一个避孕套的空盒,说我有 </t>
  </si>
  <si>
    <t>这无疑暴露出你们之间沟通的瑕疵，如果相互心走得很近，对对方了如指掌，一个空盒子未必会引起这样的信任风波；敞开心扉，说清情况，今后多多沟通就是了。</t>
  </si>
  <si>
    <t xml:space="preserve">请问kw和kwh有什么区别？ </t>
  </si>
  <si>
    <t>您好kW——是功率的单位。在我们日常生活中，是我们家里用电量的单位。比如：我们家里的电热水器的功率是3kW，也就是电热水器的用电量是3kW；kWh——是功的单位。在我们日常生活中，是我们家里消耗掉电量的单位，我们平常叫“度”。比如：我们家里的电热水器的功率是3kW，每天用1小时，那么这电热水器1小时消耗的电量是3kWh，也即是消耗电量3度</t>
  </si>
  <si>
    <t xml:space="preserve">白头发怎么变成黑头发（除了染和一洗黑）人啊！还很年轻才18岁就开 </t>
  </si>
  <si>
    <t>这个男生血热，可以多吃坚果，还有芝麻，真得很管用的，我同学以前头发白的很多，现在感觉发质都变了~~而且这个和学习压力有关系，以后会渐渐好转</t>
  </si>
  <si>
    <t xml:space="preserve">谁能讲解下桃园的将星逆袭是怎么玩的？ </t>
  </si>
  <si>
    <t>将星逆袭是集合了武将卡、武将计、将星对决的名称。武将卡：由将星录系统中获得，通过装备武将卡才能体验到将星逆袭的内容。武将计：装备武将卡后，角色收到攻击就能累积怒气，怒气槽满了就能发大招（武将计）将星对决：当作战双发同时释放武将计就触发了将星对决，通过快速反应按键，评分，分数少的一方将判定失败，胜利的一方释放武将计攻击对手。</t>
  </si>
  <si>
    <t xml:space="preserve">600060是不是该跑了MACD和平均线指标好像都不行了 </t>
  </si>
  <si>
    <t>该股题材丰富，中长期均线已转为向上，本次下调洗盘的可能性很大。若7.00元附近支撑住重新走稳，中线具备爆涨空间。短线盘中反弹可先退出，待调整到位再买进。</t>
  </si>
  <si>
    <t xml:space="preserve">68黄昏任务68级在组队的情况下有任务做吗 </t>
  </si>
  <si>
    <t>当你进的是60黄昏在里面选的是60的时候就有任务</t>
  </si>
  <si>
    <t xml:space="preserve">你最喜欢哪部金庸的小说？ </t>
  </si>
  <si>
    <t xml:space="preserve">天龙八部 </t>
  </si>
  <si>
    <t xml:space="preserve">以下两种男友你选择哪种?一种是会用甜言蜜语哄你开心的人一种是不太 </t>
  </si>
  <si>
    <t>如果是我，我会选不太会表达内心感情,默默地关心你的人。因为会甜言蜜语的人很多，但是能够做到的人却很少！所以在言语与行动之间，还是行动者胜！很巧，在这之前，我也遇到同样的问题。但现在我已经做出了决定，比较沉默的人会成为我的男朋友，其实他现在已经变的很会说话了，他对我说像他这种人只要遇到自己喜欢的人就会有很好的表现的。所以，我信任他，也选了他。（只是他还不知道）我希望天下的有情人终成眷属！</t>
  </si>
  <si>
    <t xml:space="preserve">找老电影在90年代的时候，我看过一部电影，很感人。现在很想重温一 </t>
  </si>
  <si>
    <t>是不是《棋王》啊我记得下棋的电影业就好像是这部了</t>
  </si>
  <si>
    <t xml:space="preserve">安装程序错误！源文件受损！刚用迅雷在官网下了个客户端，安装到最后 </t>
  </si>
  <si>
    <t>碰到这种事情真的让人很郁闷.可能是来源问题造成的.只能从新下了.</t>
  </si>
  <si>
    <t xml:space="preserve">人的大脑容量如果用G来衡量的话,大约多少G? </t>
  </si>
  <si>
    <t>应该是N个G,就看你发挥的潜力了！ 没有固定数值！</t>
  </si>
  <si>
    <t xml:space="preserve">家族技能2升3任务材料该怎样才能得到？家族技能2升3的任务材料该 </t>
  </si>
  <si>
    <t>唉，物价涨的飞快啊。我们老区新手不多也就没什么人寻宝了，这几样东西便宜的40~50J，虎抱石更是要80J，新家族的话可真是倒霉哦</t>
  </si>
  <si>
    <t xml:space="preserve">请问现在的国泰金马基金经理是谁？怎么做来做去还掉在下面？是不是换 </t>
  </si>
  <si>
    <t>国泰金马稳健回报基金业绩很一般。该基金成立时的份额为12.31亿份，而2004年第4季度报告中，基金份额只有9.77亿份，累计净赎回超过20%，这也从一个侧面说明投资人并不看好该基金。买基金，还是要买明星基金公司的强势基金。我的建议是：1、适当的时候赎回，换成其他业绩好的基金。这样做，要损失手续费，还要选好再购买的基金，才能把损失补回来；2、可以转换成该基金旗下的金鹰增长或金龙行业精选，这两只基金的走势要强于金马。以上建议，仅供参考。祝你投资顺利！</t>
  </si>
  <si>
    <t xml:space="preserve">精子能穿过衣服进入人体么？我在月经第四天，男友隔着衣服射精到我身 </t>
  </si>
  <si>
    <t>呵呵机会小于千万分之一  不排卵 即使排卵 精子也没有活力去跟卵子结合 路很长啊</t>
  </si>
  <si>
    <t xml:space="preserve">孩子脸上起了湿疹还能打白百破吗我家宝宝现在是三个月,从一个月就起 </t>
  </si>
  <si>
    <t xml:space="preserve">一般下列情况宝宝不易接种：（1）有发热、急性传染病潜伏期及恢复期、过敏体质(哮喘、寻麻疹)、重症的慢性病(如活动性肺结核、心脏病、急慢性肾脏病、糖尿病、高血压、肝硬化、血液系统病儿)、严重化脓性皮肤病、婴儿重度营养不良。 (2)最近6周注射丙种球蛋白、免疫球蛋白等被动免疫，应推迟活疫苗接种，以避免被动抗体的干扰。 建议您和当地医生联系，医生会根据您宝宝出湿疹的情况来决定是否能进行接种。 </t>
  </si>
  <si>
    <t xml:space="preserve">怎么下载这个游戏哥哥姐姐帮下忙 </t>
  </si>
  <si>
    <t>什么游戏啊，你要是想下游戏的话就用电驴吧</t>
  </si>
  <si>
    <t xml:space="preserve">请教大家，谢谢请问：被小狗抓伤会得狂犬病吗？我怎么听说只有咬伤才 </t>
  </si>
  <si>
    <t>狂犬病和别的病不一样，它的后果大家都知道，所以即使是抓伤也要去打疫苗，以防万一。</t>
  </si>
  <si>
    <t xml:space="preserve">怎样才能真正学好英语？ </t>
  </si>
  <si>
    <t>学好英语的关键是要有恒心,毅力.如果这两方面不俱备,一切都不成立.本人觉得最好的学习英语的方法是背诵.这个方法看似愚蠢,但个中高妙之处,只有这样做过的人才能体会.要抓紧一切时间去学习.多听,多说.至于语法之类的.如果你不是高中生,我希望你不要去关注这些.因为靠记语法学英语,吃力不讨好.个人观点,仅供参考!</t>
  </si>
  <si>
    <t xml:space="preserve">每级的任务,在接任务时应说清到哪.打什么可以打到?如少林25级任 </t>
  </si>
  <si>
    <t xml:space="preserve">   凡是三级以上的,(不包括三级)的装备,都要先取到三级的装备,在京城,(打开大地图)中间有个锤子那,升级,升到四级,四级可以升到五级,类推.   所以,只有先到商店买三级的,去升到四级,另外,二级或一级的装备是不可以升级的.   升级的时候,有可能会掉级,比如你三升四,有可能会失败,变成二级,就费了,所以升的时候,最好带个中国结类的,加运气的装备,成功的机会比较大.</t>
  </si>
  <si>
    <t xml:space="preserve">看见把枪``比杀20连击22TS260的60枪390W``值不? </t>
  </si>
  <si>
    <t>看见把枪``比杀20连击22TS260的60枪390W``值不? 楼主应该知道在60级阶段停留的玩家不多，除非是做试道的，60级做为过度阶段，应该注重于伤害。。。这武器伤害那么低，跟本没用的，说句实话：这样的武器只能做试练用。。。</t>
  </si>
  <si>
    <t xml:space="preserve">葡萄酒的正确喝法 </t>
  </si>
  <si>
    <t>温度葡萄酒供你品尝时应温度适中非常重要。白葡萄酒通常冰镇后再喝。不过，如果冰镇得太厉害，你就无法品味出酒中的香型。红葡萄酒在室温下喝为好。如果红葡萄酒或白葡萄酒在品尝时温度偏高，那酒的风味就会失去平衡：白葡萄酒会显得偏甜，而红葡萄酒尝起来会太酸或酒精味偏重。读标签标签能让你了解关于该瓶葡萄酒的许多信息，比如葡萄收获的年份，葡萄酒的产区，酿造厂商的名称，酒精水平，以及葡萄的种类。许多葡萄酒也有一个背面的标签，告诉你这瓶酒有多甜或多干，适合保存多久，以及配搭什么样的食物口感最佳。审视葡萄酒察看葡萄酒的色泽能帮你评估一瓶酒大约有几个年头了，还有入口后大致上的口味轻重。白葡萄酒新鲜时最为白澈，逐渐会泛出些草白色。另一方面，红葡萄酒在新鲜时颜色最为厚重，接近紫色，然后随着时间的推移，逐渐呈现砖红色泽，后来变成棕红色。你也会注意到不同的葡萄酒种类色泽也各不相同： Cabernet Sauvignon (加本力苏维翁)的天然色泽就比 Merlot （梅洛）要深。同时，葡萄在收获时期越成熟，酿就的酒的颜色就越深。把葡萄酒倒入一个清朗洁净的葡萄酒杯，倒到四分之一满的位置。取一个大的、杯座较宽而顶部较窄的郁金香形状的酒杯将有助于葡萄酒香气的集中。拿着酒杯的底端根部，对着某个白色的背景把酒杯倾斜到45°角，这样你就可以观察到葡萄酒从中间到边缘的一系列色泽。旋转杯中的葡萄酒旋转杯中葡萄酒最容易的办法是把酒杯的底座放在桌上。旋转将使葡萄酒受到更多氧气的影响，并有助于香气的释放。葡萄酒会沿杯壁流动，很快地蒸发，并把集结的香气释放出来。嗅闻葡萄酒在旋转你的葡萄酒后，把鼻子凑向酒杯，平稳轻柔地吸气。这将帮助你闻到旋转后产生的那些上升的香气。最初几秒钟各种香气都会散发出来。尽管我们的嗅觉是感观系统中最敏锐的，而且记忆最为持久，但大部分人在日常中并不经常利用我们的嗅觉。这意味着要说出你感觉到的某种香气的名称，或是区分在你心底晃悠的各种不同的香气，还真得花点时间。你的鼻子很快就会觉得疲劳，所以你得闻上几秒就歇一会儿，然后再回来闻这瓶葡萄酒。在你遗忘你的某些想法之前，值得把它们记下来。这有助于你建立一个各种香型的记忆库，便于你将来鉴别葡萄酒和识别出那些你已经尝过的葡萄酒。始终要把香气解释成某个对你熟悉的东西。如果某种香气让你想起苹果、醋栗、烟草或李子，那么这样的描述就适合你。如果别人对某些香气的看法与你不同，那真没什么关系，因为只有你，你自己，如何品味解释这瓶酒才是最关键的！品尝葡萄酒最后，是品尝葡萄酒的时候了。好好地啜一下，差不多占满口中三分之一的样子，然后至少把葡萄酒含在口中十秒钟以上。舌头只能感受最基本的一些口味特点：前端感受甜度，两侧感受酸度，后端感受苦涩。因此，让葡萄酒在你的口中回转几下，尽可能地让口腔的每一部分都能接触到酒相当重要。把酒含在口中轻柔地回旋，让它在舌头、牙齿、面颊处和牙龈都滑过一层。评估葡萄酒首先留意你的舌头察觉到的任何甜味、酸味和单宁的那种较为硬朗的感觉。把你的第一印象写下来，然后把酒在你的口中回味一阵后产生的味觉记下来。有些香型肯定错不了，另外一些香型则会微妙地变化，总有些若有若无的感觉。别太费心机非把某种香型或香气弄得水落石出不可。当你心平气和时，他们自会让你心领神会。倘若你紧张忙乱，压力重重，要细品中你口中的种种美妙，恐怕还真是件难事。你还不太可能一下子都能尝出那些老酒友们宣称的他们所品到的种种妙香。不过如果你多听听那些行家酒客关于某种葡萄酒的见解，你的心灵和你的嘴巴也会逐渐开始领悟他们究竟在说些什么。随着时间的推移，你将能体验和了解葡萄酒的诸多香型，以及它们的一些重要成分，如酸性和单宁等。吞咽或吐出葡萄酒虽然在餐桌上你不会把品尝的葡萄酒吐出来，但是参加葡萄酒品尝会时，如果你要保持相对的清醒客观，你就非得这么做不可了。在吐出或吞咽后，把葡萄酒在口中最后一丝残留的感觉写下来，姑且把它称为“余感”吧！当然吞咽后来判断“余感”会稍微容易一些。</t>
  </si>
  <si>
    <t xml:space="preserve">3C认证是怎么回事？ </t>
  </si>
  <si>
    <t>中国强制性产品认证（3 C认证）知识问答根据国家认证委的通知，我国强制性产品认证新制度自2003年5月1日起生效，届时旧制度废止，按新制度的认证申请自2002年5月1日开始受理。凡属于强制认证《目录》内的产品。从今年5月1日起，无CCC证书和标志不能出厂、进口销售和使用。现在距规定日期只有一个多月了，对此已引起有关各方的广泛关注。为帮助我公司员工对3C认证有所了解，在此对有关知识回答如下：1、 3C认证制度由谁建立、实施和监督？3C认证制度由中国政府建立，授权国家质量监督检验检查总局（AQSIQ）和国家认监委（CNCA）具有策划和管理；由CNCA指定的认证机构（目前有9家）负责认证实施，由指定的检测机构（目前有69 家）负责认证的检测工作：由地方质检部门对列入《目录》内的产品实施执法监督。2、 我国已发布了哪些有关规章和文件？（1）《强制性产品认证管理规定》（2）《强制性产品认证标志管理办法》（3）《第一批实施强制性产品认证的产品目录》（4）《强制性产品认证实施规则》（5）《强制性产品认证收费规定》3、 请说明3C认证标志。（1）CCC标志样式：基本标志+认证种类标(2)标志规格：分标准规格和非标准规格两类。（3）标准规格按尺寸分为5种，颜色均为黑色、白背景。（4）非标准规格可自行设计经批准使用。4、 第一批强制认证产品目录中包括哪些产品？共19个类别132种产品，这些产品均与人类健康和安全、动植物生命安全、环境保护、公共安全、国家安全有关。（1） 电线电缆（5种）（2） 电线开关及保护或连接用电器装置（6种）（3） 低压电器（9种）（4） 小功率电动机（1种）（5） 电动工具（16种）（6） 电焊机（15种）（7） 家用和类似用途设备（18种）（8） 、视频设备（16种）（9） 信息设备（12种）（10） 照明设备（12种）（11） 电信终端设备（9种）（12） 机动车辆和安全附件（4种）（13） 机动车辆轮胎（3种）（14） 安全玻璃（3种）（15） 农机产品（1种）（16） 乳胶制品（1种）（17） 医疗器械产品（7种）（18） 消防产品（3种）（19） 安全技术防范产品（1种）5、 3C认证的基本程序是什么？（1）认证申请和受理；（2）样品试验；（3）初始工厂审查；（4）初始结果评价和批准；（5）获得认证后的监督。6、请说明3C认证与质量管理体系认证的异同点。共同点：（1）都是为了强化企业管理。现代化的企业管理涉及许多方面，市场竞争和法律法规都要求企业不断改进它们的管理体系，确保产品的适用性和安全性，承担相应的产品责任。 （2）都是为了适应我国加入WTO的新形势。取得强制性产品认证证书和标志是国际贸易中市场准入的条件之一，有些国家还把取得管理体系认证证书作为合格供应商的条件之一。（3）均可纳入合格评定体系。他们都有客观评定依据，都需要得到外界的承认，获证后都要进行监督。（4）都遵循PDCA循环原理。不同点：（1）3C认证是国家实施的强制性产品认证制定；质量管理体系认证是国际性的自愿认证制定。（2）3C认证的对象是列入《强制性认证产品目录》内的产品；质量管理体系认证的对象是任何组织，没有什么限制。 （3）3C认证的依据是国家的法律法规和相应的产品检测标准；质量管理体系认证的依据是ISO9001：2000和组织的管理体系文件。（4）对于生产《强认目录》内产品的组织来说，取得3C认证证书和标志是通过质量管理体系认证的必要条件之一，而已通过质量管理体系认证的组织也为了3C认证创造了方便条件，这是因为二者在进行工厂审查和审核时有许多共同要求。7、 我国开展3C认证的新时期，质量管理体系认证咨询人员应注意什么？（1）如果所咨询的组织生产的产品已列入国家强制性产品认证目录，咨询人员不仅要帮助组织建立、实施和保持质量管理体系，而且要督促和帮助组织申请3C认证，二者是相互关联和相互制约的。（2）在其他情况下，管理体系咨询人员应当鼓励和帮助组织申请自愿性产品认证。因为产品不论是否列入3 C认证目录，其安全性能都必须达到要求。</t>
  </si>
  <si>
    <t xml:space="preserve">紫檀和绿檀有什么区别？哪个更好？有两串佛珠不知戴哪个好，呵呵，好 </t>
  </si>
  <si>
    <t>檀香紫檀俗称“小叶檀”，是明清家具的主要用材，也是当代红木家具中的极品优质木材。“降香绿檀”树种名叫维腊木，也是当代制作名贵家具的优质木材。现将二者试作比较，以求让更多的人了解“降香绿檀”。首先比较木质，二者很相同。紫檀和绿檀都很坚硬，而且都沉于水，质地都很细润。气干密度，紫檀1.09g/cm3；绿檀1.10g/cm3。其次比较木性，二者很相似。紫檀和绿檀都有韧性，刚中有柔，不易开裂和变形，制作高档家具最适宜。只不过紫檀的鬃眼比绿檀小，似乎看来绿檀粗糙一些。其实不然，绿檀制作的家具比任何红木家具的稳定性都大。再次比较木色，二者很相配。紫檀新为桔红色，久则变紫黑；绿檀新为桔黄色，久则变墨绿。它们木本色的共同特点是：光润如玉，柔润如锦，华美艳丽，典雅静穆，均有一种诱人的自然美。总之，试把绿檀比紫檀，相同相似又相配。紫檀的名贵，家喻户晓；绿檀的名贵，鲜为人知。正因为“降香绿檀”目前的名气不是太大，所以身价还不太高。但是，它有着更广阔的升值空间，用不了几年，将会成为红木爱好者的珍宝。檀香木佛珠，透漏着古朴的高贵，木质里透出的沉沉的檀香味道，令人忘却，心地无比清凉。产品详细描述： 檀，梵语里是“布施”的意思，，因其木质坚硬，香气宜人，色彩古朴庄重，又能避邪气，驱蚊虫，故被称为“圣檀”。 目前世界上的檀木仅剩下沉檀，紫檀，红檀，绿檀，黑檀等几种，其中又以绿檀为最佳，最上层，数量也极其有限。因其珍贵无比，而且木质里透出的沉沉的檀香味道，能令人忘却烦恼，心地无比的清凉，所以佛教的高僧们经常使用此物，人们也常常把它作为护身佛珠，护身圣像等以保平安吉祥。 佩带念珠，可以提醒道念，庄严威仪；持用念珠，可以记取念诵数目，不使功夫减退。</t>
  </si>
  <si>
    <t xml:space="preserve">为什么老是出现版本不符合啊我３区的，自从昨天３区出问题开启后，我 </t>
  </si>
  <si>
    <t>我知道你说的这个问题，是不是补丁安完了也是版本不符合，无法连接。我家里也这样，重起几次就好了，我家就这样。</t>
  </si>
  <si>
    <t xml:space="preserve">六味地黄丸对提高精子的活力疗效如何 </t>
  </si>
  <si>
    <t>"六味地黄丸"主要适用于肾阴亏虚的患者.其主要症状就是:腰膝酸软、头晕目眩、睡觉时盗汗、耳鸣、遗精等等.肾与人的生殖功能密切相关,所以很多与生殖相关的疾病医生都倾向于开这个药.另外:导致精子活力低下的原因很多，比如:1.附睾、精囊、前列腺有炎症(因为它们可引起精浆变异).2.人体内缺锌.3.睾丸发育受阻.4.射精量很少(达不到正常的要求)等等.建议你平时:1.尽量少去桑拿房、蒸气浴室(高温蒸浴可直接伤害精子,并抑制精子的生成).2.戒烟和适度饮酒.3.把手机放在上衣兜,而不是裤兜.4.放松自己的心态。5.多吃绿色蔬菜和坚果等等。</t>
  </si>
  <si>
    <t xml:space="preserve">请问被盗号后的问题我是4区激流堡服的飞仔一个（60级亡灵战士）， </t>
  </si>
  <si>
    <t>太垃圾了.      17位生分证???   新鲜!!!!即便是你猜到个17位的给他了,他还会有很多方法```   比如只能恢复5件装备.我的一个朋友就是.朋友,还想玩WOW吗?我~三区的 精灵猎人 快55 了.</t>
  </si>
  <si>
    <t xml:space="preserve">三星x208市面上有卖的吗？我看上这款机子了，多少钱呢？有卖的马 </t>
  </si>
  <si>
    <t>早有了.1200</t>
  </si>
  <si>
    <t xml:space="preserve">关于清华同方电脑CPU风扇的问题老是提示有不符合"爱问"原则的词 </t>
  </si>
  <si>
    <t>我用的是同方真爱７８５０，觉得他们售后服务还不错，打电话给他们客服.</t>
  </si>
  <si>
    <t xml:space="preserve">相机求教！！！！！小弟是小白。想要练练摄影。喜欢拍风景。天空、树 </t>
  </si>
  <si>
    <t>　　1、微单就是单电，不同的名称罢了。　　2、单反机功能强大，是目前功能最强的相机。可选择的镜头多，但体积大，重量重，携带不便，操作复杂……　　３、单电也可以更换镜头，体积小，轻便。　　４、条件允许，就不要买入门级的，应该买中档或以上的，以免很快就发现入门极的不符合你的要求了。可以先配个短变焦镜头，17-55mm的，适用于人像、风景拍摄。以后根据需要，再配一个55-300mm的长变焦及微距镜头。注意镜头要买高档一些的，不要贪便宜。　　我用的是尼康D300S，属于中档单反机，镜头比较好，最大光圈恒定2.8。如条件允许，可以买一个全画幅的，以佳能或尼康为主。目前机身约1万6左右，短变焦镜头好的在1W附近。比如尼康D800。</t>
  </si>
  <si>
    <t xml:space="preserve">求看报纸的软件有没有看各家报纸的软件？ </t>
  </si>
  <si>
    <t xml:space="preserve">爱斯基摩人与中国人在长相上有何区别？ </t>
  </si>
  <si>
    <t xml:space="preserve">毕竟是亚洲人迁去的，当然有点像！爱斯基摩人（Eskimo）　　北极地区的土著民族。自称因纽特人，分布在从西伯利亚、阿拉斯加到格陵兰的北极圈内外。分别居住在格陵兰、美国、加拿大和俄罗斯。属蒙古人种北极类型。先后创制了用拉丁字母和斯拉夫字母拼写的文字。多信万物有灵和萨满教，部分信基督教新教和天主教。社会以地域集团为单位。首领多为萨满，行一夫一妻制。住房有石屋、木屋和雪屋。房屋一半陷入地下，门道极低。一般养狗，用以拉雪橇。主要从事陆地或海上狩猎，辅以捕鱼和驯鹿。以猎物为主要来源：以肉为食，毛皮做衣物，油脂用于照明和烹饪，骨牙作工具和武器。男子狩猎和建屋，妇女制皮和缝纫。 爱斯基摩人是由从亚洲经两次大迁徙进入北极地区的。经历了4000多年的历史。由于气候恶劣，环境严酷，他们基本上是在死亡线上挣扎，能生存繁衍至今，实在是一大奇迹。他们必须面对长达数月乃至半年的黑夜，抵御零下几十摄氏度的严寒和暴风雪，夏天奔忙于汹涌澎湃的大海之中，冬天挣扎于漂移不定的浮冰之上，仅凭一叶轻舟和简单的工具去和地球上最庞大的鲸鱼拼搏，用一根梭标甚至赤手空拳去和陆地上最凶猛的动物之一北极熊较量，一旦打不到猎物，全家人，整个村子，乃至整个部落就会饿死。因此，应该说，在世界民族大家庭中，爱斯基摩人无疑是最强悍、最顽强、最勇敢和最为坚韧不拔的民族。 </t>
  </si>
  <si>
    <t xml:space="preserve">6区的无尽之海服务器的问题我想tbc在6区无尽之海这个服务器玩个 </t>
  </si>
  <si>
    <t>无尽之海一亡灵贼飘过，楼上这位说的什么意思你应该明白了，有的地方他说的比较含蓄，我就说明白了吧：1.无尽之海联盟的副本进度要比部落快，由此导致联盟的装备总体上要比部落高一个档次；2.因为联盟副本进度快于部落，导致进入本服的新人大部分都选择联盟阵营，所以，联盟的人数要多于部落；3.野外杀小号哪个阵营都有，但是联盟人数于部落，所以发生杀小号事件的次数上联盟也要多于部落；4.因为部落人数少，所以部落比联盟要更容易团结一点；5.因为部落的装备整体上弱于联盟，所以为了生存，部落的大部分玩家在技术上都必须要略强与联盟；6.综合起来，无尽之海联盟与部落的差距不是很大；7.因为无尽之海是网通线的最后两个服务器之一，因此人数很多，排队很严重；8.本人是无尽之海开服2小时内进入该服的，最开始是暗夜猎人，盗号的为我转了阵营，现在我是一个亡灵贼......</t>
  </si>
  <si>
    <t xml:space="preserve">中国法律规定．怎么枪毙死因的？ </t>
  </si>
  <si>
    <t>我国刑法没有具体规定执行死刑方法。目前，我国执行死刑的方法：枪决、注射药物两种。</t>
  </si>
  <si>
    <t xml:space="preserve">帮忙解决问题!@!@#：什么是黑盒测试和白盒测试?谢谢拉 </t>
  </si>
  <si>
    <t>黑盒测试和白盒测试： 黑盒测试 　　黑盒测试也称功能测试或数据驱动测试，它是在已知产品所应具有的功能，通过测试来检测每个功能是否都能正常使用，在测试时，把程序看作一个不能打开的黑盆子，在完全不考虑程序内部结构和内部特性的情况下， 测试者在程序接口进行测试，它只检查程序功能是否按照需求规格说明书的规定正常使用，程序是否能适当地接收输入数锯而产生正确的输出信息，并且保持外部信息（如或文件）的完整性。黑盒测试方法主要有等价类划分、边值分析、因—果图、错误推测等，主要用于软件确认测试。 “黑盒”法着眼于程序外部结构、不考虑内部逻辑结构、针对软件界面和软件功能进行测试。“黑盒”法是穷举输入测试，只有把所有可能的输入都作为测试情况使用，才能以这种方法查出程序中所有的错误。 白盒测试：   　白盒测试也称结构测试或逻辑驱动测试，它是知道产品内部工作过程，可通过测试来检测产品内部动作是否按照规格说明书的规定正常进行，按照程序内部的结构测试程序，检验程序中的每条通路是否都有能按预定要求正确工作，而不顾它的功能，白盒测试的主要方法有逻辑驱动、基路测试等，主要用于软件验证。“白盒”法全面了解程序内部逻辑结构、对所有逻辑路径进行测试。“白盒”法是穷举路径测试。在使用这一方案时，测试者必须检查程序的内部结构，从检查程序的逻辑着手，得出测试数据。 黑盒测试和白盒测试　　任何工程产品（注意是任何工程产品）都可以使用以下两种方法之一进行测试。黑盒测试：已知产品的功能设计规格，可以进行测试证明每个实现了的功能是否符合要求。白盒测试：已知产品的内部工作过程，可以通过测试证明每种内部操作是否符合设计规格要求，所有内部成分是否以经过检查。　　软件的黑盒测试意味着测试要在软件的接口处进行。这种方法是把测试对象看做一个黑盒子，测试人员完全不考虑程序内部的逻辑结构和内部特性，只依据程序的需求规格说明书，检查程序的功能是否符合它的功能说明。因此黑盒测试又叫功能测试或数据驱动测试。黑盒测试主要是为了发现以下几类错误：1、是否有不正确或遗漏的功能？2、在接口上，输入是否能正确的接受？能否输出正确的结果？3、是否有数据结构错误或外部信息（例如数据文件）访问错误？4、性能上是否能够满足要求？5、是否有初始化或终止性错误？　　软件的白盒测试是对软件的过程性细节做细致的检查。这种方法是把测试对象看做一个打开的盒子，它允许测试人员利用程序内部的逻辑结构及有关信息，设计或选择测试用例，对程序所有逻辑路径进行测试。通过在不同点检查程序状态，确定实际状态是否与预期的状态一致。因此白盒测试又称为结构测试或逻辑驱动测试。白盒测试主要是想对程序模块进行如下检查：1、对程序模块的所有独立的执行路径至少测试一遍。2、对所有的逻辑判定，取“真”与取“假”的两种情况都能至少测一遍。3、在循环的边界和运行的界限内执行循环体。4、测试内部数据结构的有效性，等等。　　以上事实说明，软件测试有一个致命的缺陷，即测试的不完全、不彻底性。由于任何程序只能进行少量（相对于穷举的巨大数量而言）的有限的测试，在未发现错误时，不能说明程序中没有错误。</t>
  </si>
  <si>
    <t xml:space="preserve">我不是很爱我老婆，怎么办？从谈恋爱开始到现在，我都不是很爱我老婆 </t>
  </si>
  <si>
    <t>爱不爱主要在你自己，爱不仅仅是一种感觉。我能明白你的感受，因为我也是相信感觉的，只在见面的一瞬间。但是如果你已经结婚有了孩子，就不应该有这种想法了，因为你为别人做出了承诺，而一个男人是应该实现他的承诺的。拜脱，你是个负有责任的男人，不是在寻找爱情的小男孩，社会再多的选择，再多的潮流，还是要用你自己的脑子去判断，社会可以宽容的，大家可以理解的，并不一定就是对的。你如果想找到爱的感觉，建议你还是在自己的婚姻中得到答案，你妻子不漂亮，但每个人都会有可爱的地方，你去发现了吗？美女是眼晴的天堂，但可能是心灵的地狱。我之所以前面写了这么多，其实最主要是气不过你对孩子的态度，居然你还怀疑孩子来得不可思议？？？你是该好好反思一下自己了，做为父亲，你为孩子付出了多少爱？？？仓廪足知礼仪，我希望你不要温饱思淫yi</t>
  </si>
  <si>
    <t xml:space="preserve">售楼员私下倒房算不算诈骗？我买房子，售楼部说没房源，但是有别的客 </t>
  </si>
  <si>
    <t>我买房子，售楼部说没房源，但是有别的客户退房，我可以买这个房子，但是要加一定的钱，这钱是给到销售人员手中，他们公司不知道，具我所知这名销售人员用此类方法获得利益最少五万，这样算不算诈骗？算的话会被判多久？如果我同意为此房多付出那些钱，是我自愿的，那这名销售人员算不算诈骗？我如要告他需要什么证据？ ……要看售房单位的规定和要求。如果退房必须收回来重新出售，业务员就有问题；如果允许业务员自主处理，那就不是业务员的问题。　业务员如果有钱也可以自己买下，再行出售，并不违法，因为他们也可以是－－－消费者。有的业务员已经成为倒房的“房虫”，就有点问题了。　　你要首先弄清楚规定和事实，掌握证据。</t>
  </si>
  <si>
    <t xml:space="preserve">谁知道北京最好的整形医院是那一家？ </t>
  </si>
  <si>
    <t xml:space="preserve">你去“北京整形整容博客”里面看看就知道了，里面有北京整形医院的排名很专业的，而且博主就是北京有名的整形咨询师爻尧 </t>
  </si>
  <si>
    <t xml:space="preserve">汇丰晋信基金如何？这是汇丰的第一支基金不只表现如何？想请教一下？ </t>
  </si>
  <si>
    <t>呵呵,新品种,中国大陆第一只,好不好很难说,但要等到2016年才能清清楚楚知道有多少收益,我是没那么久的耐心的,你不妨买一点看看,2016年我等你好消息.</t>
  </si>
  <si>
    <t xml:space="preserve">中行指数与大盘的问题，谁能告诉我？水能告诉我中行上市给沪市大盘指 </t>
  </si>
  <si>
    <t>大概是60点吧。</t>
  </si>
  <si>
    <t xml:space="preserve">冠心病能经常去挂水吗怎么治疗你好我妈妈经常胸闷心堵爬楼梯了心就会 </t>
  </si>
  <si>
    <t>是否能挂水要看心功能，所以心超的结果很重要，如果心超提示有心功能不全，就不适合经常挂水。诊断冠心病通常需要冠脉造影或者冠脉CTA的结果，不知道她的诊断是否可靠。如果真是冠心病，治疗以西药为主，中药的效果不确切，缺少证据。</t>
  </si>
  <si>
    <t xml:space="preserve">水蓝鼠估价30级1攻2防的水蓝鼠能值多少钱? </t>
  </si>
  <si>
    <t>180W.</t>
  </si>
  <si>
    <t xml:space="preserve">跪求:改身份证方法我当初用的身份证是未成年的现在防沉迷不让玩求大 </t>
  </si>
  <si>
    <t xml:space="preserve">首先你要有帐号原来的身份证号码,密保卡,安全锁.绑定诱邮箱要在自己手里. 首先登陆9C通行证 选择身份证修改,选择邮箱修改, 然后9C会给你邮箱发来确认信,上面有安全识别码,复制识别码,继续下一步,系统让你填写识别码,你把刚复制的填写上,然后下一步. 三个认证,分别是原身份证号认证,密保卡认证,安全锁认证,全认证完后,点下一步,输入 要修改的身份证号及姓名.认证通过后,点下一步. 9C要你冲2张共60元的点卡.冲值后提交,帐号封停7天后,身份证就修改好了. 附加: 值得注意的是，每位玩家要进行“身份重置”，需要注意多项事宜：首先，每个帐号一年只有一次身份重置机会；第二，重置身份证时，正确通过“密保卡”，“原注册身份证信息”以及“安全锁密钥”验证的用户，将大大减少“身份证重置”的处理周期；第三，此次身份证重置成功申请后，在接下来的7天中，该账号将无法登录《》进行游戏；第四，身份证重置是免费的，为了防止身份证被恶意改动，重置身份证操作过程同样需向被修改的账号中充入两张《魔兽世界》实体点卡进行认证，充入的点卡将会转化为玩家的游戏时间。 </t>
  </si>
  <si>
    <t xml:space="preserve">上林垂钓猜成语一句 </t>
  </si>
  <si>
    <t>缘木求鱼</t>
  </si>
  <si>
    <t xml:space="preserve">蛋清加蜂蜜调成糊成，做成面膜，敷在脸上，有什么好处？？？？？ </t>
  </si>
  <si>
    <t>如果再加点珍珠粉，不但能使皮肤美白细腻有光泽，还能去斑</t>
  </si>
  <si>
    <t xml:space="preserve">急切的知道排卵问题!请知道的姐妹告知都说排卵期白带拉丝我仔细观察 </t>
  </si>
  <si>
    <t>我以前好像有拉丝，现在几乎看不到了，也不知道是怎么回事。</t>
  </si>
  <si>
    <t xml:space="preserve">今天有种怪怪的感觉,估计意甲打完没几人单子还活着大家都买好了,说 </t>
  </si>
  <si>
    <t>你的担心是对的。</t>
  </si>
  <si>
    <t xml:space="preserve">秦时明月原画是什么格式 </t>
  </si>
  <si>
    <t>格子版的，但现在有动画片版的，不就看动画片版的，不然看字会累死撒你好原画版大小每集500MB  格式 是FLV  相当于 一部电影大小！！好评谢谢</t>
  </si>
  <si>
    <t xml:space="preserve">请问有那位朋友知道成都的那个药店有微姿的产品啊，谢谢 </t>
  </si>
  <si>
    <t>成都大一点的都有啊？西延线上，法庭对面那家就有，伊藤里面的店中店也有．</t>
  </si>
  <si>
    <t xml:space="preserve">股改对价流通股股东拿到送股后总资金会增加吗？流通股自然除权后还是 </t>
  </si>
  <si>
    <t>哪儿来的资金？只不过是流通股增加，非流通股减少而已。好在业绩未稀释，如市场自然除权，市盈率会下降，看起来好像具备了投资价值，但巨大的老虎出笼了，要小心它的胃口到底会有多大！</t>
  </si>
  <si>
    <t xml:space="preserve">2000年的99新秀，跑30万了，车况良好，没事故，想问以下现在? </t>
  </si>
  <si>
    <t>您的车属于大众品牌，消费者认知度比较高，所以保值率还可以，但是由于您的车使用年份较长了，行驶里程也比较多，考虑到以上诸多因素，您的车要是黑色车身的话可以卖到3.3万左右</t>
  </si>
  <si>
    <t xml:space="preserve">请问哪位知道吉林省东方制药有限公司血滞通胶囊副作用是什么？最近我? </t>
  </si>
  <si>
    <t>如果是尚不明确的话那你母亲就是最大的受害者啊。。既然是这样的话那就是建议快速的取消啊。。还是吃别的药吧。。。。尽量是选择那些明确会有哪些不良的药。。。</t>
  </si>
  <si>
    <t xml:space="preserve">男人怎样减肥身高180体重85,怎样减肥 </t>
  </si>
  <si>
    <t>你不是很胖，建议你每天慢跑20分钟，做俯卧撑100，坚持一个月，效果肯定明显。</t>
  </si>
  <si>
    <t xml:space="preserve">头脑反应总是特别慢，怎么办？举个例子说明吧。有一次，一个同事在试 </t>
  </si>
  <si>
    <t>这不是头脑的问题，当然和你的智商更没有关系这可能只是你个人的性格比较单纯缺乏幽默的理解力多看看笑话，逐渐培养自己脑筋转弯的能力</t>
  </si>
  <si>
    <t xml:space="preserve">摩托罗拉E398值得买吗我是一个大学生手头不富裕买摩托罗拉E39 </t>
  </si>
  <si>
    <t>呵呵，我不建议你买这个,再说这个手机铃声不是很大,再说打字也不是很方便,功能又不是很强大~NOKIA有那么多手机,难道你非选择这个吗?比如QD,6600都可以啊!功能强大,还可以扩展,多好啊!都是一千多的价位,很值得了!</t>
  </si>
  <si>
    <t xml:space="preserve">长期吃左乙拉西坦开普兰会怎么样 </t>
  </si>
  <si>
    <t>你好，长期服用长期吃左乙拉西坦开普兰可能会出现嗜睡常见健忘、共济失调、惊厥、头晕、头痛、运动过度、震颤 - 精神心理变化 ：常见易激动、抑郁、情绪不稳、敌意、失眠、神经质、人格改变、思维异常上市后不良事件报道 ：行为异尝攻击性、易怒、焦虑、错乱、幻觉、易激动等情况</t>
  </si>
  <si>
    <t xml:space="preserve">我想玩诛仙，希望大家帮忙我放假在家，一开始是玩火云服务器得，现在 </t>
  </si>
  <si>
    <t>到电信一承影，我带你</t>
  </si>
  <si>
    <t xml:space="preserve">暴风影音那个版本好？我要下载暴风影音：暴风影音II2.07.03 </t>
  </si>
  <si>
    <t>任何好的软件都需要不断完善一般Beta版是测试版，但是比较新稳定后改为正式版</t>
  </si>
  <si>
    <t xml:space="preserve">女人的自慰 </t>
  </si>
  <si>
    <t>你啊</t>
  </si>
  <si>
    <t xml:space="preserve">怀孕的时候还能化妆吗？ </t>
  </si>
  <si>
    <t>怀孕的时候可以化淡妆，不过劣质化妆品含铅量很高。　化妆品中汞的主要成分是白降汞和升汞，它们是水银的一种，在我国古代就作为化妆品的主要原料，但现今已被国际列为美容用品中的禁用成分或限制成分。汞之所以可以在短时间内增白是由于汞离子置换酪氨酸酶的阴离子使该酶失去活性，黑色素暂时不能生成，所以达到了快速美白祛斑的效果，但久用则效果相反，因为汞离子与硫基结合后，可以解除酪氨酸酶的抑制，引起黑色素快速增多。　　而铅毒渗入皮肤会导致皮肤的老化现象，产生暗疮、色斑，皮肤灰黄无活力、皱纹增多，这是由于铅毒沉积在皮下的血液、淋巴等组织中，导致血液不畅，从而导致暗疮、色斑增多，皮肤干燥、发黄、松弛，更年期提前，衰老加速，再则皮肤新陈代谢减缓，令皮肤正常排泄黑色素能力下降，自身解毒的免疫力随之下降，最终使皮肤的污染日趋加重。　　同时，汞离子会大量在骨骼中沉积，造成消化系统和排泄系统的损害，并将导致耳聋、关节炎、强直性脊柱炎等疾病。因此，化妆品中的重金属如铅、汞等超标对长期使用此类化妆品女性的危害非常大。</t>
  </si>
  <si>
    <t xml:space="preserve">暑假生活充实高考完了,暑假有点长，,想学点英语,在学点计算机.. </t>
  </si>
  <si>
    <t>我做为一个学生的家长， 支持你暑假时学习一些知识，如你所说的，再加一些特长学习。祝你进步！</t>
  </si>
  <si>
    <t xml:space="preserve">8人进行乒乓球单打比赛，水平高的总能胜水平低的，欲选出水平最高的? </t>
  </si>
  <si>
    <t>C。11</t>
  </si>
  <si>
    <t xml:space="preserve">晚上身上长疙瘩,而且还很痒我在广东这边上班，最近这个月一到晚上身 </t>
  </si>
  <si>
    <t>应该是过敏,找出过敏源,按理说,过敏源就在你晚上生活的场所,或者是被单,家具,装饰材料等,你只要测试几次,应该可以找出问题所在的.同时可以叫医生开一些过敏药物,如息斯敏,补尔敏等抗过敏药物,逐步减轻或消除症状..</t>
  </si>
  <si>
    <t xml:space="preserve">完美给我个解释我晚上7点开始用月华挂机，第2天早上起来看屏幕，人 </t>
  </si>
  <si>
    <t>汗 有化身就算是红名也不会爆装备！！！有了化身红名是不会掉任何装备的！！！要是掉那还买化身有P用 我是钱多了啊</t>
  </si>
  <si>
    <t xml:space="preserve">妈妈过寿,想找一些有关祝寿的诗句我妈六十岁生日,辛辛苦苦一生.想 </t>
  </si>
  <si>
    <t xml:space="preserve">祝寿词有那些由于逢寿必祝，祝诗祝联难免多且滥，所以有词家道出其中难处：“难莫难于寿词，倘尽言富贵，则尘俗；尽言功名，则谀佞；尽言神仙，则迂阔虚诞。”纵观许多祝寿的诗词联话，都离不开什么“福如东海，寿比南山”的旧话，所以即使多得车载斗量也难以流传。宋代祝寿诗词最多，辛稼轩有一词谐戏欢愉被人称道，这是祝他本家一亲戚八十寿，其词道： “更休说，便是个，住世观音菩萨。甚今年，容貌八十，见底道，才十八。莫道寿星香烛，莫祝灵椿龟鹤。只消得，把笔轻轻去，十字上，添一撇。” 在十字上添一撇，成了千岁，这种祝寿词确实比干巴巴地祝寿要强许多。 在祝寿上难免有借机谄谀献媚者，据《东望阁随笔》中记，南宋奸臣贾似道，曾祝寿谢太后和宋度宗，因为二人的生日仅差一天，其笺上写道： 圣母神子，万寿无疆，复万寿无疆； 昨日今朝，一佛出世，又一佛出世。 所以有人评论说，“文人慧业，此登峰极矣。”寿诗有一些本不是经心之作，却流传下来。有一村校书年70，买一妾才30岁，正巧苏东坡杖藜经过，老校书乞为寿诗，苏东坡戏为诗， “侍者方当而立岁，先生已是古稀年”。 以而立对古稀，工整而巧。清代扬州八怪之一的郑板桥，在他60岁生日时题写一副自寿联： “常如作客，何问康宁。但使囊有余钱，瓮有余酿，釜有余粮。取数页赏心旧纸，放浪吟哦。兴要阔，皮要顽，五官灵动胜千官，过到六旬犹少； 定欲成仙，空生。只令耳无俗声，眼无俗物，胸无俗事。将几枝随意新花，纵横穿插。睡得迟，起得早，一日清闲似两日，算来百岁已多。” 观此联不愧是大手笔，舒适闲逸之态跃然纸上。上联言只要够吃够花、身体灵便就心满意足了；下联说不想成仙长寿，只有自在不虚度，眼下一日顶两日，已是活了一百多岁了。 在寿联上，人们绞尽脑汁使得词章工巧，构思奇特，清代彭文勤祝乾隆八十大寿，在位五十五年的寿联可以称“最”了，其上下联以“五”和“八”为对，可谓对得天衣无缝： “龙飞五十有五年，庆一时，五数合天，五数合地，五事修，五福备，五世同堂，五色斑斓辉彩服； 鹤算八旬逢八月，祝万寿，八千为春，八千为秋，八元进，八恺登，八音从律，八方缥缈奏丹墀。” 乾隆逢八秩大寿，联以“八”为词，那么百岁老人也常以“世上难逢百岁人”为题祝寿。清代一些老人百岁寿诞，岳麓书院主讲王文清送一寿联： “人生不满公今满； 世上难逢我独逢。” 在祝寿的词诗联语中，也有不少是带有讽刺意味的。民国初年，有一位县太爷搜刮地皮，百姓怨声载道。这一年逢县太爷生日，要全县绅商送寿礼，一秀才代绅商写寿联道： “大老爷做生，哪管它高粱、玉麦、黄豆、白花，刮尽地皮收贺礼； 小百姓该死，已吃尽苦蕨、葛藤、树皮、青草，求天开眼救微躯。” 据传闻，某奸臣为其母做寿，请人当场书写寿联，只见那人开始写道：“这个婆娘不是人”，满座见之哗然，寿星见之欲发作，只见那人从容写道：“王母娘娘下凡尘”；其下联是：“养个儿子是盗贼，偷来蟠桃奉至亲。”此联可谓“骂人不吐核”，让人有苦说不出。 寿诗寿词寿联发展到现在已经是强弩之末了。时下老年人是很重视自己的生日的，逢寿诞之日以吃为主的多，但祝寿的诗词曲联已是很罕见的了 下面的可参考： 龙耀七旬新纪跨，寿山诗海任飞腾。 龙年贺祖龙，寿比泰山松。 李桃枝叶茂，诗坛不老翁。 七十阳春岂等闲，几多辛苦化甘甜。 曾经沧海横流渡，亦赖家庭内助贤。 连日凝神新墨劲，五更着意旧诗鲜。 如今但祝朝朝舞，当信人生二百年。 金沙峭岸一株松，干劲枝遒塑祖龙。 桃李盛时甘寂寞，雪霜多后竞青葱。 根深更爱阳春雨，叶茂犹怜翠谷风。 师表才情堪敬仰，古稀不愧焕神容。 南山信步好逍遥，杖国而今又杖朝 诗苑丰收夸老将，政坛竞秀领风骚 阳春白雪抒怀抱，明月清泉尚节操 汝向期颐跨劲足，我来祝福奉蟠桃。 参考资料： </t>
  </si>
  <si>
    <t xml:space="preserve">要中考了，怎么才能让自己不紧张？^0^就要中考了，我把由于我的紧 </t>
  </si>
  <si>
    <t>从今天开始，我们着重探讨一下考场心态及应试技巧的相关问题。先讲第一个内容：保持规律，做好生理准备。这是考试正常发挥的前提和基础。总的原则是，考生不要轻易改变和打乱自己的学习生活规律，努力保持适应考试的生活状态。如果你的生活状态不适应考试，就应该从现在起进行相关调节，做好生理上的准备。一.调节生物节律    影响考生的生物节律主要有两种：生物钟和情绪周期。我们发现，很多考生的生物钟在考前复习时，已经被打乱了。有的考生一天中的黄金时间在晚上十点以后，甚至是凌晨一两点钟。到第二天上午9点左右，生理上很疲劳，心理上很疲倦；下午3点左右，都已经支撑不了了。但高考的时间是上午9点～11点和下午3点～5点，考生应该把自己的生物钟，尤其是每天的黄金时间调整到与高考时间相一致，才有利于正常发挥。从现在开始，每天上午9点～11点和下午3点～5点做一些综合性的题，在这段时间训练自己的注意力、记忆力和思维的流畅性。不要到了考试时，因自己的状态不好而影响了正常发挥。还可以每天晚上提前10～20分钟睡觉，尽量将自己的睡眠时间提前到每晚的11点以前。当然，每位考生有自己的个体差异，不强求与这个时间完全一致。  　生物节律还应注重情绪周期的调节。心理学研究发现，人的情绪周期一般为28天，分为兴奋期、低落期和临界期三个阶段。考生处于兴奋期，自己会感觉到心情舒畅愉悦，做事积极主动，觉得一切都很美好。在兴奋期，考生的精力充沛，注意力集中，记忆力强，思维活跃，有利于考试的正常发挥。因此，考生应该把握自己的情绪周期，尽量将兴奋期调整到高考的那几天。当然，如果你的情绪兴奋期不处于高考这几天，你也不必焦虑。如果你的情绪正处于低落期和临界期，就要尽量避免负面情绪的出现。这些负面情绪包括生气、愤怒、焦虑、郁闷、消沉、痛苦、伤心等，它是影响考试正常发挥的消极情绪。如果不得已发生了，要掌握一些情绪的调节方法，尽量缩短负面情绪存在的时间，从而减少它对心理的消极影响。比如，考生可以通过讲笑话、幽默等，提高情绪的兴奋程度。二.进行体育锻炼   由于高三很多考生担心体育锻炼挤占了复习时间，导致锻炼少，甚至不锻炼的情况普遍存在。其实不然，考生进行适当的体育锻炼是很有必要的。体育锻炼是一种体力劳动，复习是一种脑力劳动，二者需要交叉协调。对于长时间处于高压力、高紧张状态下的考生，运动可以及时消除疲劳，转移注意力，恢复身体平衡，消除紧张感。通过运动，考生可以劳逸结合、脑力劳动与体力劳动结合，从而提高学习效率。考生如何进行适当的体育锻炼呢？  　一是进行有氧运动，如打篮球、乒乓球、羽毛球、游泳、跳舞等。二是进行低强度运动，如散步、清扫屋子等。如果进行有氧运动，不能运动过于剧烈，还要注意安全，不要出现意外事故。每天体育锻炼的时间可控制在30～60分钟。三.保证良好睡眠  　在现实生活中，人如果一两天不睡觉，会产生疲劳感，精神不能集中。连续三天不睡觉，会出现眼、手震颤，动作笨拙，思维迟钝、判断力降低、注意力涣散、思维不合逻辑、烦躁易怒等，个别严重的还会出现错觉和幻觉。因此，睡眠对个体维持生命具有重要意义。我们发现，很多高三考生因考前紧张出现了睡眠障碍，主要有失眠、睡眠紊乱、早醒和贪睡四种情况。这会导致一系列的消极影响，考生精力无法集中，记忆力减退，思维受到阻碍和抑制，学习效率低下，考试错误率上升。长期如此，还会导致大脑皮层功能紊乱，出现神经衰弱，严重影响身心健康。  　 对于即将参加高考的学生来讲，每天的睡眠时间应在6～8小时。要改善睡眠，可以通过以下几种方法。    一是搞好心理调节，减轻心理压力。意识中应树立学就是学，休息就是休息的观念；同时学会一些减压方法，如运动减压、观念减压、营养减压、幽默减压、音乐减压等，这可有效地减轻紧张感和焦虑感。    二是合理安排学习与锻炼时间，做到交叉安排，劳逸结合，体力劳动与脑力劳动结合。    三是进行神经肌肉放松训练，每天晚上睡前从手、面部、肩部、腰部，一直到臀部、大腿、小腿、脚趾进行系统放松。如果做完一遍还无法进入睡眠，可进行第二遍、第三遍，直到入睡为止。    四是养成午睡的习惯。如果夜间睡得少，睡眠质量不高，可以通过午睡来调节。午睡的时间不宜太长，一般应在10～30分钟。不要小瞧这一点工夫，中午睡10分钟相当于晚上半个小时甚至一个小时的深度睡眠，它能让你在下午保持充沛的精力。四.注重身体营养  　科学合理的饮食可以保证考生生理健康，为考生超强度的脑力劳动提供足够的物质与营养基础。这是考生正常发挥的生理保证。另外，研究表明有的食物有直接减轻人的心理压力的作用，有的食物还可提高我们的接受能力和工作效率，使我们的思维更加敏捷，精力集中。如维生素C就具有减轻心理压力的作用，胡萝卜能提高记忆力，香蕉对人的大脑产生成功意识是不可缺少的，柠檬能使人精力充沛，虾可为大脑提供多种重要的脂肪酸，使人长时间保持精力集中。少食、多餐也有助于减轻考生紧张与疲劳。过硬过于油腻的食物，则不利于考生。五.注意防病治病    考生应预防感冒、中暑、腹泻及其他意外情况，可备些应急药品。但考生用药一定要了解药物的不良反应，有过敏体质的孩子尤其要注意用药，有不舒服情况应及早去医院诊治，防止病情加重。</t>
  </si>
  <si>
    <t xml:space="preserve">什么时候有人敲门，你绝不会说请进 </t>
  </si>
  <si>
    <t>什么时候有人敲门，你绝不会说请进 ----在厕所的时候。</t>
  </si>
  <si>
    <t xml:space="preserve">请问清泉老师近期怎么看600797,短期还有上涨的可能吗,还要继? </t>
  </si>
  <si>
    <t>如果看了昨天的点评,可以给你一些思路.震荡期要做什么,高抛低吸操作.操作不好的,可以守仓.后市还有上扬.</t>
  </si>
  <si>
    <t>高清实图</t>
  </si>
  <si>
    <t>bn</t>
  </si>
  <si>
    <t xml:space="preserve">甲乙两人一天共生产机器零件若干个,已知甲生产的零件比总数的3/4? </t>
  </si>
  <si>
    <t>假设两人一天共生产零件X个，那么 （（3/4）*X-3））+（（1/3）*X+1）=X 解得X=24，所以两人共生产24个，甲生产15个，乙生产9个</t>
  </si>
  <si>
    <t xml:space="preserve">房屋拆迁折旧问题实行产权调换进行拆迁安置,被拆迁房屋经过评估后要 </t>
  </si>
  <si>
    <t>你好！   现在拆迁评估一般不采用重置价评估了。经过评估的房屋不需要计算折旧。计算折旧是采用重置价评估的一种评估方法。</t>
  </si>
  <si>
    <t xml:space="preserve">请问医生阴蒂边为什么会长肉粒？最近洗澡时突然发现阴蒂边缘紧接着长 </t>
  </si>
  <si>
    <t>您的情况可能属于假性湿疣。假性湿疣是一般的皮肤病，是阴唇部位的良性增生；假性湿疣位于小阴唇内侧，对称分布，有两种类型：一种是群集的、融合的，表面光滑，淡红色的鱼子状皮疹，触之有细颗粒状；另一种是均匀分布的小的绒毛状皮疹，呈淡红色或浅白色，触之如绒毡样，柔软。此病生长缓慢，不会增大，无传染性，可有微痒或无症状，医生一般通过肉眼观察即可确诊。65%的患者可自然消退，临床上主要采取激光、冷冻、微米光治疗。建议您及时前往医院检查，排除疾病。</t>
  </si>
  <si>
    <t xml:space="preserve">蒙迪欧上120就车身发抖我的蒙迪欧车身发抖，有一次路上开着撞了一 </t>
  </si>
  <si>
    <t>99%的可能是轮胎的动平衡虽然做了，但没有做好，注意是四个轮都要做。</t>
  </si>
  <si>
    <t xml:space="preserve">谜语：狼来了（猜水果）？ </t>
  </si>
  <si>
    <t>杨梅,羊桃</t>
  </si>
  <si>
    <t xml:space="preserve">我们是一家广告公司，最近在给一家客户做广告片策划，想在正式发布之? </t>
  </si>
  <si>
    <t>如果传统的数据采集，周期会比较久，可以考虑一下在线调查。在线调查不光是速度比较快，有些做的比较好的在线调查系统可以直接将广告片的视频、音频放上去，消费者可以直接在视频上点击操作喜欢的和不喜欢的内容。国内有些比较早做在线调查的公司调查系统 都可以实现这些功能，比如说益派咨询，供你参考。</t>
  </si>
  <si>
    <t xml:space="preserve">为什么人民币对美元是升值,而国内却是物价上涨? </t>
  </si>
  <si>
    <t>升值幅度太小,赶不上美圆贬值的速度.</t>
  </si>
  <si>
    <t>问大伙个问题</t>
  </si>
  <si>
    <t>以前在夜总会做过鸭子,满身晦气</t>
  </si>
  <si>
    <t xml:space="preserve">这毒怎么杀掉啊！高手帮我下！RT！ </t>
  </si>
  <si>
    <t>这个不是病毒"the9 limited"这个是“第9城市”的意思，说明这个程序属于第9城市，“repair.exe”这个程序是魔兽修复工具，你客户端出问题可以用这个程序可以修复的。</t>
  </si>
  <si>
    <t xml:space="preserve">看过&lt;美少女战士&gt;动画片的朋友请回答!!!!我现在想下&amp;lt;美 </t>
  </si>
  <si>
    <t xml:space="preserve">总5部：第一部（26集）、R（34集）、S（38集）、SS 、最后的星光（34集）还有3部剧场版：亚美的初恋、水晶计划、梦想的黑洞、星夜传奇以及3部特别版用bt下载吧，都是免费的，而且电影很多，呵呵推荐你去bt中国大联盟 搜索你想要的动漫（如果弹出什么保存页面的话，就是你用了防火墙或者代理，关掉就行了）上面打开各个镜像网址既可以看到很多分类了，电影连续据很多的。不会下载就学习一下，你肯定会喜欢上的，呵呵。此外，5q地带和bt之家和贪婪大陆也是不错的选择    希望这建议对你有帮助 ：） </t>
  </si>
  <si>
    <t xml:space="preserve">浑身发冷最近我总是身上一阵一阵的发冷，像掉进冰窟，手脚冰凉，又不 </t>
  </si>
  <si>
    <t>是阳气不足的原因，一般是肾阳不足。用点补气的中药</t>
  </si>
  <si>
    <t xml:space="preserve">请教大家，以下是中医开给我吃的药，请问是什么药效的？？还有来月经? </t>
  </si>
  <si>
    <t>此方行气化湿、清热消食，可能用于肠胃不好者，从表面上看对月经影响不大，似乎能喝，当然还是根据你的体质咨询当地的医生较好。</t>
  </si>
  <si>
    <t xml:space="preserve">请问龙凤石可以使冰块的属性变成抗人法的吗如题 </t>
  </si>
  <si>
    <t>不可以，龙凤石只可以改变法宠的人法抗性和仙法抗性，他不能把物理宠的物理抗性改成仙法或人法抗性，也不能把法宠的人法或仙法抗性改成物理抗性！</t>
  </si>
  <si>
    <t xml:space="preserve">600050联通3G新的开始.中国联通(600050)最主要的3 </t>
  </si>
  <si>
    <t>个人感觉明天开盘600050联通会出现上上涨行情 联通CDMA自2002年放号，5年以来首度实现了C网运营的全年盈利。据记者了解，在联通即将公布的2006年年报中，C网的全年运营盈利将成为联通年报最主要的亮点联通将在今年3月底正式公布其H股和A股上市公司年报及第四季度财报。此前联通的第三季度财报显示，C网已经实现盈利0.8亿元从个方面来看联通的调整已经到位了 持有待涨吧  以上都是 个人观点 仅供参考</t>
  </si>
  <si>
    <t xml:space="preserve">大航海时代4加强版的问题非洲的霸者之证怎么这么难找啊?有地图还是 </t>
  </si>
  <si>
    <t xml:space="preserve">霸者之证每次都是在不一样的地方的，给你一个霸者之证的地图和相应坐标的查询网址，你对照着找一下吧！ </t>
  </si>
  <si>
    <t xml:space="preserve">痘痘怎么消除？遇见痘痘该怎么办，怎么样才能消除呀？ </t>
  </si>
  <si>
    <t>睡眠 肯定要充裕，放松心态，防止肝火上涨，酿成荷尔蒙失调。饮食尽量平淡，勿食辛辣食品，不酗酒不吸烟，由于这些都轻易诱发青春痘的,,饮食搭配同样首要，多喝水，多吃蔬菜和水果，也是个很好的美容办法，养成有规律的作息时间。睡眠充裕：注重饮食。建议使用纯中药的粉刺净痘霜，每日涂抹三次，方便有效</t>
  </si>
  <si>
    <t xml:space="preserve">求解下面这个句子的翻译Phelpshadbeenmarginal </t>
  </si>
  <si>
    <t>两人的对决备受瞩目，而菲尔普斯在首轮争夺中略逊一筹。</t>
  </si>
  <si>
    <t xml:space="preserve">什么药杀蟑螂有效，有效的灭蟑螂药用哪种？求什么药杀蟑螂效果最好，? </t>
  </si>
  <si>
    <t>我用过的最好的蟑螂药是洁兵杀蟑胶饵(带防伪码)，效果真的好得没法说，刚开始用药第二天就看到有死蟑螂，真是解恨啊，第三、第四天开始慢慢减少了，一星期左右已经基本看不到蟑螂了。</t>
  </si>
  <si>
    <t xml:space="preserve">心里感到很难过，但为什么还是哭不出来呢？ </t>
  </si>
  <si>
    <t>呵呵。。。。这是因为你很坚强。。。不想让别人看到你的痛苦和失落</t>
  </si>
  <si>
    <t xml:space="preserve">进不去游戏啦为什么又进不去游戏了？有多少人进不去的，来顶一下啊。 </t>
  </si>
  <si>
    <t>我试了进几个服务器了，都进不去！！估计完美时空出什么问题了！！！今天还有城战，真郁闷死了！！！！！！</t>
  </si>
  <si>
    <t xml:space="preserve">关于清洗节气门04年的普桑，60000公里，清洗了节气门和苔速阀 </t>
  </si>
  <si>
    <t>节气门清洗一般有两种方法：1、不太脏的话，直接就在车上清洗，把车打着，然后用化油器清洗剂对着节气门喷射，可以适当的加大油门。2、把节气门拆下来用化油器进行清洗。没有必要那样做。清洗过程中也可以不必断开电瓶。</t>
  </si>
  <si>
    <t xml:space="preserve">大家不要想得太简单****欧联杯还没出过火锅很多因素,像意假球队 </t>
  </si>
  <si>
    <t>对。大奖与火锅就在一线间</t>
  </si>
  <si>
    <t xml:space="preserve">什么是31所独立艺术院校？它的特点是什么？ </t>
  </si>
  <si>
    <t>1、专业考试由院校自行组织，可跨省设点组织校考，其他本科院校原则上只在本校所在地设点组织校考。      2、可不编制分省分专业招生计划。其余高校均须编制招生来源计划。      3、可自行划定本校艺术类本科的文化和专业录取最低控制分数线，对文化分、专业分均达到分数线的考生，省招办按高校提出的调档比例投档。其余高校由省招办根据各批次招生计划数和考生的考试成绩，确定省录取最低文化控制分数线，并按照高校招生来源计划投档。蓝朗艺术学院，中国艺术教育网上面也有另外的版本       4、录取批次属于艺术提前批次中的第一批次，拥有最高优先录取权。</t>
  </si>
  <si>
    <t xml:space="preserve">清泉老师真神人也.600701您让我今天高位减仓,果然下午最后1 </t>
  </si>
  <si>
    <t>小时候语文学的不好,见了生疏的字就眼晕.以后还是彼此都宽松一些吧.600027 暂持有,预防回档5日均线.</t>
  </si>
  <si>
    <t xml:space="preserve">流浪者下半场还不开？ </t>
  </si>
  <si>
    <t>顶进球啊，进</t>
  </si>
  <si>
    <t xml:space="preserve">一个超高分.超难的问题..高手才可以回答的问题白鸟区的装备价格. </t>
  </si>
  <si>
    <t>以上的几个人.你们不要看别人装备好就嫉妒人家.说别人是盗号..既然别人是来问价钱的你告诉别人不就是了..在这里多费话...我也看不惯.别人因为工作不想玩完美了..楼主就让我认真的告诉你吧.(1)3D+5杀神重鞋.砸黄9...大约是7000W左右.(2)3D+8屡霜重头.砸黄9..这个可是少哦算极品.可以卖1E左右.(3)4D力3.+5.砸黄8死鞋...这个相对其他而言不大值钱咯3000W左右.(4)2D+8.物理攻击+75的雪蹦长斧.砸火9...这个可是超JP.2E也可以卖到..而且精炼度高..难啊.火9更是难见到..(5)精良1D.物理攻击+51+41.真气+46.砸火8.精炼到5的四猛锤...这个和下面那个法器价钱差不多..都说是JP了..大约可以卖4000W左右.(6)加持1D+5..法攻+41+39.生命+32...砸白7的太清剑.(7)3D+6..蔽日重腕..砸黄8..JP啊..挨..大约可以卖8000W左右咯....这就是我的详细回答..笑纳.</t>
  </si>
  <si>
    <t xml:space="preserve">如何传送？如何传送 </t>
  </si>
  <si>
    <t>游戏中有专门负责传送的NPC，玩家打开了与传送NPC对话窗口就可以进行传送了。</t>
  </si>
  <si>
    <t xml:space="preserve">1线百兽高手进本人是百兽新手望高手带做主线任务，等于是找师傅无需 </t>
  </si>
  <si>
    <t>虽然我(DX1)只有70J,但我建议你,你做任务无非是刷功勋,既然如此你就先把等级练到40~45,去寂静挂功勋,那里有强人刷怪赚钱,你跟他们组就不用打怪,直接反复接任务,明白不?角色到50J左右,大陆上的任务应该能自己解决了...</t>
  </si>
  <si>
    <t xml:space="preserve">世界上最大的城市是哪个 </t>
  </si>
  <si>
    <t>世界上最大的城市是日本首都——东京 全球十大城市 1、东京 2、纽约 3、伦敦 4、首尔 5、洛杉矶 6、大阪 7、香港 8、芝加哥 9、多伦多 10、墨西哥城 一、日本首都东京(Tokyo)是一座现代化的国际城市，位于本州关东平原南端，下辖23个特别区、27个市、5个町、8个村以及伊豆群岛和小笠原群岛，总面积2155平方公里，人口约1229万（截至2003年2月），是世界上人口最多的城市之一。按市区人口计算,2004年度东京市的GDP为7848亿美元。 二、纽约是美国第一大都市和第一大商港，它不仅是美国的金融中心，也是全世界金融中心之一。纽约位于纽约州东南哈得孙河口，濒临大西洋。它由五个区组成：曼哈顿、布鲁克林、布朗克斯、昆斯和里士满，面积780平方公里，市区人口700多万，包括郊区在内的大纽约市人口1800万。按市区人口计算,2004年度纽约市的GDP为4070亿美元。 三、英国首都伦敦（london）位于英格兰东南部的平原上，跨泰晤士河，距离泰晤士河入海口88公里。伦敦的行政区划分为伦敦城和32个市区，伦敦城外的12个市区称为内伦敦，其它20个市区称为外伦敦。伦敦城、内伦敦、外伦敦构成大伦敦市。大伦敦市又可分为伦敦城、西伦敦、东伦敦、南区和港口。伦敦城是金融资本和中心，西伦敦是英国王宫、首相官邸、议会和政府各部所在地，东伦敦是工业区和工人住宅区，南区是工商业和住宅混合区，港口指伦敦塔桥至泰晤士河河口之间的地区。整个大伦敦市面积1580平方公里。2001年伦敦人口为718.8万。伦敦是世界最大的国际外汇市场和国际保险中心，也是世界上最大的金融和贸易中心之一。按市区人口计算,2004年度伦敦市的GDP为2847亿美元。 四、首尔是韩国的首都，面积为605.平方公里，占全国总面积的0.61%，2000年统计人口为1032万。首尔共有25个区，522个洞，是直接受中央管辖的地方自治团体“特别市”。是韩国政治、经济、文化的中心按市区人口计算,2004年度首尔市的GDP为1980亿美元。 五、洛杉矶濒临浩瀚的太平洋东侧的圣佩德罗湾和圣莫尼卡湾沿岸，背靠莽莽的圣加布里埃尔山，面积1200多平方公里。大市区包括洛杉矶县和奥兰治、文图拉两县的一部分，以及贝弗利希尔斯、帕萨迪纳、长滩等80余个大小城镇，总面积10567平方公里。现在的洛杉矶，已成为美国石油化工、海洋、航天工业和电子业的最大基地。它是美国科技的主要中心之一，拥有科学家和工程技术人员的数量位居全美第一，享有“科技之城”的称号，著名的硅谷就坐落这里。近年来，洛杉矶的金融业和商业也迅速发展，数百家银行在洛杉矶设有办事处，包括许多著名的国际大财团，如洛克希德，诺思罗普，罗克韦尔等，洛杉矶已成为仅次于纽约的金融中心。按市区人口计算,2004年度洛杉矶市的GDP为1960亿美元。 六、日本大阪府的首府大阪市是全国第二大城市。它位于本州西南，面临大阪湾，面积204平方公里，人口约300万。以大阪为中心的日本四大工业区之一--阪神（神户）工业地带，周围大约有30卫星城市，如东大阪、大阪吹田等，以及高科技企业集中的大阪经济园区。按市区人口计算,2004年度大阪市的GDP为1910亿美元。 七、香港位於中国东南端，是发展日渐迅速的东亚地区的枢纽，地理条件优越。香港总面积达1103平方公里2003年年底，香港人口约680万，人口密度为每平方公里6300人。香港是全球第十一大贸易体系、第六大外汇市场及第十二大银行中心。香港股票市场规模之大，在亚洲排名第二。按市区人口计算,2004年度香港市的GDP为1640亿美元。 八、芝加哥是美国第三大城市，五大湖地区最大工业中心。位于伊利诺伊州东北部，密歇根湖西南端。面积590．5平方公里，人口278．4万(1990)，其中黑人约占40％。大市区由库克等6县组成，包括周围许多卫星城镇以及印第安纳州西北滨湖地区诸城，面积12061．6平方公里。以芝加哥为中心的480公里范围内，集中了全国近20％的人口。2004年度芝加哥市的GDP为1460亿美元。 九、多伦多(Toronto)是加拿大安大略省的省会，有人口430多万，面积632平方公里。作为加拿大经济中心的多伦多是加第一大城市，位于加拿大心脏地区，接近美国东部工业发达地区，如底特律、匹兹堡和芝加哥等。汽车工业、电子工业、金融业及旅游业在多伦多经济中占有重要地位，加拿大最大的汽车制造厂设在此地。其高科技产品占全国的60％。加拿大有名的大银行总部，如皇家银行、帝国银行、蒙特利尔银行等全部汇集于此，90％的外国银行驻加分支机构设在多伦多，按交易额计算，多伦多证券交易所是北美第三大交易所。按市区人口计算,2004年度多伦多市的GDP为1419亿美元。 十、墨西哥首都墨西哥城（MexicoCity，CiudaddeMexico）位于墨西哥高原南部特斯科科湖的湖积平原上，海拔2240米。30多年来，市区面积不断扩大，形成一个大都市区，包括墨西哥城和附近的17个城镇，面积约2018平方公里。墨西哥城的人口为2000万（含卫星城），居世界之首，增长速度也在世界大城市中占第一位。墨西哥城是墨西哥的政治、经济和文化中心。它的生产总值占全国的48％。按市区人口计算,2004年度墨西哥城市的GDP为1250亿美元。</t>
  </si>
  <si>
    <t xml:space="preserve">如何删除已上传的照片 </t>
  </si>
  <si>
    <t>进入自己的空间。点击上面的相册。。选定照片后。可以直接删除的~~</t>
  </si>
  <si>
    <t xml:space="preserve">钥匙掉了，怎么办？ </t>
  </si>
  <si>
    <t>拣起来呀.</t>
  </si>
  <si>
    <t xml:space="preserve">手机充值是每月的几号啊我怎么每个月都是有时能充值有时充不了啊是不 </t>
  </si>
  <si>
    <t>没有时间限制可能是1线路繁忙,2你充值时信号不佳</t>
  </si>
  <si>
    <t xml:space="preserve">领导一般应该请新员工吃饭吗新员工有没有必要再请领导 </t>
  </si>
  <si>
    <t>领导有些时候，要请到员工吃饭。而员工，不一定要请领导。因为，有些可以是公事。有些则是私事的。员工一定没有领导有经济条件。而领导可以以单位的名义，做为对员工的鼓励与奖励。在经营上，在会计项上，是有这么一个支出项的。比如，奖金 。员工做的好，领导可以拿出一些钱做为奖励。但是，前提，一定要有非常突出的技术突破才行。要有极大的效益时。才会用到这个奖项。</t>
  </si>
  <si>
    <t xml:space="preserve">关于华夏基金我手上有华夏红利与华夏现金增利，由于华夏红利目前不能 </t>
  </si>
  <si>
    <t>这要看你的风险承受能力和你预期的收益.想高收益高风险的可以转入华夏沪深300,反之可以转成华夏债券C、华夏希望C基金。</t>
  </si>
  <si>
    <t xml:space="preserve">如何把别人的回答采纳为正确答案？每次我想把别人给我问题的回答采纳 </t>
  </si>
  <si>
    <t>把IE的临时文件和历史纪录等清理一下就好了，安全和隐私选项设置为默认即可。</t>
  </si>
  <si>
    <t xml:space="preserve">用友软件项目核算模块的好处与意义有哪些?我现在用的是用友通标准版 </t>
  </si>
  <si>
    <t>项目管理是帮助企业做到精细化管理的必选项。在企业中，我们所做的业务往往不是简简单单的那么几项。那么，假如我们仅仅要统计所有业务汇总的费用、成本、利润。此时是不需要项目管理这项功能的。不过，很多时候，我们所要做的工作不是出那么简单的汇总数，而是要对每一个所接到手的项目逐个统计出它们各自的费用、成本、利润。针对每一个项目，我们都要逐个去分析它的价值，看是否有必要做变更，比如说通过对各个项目逐个分析，每一个都统计出他们的性价比（综合考虑它所涉及到的各个方面，比如利润的高低，利润率的大小，收回投资的快慢，社会影响的好坏等等），对该项目做出必要的调整，或保留、或暂缓、或砍掉、或追加投资等等。还有，对每一个项目我们都能统计出它们的明细，这个项目花了多少钱，花在了什么地方，这些个投资是否必要，我们的利润是多少，是否达到了预期的目的等等，一目了然！</t>
  </si>
  <si>
    <t xml:space="preserve">配置电脑一台要求价格3000以下以有显示器硬盘一块 </t>
  </si>
  <si>
    <t>自己攒机，我觉得最重要的是适合自己用，要买就买一块好的主板，最好是名牌的，自己提前了解一下市场行情，攒点经验，到时也好和老板有资本讨价！</t>
  </si>
  <si>
    <t xml:space="preserve">QQ视频不能看到对方我的QQ视频最近不知咋了,跟其他的好友都能正 </t>
  </si>
  <si>
    <t>可能是QQ参数设置不正确引起的，登录QQ后，随便在一个在线好友的名字上单击鼠标右键，在弹出的菜单中选择“视频电话/视频调节”，QQ会弹出“视频调节向导”窗口，单击该窗口中“视频设备”栏右边的下拉箭头，将该设备选成你的摄像头，问题就可以解决了。建议你修复一下系统试试：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如果正常模式恢复失败，请开机按F8进入到安全模式中使用系统还原）。 4、如果故障依旧，使用系统盘修复，打开命令提示符输入SFC /SCANNOW 回车（SFC和/之间有一个空格），插入原装系统盘修复系统，系统会自动对比修复的。 5、如果故障依旧，在BIOS中设置光驱为第一启动设备插入系统安装盘按R键选择“修复安装”即可。6、如果故障依旧，建议重装操作系统。</t>
  </si>
  <si>
    <t xml:space="preserve">北京市的火车票售票点多吗？从北京到桂林的卧铺票难不难买？过两周我 </t>
  </si>
  <si>
    <t>提前四天购票，应该是可以买到的。直接去车站售票处购买就可以。</t>
  </si>
  <si>
    <t xml:space="preserve">咋就没人看到这里空白呢？没人问问题，我来问一个？啥时候能看到博主 </t>
  </si>
  <si>
    <t>原来是这个问题啊...看来你已经知道答案咯,呵呵~</t>
  </si>
  <si>
    <t xml:space="preserve">计算机考试HTTP指的是超文本传输协议。为什么要称呼它为“超文本 </t>
  </si>
  <si>
    <t>超文本(Hypertext)是用超链接的方法，将各种不同空间的文字信息组织在一起的网状文本。超文本更是一种用户介面范式，用来显示文本及与文本之间相关的内容。现时超文本普遍以电子文档方式存在，其中的文字包含有可以链结到其他位置或者文档的连结，允许从当前阅读位置直接切换到超文本连结所指向的位置。超文本的格式有很多，目前最常使用的是超文本标记语言(Hyper Text Markup Language，HTML)及富文本格式(Rich Text Format，RTF)。我们日常浏览的网页上的链结都属于超文本。</t>
  </si>
  <si>
    <t xml:space="preserve">智能鞋柜十大品牌 </t>
  </si>
  <si>
    <t>这个具体的不好说，毕竟不是知名的产品。有一些智能鞋柜，听口碑好像还可以比如好自然啊，或者还有索菲神马的</t>
  </si>
  <si>
    <t xml:space="preserve">衣服和鞋，是美国还是中国便宜？ </t>
  </si>
  <si>
    <t>国外便宜很多很多，国内卖的价格比国外贵很多，即使中国牌子也是如此</t>
  </si>
  <si>
    <t xml:space="preserve">有一种动物死后为什么它的头会向着它出生的方向!这种是什么动物 </t>
  </si>
  <si>
    <t>你说的是成语，狐死守丘，不过毕竟只是一个成语，未必就是真的。我想狐狸如果搬过家，死的时候必然看的是新家，不是他出生的地方，他未必知道他在哪出生。。。。。  也许他想回到家里死，或者有孩子要照顾，但生命没有给他足够的时间让他走到家，而只是面向老窝而已。。</t>
  </si>
  <si>
    <t xml:space="preserve">拜仁最后还是赢了！！我的心情和切尔西一样沉重！！ </t>
  </si>
  <si>
    <t>心情和切尔西一样沉重01.拜　仁  08-31 02:45  切尔西  [7-6]  3</t>
  </si>
  <si>
    <t xml:space="preserve">华硕电脑问题想买华硕原装台式电脑.但配件主版芯片要求用965华硕 </t>
  </si>
  <si>
    <t xml:space="preserve">华硕是板卡厂商中的大哥大，华硕的笔记本也相当不错。但华硕的台式机市场占有率非常低，低到可以忽略不计。华硕的总部在台湾，大陆有它的板卡厂，它的台式机在台湾生产，在大陆很不容易买到。而且楼主说的配置明显已经落后，4500的预算，建议选其他的品牌。如果接受建议，回来补充一下，会有很多朋友帮你的。-----------看了你的补充，回来帮你做配置。1。AND平台集成：amd 4000+ 500 华硕 M2N-MX SE 399 威刚 ADATA 1GB DDR2 800 280 硬盘 希捷 250G 7200.10 8M 串口/散 475 华硕 DVD-E616A3T 160 机箱+电源 富士康飞狐140+航嘉BS3500 300 漫步者 R1000TC北美版 180 键盘鼠标 双飞燕 防水套装 65  显示器 GreatWall Z96 1499 总计：38582。Intel平台集成显卡：CPU E 2160(盒) 1.8/800MHz/1MB/LGA775/双核 610主板 七彩虹 C.945GC智能网吧版 399内存 威刚 万紫千红 1GB DDR2-667 250硬盘 希捷 7200.10 160GB 8M SATA 420 光驱 台电DVD 140显卡+声卡+网卡 主板集成 机箱+电源 多彩 S82 180显示器 GreatWall Z96 1499 漫步者 R1000TC北美版 180 键盘鼠标 双飞燕 防水套装 65 总计：37433。Intel平台独立显卡：CPU  E 2160(盒) 1.8/800MHz/1MB/LGA775/双核 610 、主板 华硕 P5PL2-E 550显卡 东翎 X1650GT 256M DDR3 490日立 160GB 8M SATA(盒装3年) 360 内存 威刚 万紫千红 1GB DDR2-667 250华硕 DVD-E616A3T 160 机箱+电源 富士康飞狐140+航嘉BS3500 300 漫步者 R1000TC北美版 180 键盘鼠标 双飞燕 防水套装 65  显示器 GreatWall Z96 1499 </t>
  </si>
  <si>
    <t xml:space="preserve">依照东京发达的铁路网，请问从东京分别到宇都宫，前桥，盛冈要花多长? </t>
  </si>
  <si>
    <t>东京到宇都宫：从东京上野乘东北新干线，大约45-50分钟；另外也可以从东京浅草乘东武铁道，估计要2小时，但车票价格要便宜得多。东京到前桥，两种走法：1、从东京上野乘上越新干线到高崎，大约42-55分钟（新干线列车有的快有的慢点），再从高崎乘特快到新前桥6分钟；2、直接从东京上野乘高崎上越线特快到新前桥，大约一个半小时。东京到盛冈：最好从大宫站乘东北新干线，刚好2小时。如从东京站始发，要多花23分钟，且比大宫站要贵730日元。顺便说一下，宇都宫、前桥大致可以算作在东京圈内，但盛冈绝不在东京圈内。所以，你的标题应为：“依照日本发达的铁路网，。。。。”</t>
  </si>
  <si>
    <t xml:space="preserve">宝哥的问题宝哥任选九场临场推荐：利物浦胜望大赫塔有冷门宝哥临场: </t>
  </si>
  <si>
    <t>他是庄家的翻译员。只能看庄家意图，不能照搬。</t>
  </si>
  <si>
    <t xml:space="preserve">请用“焚膏继晷”造句焚膏继晷：形容夜以继日地勤奋学习或工作。我知 </t>
  </si>
  <si>
    <t>他没有什么本事，为了养活老婆焚膏继晷</t>
  </si>
  <si>
    <t xml:space="preserve">天堂2钓鱼的问题不同级别的鱼竿有什么区别降级药水有什么用怎么用详 </t>
  </si>
  <si>
    <t>刚学玩的时候用新手鱼饵就可以了,因为有提示.鱼抵抗的时候就放线,鱼疲惫了收线.就这样按它的提示钓鱼成功率80%.　　要想钓鱼有好的收入就要钓高级鱼饵.有人会说高级鱼饵没有提示怎么钓啊.这就错了其实提示是有的.那提示在那里呢?就在旧的血条.大家要认真看鱼的血条.血条在恢复说明鱼在抵抗就要收线,血条静止不动就表示鱼疲惫了就要抓紧收线.在没蛋的情况下按我这么说的钓高级鱼饵成功率60%毕竟高级鱼不是"吃素"的.有蛋就不用说了100%成攻率只要你不乱收线放线.　　这里再说说钓新手鱼饵和高级鱼饵收入问题.　　新手鱼饵:用这个鱼饵钓到的鱼打开换物品都只获得1个　　高级鱼饵:用这个鱼饵钓到的鱼打开换物品在2-16个之间(这只是我钓鱼打开获得的数据),这个鱼饵能钓到宝箱.新手鱼饵是钓不到的.打开宝箱大多是6个高级鱼油(我开了20多个都是6个高级鱼油)</t>
  </si>
  <si>
    <t>波里索夫巴特(中)1</t>
  </si>
  <si>
    <t>埃弗顿加油</t>
  </si>
  <si>
    <t xml:space="preserve">虚拟硬盘到底有什么用？有谁能给我解释一下啊，多谢了。 </t>
  </si>
  <si>
    <t>现在的主流配置已经达到80G，120G，可是许多电脑爱好者经常会碰到一些关于硬盘分区的问题，主要原因是装机人员在装机时省事，没有帮助顾客认真规划造成的。用户使用一段时间后，想重新对硬盘分区，但是分区软件太复杂，不得不请专业人员，而且原来收集的资料统统要格式化删除，非常让人痛心。现在可以使用《虚拟硬盘大师》来虚拟分区，一切就非常简单了，无需专业知识，无需备份资料，无需删除现有分区，无需重装操作系统，按一下鼠标即可完成，并且非常安全可靠，支持win9X/NT/2000/Xp/2003各个版本的操作系统。虚拟出来的分区与正常分区一模一样，可以安装文件，进行各种文件操作，绝对一模一样。而且，恢复分区也非常简单，绝对不会有任何文件损失，是任何用户都可以使用的傻瓜式软件。硬盘最好的管理方法是为每一种应用划分一个分区，不然硬盘上成千上万的文件堆积在一起，想找都非常麻烦。硬盘的划分方法可以按应用将硬盘分成系统区、应用文件区、游戏区、音像区、备份区。还可以为每个用户划出一个分区，每个人使用自已的分区，互不干扰，最适合于办公室和家庭。该软件由衡阳水晶情缘工作室提供，最重要的它是一款完全免费的软件，无需注册即可使用全部功能。使用《虚拟硬盘大师》，绝对安全可靠，是新时代大硬盘的必备软件。常见问题：1、如何创建虚拟分区？答：首先指定一个文件夹，再选择一个盘符，点击“添加”按钮，就可以了。2、如可移走虚拟分区？答：先选择一个现有的虚拟分区，再点击“移去”按钮，就可以了。移走的只是一个盘符，原分区内的文件还在指定的文夹里，绝对不会被删除。3、虚拟分区内的文件在什么地方？答：虚拟分区内的文件在创建分区时指定的文件夹里。4、该软件需要注册吗？答：无需注册，它是完全免费的，未经我们许可，请勿用作商业用途。5、软件操作安全吗？答：绝对安全可靠，从未出现任何安全问题。支持win9X/NT/2000/Xp/2003各个版本的操作系统。支持各种型号、各种容量的硬盘。6、如果卸载本软件？答：本软件为绿色软件，如果程序正在运行，请先退出与该程序有关的软件并找到软件所在文件夹位置，直接删除即可。新增同一个文件夹下支持虚拟多个不同的盘符</t>
  </si>
  <si>
    <t xml:space="preserve">如何看到电脑里带的刻录机是DVD的还是CD的？我电脑里带刻录机， </t>
  </si>
  <si>
    <t>在我的电脑上点右键,调出管理——设备管理器（或选属性，打开设备管理器也是一样）在里面就能看到+DVD/CD-ROM驱动器点前面的+打开，就会列出你所有的光驱剩下的，就看你自己会不会认了CD-ROM是一般的CD光驱DROM是DVD光驱RM是CD刻录光驱如果有DVR或者DVDR的应该是DVD刻录机</t>
  </si>
  <si>
    <t xml:space="preserve">《建设法规》中一书两证指的是什么？ </t>
  </si>
  <si>
    <t>根据《城市规划法》，城镇规划管理实行由县规划建设行政主管部门核发选址意见书、建设用地规划许可证、建设工程规划许可证的制度，简称"一书两证"。</t>
  </si>
  <si>
    <t xml:space="preserve">银行黑名单其它信用卡还可以用吗？我一个亲戚因和人发生纠纷可能要判 </t>
  </si>
  <si>
    <t>黑名单确实是各家银行都能看到，但是不代表会共同处理。假设，你亲戚有工行和建行、民生三家银行的卡各一张。那因为信用社欠款上了黑名单。并不表示这三家发卡银行一定会冻结或注销他的卡。但是也确实存在这种可能性。你是指还信用社的款还是信用卡的款？正常还款的话，应该是可以正常使用的。坐牢的话，也算信用卡诈骗。所以既然是你在用，最好帮他还掉。</t>
  </si>
  <si>
    <t xml:space="preserve">猫咪有病了,怎么办?我养了一只猫,前两天发现走路不稳,还呕吐.该 </t>
  </si>
  <si>
    <t xml:space="preserve">有可能是肠胃炎，为数种细胞浸润在肠道的绒毛，即黏膜表面的吸收部位，包括有嗜酸性球、淋巴球。引发这项反应的机制不明，只是知道其后果是营养不能正常吸收。兽医通常称这种情况为炎症性的肠道疾病，对猫来说挺常见，只是下痢的情况重于呕吐，但呕吐通常是前兆。确诊需要做活检。一旦确诊可用肠道抗生素和抗发炎的药物来控制。 </t>
  </si>
  <si>
    <t xml:space="preserve">请各位予以鉴定此罐一个罐子，如此图，上面是口，下面是底，请懂得的 </t>
  </si>
  <si>
    <t>看看底下有没有字样,先确定是官窑还是民窑,如果是前都就值钱了</t>
  </si>
  <si>
    <t xml:space="preserve">请教····高分悬赏·····排列三/三D里总有人提起两码和差， </t>
  </si>
  <si>
    <t>什么是两码和差，和差就是3D中任意两码的相加的和，或是任意两码相减的差，当天的和差包括了可能出现的组合。谁也不是神仙，不可能天天对，总结经验，找出适合自己的方法，或是做个有心人，开发出更好的方法，祝大家好运！</t>
  </si>
  <si>
    <t xml:space="preserve">封闭式基金的折价率为什么这么高？是不是与下列因素有关？1、即使基? </t>
  </si>
  <si>
    <t>基金管理人的水平差，没有长期投资的理念。看看香港股市的VP投资基金一支股票的持有时间是多长。我们的封闭式基金一年交易的周转率大概有4倍，（给营业所贡献了不少钱，我想回扣也少不了）。所以买基金就是投资基金经理人，所以中国封闭式基金折价高也放映了中国基金经理的水平低。但是个人认为在1000点附近，5折的基金应该比较安全：）</t>
  </si>
  <si>
    <t xml:space="preserve">2008年教师资格证考试时间、参考得条件。谢谢！ </t>
  </si>
  <si>
    <t>在你户口所在地报考！拿上个身份证和毕业证到人事局报名关注户口所在地的考试时间</t>
  </si>
  <si>
    <t xml:space="preserve">疑惑不解啊～到底几级不靠技能枪秒４？我人物70级能把[如虹贯日] </t>
  </si>
  <si>
    <t xml:space="preserve">呵呵　　你师傅误导你了　　　每升一及可以点的技能是你的级别乘以1.6 （尾数要去掉）   这样算你70*1.6=112   75*1.6=120   要到75才可以点到120  </t>
  </si>
  <si>
    <t xml:space="preserve">如果想在结婚之前就先做恋人。但是不知道对身体会不会有害。如果她很? </t>
  </si>
  <si>
    <t>没有年龄上的限制,第一次双方肯定都紧张,男孩子不要急哦,要慢慢来,温柔点~不过我觉得做为一个男孩子,在破女孩子这道防线前要考虑清楚,你是不是真爱这女孩子?你以后会不会对她负责?一切都考虑清楚后再做哦,不然害了人家一辈子!</t>
  </si>
  <si>
    <t xml:space="preserve">数学问题如果一个长方体有相同顶点的三个面的面积分别是根号2，根号 </t>
  </si>
  <si>
    <t>如果一个长方体有相同顶点的三个面的面积分别是根号2，根号3，根号6，那么这个长方体对角线的长是（√6 ）(根号6)ab=根号2  ac=根号3   bc=根号6a=1    b=根号2   c=根号3   a^2+b^2+c^2=L^2=6已知圆锥底面半径是R，高为3R，他的内接圆柱的底面半径是3/4R，那么这个圆柱的全面积是（（9/4）πR^2 ）内接圆柱高＝h             (3R-h):3R=3/4R:R    h=3/4R圆柱全面积＝2×底＋侧          ＝2*π r^2 + 2π r×h          ＝2×π（3R/4）^2 + 2π(3R/4)(3R/4)          ＝（9/4）πR^2</t>
  </si>
  <si>
    <t xml:space="preserve">徐州市经济开发区卡特工业园在哪里 </t>
  </si>
  <si>
    <t>卡特彼勒公司在金山桥，金山桥大厦南边吧。公交车3路副线，73路可以到。</t>
  </si>
  <si>
    <t xml:space="preserve">固定资产净残值怎么算的？残值率是多少？ </t>
  </si>
  <si>
    <t>根据新企业所得税法，固定资产的残值由企业合理确定，一经确定不得变更，不再强制一定是5%或10%</t>
  </si>
  <si>
    <t xml:space="preserve">事业单位专业技术人员(工作人员)试用期满自我鉴定医生 </t>
  </si>
  <si>
    <t>试用期满自 我 鉴 定,自我评价要注意点：不能过度夸张，但也要自信点，在责任感方面自己要评价高，技术方面表现专业点。可以请同事先评价下。</t>
  </si>
  <si>
    <t xml:space="preserve">30以上的男人请进我的男朋友，他是一个事业还算成功的男人吧，但是 </t>
  </si>
  <si>
    <t>我的观点是你现在不应该过于迁就了。因为我可以看得出来你男友现在的行为至少是不是很尊重你，说对你好一类的话，相信目前至少还是认真的。但是如果继续这么下去，你的不以为然会促成了他的想当然。所以我的建议就是你可以冷落一下，或者表示一下你对这件事情的不满，当然也要不卑不亢，爱情这东西吧，你喜欢你男友，是爱情，是情不自禁，爱情虽然应该说是纯真的，但是现实不是那样，你还是应该用一些技巧区呵护，所以不要认为这样做是对你们爱情的亵渎。看冷落下后你男友的表现，如果不以为然。那么你就要考虑下你现在是真的爱他还是心里对那个女的的不满。然后是选择一直义无反顾的爱下去感动他还是选择暂时分开，好彼此思考下，对于你来说就是让他自我感觉下离开你后到底开心不开心让他自己取舍来验证你们的感情。如果他很在乎，那么主动权就在你身上了，具体做法空间就大了</t>
  </si>
  <si>
    <t xml:space="preserve">2个月宝宝腹泻，医生开的醒脾养儿颗粒能吃吗？男宝72天混合喂养奶 </t>
  </si>
  <si>
    <t>孩子腹泻需要找出原因来，我不建议对2个月的孩子口服醒脾养儿颗粒，一些中药制剂对小婴儿还是要慎重，毕竟孩子的肝肾发育不成熟，弄不好很容易受到伤害。而且很多中成药往往是西医大夫开的，因为他们不会辨证论治很容易用错药的。单纯消化不良可以用益生菌和为胃肠黏膜保护剂。</t>
  </si>
  <si>
    <t xml:space="preserve">photoshop9.0cs2的激活我用迅雷下载了photosh </t>
  </si>
  <si>
    <t>对，不要在线激活。把生成的激活码用电话激活的方式即可。如有问题请留言。</t>
  </si>
  <si>
    <t xml:space="preserve">22级人类小法师，求救，增援！！！！增援！！！！！我是一个快到2 </t>
  </si>
  <si>
    <t>最好当然是攻击石了 因为物理攻击的加成效果比精灵属性的石头强很多 不过价钱和成功率都是问题 建议拍一块2级攻击石 剩下6洞拍精灵石 你要是有钱最好要3级的精灵石 最好要火精灵石 因为初级招势里有可能不被洗掉的就是地狱火 再加上火墙这个群攻 棒的效果应该不错</t>
  </si>
  <si>
    <t xml:space="preserve">我该怎么办啊？求各位尽快来帮忙解救一下！！我和她是网上认识的,我 </t>
  </si>
  <si>
    <t xml:space="preserve">    我觉得先该说下你失误的地方，首先你不该要她家里的钱，我知道你没有别的意思，但是别人不一定会这样想，说的难听点，也许会觉得是吃软饭的，没骨气，毕竟社会上大多都是男方给女方钱，希望你过后已经把钱还了（这点你没提到，我只是猜测），这不是见外不见外的问题，有些东西是该分清楚，子女工作了有时候都会和父母分的很清楚（当然，我是绝对不赞成这样的），何况你这个没过门的“女婿”。再者，去北京没有找到合适工作，本身就说明了你能力不够，不是我说的现实，是社会如此，他们家不可能没想法。再他们家帮你找到工作后，我据你上文推测，你又是在没有和他们商量的前提下自己回来了，哪怕他们没别的想法（比如说你是骗子），他们也会觉得你这人，吃不了苦，没毅力，找不到好工作，却又干不了苦活累活，没前途。至于他们说你是骗子，我的看法是：他们认为你在外面，吃不了苦，又花不了他们家的钱，所以你自己‘不告而回’，就是为了拖上你的女朋友，好继续花他们家的钱。这是我对你所做的一些分析。    至于改变的方法，我认为如果你和你女友还相爱的话，你就很男人的把你的真实想法，和自己对他们家人想法的猜测说出来，先和她说，再和她父母说，不要不好意思，只要你真的问心无愧。我想，你的女友一定会相信你，至于她的父母，没有关系，哪怕一时不相信，只要你用行动去证明你的能力就可以。如果不想和女友分开，就在不远的地方努力工作，如果有足够的自信，去北京自然是证明的最好方法，在哪里跌倒，就在哪里爬起来。至于钱，如果以前的钱没还，现在也不要强求，那样没有意思，人家也不是在乎那点钱，用行动可以证明一切。</t>
  </si>
  <si>
    <t xml:space="preserve">五一想去湖州看同学大概会住一晚。住哪比较好点还有行程RT住宿最好 </t>
  </si>
  <si>
    <t>哈哈..我是湖职院滴..其实我们学校就有个可以住的旅馆哦.一个晚上六十.有两张床.有电视.很不错的呢.本人同学来就安排他们住那呢.考虑下吧它在我们三号宿舍楼..很好找的相信你来了因该就可以看的啦.希望对你有帮助</t>
  </si>
  <si>
    <t xml:space="preserve">500万日元折合人民币多少钱？ </t>
  </si>
  <si>
    <t>5 000 000日元 = 338 743.592 人民币你可以在 查找"5000000日元=?人民币"这样的关键词就可以知道了。当然也可以查到别的外汇如何兑换人民币。</t>
  </si>
  <si>
    <t xml:space="preserve">阴茎勃起8厘米正常吗 </t>
  </si>
  <si>
    <t xml:space="preserve">阴茎长度的测量方法很重要，一是测疲软状态，二是测勃起状态时的变化。测量时室温宜25°Ｃ左右，待心情平静并适当休息之后，用手把阴茎抬平，用硬尺的一端稍用力顶住耻骨联合部，尽量压缩皮下脂肪层，另一端以阴茎龟头尿道外口为基准，所读出的数字即为阴茎常态下的长度。再用皮尺在离冠状缘1厘米的阴茎干部测其周径。由于紧张或不适应诊室的环境，人们在医生面前多不能勃起，故常用阴茎的牵拉长度取代勃起长度。人的阴茎和身材高矮、胖瘦、五官大小等一样存在着众多的差别，长短不一，粗细不齐。国内史成礼曾测定1412例中国健康男性青年的阴茎大小及126例健康男性的阴茎勃起长度。结果表明，常态时最长为14.5厘米，最短4厘米，平均8.375厘米；周长最大12厘米，最小4.5厘米，平均8.3厘米。勃起时最长16厘米，最短9厘米，平均12厘米；勃起时周长最大14厘米，最小8厘米，平均10.75厘米。刘国振等调查的1000例正常成年男子的阴茎长度为：常态下长度范围为4.9-8.6厘米，平均6.55厘米，最长10.6厘米，最短3.7厘米。吴伟成等对2547例16-40岁男大学生阴茎进行测量，其长度平均值为7.43厘米，周径平均为8.17厘米；阴茎牵长平均13.34厘米，与计算出的勃起长度13.08厘米相似，故考虑牵长可代表勃起后长度。可见不同作者的测量结果也存在一定的差别，其结果还受地区、民族等影响。此外，在常态下同一个人的阴茎长度也不恒定，如紧张、寒冷或严重疲劳时都可使阴茎短缩。 　　怎样认定阴茎过小呢？阴茎在前短于2.5厘米，青春期后短于5厘米，而且发育不正常，没有勃起功能；特别是第二性征发育不良，性功能障碍，无生育力，无精子，这时方可认为是阴茎发育不正常。  </t>
  </si>
  <si>
    <t xml:space="preserve">求通达信底部穿头破脚公式和顶部正好相反，底部穿头破脚，左边是阴线 </t>
  </si>
  <si>
    <t xml:space="preserve">以上是网上的东东，希望对你有用：穿头破脚即某一天的K 线将前一天的K 线全部包容起来，使得在K 线组合上出现前小后大的形态。具体说来，就是阳包阴时，第二天的开盘价低于前一天的收盘价，该天的收盘价高于前一天的开盘价；阴包阳时，第二天的开盘价高于头一天的收盘价，该天的收盘价低于前一天的开盘价。所以，它也俗称为阴包阳或阳包阴，但它在连续阴阳线时也可采用，因此称为穿头穿脚（也称作包容组合、乌云盖顶）。 参考公式：IF(CLOSE[1]/OPEN[1]&gt;1.03 AND CLOSE/OPEN&lt;0.96 ANDCLOSE&lt;OPEN[1] AND OPEN&gt;CLOSE[1]){BACKSET("colorred",1);RETURN"colorgreen");}IF(CLOSE[1]/OPEN[1]&lt;0.97 ANDCLOSE/OPEN&gt;1.04 AND CLOSE&gt;OPEN[1] AND OPEN&lt;CLOSE[1]){BACKSET("colorgreen",1);RETURN"colorred");}ELSE RETURN("coloryellow"); </t>
  </si>
  <si>
    <t xml:space="preserve">我很少出汗是什么回事我一般运动时只是感觉的到身体很热，可是皮肤很 </t>
  </si>
  <si>
    <t>因为如果不怎么喜欢运动,或是运动太少,汗腺系统不会很发达,经常运动以后就可以改变现状. 出汗是人体排泄和调节体温的一种生理功能,出汗能加速人体新陈代谢,排除有害的物质,使体温保持在一个相对稳定水平，使人处于较舒适的状态，从而保持充沛精力和健康体魄的重要机能。人体着凉感冒，实际上是皮肤孔隙和体表汗腺因受寒而禁闭，不能以出汗方式散发体内热量，导致人体温度升高。这时如果多喝些热汤盖严棉被，使汗腺和皮肤孔隙因受热而舒张，排出汗液，散发体热，体温则立即下降，可谓汗到病除。</t>
  </si>
  <si>
    <t xml:space="preserve">木马的问题！急！最近几周玩魔力时总会莫名其妙得从窗口模式自动切换 </t>
  </si>
  <si>
    <t xml:space="preserve"> tp:// 2.开始-运行-msconfig-启动-除了杀毒(名称和路径含norton和symantec字样的程序)和ctfmon.其他一律禁用，即前面的勾去掉3.重新启动按F8,进入安全模式.用里面的IE修复专家扫描一下，有可疑程序，按一键清除.4.超级兔子有一定的木马清理能力，可以反复清理几遍.如果还在.有2种思路：(1)看看IE修复专家扫描出来的顽固文件名，将他输入到 ,看看其他网友的解决措施(2) ------------------------------------------------------------PS:以上的2个下载点均为正规网站，华军和 再PS:对于木马，软件的操作效率比人工高，特别是未知的木马连续PS:如果是XP Sp2用windows自带的防火墙即可最后PS:感觉。。。诺顿。。。口碑上似乎不错，不过我修理过的种病毒的电脑，本本，不少是诺顿的。常见：被关闭/卸载不干净严重影响系统的启动。不过。。。也许。。。诺顿太有名了，所以导致病毒木马想尽办法把它先卡擦-----------------------------------------------------除非系统文件被破坏，无法正常启动，安全模式也无法进入，恢复到正确配置也不行。否则没必要重做系统重做系统不算什么解决措施杀不掉是因为正在后台运行。进程管理器禁用或者开机启动项目去掉，重新启动后进入安全模式再用杀毒软件和超级兔子.操作步骤已经跟你说得很明白了那个木马也许只是编好的程序而以，不一定在远程操控你 </t>
  </si>
  <si>
    <t xml:space="preserve">孔四贞是否世袭了定南王的爵位?清康熙年间的孔公主可以世袭爵位吗? </t>
  </si>
  <si>
    <t>孔四贞没有直接袭爵，但是被封为和硕公主，品位相当于郡王她的父亲孔有德为定南王，他最后死在南明王朝的反攻之中，死得还是很有英雄气慨的，儿子都一起自杀。从定南王府里逃出来的，只有孔氏夫妇的女儿四贞而已。孔有德夫妇的死，令孝庄皇太后深为感触，她收养了尚未成年的小四贞，并认为义女，封公主。长成后，她和顺治皇帝产生了爱情。　　　　然而，孔四贞出生不久，就已经订下了亲，未婚夫是孔有德手下将领的儿子孙延龄。一个难题摆在了孝庄太后的面前。孝庄太后很清楚孔四贞乃是有主的名花，也不愿她影响自己科尔沁王族女人在后宫的地位，夺自己侄女们的皇宠；更不愿因为儿子与她的情缘，得罪朝中的汉官。因此，为了分儿子的心，孝庄太后巧妙地将孔四贞和顺治帝分开了。然而，孝庄太后做梦也没想到，看不到孔四贞的顺治帝，将一腔情意转而投向了弟弟博穆博果尔的福晋董鄂氏身上，惹出了更大的麻烦。　　　　无计可施的孝庄太后于是想出了一个不是办法的办法，传旨礼部，商议孔四贞立妃的事宜。但之后，董鄂氏入宫成了定局。孔四贞封妃的事宜也就中途阻绝了。　　孝庄皇太后只得接受这个事实。其实，孔四贞是非常反感自己那个从小订亲的丈夫孙延龄的。　　清史稿是这样描述他的：“骄纵不臣……纵兵殃民”。而且他野心极大，之所以再三重提自己与孔四贞的婚约，原因只是想将孔家的旧部全数收归自己管辖，扩充势力而已。他对自己呆在北京城无所事事的处境十分不满，到处惹是生非，犯下了不少罪。　　孙延龄自然也很明白未婚妻与皇帝之间的明来暗往。在前往广西的路上，他沿途散播孔四贞被皇帝强占的流言，以泄心头之气。并以此向孔氏旧部招揽，想要拥兵自重，自封王爵，继承“老丈人”的权势地位。　　　　这个消息很快就传到了北京城中孔四贞的耳里。为了制止事态进一步恶化，更不愿忠于孔家的兵将掉入孙延龄的陷阱，孔四贞决定，赶到桂林，匆匆下嫁孙延龄，以婚姻的形式控制他。　孝庄太后只得假戏真做，封孔四贞为和硕公主，品位相当于郡王，并派专人前往桂林，为和硕公主孔四贞主持了婚礼。　　　　孔四贞恐怕是明清两朝公主中，唯一一个对公主驸马分居，驸马“非召不得入”的陋习额手称庆的一个了。她身边的宫女，利用这一宫规，理直气壮地将惹人讨厌的孙额驸拒之门外——孔四贞此时已相当于广西王，如果她愿意亲近自己的丈夫，恐怕一百个、一千个女官也不敢拦着。而女官们竟然敢将孙延龄赶出王府，唯一的理由就是此举出自公主的授意。　　自以为从此可以掌控广西军政大权、财色兼收的孙延龄，万万没有想到，自己原来太小看这位外表温婉的小女子了。　　婚礼举行之后，正式获得封号的孔四贞很快就顺理成章地重整了父亲的余部，并将军政大权全部牢牢地控制在了自己的手中。孙延龄不但连一点权力边儿都沾不着，甚至连孔四贞的头发丝儿也都沾不着，是真正的人财两空。成了一个空头驸马、光杆将军。　　　　虽然掌控着军政大权，孔四贞呆在公主府里却是无比的愁闷困苦，她无时无刻不盼望自己能够早点脱离这苦海，回到自己钟情的爱新觉罗福临身边、回到宠爱自己的养母身边去。　　　　但是孔四贞没有想到，正当自己情思郁郁的时候，北方却传来了顺治帝驾崩的消息。　　这好比一个晴天霹雳。孔四贞大病了一场，从此断绝了男女之情。十二年后，1673年，康熙帝下令撤藩，吴三桂立即起兵造反。　　康熙封孙延龄为抚蛮将军，要他首先就近剿吴。孙延龄却早蓄反志，将皇帝派来的册封官员杀掉，自封“安远王”，要与吴三桂呼应。　　　　但是，虽然经过了十二年的时间，无能的孙延龄也没能真正在广西树起自己的队伍和亲信来。他根本就无力调动广西的兵马，孔有德的旧部压根就没人听从他的指挥。跟着他胡闹的，仅仅是几千市井亡命之徒而已。　　得知孙延龄的反谋，孔四贞立即派出兵马征讨，孙延龄无力与之对抗，只得投降。吴三桂对孙延龄的无能、孔四贞的强硬极其恼怒，掉头攻打广西的省城桂林。　　孙延龄自视甚高，却是外强中干，根本没有他吹嘘的才略武功与胆量，更不能跟定南王孔有德相比。因此很快就被吴三桂的军队杀掉了。　　而被孙延龄看成是“无知女流”的孔四贞，却成功地保住了桂林城，乱了吴三桂的后阵。不久，孔四贞向京城上书请战。　　得知养女的赫赫战功，孝庄太皇太后又惊又喜。为了养女的安全，她拒绝让孔四贞继续留在烽烟战场，特旨将她召回京师与自己作伴。　　　　孝庄太皇太后和康熙帝为孔四贞修建了一座郡王府邸。孔四贞脱下穿了十四年的戎装，又恢复了宫样梳妆。　　　　她拒绝了孝庄太皇太后为她再觅佳婿的建议，终身没有嫁人。　　 　　和硕公主孔四贞死后，清廷为她举行了隆重的丧礼。　　孔四贞下葬在北京城西南——即今公主坟。</t>
  </si>
  <si>
    <t xml:space="preserve">金利来淘宝卖的是真的吗 </t>
  </si>
  <si>
    <t>去官方旗舰店，信誉度高</t>
  </si>
  <si>
    <t xml:space="preserve">我家小男孩5岁了,自尊心很强,对自己要求太高,我该怎么办?我觉得 </t>
  </si>
  <si>
    <t>小孩子有自尊心,想做第一很难得!不过,受点打击想逃避就有问题了.这不是平常心的问题,平常心的说法是一种不积极的说法,所以不能告诉小孩子保持平常心,同时他也理解不了. 重要的是如何增 的自我承受能力!多跟他讲一些屡败屡战的故事,讲讲名人都是失败成功,失败成功过来的.培养他永不服输的意识.告诉他现在的"第一"和永远的"第一"有什么区别.相信这样会对你孩子有些帮助.谢谢.</t>
  </si>
  <si>
    <t xml:space="preserve">为什么叫员工花名册呢？ </t>
  </si>
  <si>
    <t xml:space="preserve">    就比如在一个单位里，正式员工的姓名登记！有的比较详细（可以包括家庭地址，联系电话，家庭成员）有的做的比较简单！要看单位的实际要求了！</t>
  </si>
  <si>
    <t xml:space="preserve">请教一下手心感觉发热是怎么回事情 </t>
  </si>
  <si>
    <t>虚 什么是肾虚啊,肾虚有什么表现？ 背景资料：肾虚的概念及其与亚健康的联系中医认为，肾为先天之本，是人体生殖发育的根源，脏腑机能活动的原动力。肾的精气从作用来说可分为肾阴、肾阳两方面。肾阴与肾阳相互依存、相互制约，维持人体的动态平衡。当这一平衡遭到破坏后，就会出现肾阴、肾阳偏衰或偏盛的病理变化。这就是肾虚。目前社会上常说的“肾虚”， 如遗精、阳瘘、早泄、性冷淡、不育、不孕等，实际上是狭义的肾虚。广义上的肾虚包括一系列的全身症状。中医所说的肾虚和西医认可的亚健康状态颇有相似之处。其一，多数肾虚的病人和亚健康病人在就诊时无法区分，它们有症状的相似性。其二，它们的定义都很抽象，都是以一堆症状来确定。不同点是，肾虚的概念由来已久，一些器质性疾病往往也列入其中。 肾虚有多种，以肾阴虚、肾阳虚最常见。 中医所指的肾虚，有很多种类，其中最常见的是肾阴虚、肾阳虚。 肾阴虚，表现为口干舌燥、皮肤瘙痒、失眠多梦、心情烦躁、腰酸膝软、手足心热、耳鸣头晕等症状。另外，女子会出现便秘、经少甚至经闭等表现。 肾阳虚，表现为面色白或黝黑、腰膝酸疼、精神不振、手足冰冷、畏寒怕风、腹泻、身体浮肿等。此外，女子会出现不孕、遗尿、浮肿、性欲低下等症状。 专家提示：肾虚不等于肾衰竭中医所指的肾和现代医学所指的肾脏并不是一回事儿，肾虚并不是肾衰竭，只是气血阴阳虚弱了，并不会像肾衰竭那么严重而危及生命。 肾虚者必须重视补肾，但不能乱补 中医理论认为，肾主藏精。精是构成人体生命的基本物质，也是生长发育五脏六腑各种机能活动的物质基础。肾精充足则身体强健，五脏六腑功能正常，肾虚则生命力减弱，各种疾病就会逐渐袭来。 因此，要根治这些病痛、彻底改善身体状况，必须从补肾入手。 但肾虚不能盲目补，乱补有害无益。 赵教授强调，中医补肾先弄清是肾阴虚、肾阳虚还是肾气虚是关键。因此，肾虚者一定要找正规的中医师正确诊治。 一般说来，肾阴虚者大多脸发红、五心烦热。补肾阴虚的药物多是甘寒药，如石斛、玉竹、山茱萸、枸杞子、西洋参等，中成药的代表是六味地黄丸。 阳虚者则怕冷，四肢发凉，面色苍白。补肾阳虚药物多是热性药，如附子、肉桂、鹿茸等，中成药的代表是金匮肾气丸。 预防肾虚从现在开始 预防肾虚首先要注意休息，劳逸结合，善于通过一些休闲活动来减轻精神压力，释放不良情绪。均衡饮食、规律生活。另外，下面这些简单的小窍门，既可强身健体、预防肾虚，也可作为肾虚者的辅助治疗。 1． 常打太极拳。练习太极拳，最好是清晨在空气清新的公园内、树下、水边进行。 2． 每天自我按摩腰部：两手掌对搓，至手心热后，分别放至腰部两侧，手掌向皮肤，上下按摩腰部，至有热感为止。早晚各一次，每次约200下。 3． 每天搓脚心：两手对掌搓热后，以左手擦右脚心，以右手擦左脚心，早晚各1次，每次搓300下。 4． 每天做缩肛运动：全身放松，自然呼吸；呼气时，做缩肛动作，吸气时放松，反复进行30次左右。 5． 每天做一套简易体操（如果有时间，也可连续做多次）： (1)两足平行，足距同肩宽，目视正前方，两臂自然下垂，两掌贴于裤缝，手指自然张开。足跟提起，连续呼吸9次。 (2)足跟落地，吸气，慢慢曲膝下蹲，两手背逐渐转前，虎口对脚踝；手接近地面时，稍用力抓成拳(有抓物之意)，吸足气。 (3)憋气，身体逐渐起立，两手下垂，逐渐握紧拳头。 (4)呼气，身体立正，两臂外拧，拳心向前，两肘从两侧挤压软肋，同时身体和脚跟部用力上提，并提肛，呼吸。 女性肾虚自测：对照下面症状，你可以测出自己是不是肾虚。 如果你有2个以上方面出现问题，应及早去医院检查。 1．全身方面：全身倦怠、头脑不清醒、注意力不集中、记忆力减退等。 【典型表现】 ●工作效率明显下降，上司已明显表达了对你的不满。 ●无精打采。上班仅仅1个小时，就胸闷气短，盼望早早回家休息，但上床后又睡不着。 ●记忆力下降。昨天想好的事情，今天怎么也记不起来。 2．神经肌肉方面：经常失眠、头晕脑胀、腰酸背痛、下肢乏力等 。 【典型表现】 ●经常感到很困倦，却无法熟睡，多梦、易惊醒。 ●体重有明显的增加或下降趋势。早上起来，发现腹部肌肉松弛无力，苍白无血色。 ● 没有风湿或外伤，却背部不适、胸部有紧缩感、腰背痛、不定位的肌肉痛和关节痛。 ● 不提重物，走到3楼就两腿无力；坐在椅子上看电视，超过2个小时就感到腰酸。 3．心血管方面：心悸气喘、胸闷、浮肿等。 【典型表现】 ●晨起或劳累后足踝及小腿肿胀，下眼皮肿胀、下垂。 ●月经到来前两三天，四肢发胀、胸部胀满、胸部串痛。 4．胃肠道方面：食欲不振、恶心、胃疼、腹痛腹泻、便秘等。 【典型表现】 ● 尿频，在正常饮水情况下，夜尿在3次以上；小便无力，淋漓不尽，大便粘滞不畅。 ● 食生冷干硬食物常感胃部不适、口中粘滞不爽、吐之为快。 ●一日三餐，进食甚少。排除天气因素，即使口味非常适合自己的菜，也感觉无味。 5．五官方面：视疲劳、鼻塞、眩晕、耳鸣、咽喉不舒服等。 【典型表现】 ● 容易感冒，感冒后就会出现鼻塞、流鼻涕、咽干、咽痛、喉咙有紧缩感等症状。 ● 坐、蹲的时间稍微长些，直立后会感到两眼发黑、头晕耳鸣。 ● 用电脑办公或看书二、三十分钟就感到眼睛干涩、胀痛。 6．其他方面：“性趣”减退、抑郁、焦虑、恐惧等。 【典型表现】 ●不再像以前那样热衷于朋友的聚会，有种强打精神、勉强应酬的感觉。 ● 工作情绪始终无法高涨，最令自己不解的是无名的火气很大，但又没有精力发作。 ● 月经不调、性欲降低，过性生活时感到疲惫不堪。 相关链接： 在欧美一些国家人们根本不知道什么是“肾虚”。当他们出现“精神萎靡、腰酸腰痛、体力不支、睡眠不佳”时，不会说自己“肾虚”，而会意识到自己体质下降，进入亚健康状态。需要注重保健，加强煅炼，补充营养，或找医生开一些对症的药物，比如失眠的吃些安定片，便秘的用点开塞露等；当他们出现了性功能障碍时，也不会说自己“肾虚”，更不会找什么“补肾药”，但会去性治疗诊所，在专业人士的指导下进行性行为治疗。 肾虚腰痛多表现为腰痛绵绵、酸软不止 ,喜按喜揉 ,伴腿膝乏力 ,遇劳更甚 ,常反复发作。如偏肾阳虚者 ,则伴有面色发白 ,手足不湿 ,舌质淡 ,脉沉细 ;肾阴偏虚者 ,则伴有心烦失眠、口燥咽干、面色潮红、手足心热、舌质红 ,脉细数。肾虚腰痛采用饮食调理方法可取得良好效果。 一、杜仲腰花 :取杜仲、川断各 15克 ,猪腰子 1对 ,白酒 25毫升 ,葱、味精、酱油、大蒜、姜、盐、白糖各适量。制法 :先将猪腰洗净切成腰花放碗内 ,加白糖、盐、酒 ;另将杜仲、川断煎取浓汁后加入腰花中。用武火烧热锅 ,倒入腰花速炒熟 ,然后加入调味品即可食用。每日 1次。 二、茴香炖煮肾 :取小茴香 20克 ,猪腰 1对 ,葱、姜、盐、酒各适量。制法 :先将猪腰(即猪肾 )洗净后 ,在凹处剖一口子 ,将茴香、盐装入猪腰剖口内。用白线缝合剖口后 ,放入锅内 ,加葱、姜、酒、清水适量 ,用文火炖熟后食用。此法适用于偏肾阳虚的肾虚腰痛。 三、杞地山药粥 :取生地黄 20克 ,山药、杞果各 50克 ,大米 100克。制法 :将生地黄切碎 ,山药捣碎 ,和杞果、大米共放锅内加水适量煮粥 ,代早餐食。每日 1次。此法适用于偏肾阴虚的肾虚腰痛。 肾虚宜食物品 肾虚者宜吃下列食物。 芝麻 甘平，有补肝肾、润五脏的作用。如《本草经疏》中就曾记载：“芝麻，气味和平，不寒不热，补肝肾之佳谷也。”尤其是肾虚之人腰酸腿软，头昏耳鸣，发枯发落及早年白发，大便燥结者，最宜食之。 粟米 又称谷子、稞子。能补益肾气。《名医别录》及《滇南本草》中都说到“粟米养肾气。”明·李时珍还说：“粟，肾之谷也，肾病宜食之，煮粥食益丹田，补虚损。” 豇豆 又称饭豆、长豆。性平，味甘，能补肾健脾，除脾虚者宜食外，肾虚之人也宜食用，对肾虚消渴、遗精、白浊，或小便频数，妇女白带，食之最宜。《本草纲目》曾这样记载：“豇豆理中益气，补肾健胃，生精髓。”《四川中药志》也说它能“滋阴补肾，健脾胃，治白带，白浊和肾虚遗精。” 牛骨髓 有润肺、补肾、益髓的作用。《本草纲目》说它能“润肺补肾，泽肌，悦面”。对肾虚羸瘦、精血亏损者，尤为适宜。 狗肉 性温，味咸，除有补中益气作用外，还能温肾助阳，故肾阳不足、腰膝软弱或冷痛，食之最宜。《日华子本草》认为：狗肉“补胃气，壮阳，暖腰膝，补虚劳，益气功。”《医林纂要》亦云：“狗肉补肺气，固肾气。”清代医家张璐还说：“犬肉，下元虚人，食之最宜。”下元虚者，即肾阳虚弱、命门火衰是也。 羊骨 性温，味甘，能补肾强筋骨。《饮膳正要》认为：“羊尾骨益肾明日，补下焦虚冷。”《本草纲目》中记载：“羊脊骨补骨虚，通督脉，治腰痛下痢；羊胫骨主脾弱，肾虚不能摄精，白浊。”唐代《食医心镜》还介绍：“治肾脏虚冷，腰脊转动不得：羊脊骨一具，捶碎煮烂，空腹食之。”对肾虚劳损，腰膝无力怕冷，筋骨挛痛者，最宜食之。 猪肾 性平，味咸。唐·孟诜认为猪肾“主人肾虚”。《日华子本草》说它“补水脏，治耳聋”。水脏者实指肾脏而言。故凡因肾虚所致的腰酸腰痛、遗精、盗汗及老人肾虚耳聋耳鸣，宜常食之。 淡菜 有补肝肾、益精血的功效。《随宜居饮食谱》中说它“补肾，益血填精”。《本草汇言》亦云：“淡菜，补虚养肾之药也，此物本属介类，气味甘美而淡，性本清凉，善治肾虚有热。”所以，凡肾虚羸瘦、劳热骨蒸、眩晕盗汗、腰痛阳痿之人，食之最宜。 干贝 又称江珧柱。性平，味甘咸，能补肾滋阴，故肾阴虚者宜常食之，清代食医王孟英认为：“干贝补肾，与淡菜同。”《本草求真》中也说它能“滋真阴”，实则指滋补肾阴之义。 鲈鱼 又称花鲈、鲈子鱼。性平，味甘，既能补脾胃，又可补肝肾，益筋骨。《本草经疏》曾有记载：“鲈鱼，味甘淡气平与脾胃相宜。肾主骨，肝主筋，滋味属阴，总归于脏，益二脏之阴气，故能益筋骨。”《嘉枯本草》认为：“鲈鱼，多食宜人，作蚱尤良。”凡肝肾阴虚，或脾虚胃弱者皆宜。 桑椹 俗称桑果。性寒，味甘，有补肝、益肾、滋阴的作用。如《滇南本草》云：“桑椹益肾脏而固精，久服黑发明目。”清·王孟英还说：“桑椹滋肝肾，充血液，健步履。”故肾虚之人，尤其是肾阴不足者，食之最宜。 芡实 性平，味甘涩，有益肾固涩、补脾止泄的双重功效。《本草经百种录》称之为“脾肾之药也”。《本草从新》亦说它能“补脾固精”。《本草新编》中还说：“芡实不特益精，且能涩精补肾，与山药并用，各为末，日日米饭调服。”凡肾虚之人遗精、早泄、带下、小便不禁或频多者，宜常食之。 栗子 性温，味甘，除有补脾健胃作用外，更有补肾壮腰之功，对肾虚腰痛者，最宜食用。如唐代养生学家孙思邈曾说：“生食之，甚治腰脚不遂。”明·李时珍亦曾记载：“治肾虚腰脚无力，以袋盛生栗悬干，每旦吃十余颗，次吃猪肾粥助之，久必强健。” 胡桃 性温，味甘，既能补肺止喘，又能补肾固精，还能润肠通便。适宜肾虚喘嗽、遗精阳痿、腰痛脚弱、小便频数、大便燥结之人服食。正如《医学衷中参西录》所说：“胡桃，为滋补肝肾，强健筋骨之要药，故善治腰疼腿疼，一切筋骨疼痛。为其能补肾，故能固齿牙，乌须发，治虚劳喘嗽，气不归元，下焦虚寒，小便频数，女子崩带等症。” 山药 性平，味甘，为中医“上品”之药，除了具有补肺、健脾作用外，还能益肾填精。如明·李时珍指出：山药“益肾气，健脾胃。”《本草正》亦载：“山药，能健脾补虚，滋精固肾，治诸虚百损，疗五劳七伤。”《本草经读》还说：“山药，能补肾填精，精足则阴强、目明、耳聪。凡上品之药，法宜久服，多则终身，少则数年，与五谷之养人相佐，以臻寿考。”所以，凡肾虚之人，宜常食之。 豇豆 性平，味甘，具有补肾和健脾的双重作用。如《本草纲目》记载：“豇豆补肾健胃，生精髓。昔卢廉夫教人补肾气，每日空心煮豇豆，入少盐食之。”现代《四川中药志》也介绍：“豇豆滋阴补肾，健脾胃。治白带、白浊及肾虚遗精。”对肾虚小便频数者亦宜。 枸杞子 性平，味甘，具有补肾养肝、益精明目、壮筋骨、除腰痛、久服能益寿延年等功用。尤其是中老年肾虚之人，食之最宜。如《本草通玄》记载：“枸杞子，补肾益精，水旺则骨强，而消渴、目昏、腰疼膝痛无不愈矣。”《本草经疏》中也说：“枸杞子，为肝肾真阴不足，劳乏内热补益之要药。老人阴虚者十之七八，故服食家为益精明目之上品。” 冬虫夏草 性温，味甘，有补肾和补肺的作用，是一种平补阴阳的名贵药材。如《本草从新》说它“保肺益肾。”《药性考》亦云：“虫草秘精益气，专补命门。”《柑园小识》还说：“以酒浸数枚啖之，治腰膝间痛楚，有益肾之功。”冬虫夏草虽然是一种副作用很少的滋补强壮中药，但直接用于方剂者不多。凡肾虚者最宜用虫草配合肉类如猪瘦肉、鸡肉或鸭肉，甚至新鲜胎盘等共炖，成为补益食品，更为有益。 杜仲 性温，味甘微辛，能补肝肾、强筋骨，对肾虚所致的腰脊酸疼、足膝软弱无力、小儿肾虚两下肢麻痹以及妇女肾亏引起的习惯性流产者，最为适宜。正如明代医家缪希雍解释说：“杜仲主腰脊痛，益精气，坚筋骨，脚中酸痛。盖腰为肾之府，动摇不能，肾将惫矣。杜仲补其不足，益肾故也。” 何首乌 有补肝肾、益精血的作用，历代医家均用之于肾虚之人。明·李时珍说过：“何首乌，能养血益肝，固精益肾，健筋骨，乌髭发，为滋补良药，功在地黄、天门冬诸药之上。”清代名医黄宫绣亦云：“何首乌，诸书皆言滋水补肾，黑发轻身，备极赞赏。”凡是肾虚之人头发早白，或腰膝软弱、筋骨酸痛，或男子遗精，女子带下者，食之皆宜。 海参 性温，味咸，质地虽阴柔，但能补肾之阳气，为肾阴肾阳双补之品。如《本草从新》中说：“海参补肾益精，壮阳疗痿。”《随息居饮食谱》也说它“滋阴，健阳”。故凡肾虚之人，皆宜食之。 海马 性温，味甘，能补肾壮阳，故凡肾阳不足之人，皆宜食之，包括肾阳虚所致的阳痿、不育、多尿、夜遗、虚喘等，食之颇宜。可用海马研细，每次1~2克，黄酒送服，1日2~3次。 虾子 性温，味甘咸，入肾经，有补肾壮阳的作用。凡因肾气虚弱、肾阳不足所致的腰脚软弱无力，或阳痿，或男子不育症患者，宜多食虾。《食物中药与便方》还曾介绍：“肾虚，阳痿，腰脚痿弱无力：小茴香30克，炒研末，生虾肉90~120克，捣和为丸，黄酒送服，每服3~6克，1日2次。” 此外，肾虚者还宜服食龟肉、鸽肉、猪肉、甲鱼、蛤蚧、莲子、松子、荠菜、韭菜、蜂王浆、灵芝、燕窝、阿胶、紫河车、地黄、锁阳、肉苁蓉等。</t>
  </si>
  <si>
    <t xml:space="preserve">猫的连接线断了我的猫一共有三条线，一条是电源线，另一条是水晶头的 </t>
  </si>
  <si>
    <t>3个？一个是电源线，一个是电话线，1个是网线你说的白色的是电话线吧？可以自己做的，也可以买到你在搜索引擎上搜一下就行了</t>
  </si>
  <si>
    <t xml:space="preserve">慢性鼻窦炎吃什么药最好 </t>
  </si>
  <si>
    <t>一般的药物只能缓解,不能完全治愈的!建议您采用在内窥镜下,用鼻内电动刀直接作用于病变位置.功能性鼻内窥镜手术不需要打开鼻窦,直接清除病灶组织,手术精细,一次性治疗,病人手术后恢复的时间缩短,创伤小,术后痛苦小,不需住院</t>
  </si>
  <si>
    <t xml:space="preserve">一道数学证明题证明：（不用数学归纳法）1^+2^+3^+4^+… </t>
  </si>
  <si>
    <t>第一题：由于（n+1）^3 - n^3 = 3n^2 + 3n + 1（（n+1）^3表示n+1的立方， n^2表示n的平方，其余依此类推）        n^3 -(n-1)^3 = 3(n-1)^2 + 3(n-1) + 1       (n-1)^3 - (n-2)^3 = 3(n-2)^2 + 3(n-2) + 1       .....................       .....................       .....................       2^3 - 1^3 = 3(1^2 ) + 3(1) + 1       将以上n个等式左右分别相加得       （n+1）^3 - 1^3 = 3（1^2+2^2+3^2+。。。。+n^2) +                         3(1+2+3+.....n)+ n        n^3+3n^2+3n =3（1^2+2^2+3^2+。。。。+n^2) +3n(n+1)/2 + n        3（1^2+2^2+3^2+。。。。+n^2)=n(n+1)(2n+1)       所以 1^2+2^2+3^2+。。。。+n^2) = n(n+1)(2n+1)/6第二题：由于（n+1）^4 - n^4 = 4n^3 + 6n^2 + 4n +1        所以 n^4 - (n-1)^4 = 4(n-1)^3 + 6(n-1)^2 +4(n-1) + 1            (n-1)^4 - (n-2)^4 = 4(n-2)^3 + 6(n-2) + 4(n-2) + 1            ..........................            ..........................            ..........................            2^4 - 1^4 = 4(1^3) + 6(1^2) + 4(1) + 1            将以上 n 个等式左右分别相加得，并将第一题的结果代入，化简可得            注：（n+1）^4表示n+1的四次方</t>
  </si>
  <si>
    <t xml:space="preserve">房间隔缺损（中央型）要观察多久宝宝出生第二天查出房间隔缺损中央型 </t>
  </si>
  <si>
    <t>三个月复查心脏超声,可以正常预防接种。</t>
  </si>
  <si>
    <t xml:space="preserve">新东方的考研英语flash是什么意思请问，网上的新东方考研英语f </t>
  </si>
  <si>
    <t>是种flash播放文件，你下一个flash播放器，到时会出现电子版图书和讲课老师的声音的</t>
  </si>
  <si>
    <t xml:space="preserve">求个vista系统能装的CATIA下载地址在vista系统下就能 </t>
  </si>
  <si>
    <t xml:space="preserve">  这个不错</t>
  </si>
  <si>
    <t xml:space="preserve">软件问题请问一个低级问题,下载的布丁文件能删了不要吗?删了对现在 </t>
  </si>
  <si>
    <t>如果补丁已安装上，磁盘空间比较紧张，可以把补丁文件删除。不过建议备份补丁文件，在重装系统时，可避免再次下载的麻烦。</t>
  </si>
  <si>
    <t xml:space="preserve">为什么我的大号登陆不了，总提示应用程序出现异常崩溃，请与客服中心? </t>
  </si>
  <si>
    <t>你好，朋友你这个问题比较复杂，因为你小号能进入游戏，大号却导致系统应用程序出现异常崩溃。令人感到很是费解。按照常理两个号都应该出现同一种情况。当然，在游戏过程中，天骄2导致玩家应用程序出现异常崩溃的情况是经常发生。经过，目标的多次整改已经不会经常出现这样的问题了。所以，我个人认为你是属于以下这种情况。 你在游戏中双开了或者多开了，是吧当然，如果你的电脑配置较好，兼容性稳定，你可以双开。但是如果你的电脑不是很稳定，我个人建议你还是不要双开为好。更不要在网络拥挤时双开，这样容易导致你两个号中的一个应用程序出现异常崩溃。一般是大号应用程序出现异常崩溃。谢谢你的观看，我的观点希望给你一点帮助和启发。</t>
  </si>
  <si>
    <t xml:space="preserve">暗黑3什么时候登录中国？ </t>
  </si>
  <si>
    <t>欧美也在刚刚宣布而已中国他们当然不会忽视但时间可就要等一阵子了</t>
  </si>
  <si>
    <t xml:space="preserve">退订vip邮箱太大咯，不需要用 </t>
  </si>
  <si>
    <t xml:space="preserve">退订任你邮，请您发邮件给webmaster@  ,提供您邮箱名字和密码前三位，续费的手机号码和手机密码的前三位，核实后，我们将帮您退订。另外，如果您是注册免费邮箱过程中获赠收费邮箱的，免费邮箱会自动导入到收费邮箱里面，取消收费邮箱后想继续使用免费邮箱的话，请点击下面的链接将您的免费邮箱从收费邮箱里面恢复。  请注意：如果您的邮箱已经开始收费，退订成功后，从下个月起将不会从您的手机上再次扣费。退订后，您的收费邮箱到期后将不能使用，所以请您一定要做好备份。如有更多问题， 请咨询新浪客服中心。全国统一客服热线：     咨询邮箱：webmaster@ </t>
  </si>
  <si>
    <t xml:space="preserve">我的播放器不出声一切都有了 </t>
  </si>
  <si>
    <t>排除音箱电源的原因后，重装播放软件，还不行就重装声卡驱动。祝你好运！</t>
  </si>
  <si>
    <t xml:space="preserve">请问,新股上市采用抽签的办法,那买1000股和买n个1000股的? </t>
  </si>
  <si>
    <t>你好：新股上市采用抽签的办法,那买1000股和买n个1000股的中签几率当然不是一样的。虽说每1000股的机率相等，但n个1000股就比一个1000多出了n个机会。</t>
  </si>
  <si>
    <t xml:space="preserve">我能跟离婚(有两个孩子)的他能幸福吗?我跟他都是离过婚的人,他比 </t>
  </si>
  <si>
    <t>我和你同样是婚姻的失败者，我也希望自己能找到可以托福终身的人但一直都没有理想的人选，你可比我幸运多了，遇到爱自己的人还犹豫什么呢，只要双方精心呵护、更善解人意、双方扬长避短同样能开创新的生活。祝你幸福！</t>
  </si>
  <si>
    <t xml:space="preserve">四个月的宝宝都可以喝哪些果汁？是不是一切水果都可以榨汁给她喝呢？ </t>
  </si>
  <si>
    <t>宝宝天生喜欢吃果汁，喜欢果汁的那种甜酸味，多吃果汁可以补充维生素C。还可以习惯各种味道，习惯用匙子吃东西。　开始时用温开水将果汁稀释１倍，第１天每次只喂１汤匙，第２天每次喂２汤匙，第３天每次喂３汤匙……，这样一天天逐渐增加，满１０汤匙时，也就是第１０天开始，就可以用奶瓶喂，等宝宝习惯以后就可以不用温开水稀释了。　１天可喂３次，每次喂３０－５０毫升。喂奶前后不要喂，最好在洗澡、日光浴、散步以后喂。＆　喂养注意事项　宝宝不愿吃或吃了就吐的，不要勉强喂，可以改变一下果汁种类和稀释办法，或稍加些糖再试试看。　腹泻时可暂时中止喂果汁，等身体恢复以后再喂。　只要孩子情绪正常，即使拉绿色大便也无妨，可以继续喂果汁。　在水果中，苹果和西红柿有使大便变硬的作用，柑、桔、西瓜、桃子等有使大便变软的功能，因此，孩子有些腹泻时，可喂苹果汁和西红柿汁，便秘可喂柑、桔、西瓜、桃子等果汁，很有效。因为果汁都能使大便变成酸性，所以吃了果汁后大便会变绿，或吃了苹果汁后大便会发黑。这些都不是病，请勿担心</t>
  </si>
  <si>
    <t xml:space="preserve">急于请教婴儿尿检问题？我女儿9个月，尿检后尿锌》100UG/DL </t>
  </si>
  <si>
    <t>儿童缺锌是儿童较常见的营养缺乏症。有文献报道国内1～15岁儿童中，约有50.0%～78.2%的儿童缺锌。【参考值】6.12～7.65μmol/24h或0.4～0.5mg/24h 【临床意义】尿锌排泄增加见于严重外伤、糖尿病、肝硬化、肾病综合征、镰状细胞病。尿中锌排泄量减少见于食物中缺锌。你不必担心，一次的检查并不准确，况且宝宝并无其他症状，实在不放心可在合适的时候请教医生到设备好一点的医院检查。祝宝宝健康可爱！</t>
  </si>
  <si>
    <t xml:space="preserve">请问高人：600546因诉讼停牌了，要停到7月11日以后吗？将会? </t>
  </si>
  <si>
    <t>只是停牌6月9日一天。而且应该不是因为诉讼停牌，涉及诉讼只是当天的一个公告内容之一。停牌是因为当天召开股东大会。我认为此处稍作盘整后向上。</t>
  </si>
  <si>
    <t xml:space="preserve">为什么当官的一旦犯法就首先要被开除党籍？是不是想保持党员先进性，? </t>
  </si>
  <si>
    <t>可以说是，这有利于树立党对这些人的严肃查处，从而体现出对人民负责的精神。但这也不是很对，因为党纪与法律不应混在一起，有的犯了错只是进行党内处分而不依法办理，这虽是为了维护党的形像但这不是真正的为民服务为民做主！</t>
  </si>
  <si>
    <t xml:space="preserve">巴拉克如果来国际米兰会有怎么样的变化 </t>
  </si>
  <si>
    <t>国米就是缺少一位中场的灵魂人物。类似贝隆、斯坦科维齐都不是真灵魂。巴如果来，，国米应该真正和米兰和尤文一较高下了。。可是巴拉克会来吗？国米会要吗？国米的问题在主席，也在教练。要不今年夏天就买维尔拉啦，那多好！</t>
  </si>
  <si>
    <t xml:space="preserve">请问香港苹果专卖店在哪里？请问香港的苹果店在哪里？急需，谢谢！ </t>
  </si>
  <si>
    <t>香港苹果零售店/Apple专卖店地址香港首家苹果零售店9月24日开业的旗舰店位于香港中环的国际金融中心，地址：香港岛中环港景街1号国际金融中心IFC1100-1103铺。</t>
  </si>
  <si>
    <t xml:space="preserve">光大量化核心的净值！1.6109，1.71%，0.0271 </t>
  </si>
  <si>
    <t>终于出来了，不错</t>
  </si>
  <si>
    <t xml:space="preserve">关于考研请大家指点？大家好，本人08年毕业，是专科，全日制，专业 </t>
  </si>
  <si>
    <t>国家规定到研究生开学时专科毕业满两年就可以报考，所以你完全满足这个最低要求，可以报考也可以换专业。不过： 虽然国家基本规定并没有什么额外要求，但各校会根据自己的实际情况，对同等学力(含专科)的考生的报考要求规定更为严格的条件，如必须通过英语四级(甚至六级)；发表过相当于学士学位水平的论文。此外以同等学力报考的往往还要加试几门(一般是两门)报考专业本科主干课程。另外有部分院校只招收本科考生(甚至还得有学位)，并不招收同等学力考生，所以以同等学力报考的考生，在报考前必须先通览一下各校的招生简章，选择合适自己的院校后，再准备复习，以免做无用功，花费许多不必要的时间。 从以上几个方面看以同等学力身份考研是很吃亏的，特别是从07年1月开始非在校生不能报大学英语四级了。我建议你最好报考非211工程高校的原(专科)专业，这种情况下有的学校甚至不加试。如果你选择较差的学校报考，考上的希望自然很大，但毕业后找工作仍然会很难，恐怕连非211工程一本高校的本科生都竞争不过，何去何从还需要你自己作出决定。</t>
  </si>
  <si>
    <t xml:space="preserve">中国队最有前途的球员????????????前锋DONG董方卓中 </t>
  </si>
  <si>
    <t>王楚中国足球的希望之星当年，他打破颠球吉尼斯纪录；如今，他代表法国梅斯俱乐部夺得欧洲U15以下金球奖。14岁的王楚在有100多名小球员参加的欧洲俱乐部U15以下青年锦标赛中，助法国梅斯队夺得亚军，并捧走了“最佳球员”奖杯。     2002年6月29日，11岁的成都小子王楚在锦江大礼堂举行的颠球比赛中，以40分钟内颠球5207个的成绩，刷新吉尼斯世界纪录。     上周在法国巴黎举行的欧洲俱乐部U15以下青年锦标赛，有来自荷兰、德国、西班牙等国家的俱乐部参加。最终进入决赛的是两支法国俱乐部——梅斯和巴黎圣日耳曼。虽然梅斯在决赛中经点球大战后落败，但王楚凭借自己的出色表现，被欧洲足联技术委员会授予本届比赛惟一一个个人奖项——最有价值球员（MVP）奖，令世人看到了中国足球的希望。</t>
  </si>
  <si>
    <t xml:space="preserve">大师联赛意甲不见了我前几次玩大师联赛都有意甲，可是有一次选了巴萨 </t>
  </si>
  <si>
    <t>没有遇到过这个问题</t>
  </si>
  <si>
    <t xml:space="preserve">我国最有投资价值的五种股票？请说明理由，十分感谢。。 </t>
  </si>
  <si>
    <t>600019宝钢,我国钢铁为龙头企业。600900长江电力，水电龙头。600009上海机场，中国最繁忙的机场。600018上港集箱，中国最繁忙的港口。000063中兴通讯，成长性良好。</t>
  </si>
  <si>
    <t xml:space="preserve">审核修改系统老说我的文中有代码，叫我修改，可是，我找了好几遍，都 </t>
  </si>
  <si>
    <t>建议您把文本粘贴在记事本上，这样可以看出有没有代码。然后再将记事本上的文字发表出来。</t>
  </si>
  <si>
    <t xml:space="preserve">FS好吗？我刚玩为什么都说国际版FS好垃圾呀？ </t>
  </si>
  <si>
    <t xml:space="preserve">个人认为FS是不错的  只是前面升级都是物理怪 FS 很难打  他们害怕困难才会说FS不好  如果你是FS爱好者的话  不要怕困难  忍者无敌  </t>
  </si>
  <si>
    <t xml:space="preserve">请问:慢性咽喉炎有什么好药或偏方吗?如题! </t>
  </si>
  <si>
    <t xml:space="preserve">慢性咽炎的治疗可用消炎、收敛之药物，物理疗法包括超短波透热或离子导入疗法，体外紫外线照射，电凝、冷冻疗法及中药方法。可医生根据病因进行有针对性的治疗。局部对症治疗可以选用中成药，如利咽灵、草珊瑚含片、保安散等，可同时配合泡茶饮：双花、麦冬、胖大海、生甘草各等份，开水冲泡频服。清咽饮：乌梅肉、生甘草、沙参、麦冬、桔梗、元参各50克，捣碎混匀，每日3次，每次服15克左右，以沸水冲饮。关健在于：去除病因，戒除不良嗜好，消除邻近病灶保持口腔卫生积极治疗全身性疾病，防止受凉感冒，加强体育锻炼，增强免疫能力，除急性发作者、慢性咽炎一般不需要抗生素的应用 慢性咽炎的治疗方法如下： 1、主要针对病因，如戒烟戒酒，积极治疗急性咽炎及鼻腔、鼻窦、扁桃体的慢性炎症，改善工作和生活环境，避免粉尘及有害气体的刺激。加强锻炼，增强体质，预防感冒。 2、病人如有咽干、咽痛可选用一些含片，如华素片、草珊瑚含片、银黄含片、泰乐奇含片、西瓜霜含片等，以减轻或解除症状。 3、也可选用各种中成药，如万应胶囊、清咽利喉颗粒、一清胶囊、十味龙胆花颗粒。 4、如果患慢性肥厚性咽炎，咽干、咽部异物感明显时，可采用分次激光、冷冻或电灼治疗。 专家提醒：慢性咽炎一般不需要使用抗生素治疗，因为慢性咽炎并非细菌感染。 需要注意的是：慢性咽炎极易反复，症状常发生在疲劳、受凉、烟酒过度、进刺激性食物、气候突变及吸入寒冷空气后。这时病人咽干、咽痛较为剧烈，部分病人还有发热，检查常可见咽部黏膜急性充血、肿胀，血常规检查白细胞增高，中性粒细胞百分率增高。此时，可在医生指导下使用广谱抗生素治疗或根据药敏试验选用相应的抗生素治疗3－5天，急性症状消失后马上停药。同时，病人需休息，多饮水及进食流质饮食慢性咽炎的症状 病因分型 慢性咽炎是一种常见病，为慢性感染所引起的弥漫性咽部病变，主要是咽部粘膜炎症。多发于成年人，其主要病因有屡发急性咽炎、长期粉尘或有害气体刺激、烟酒过度或其它不良生活习惯、鼻窦炎分泌物刺激、过敏体质或身体抵抗力减低等。慢性咽炎也可以是某些全身性疾病的局部表现，如贫血、糖尿病、肝硬化及慢性肾炎等。 自诊要点 咽部不适，有异物感，总感到咽部有咽不下又吐不出的东西，刺激咳嗽，干燥、发胀、堵塞、瘙痒等，但很少有咽痛。清晨常吐出粘稠痰块易引起恶心。由于食道或下咽部的癌症早期也会有类似的症状，因此发现以上症状之后应到医院做详细的检查，方能确诊。 治疗建议 应由医生根据病因进行有针对性的治疗。局部对症治疗可以选用中成药，如利咽灵、草珊瑚含片、保安散等，可同时配合泡茶饮：双花、麦冬、胖大海、生甘草各等份，开水冲泡频服。清咽饮：乌梅肉、生甘草、沙参、麦冬、桔梗、元参各50克，捣碎混匀，每日3次，每次服15克左右，以沸水冲饮。 注意事项 注意口腔卫生，坚持早晚及饭后刷牙。减少烟酒和粉尘刺激，还需纠正张口呼吸的不良习惯。应加强身体锻炼，增强体质，预防呼吸道感染，少用烟酒，积极治疗咽部周围器官的疾病。合理安排生活，保持心情舒畅，避免烦恼郁闷。保持室内合适的温度和湿度，空气新鲜。宜吃清淡、具有酸、甘滋阴的一些食物，如水果、新鲜蔬菜、青果等。经常含服四季润喉片、薄荷喉症片等。 慢性咽炎 慢性咽炎是咽部粘膜的慢性炎症，其中弥漫性炎症常为上呼吸道慢性卡他性炎症的一部分，局限性炎症则多伴有咽淋巴样组织的炎症。本病相当于中医的慢喉痹。 1。 西医诊断标准: （l）病史：常有急性咽炎反复发作史，或因鼻病长期张口呼吸及烟酒过度、坏境空气干燥、粉尘和刺激性气体污染等。 （2）症状：咽部不适，或疼、或痒、或干燥感、灼热感、烟熏感、异物感等；刺激性咳嗽，晨起用力咳出分泌物，甚或作呕。病程2个月以上，常因受凉、感冒、疲劳、多言等原因致症状 （3）检查：咽部慢性充血，加重。呈暗红色，或树枝状充血；咽后壁淋巴滤泡增生，或咽侧索肿大；咽粘膜增生肥厚，或干燥、萎缩、变薄，有分泌物附着.具各上述症状及1项 或1项以上检查所见，即可诊断。 2。中医辨证: 虚火上炎证，肺脾气虚证，痰热证，痰瘀互阻证 咽的急性发炎 ，跟扁桃体急性发炎很相似。咽炎及扁桃体炎都可由同一种细菌及病毒所引起，但咽炎的症状没有扁桃体那么严重。有些医学人士把这两种疾病简称之为急性咽喉炎。 慢性咽炎为慢性感染所引起的弥漫性咽部病变，主要是咽部粘膜炎症。多发于成年人，在城市居民中发病率占咽喉疾病的10％至20％左右。因其病程长，症状顽固，短期难见显效，故不易治愈。其主要病因大致如下: 1、 急性咽炎反复发作未能彻底治愈而转成慢性，长期粉尘或有害气体刺激、烟酒过度或其它不良生活习惯、鼻窦炎分泌物刺激、过敏体质或身体抵抗力减低等。 2 、 慢性咽炎也可以是某些全身性疾病的局部表现，如贫血、消化不良、大便长期秘结、心脏病、支气管炎、哮喘、肝脏病变、糖尿病及慢性肾炎等。 3、 职业因素。主要多发于嗓音工作者，如：教师、演员等。因长期多语言和演唱，可刺激咽部，引起慢性充血而致病。慢性咽炎自诊要点： 症状多样，咽部不适，有异物感，痰粘滞感，总感到咽部有咽不下又吐不出的东西，堵塞、发胀、灼热、干燥、发痒、刺激咳嗽、微有咽痛等。常以咳嗽来清除分泌物，特别在早晨用力咳嗽消除咽部分泌物时，症状有短暂缓解。由于食道或下咽部的癌症早期也会有类似的症状，因此发现以上症状之后应到医院做详细的检查，方能确诊。 慢性咽炎形成后又分三种类型的病理变化： 一、是慢性单纯性咽炎。表现为咽部粘膜慢性充血； 二、是肥厚性咽炎。主要表现为咽部粘膜充血肥厚，粘膜下有广泛的结缔组织及淋巴组织增生； 三、是慢性萎缩性咽炎。主要表现为粘膜层及粘膜下层萎缩变薄，咽后壁有痂皮附着，分泌减少。 中医将本病归纳为三种类型： 一、阴虚火炎型：咽部不适，痛势隐隐，有异物感，粘痰量少，伴有午后烦热，腰腿酸软，舌质红，脉象细数。 二、痰阻血瘀型：咽部干涩，痛呈刺痛，咽肌膜深红，常因频频清嗓而恶心不适。舌质红，苔黄腻，脉滑而数。 三、阴虚津枯型：咽干甚痒，灼热燥痛，饮水后痛可暂缓，异物感明显，夜间多梦，耳鸣眼花。舌质红少津，脉细数。 慢性咽炎的治疗 西医一般注重局部用药，如：嗽口药，用2％棚酸溶液，3％盐水和1：5000呋喃西林溶液反复嗽口，或者用2％碘甘油、5％强蛋白银液途于咽壁，或用碘含片、杜米芬、薄荷等含于口腔内等，有一定缓解症状之功能。局部对症治疗也可以选用中成药，如草珊瑚含片、西瓜霜等。 中医治疗本病着重于治本，按辩证分型法用药，疗效较好。一般用药为：阴虚火炎型者，用养阴清肺汤加味（麦冬、生地、玄参、白芍、甘草、生石膏、薄荷、川贝粉、丹皮、桑叶等）；痰阻血瘀型者，用消瘰丸加味（玄参，牡蛎、川贝、生地、麦冬、三棱、昆布、海藻等）；阴虚津枯型者，用生脉饮加味（白晒参、麦冬、五味子、石斛、玉竹、白茅根、竹茹等），每日一剂，频频润咽服之。 注意事项 ：忌辛辣之品及烟酒刺激。注意口腔卫生。 （加强身体锻炼，增强体质，预防呼吸道感染，合理安排生活，保持心情舒畅，避免烦恼郁闷等。） 饮食调理：利咽茶饮：双花、麦冬、木蝴蝶、胖大海、生甘草各3-5克，开水冲泡频服。清咽饮：乌梅肉、生甘草、沙参、麦冬、桔梗、元参各50克，捣碎混匀，每日3次，每次服15克左右，以沸水冲饮。 慢性咽炎治愈后，为巩固疗效以防再发，可常吃下列食品：绿豆海带汤 原料：绿豆一两、海带一两、白糖少许。 制法：将绿豆与海带（切丝）放于锅中，加水煮烂，后入白糖调味，每日当茶喝。 西瓜汁:将西瓜切开取汁，频频当茶饮。即可清热除烦，又能养阴润燥，甚宜常吃。 巧用药茶疗慢性咽炎 慢性咽炎是咽部黏膜、黏膜下层及淋巴组织的慢性炎症，视其病变情况，可分为单纯性、增生性和萎缩性三种类型。慢性咽炎的发病原因很多，如急性咽炎反复发作和邻近器官疾病（慢性扁桃体炎、牙龈炎、慢性鼻炎、慢性鼻窦炎）等都可引起。外因气候寒冷干燥，工作环境中的空气被粉尘、化学气体污染，烟酒和辛辣饮食长期刺激，以及由于职业因素而用嗓过多的人都易患慢性咽炎。此外，长期生活不规律、疲劳、精神紧张，可使身体抵抗力下降，细菌和病毒容易反复感染，也会引起慢性咽炎。 目前治疗慢性咽炎的方法很多，如西医一般主张用口泰、复方硼砂溶液等漱口液，含服华素片、安吉含片、g菌含片等。这些药物长期使用会导致口腔内环境紊乱。对于肥厚增生性咽炎，可采用激光、微波、冷冻等方法。但这些疗法目前有滥用趋势，门诊上经常见到因手术后咽部瘢痕严重增生、挛缩而病情加重前来就诊的病人。 慢性咽炎相当于中医的“虚火喉痹”，其病因病机为肺肾阴虚导致的虚火上升、咽喉失养。治宜滋养肺肾、清热化痰、润喉利咽。经验证明，正确应用药茶有助于治疗慢性咽炎。下列十则药茶方可供选用。 【罗汉果茶】 罗汉果1个。将罗汉果切碎，用沸水冲泡10分钟后，不拘时饮服。每日1～2次，每次1个。功能清肺化痰，止渴润喉。主治慢性咽喉炎，肺阴不足、痰热互结而出现的咽喉干燥不适，喉痛失音，或咳嗽口干等。《食物中药与便方》谓：“演员、教师、广播员等需保护发音器官者常以罗汉果切碎，泡水代茶饮有效。” 【橄榄茶】 取橄榄两枚，绿茶1g。将橄榄连核切成两半，与绿茶同放入杯中，冲入开水，加盖闷5分钟后饮用。适用于慢性咽炎，咽部异物感者。 【大海生地茶】 胖大海5枚，生地12g，冰糖30g，茶适量。上药共置热水瓶中，沸水冲泡半瓶，盖闷15分钟左右，不拘次数，频频代茶饮。根据患者的饮量，每日2～3剂。功能清肺利咽，滋阴生津。用于慢性咽喉炎属肺阴亏虚者，如声音嘶哑，多语则喉中燥痒或干咳，喉部暗红，声带肥厚，甚则声门闭合不全，声带有小结，舌红苔少等。对于肺阴不足、虚火夹实之慢性喉炎而兼大便燥结者，用之最宜。 【橄揽海蜜茶】 橄榄3g，胖大海3枚，绿茶3g，蜂蜜1匙。先将橄榄放入清水中煮片刻，然后冲泡胖大海及绿茶，闷盖片刻，入蜂蜜调匀，徐徐饮之。每日1～2剂。功能清热解毒，利咽润喉。主治慢性咽喉炎，咽喉干燥不舒，或声音嘶哑等属阴虚燥热证者。 【二绿女贞茶】 绿萼梅、绿茶、橘络各3g，女贞子6g。先将女贞子捣碎后，与前三味共入杯内，以沸水冲泡即可。每日1剂，不拘时饮服。功能养阴利咽，行气化痰。对肝肾阴虚，虚火上浮，气郁痰结之咽痛不适，咽喉异物感，饮之有良益。 【桑菊杏仁茶】 桑叶10g，菊花10g，杏仁10g，冰糖适量。将杏仁捣碎后，与桑叶、菊花、冰糖共置保温瓶中，加沸水冲泡，约盖闷15分钟后，即可当茶水饮用，边饮边加开水，每天1剂。功能清热疏风，化痰利咽。 【双根大海茶】 板蓝根15g，山豆根10g，甘草10g，胖大海5g。共置保温瓶中，用沸水冲泡，盖闷20分钟后即可当茶水饮用。也可加水煎煮后，倒保温瓶中慢慢饮用，每天1剂。有清热、解毒、利咽的作用，适用于慢性咽炎咽喉疼痛明显者。 【马鞭草绿豆蜜茶】 鲜马鞭草50g，绿豆30g,蜂蜜30g。将绿豆洗净沥干，新鲜马鞭草连根洗净，用线扎成2小捆，与绿豆一起放锅内，加水1500毫升用小火炖1小时，至绿豆酥烂时离火，捞去马鞭草，趁热加入蜂蜜搅化即可饮汤食豆。每日1剂，分2次服，连服数日。 【清音茶】 药用胖大海5g,蝉衣3g,石斛15g。水煎代茶饮。功能养阴润喉，利咽治喑，适用于慢性咽炎伴有声音嘶哑者。 【山楂利咽茶】 药用生山楂20g，丹参20g，夏枯草15g。使用时，先用清水洗去浮尘，然后加水煎30分钟后，滤取药汁，一日数次，当茶频饮。功能活血散结，清热利咽。适用于慢性咽炎而咽部淋巴滤泡增生明显者。  </t>
  </si>
  <si>
    <t xml:space="preserve">《满城尽带黄金甲》的拍摄地是哪 </t>
  </si>
  <si>
    <t>上面的都没说错，外景是在武隆景区，在横店主要拍宫殿里的</t>
  </si>
  <si>
    <t xml:space="preserve">电脑显示别人在网上试图打开进入我的电脑，窃取我的资料，有什么办法? </t>
  </si>
  <si>
    <t>网上下载3721 木马助手即可删除</t>
  </si>
  <si>
    <t xml:space="preserve">腋嗅的治疗怎么治疗腋嗅?如果不做激光手术,有没有别的办法完全治好 </t>
  </si>
  <si>
    <t xml:space="preserve">如何祛除腋臭？ 目前，治疗腋臭的方法有两类：非手术方法和手术方法，非手术方法适合腋臭较轻的患者，手术方法适合各种程度的腋臭患者。 非手术方法：注意个人卫生，勤洗澡，勤换内衣，经常保持腋窝部的干燥和清洁，这样可以减少臭味的散发。少做过量的，少饮食刺激性的食物，保持生活规律，情绪稳定。局部应用对腋臭有抑制作用的香露以去除臭味。可用25%氯化铝溶液、5%甲醛酒精、腋臭散或枯矾散经常敷擦。 夏季让人的很多缺点藏不住：大象腿藏不住、麒麟臂藏不住、水桶腰藏不住，连体味也藏不住！无论男性女性，如果有腋臭，平常除了缩手缩脚外，还总引来众人异样的眼光。 夏季去腋臭五大秘方 方法一 外搽法 过程：通过外搽具有止汗、抗菌作用的药物，如密陀僧散、新霉素液等每日至少一次地搽，使汗液的分泌减少，达到改善异味浓度的作用。 优点：可自制或自购。 缺点：只能起缓解作用，药效持续时间较短，须每日坚持。 适合人群：腋臭不严重者，有恒心毅力者。&gt;&gt;初夏教你几招防腋臭 方法二 香辟法 过程：用带有香气的香水或香粉，或喷或撒于腋窝。 优点：简单易行。 缺点：只起暂时遮掩的作用，有可能混合了腋臭后的香味更难闻。 适合人群：图方便者，偶尔有少少腋臭者。&gt;&gt;向腋臭说BYEBYE 方法三 打针法 过程：以酒精、肉毒杆菌毒素或消痔灵注射腋下。让大汗腺萎缩，抑制汗腺的分泌。 优点：比手术方便，不留疤痕，一般术后即可开始正常工作和生活。 缺点：一般起码两针才起全效，严重者可能需要更多。效果维持一年左右。一般不主张此法。 适合人群：不愿挨刀却又想效果相对持久者。&gt;&gt;腋臭与整形外科手术 方法四 激光法 过程：以激光束打在腋窝上，破坏毛囊和大汗腺，切断汗腺排泄途径，祛除腋下异味。 优点：可同时完成脱毛 缺点：有可能因漏掉少数毛孔以及破坏深度不够，而需要两次以上治疗，尤其是腋毛浓密臭味较重者。 适合人群：做过除腋臭手术但仍有气味者但不算很严重的患者。&gt;&gt;吃出你的迷人体香来 方法五 冷冻法 过程：局部冷冻，以低温的液氮来冷冻腋下，使大汗腺遭到破坏。 优点：基本是以物理方法去除腋臭，相对安全，还可同时去一些小的血管瘤、疣、色素等。 缺点：对正常皮肤有一定的损害，且有可能会复发。 适合人群：怕手术、怕注射，对安全性要求高、效果持续时间要求不过分高者 如何治疗腋臭 文章来源：北京777健康网 点击数：1419 更新时间：2005-4-27 腋臭俗称狐臭 ,是分布在体表皮肤如腋下、会阴、背上部位的大汗腺分泌物中产生散发出的一种特殊难闻的气味。 腋臭是以腋下皮肤大汗腺发达密积的地方 ,大汗腺分泌物中产生的挥发性脂肪酸 ,被一种特殊的链球菌感染后分解产生的一种恶臭难闻的一种气味 ,夏重冬轻 ,特别是夏季 ,出汗多、衣服薄 ,气味散发在公共场所 ,人们往往掩鼻而避。严重影响患者社会交往、学习、就业、恋爱及家庭生活。造成心理压力 ,使患者产生自卑感、创伤感、严重影响身心健康。腋臭患者多数有家族史 ,青春期最为严重。 预防治疗 : 1、勤洗澡、勤换衣 ,可用中性皂如舒施佳清洗大汗腺较集中的地方 ,养成早晚沐浴的习惯。局部搽冰片、滑石粉、西施兰露 ,减少汗腺分泌。局部可用 75%酒精或 0. 5%安多脂 (PVP -I消毒剂 )杀灭局部细菌。 以上治疗只能缓解一下症状。要想彻底治愈必须选择手术治疗。手术治疗有分激光破坏大汗腺、汗腺切除术及大汗腺清除术。以上三种手术必须在局部麻醉后无痛感情况下进行。激光治疗 ,是用激光高能瞬间碳化破坏皮肤上的汗腺 ,其特点是治疗快、不出血。治疗效果较为可靠。其缺点是损伤面积大 ,激光烧灼皮肤的深浅度 ,经验不足者很难掌握 ,易遗漏大汗腺 ,而造成疗效不满意。 2、皮肤汗腺切除 :特点是切除腋下皮肤上的所有汗腺 ,疗效可靠 ,可彻底治愈腋臭。缺点是损伤太大 ,造成局部皮肤缺损、出血多 ,要缝针 ,由于缝合时皮肤张力大 ,限制了双上肢活动功能 ,易造成伤口感染 ,缝线脱落 ,造成较大的手术疤痕 ,影响上肢的活动功能 ,特别是疤痕体质者更不适宜。因此该手术治疗方法 ,只适用于严重的 ,经其它方法治疗效果不佳的病人 ,临床医生都非常慎重选用此方法。 3、微小切口大汗腺清除术 :方法是在腋下作一麦粒大小切口 ,用汗腺清除器进入腋下皮肤 ,仔细将汗腺破坏并清除出体外 ,达到根治腋臭目的。其特点是不开刀、不缝针、损伤小、出血少、无痛苦 ,没有疤痕。不影响病人的工作、学习、生活 ,手术后适当注意即可上班。这是我院在长期临床工作中总结出来的全新疗法 ,适用于绝大部分病人 ,在几千例中此方法治愈率可达 9 2%。光明门诊部由微小切口大汗腺清除创立人坐诊 ,欢迎病人咨询就诊。 哪种方法能根除腋臭 文章来源：北京777健康网 点击数：572 更新时间：2005-4-27 武昌的尹先生 :我患有腋臭 ,特别是夏天更严重 ,想彻底根除腋臭又不知道有什么好的办法 ,请问哪种方法能彻底根除腋臭 ?在治疗前后要注意些什么 ? 答 :武汉市第三医院整形美容科主治医师袁伟认为 ,治疗腋臭的方法很多 ,有局部皮肤切除、激光治疗、冷冻治疗、药物治疗等。但这些治疗都有一些并发症或后遗症 ,如瘢痕、瘙痒、牵拉、破溃、复发等 ,其产生的原因既有体质问题 ,也有治疗方法选择及个体差异等问题。 目前 ,我们采用小切口微创腋臭根治的治疗方法 ,对 300余例患者进行了治疗 ,获得了良好的疗效 ,有效率达 9 9 %以上 ,且 100%无明显瘢痕及牵拉感。 小切口微创腋臭根治术是一种采用 1厘米的切口 ,仅去除泌臭汗腺的手术方法。具有治疗彻底、创伤轻微、恢复时间短、切口瘢痕小的特点 ,愈合后无牵拉感及其它不适等。该手术适用于下列患者 :①全身无外科手术禁忌症 ;②腋臭患者未经治疗 ;③经治疗复发或不彻底者 ;④腋区无瘢痕增生、溃疡、炎症等 ;⑤非过敏体质者。符合适用范围的各年龄患者均可采用此手术。手术前后应注意以下几点 :①术前沐浴 ;②术后口服抗生素 3天。③术后 1- 2天换药 ,9 - 10天拆线。 参考资料： </t>
  </si>
  <si>
    <t xml:space="preserve">今年国产影片有票房过亿的吗？ </t>
  </si>
  <si>
    <t>唐山大地震 6亿元《叶问2宗师传奇》(2.3235亿元)《大兵小将》(1.6078亿元)《锦衣卫》(1.4365亿元)《越光宝盒》(1.3179亿元)《全城热恋》(1.3165亿元)《杜拉拉升职记》(1.2881亿元)《喜羊羊与灰太狼之虎虎生威》(1.2685亿元)《孔子》(1.0108亿元)</t>
  </si>
  <si>
    <t xml:space="preserve">选何种光驱？本人的光驱坏了，想重新买一个。我不知道买DVD光驱， </t>
  </si>
  <si>
    <t>如果不想买DVD刻录机，可以购买COMBO，就是DVD+CD+CD刻录三合一的光驱。我用的是一款三星的COMBO，感觉就不错。当时买的时候399，现在便宜一点了。</t>
  </si>
  <si>
    <t xml:space="preserve">大学应该谈恋爱吗？我爸妈一直想让我在大学找一个男朋友，说：“在大 </t>
  </si>
  <si>
    <t>这事决定权在你。如果你想好好学习，那就不必谈恋爱；相反，如果你想增加体验，你可以谈一次也不为过。你要和你爸妈好好商量，让你爸妈了解你的想法；你也试图倾听他们的观点。但你要记住，决定权始终在你。</t>
  </si>
  <si>
    <t xml:space="preserve">我的乾坤轮水火攻练到840，就不上去了啊``看别人都是1100+? </t>
  </si>
  <si>
    <t>你是不是那没加对啊?65的轮子可以加到1000的,满级的话就更高了.你自己在去搞个垃圾的乾坤轮加了试试看</t>
  </si>
  <si>
    <t xml:space="preserve">想在游戏中截取画面按什么键子？ </t>
  </si>
  <si>
    <t>键盘上按下『Print Screen SysRq』键，即可完成拍照</t>
  </si>
  <si>
    <t xml:space="preserve">淡季是什么 </t>
  </si>
  <si>
    <t>相对于去大连和青岛旅游来说，夏季就是旺季，冬季就是淡季。相对于商场的销情况来说，三四季度是旺季，一二季度是淡季。</t>
  </si>
  <si>
    <t xml:space="preserve">育之缘口嚼片效果怎么样？有副作用吗？在哪里购买会比较便宜啊？我想 </t>
  </si>
  <si>
    <t>这个产品效果还不错，还是值得推荐的，可以到他们的官方购买，优惠多一些。</t>
  </si>
  <si>
    <t xml:space="preserve">关于魔兽3.0版本自带的仇恨插件都说魔兽自带了仇恨插件，我也在设 </t>
  </si>
  <si>
    <t>头像的颜色会变化 仇恨偏高了你的头像会变黄 再高就橙色了 红了基本上就OT了 变色后把鼠标放头像上就会显示百分比</t>
  </si>
  <si>
    <t xml:space="preserve">河北省高三考生如何在天津参加高考我有一个亲戚是河北省的,今年高三 </t>
  </si>
  <si>
    <t>买套100W以上的房子，办蓝印户口。蓝印待遇等同正式户口，花费虽然大但你们并不亏，等孩子考上大学，再把房子买了，还能赚钱。只是天津普通大学好考，真要靠清华、北大也不容易，想上名校得直接上北京。</t>
  </si>
  <si>
    <t xml:space="preserve">我的爱情该怎么继续?我的爱情和大多数人的爱情没有什么两样,一个女 </t>
  </si>
  <si>
    <t>这种男人很可怕也很自私,他根本不顾你的感受.平常对你不理不睬.有兴趣的时候就发条短信给你,他把你当什么了.他要是再这样,你不要理他,或者告诉他."我没有时间和你聊,再见."</t>
  </si>
  <si>
    <t xml:space="preserve">跟女孩在网络里交往2个月后，第一次见面，提出把她叫到家里吃饭好吗? </t>
  </si>
  <si>
    <t>既然本来就认识，就和打电话一样用上网联络，想加深友谊，又没什么的，对方同意到家里做客，都是可以的，就看淡一点，好比请个同学来家里玩一样，没那么难</t>
  </si>
  <si>
    <t xml:space="preserve">读理科可不可以考浙江传媒学院的?是广州这边的，怎么才能考进去，还? </t>
  </si>
  <si>
    <t>浙江传媒学院，应该还可以的吧，你只要按时参加高考就可以了嘛，这种学校一般是艺术类院校，应该参 们自己组织的艺术考试的，过了之后才通过高考录取的吧。</t>
  </si>
  <si>
    <t xml:space="preserve">普顶武器比较那种最好你认为那种最好 </t>
  </si>
  <si>
    <t>战士的话毒蛇 法用合金弓</t>
  </si>
  <si>
    <t xml:space="preserve">使用插件是否安全?请大家用自己的亲身经历来说明. </t>
  </si>
  <si>
    <t>插件现在种类比较多，插件安全问题也是我们玩家最注重的，就我身边朋友而言，用月光的比较多，他们都在网吧玩，被盗过好几次，我在家玩，从公侧到现在，没被盗过。说明一个问题，一般的插件，安全不安全，其实都看本地的机子安全不安全，而且下载的时候，最好是去插件的官方下载，有传言说有人通过迅雷在插件上做过手脚，但未确认所以，最好是在自己家里玩WOW，而且下载插件时注意下载途径，非要在网吧玩，请先确认网吧的安全系数。</t>
  </si>
  <si>
    <t xml:space="preserve">晚上睡着了舌头太干了怎么回事？ </t>
  </si>
  <si>
    <t>口干原因很多，有的是因为饮食、心理及生活习惯不良引起，有的是疾病引起；有的短时间内可以缓解，有的长时间困扰病人。为了缓解口干不适，人们经常不停地饮水。这对于饮水过少或失水过多者可起到缓解作用，而对于各种疾病引起的口干却难以奏效。相反，常因饮水过多而增加肾脏负担意见建议：因此建议大家口干不能短时间内缓解时，应到医院做全面检查.</t>
  </si>
  <si>
    <t xml:space="preserve">丝瓜筋煮水喝可以治疗积乳肿块吗?那对宝宝吃奶有影响吗? </t>
  </si>
  <si>
    <t>我喂奶期间曾经有过两次肿块，非常硬。第一次硬但不痛，就让宝宝常吸；第二次不但硬而且痛，后来听朋友说去中药店买了丝瓜筋煮水喝，开始两天一天两次，后来一天一次，大概也就喝了四五天，这期间照样喂奶，没觉得有问题，而且我朋友也说没问题</t>
  </si>
  <si>
    <t xml:space="preserve">回复他人的留言在我的博客里删掉后他人还能收到吗 </t>
  </si>
  <si>
    <t>您好：您回复他人的留言后，在您的博客里删掉后他人同样可以收到（只是在您的留言板不显示了）。</t>
  </si>
  <si>
    <t xml:space="preserve">内地人去台湾受哪些限制？？ </t>
  </si>
  <si>
    <t>办理相关手续就可以了,没什么限制的,放心的去吧!</t>
  </si>
  <si>
    <t xml:space="preserve">人寿的附加险有终身的？查了一下人寿的附加住院医疗险之类的保险，没 </t>
  </si>
  <si>
    <t>国寿附加医疗保险没有终生的，如以前保1万元只需两百多元，现在5000元也要两百多元，无它，保险公司赔钱了！今年赔付，明年可能就不赔了。平安以前据说连续三年后，附加住院医疗可以保证续保，现在呢？泰康有一种可以单独买的住院医疗保险，费用较贵（600多元）交三五年后保证续保。其它终身医疗的就不提了。</t>
  </si>
  <si>
    <t xml:space="preserve">关于刻录机我现在的机器上有一上dvd光驱，我想再装一个DVD刻录 </t>
  </si>
  <si>
    <t>没问题．我就挂了一个DVD和一个刻录.把刻录设为主盘,DVD为从盘.电源会是问题吗?都是大4D的接口,接上就可以了.</t>
  </si>
  <si>
    <t xml:space="preserve">车牌识别系统是如何进行号码识别的 </t>
  </si>
  <si>
    <t>牌照字符识别方法主要有基于模板匹配算法和基于人工神经网络算法。基于模板匹配算法首先将分割后的字符二值化并将其尺寸大小缩放为字符数据库中模板的大小，然后与所有的模板进行匹配，选择最佳匹配作为结果。基于人工神经网络的算法有两种：一种是先对字符进行特征提取，然后用所获得特征来训练神经网络分配器；另一种方法是直接把图像输入网络，由网络自动实现特征提取直至识别出结果。牌照字符分割完成牌照区域的定位后，再将牌照区域分割成单个字符，然后进行识别。字符分割一般采用垂直投影法。由于字符在垂直方向上的投影必然在字符间或字符内的间隙处取得局部最小值的附近，并且这个位置应满足牌照的字符书写格式、字符、尺寸限制和一些其他条件。利用垂直投影法对复杂环境下的汽车图像中的字符分割有较好的效果。牌照定位自然环境下，汽车图像背景复杂、光照不均匀，如何在自然背景中准确地确定牌照区域是整个识别过程的关键。首先对采集到的视频图像进行大范围相关搜索，找到符合汽车牌照特征的若干区域作为候选区，然后对这些侯选区域做进一步分析、评判，最后选定一个最佳的区域作为牌照区域，并将其从图像中分离出来。</t>
  </si>
  <si>
    <t xml:space="preserve">600183生益科技可持有么?13.00成本.后市怎么样?想追加? </t>
  </si>
  <si>
    <t xml:space="preserve"> 600183 生益科技 绩优股，基金重仓股，有望震荡上攻，中线可在月线上持有。</t>
  </si>
  <si>
    <t xml:space="preserve">一个数被5除余3,被7除余5,被9除余7,这个数是多少?( </t>
  </si>
  <si>
    <t>被5除余3,被7除余5,被9除余7,意味着这个数+2就可以被5整除，被7整除,被9整除5*7*9-2=313这个数是313</t>
  </si>
  <si>
    <t xml:space="preserve">最近经常跌，我心慌我这些基金是留着还是处理掉请高手给些建议?我持? </t>
  </si>
  <si>
    <t xml:space="preserve">有反弹就尽快清，没有也要清一些。总之最近一定要保持合理仓位，低仓位大跌时不会心痛（因为可以给再次全仓提供更好机会），大涨时也不会完全踏空，毕竟还有一点在里面。这时候最关键是不能太贪，全仓就要有打算放几年的准备。 </t>
  </si>
  <si>
    <t xml:space="preserve">我的性欲很强，但是老婆一点都不想和我做，我们已经有2个月没有做爱? </t>
  </si>
  <si>
    <t>我和你一样，叫老婆去医院检查一下，很多女性有各种炎症的，会给身体和生理带来很多麻烦。</t>
  </si>
  <si>
    <t xml:space="preserve">怎样表白?偶在一家饭店当服务员.前一阵我们店来了新服务员.初次见 </t>
  </si>
  <si>
    <t>勇敢一点哦,说不定她也在等着你的表白呢,所以千万不能怕,得勇敢.可以买束花,或者别的小礼物,送给她的同时告诉她你爱她,会让她幸福.</t>
  </si>
  <si>
    <t xml:space="preserve">我现在14周岁学钢琴晚不晚 </t>
  </si>
  <si>
    <t>如果你是想考试加分，而且你是有点音乐基础的，可以考虑学；如果只是兴趣，还是把学习搞好吧！现在不是有成人钢琴课嘛，以后学也不迟。</t>
  </si>
  <si>
    <t xml:space="preserve">保持句意不变(英语) </t>
  </si>
  <si>
    <t>一 what an二 how about</t>
  </si>
  <si>
    <t xml:space="preserve">喝水喝粥呛嗓子医生，我爸爸他今年49岁左右，有慢性咽喉炎。前段时 </t>
  </si>
  <si>
    <t>您好，感谢咨询，没有来得及及时回复敬请谅解。饮水呛咳这种情况需要到耳鼻喉科就诊，做个喉镜，确定有没有喉部的占位性病变。</t>
  </si>
  <si>
    <t xml:space="preserve">孔庙大成殿屋顶形式属于？A重檐四阿顶B庑殿顶C重檐歇山顶` </t>
  </si>
  <si>
    <t>C、重檐歇山顶`</t>
  </si>
  <si>
    <t xml:space="preserve">黑妖问题精黑练级有保姆拿刀好还是爪好？说说理由 </t>
  </si>
  <si>
    <t xml:space="preserve">以前面一个问体已经说了，我复制给你回答：shyboy19级别：学弟11月18日 02:00  不管哪种黑，升级打怪拿爪，打BOSS打架拿双刀！黑妖的常理！！有保姆很不错了，有钱买个9爪去遗忘升级，又有掉古卷的可能性，值得那升级！！精敏黑是很不错的精妖，点体是浪费点数，到高级血根本没加多少~~51级后加敏到18然后点精神到满就58级！魔防高，暴击高！回魔快！（我是说精神25后），然后在回头点敏满到时候就刚好65级增加回避力和命中！黑妖力可以放最后点！！65以后就点力了！其实黑妖精满25 敏到18的之后的点发看自己喜欢了！有的都点力，有的点敏，个人比较喜欢点敏，回避高命中高！ </t>
  </si>
  <si>
    <t xml:space="preserve">东北大学，计算机考研问题大学好，我是一名自考的考生，已拿到学位， </t>
  </si>
  <si>
    <t>285-310分，复试比率1比1。2初试分高复试问题就不会大</t>
  </si>
  <si>
    <t xml:space="preserve">关于公测的问题为什么我现在网通四海服务器进不去呀，是不是现在已经 </t>
  </si>
  <si>
    <t>我也在玩四海服务器,我的也是进不去了 从起机器也不好使  好象还没有更新,因为别的服务器都可以进去,就四海进不去,可能出毛病了  等吧</t>
  </si>
  <si>
    <t xml:space="preserve">CAD有什么透明（隐藏）命令?我就知道你输入TR或EX后有个F的 </t>
  </si>
  <si>
    <t>下面是CAD透明命令表,但用得最多的是缩放命令zoom、构造选择集命令（A、P、L、R、A、F、U等)，函数计算命令cal等。</t>
  </si>
  <si>
    <t xml:space="preserve">谁能给我推荐个好看的电影啊？ </t>
  </si>
  <si>
    <t>《假如爱有天意》《明日边缘》《美国队长》《蜘蛛侠》《x战警》《霍比特人》《惊天魔盗团》《机械战警》《地心引力》《星际迷航》《遗落战境》《金蝉脱壳》我一般是去人人影视，电影天堂找好看的。希望能帮到您，竭力为您回答，请赐我一个好评，谢谢亲。</t>
  </si>
  <si>
    <t xml:space="preserve">本人30岁时入了一份平安智富人生终身寿险(万能型,A,2004)? </t>
  </si>
  <si>
    <t>1、这款保险必须是被保险人死后，赔付基本保额也就是5万吗？只是这个保障吗？这个是你去世 平安给你5万 这个是终身的2、这款保险说是会有收益的，可是怎么得到呢？（因为上面说了死后只是赔付基本保险金额的）每三年按合同的规定打到你的个人分红(理财)账户里你可以随时到你们当地平安公司领取如果你不领取就按复息计算</t>
  </si>
  <si>
    <t xml:space="preserve">：怪怪水族馆功略谁有！！！！！！！！！！！！！ </t>
  </si>
  <si>
    <t>第一大关：1－1 很简单，养大几只古比鱼。只要赚足了银子买好三次蛋即可过关！可以得到第一个宠物蜗牛了，它可以帮助拣拾金币等物品。1－2 可以升级鱼食了，要注意敌人的出现。要及时把敌人打离鱼群，这样才能抱住财源过关！第二个宠物大蛤蜊可以定期的给出一个大珍珠！价格昂贵！1－3 这关增加了食肉鱼，要买小古比鱼去喂它才行，否则一会就会死掉。它给出的钻石会让你迅速致富，不过开始还是要养大几只古比鱼做基础。过关后拥有了可以帮助攻击敌人的宠物箭鱼。1－4 和1－5 这两关开始以后就可以选择宠物了，因为宠物越来越多，但是每关能使用得只能是3个！唉，真可惜！另外敌人会同时出现两个，出现速度更快。对付怪物要尽量把它们控制在角落里，这样就可以抱住大部分的买鱼和升级各项的价格也会增加，要尽量养那种黑色的食肉鱼，因为它给的是钻石。每个钻石价值200！每个成年古比鱼给的金币才价值35，大家看价格也知道了。这样赚钱要比古比鱼的鱼海战术要好，鱼被吃的几率也会降低。这一大关结束后还出现奖励关，能不能早日得到隐藏宠物就看你奖励关中的得分如何了！第二大关：第二关会出现化学药剂，但是要小心使用。只能给成年古比鱼喝，否则就会。。。（关于化学药剂具体后面会有介绍）成年古比鱼喝了化学药剂就会变成可以吐出五角星的化学古比鱼！每个五角星价值40，总比金币贵一点吧！然后再养一些四爪鱼，它可以把五角星转成钻石，这样赚钱就太容易了！当然吃不到五角星四爪鱼会死的，很难养的哦。第三大关：这关的场景很漂亮哦，音乐也很有中国特色，本关增加的宝宝是钳子兽，它需要吃掉小古比鱼来吐出小甲虫（每个小甲虫价值150）。与之配套的是大头鱼，它会吃掉钳子兽的小甲虫，而放出的是珍珠（价值500分啊）！注意怪物的难度也增加了！具体怪物的攻击方法及情况请看宠物介绍。第四大关：第四大关最基本的鱼变成了古比妈眯！她生出的小古比鱼正好是食肉鱼的美味，而食肉鱼又是大型食肉鱼的佳肴！大鱼吃小鱼啊！要点是先养古比鱼用钱来买食肉鱼，等钱再多就买大型食肉鱼！这样金钱的积累就会成几何级增长！大型食肉鱼给东西是宝箱（每个价值2000！）那可是极品宝物。这样什么买不起啊，即便这一大关的东西都巨贵，只要你满屏幕都是大型食肉鱼就不怕！</t>
  </si>
  <si>
    <t xml:space="preserve">感染肺炎支原体后可以要小孩吗医生您好，我于今年五月底的时候感染过 </t>
  </si>
  <si>
    <t>您好，可以要，现在应到呼吸内科就诊，确认肺部感染是否痊愈。</t>
  </si>
  <si>
    <t xml:space="preserve">机械波在叠加时的能量去处？如果两列机械波的振幅相同，并且波长相同 </t>
  </si>
  <si>
    <t>机械波各自保持自己的能量，叠加与否没有影响。</t>
  </si>
  <si>
    <t xml:space="preserve">唯米手机v200A开不了机？求解决？ </t>
  </si>
  <si>
    <t>应该是手机坏了</t>
  </si>
  <si>
    <t xml:space="preserve">我用七彩虹GT8600黄金版的显卡，在特林格很卡？什么原因啊！ </t>
  </si>
  <si>
    <t>其实根本原因就在于那些用挂喊话做广告的人。你只要把那些话闭屏就应该不会卡了。建议你试试。</t>
  </si>
  <si>
    <t xml:space="preserve">美白补水秋冬季节怎样才能既补水又美白呢？ </t>
  </si>
  <si>
    <t>秋冬季节，肌肤最容易缺水干燥出现干皮干裂脱皮现象，多补水，使用一些护肤品是很必要的，给你推荐我现在使用的莱薇尔玫瑰滋养精油膏，它含有玫瑰精油，不仅补水保湿滋养效果很不错，还能提亮肤色美白肌肤，我一直在用，尤其是到了秋冬季节，抹完这个，脸上一整天的都很滋润，没有任何干燥紧绷感，更不会出现起干皮脱皮现象，脸上白净细嫩。</t>
  </si>
  <si>
    <t xml:space="preserve">哪些食物可以促进肠胃消化？如题 </t>
  </si>
  <si>
    <t>吃多点易消化的食物，少动物脂肪，不硬的食物，如粥就是常见的最适合消化不好的人吃了，此外，苹果香蕉等水果也是很容易消化的，但水果类的食物最好在饭后吃，同时也应削皮吃，生花生也是有健胃功能的，也可以适当吃些B类维生素或食母生片（无副作用的，放心） 具有促进消化的食物： 1、大麦及大麦芽 含有维生素A、B、E和淀粉酶、麦芽糖、葡萄糖、转化糖酶、尿囊素、蛋白质分解酶、脂肪和矿物质等。大麦中的尿囊素可促进胃肠道溃疡的愈合。 2、酸牛奶 酸牛奶除含有牛奶的全部营养素外，突出的特点是含有丰富的乳酸，能将奶中的乳糖分解为乳酸。对於胃肠道缺乏乳酸酶或喝鲜牛奶容易腹泻的病人，可改喝酸奶。乳酸能抑制体内霉菌的生长，可预防使用抗菌素类药物所导致的菌群失调。乳酸还可以防止腐败菌分解蛋白质产生的毒物堆积，因而有防癌作用，酸奶有轻泻作用，可防止老年人便秘。 3、牛奶 牛奶对胃液的分泌是弱刺激物，具有弱碱性反应，能与胃酸结合，中和胃酸，防止胃酸对溃疡面的刺激。 4、苹果 苹果既能止泻，又能通便。其中含有鞣酸、有机碱等酸类物质具有收敛作用，所含果胶可吸收毒素。对单纯性的轻度腹泻，单吃苹果可止泻。苹果中含纤维素可刺激肠蠕动，加速排便，故又有通便作用。 5、西红柿 含有丰富的有机酸如苹果酸、柠檬酸、甲酸可保护维生素C，使之在加工过程不被破坏，增加维生素的利用率。西红柿中还含有一种特殊成分——番茄素，有助於消化、利尿，能协助胃液消化脂肪，番茄素还能抑制细菌和真菌的生长，可治疗口角炎。 6、橘皮 橘皮对消化的促进作用主要是其含有挥发油对消化道有刺激作用，可增加胃液的分泌，促进胃肠蠕动。 7、鸡肫皮 又称鸡内金，为鸡肫的内壁。鸡肫含有胃激素和消化酶，可增加胃液和胃酸的分泌量，促进胃蠕动。胃激素遇高热易受破坏，故以生食为佳。 8、番木瓜 未成熟的番木瓜含有两种酶类，一种叫番木瓜蛋白酶类，一种叫番木瓜蛋白酶，可分解脂肪为脂肪酸，可促进食物的消化和吸收。 9、白菜 含有大量的粗纤维，可促进肠胃道蠕动，帮助消化，防止大便乾结。</t>
  </si>
  <si>
    <t xml:space="preserve">1.39版本水的６０技能为什么不能点（求解）＜名动天下＞我现在６ </t>
  </si>
  <si>
    <t>1.39版本水的６０技能为什么不能点（求解） 答：估计是系统更新时把学习的“前置”写错了。学习高秒的要求应该是：1、人物等级达到60级。2、秒三技能达到80级。（才可以学习）</t>
  </si>
  <si>
    <t xml:space="preserve">在哪里可以查看每股收益排序 </t>
  </si>
  <si>
    <t>好像是查不到的，我也在找。</t>
  </si>
  <si>
    <t xml:space="preserve">为什么我的UC网络硬盘在别人的电脑上能打开在我自己的电脑上不能打? </t>
  </si>
  <si>
    <t>第一 把 IE插件 如 3721 等等 有拦截作用的软件 设置或者 删除 然后 看一下 如果再不行就 重装UC 前提是把 原先的UC 删干净</t>
  </si>
  <si>
    <t xml:space="preserve">我在打完独角兽后玩到安宁村时存档后第二天又开始玩时魔剑养成系统就? </t>
  </si>
  <si>
    <t>我没遇到过这种情况~不过类似的BUG我遇到过。没有别的办法，只能是从上一个记录开始。</t>
  </si>
  <si>
    <t xml:space="preserve">问个与尿尿有关的问题最近发现，尿黄，氨味很大，还有些浑，晚上必定 </t>
  </si>
  <si>
    <t>查个尿常规，肝肾功排除肝肾问题。</t>
  </si>
  <si>
    <t xml:space="preserve">用下列单词造句(请各位标明汉语）1standfor2act3co </t>
  </si>
  <si>
    <t>stand for代表,代替,支持,象征,主张,容忍!2 act采取行动,举止3 communicat with与....交流4 vary多样,变化,不同5 respect尊重,尊敬6 get through突破,完成,打电话,使...理解!7 risk 冒险</t>
  </si>
  <si>
    <t xml:space="preserve">打一字真真假假,假假真真,真亦假,假亦真. </t>
  </si>
  <si>
    <t>幻。。。。。。。。。。。。。。。。。。。。。</t>
  </si>
  <si>
    <t xml:space="preserve">简直卡的玩不成！！！！！！！！！！！！ </t>
  </si>
  <si>
    <t>是啊。。。有点。。。。 特别是过人的时候，画面有点跟不上。。（应该不是我的电脑问题，网络也可以） 新版本是有点点卡。。。</t>
  </si>
  <si>
    <t xml:space="preserve">9级弓一般要多少钱?说说+攻击在什么范围都多少钱,谢谢极品的又要 </t>
  </si>
  <si>
    <t>推荐用9B灵魂弓灵魂弓可以让乱射耗魔变成原来的4/5 在风的话比较省 再一个是它的攻击范围偏差为1 也就是说同一个人做灵魂弓 除了耐久以外 攻击差别为1 所以没有极品可言 主要是看耐久 一般灵魂弓+8绿 出必杀的效果比较客观 8绿的攻击有192 必杀8 打的也不少 灵魂弓的价格在8W左右龙弓 一般的练级用也是+8绿 价格在9W左右两种弓价格差不多 能力差不多 但是灵魂弓省魔 所以推荐用9B灵魂</t>
  </si>
  <si>
    <t xml:space="preserve">有哪些好的句子可以做题记 </t>
  </si>
  <si>
    <t>后记                           诗潮澎湃有涯沧海，无涯胸怀。乱世诗狂，盛世英才。历经蒙古铁骑的疯狂践踏；饱尝满清胡虏的野蛮奴役；残遭八国联军的枪炮轰击；忍受日本强盗的烧杀抢掠……压抑了几十年，几百年。今天，在华夏大地上，终于爆发出一股强大的生命力，激发出一种令天下所有炎黄子孙的心灵都为之震撼的东西——这，就是《诗词三百首》！读了《诗词三百首》，颇有一种痛快淋漓的感觉，书中有雷鸣，有号角，有虎啸，有龙吟。好似惊涛骇浪，以波澜壮阔的气势，揭天掀地，席卷而来。大笔挥舞，铿锵有力，所向披靡。字字句句落地有声，振聋发聩。自然流露出处在变革时期的求索者“胸怀万里世界，放眼无限未来，阅尽千古风流，独占万世潇洒”的豪迈、奔放、乐观、旷达。伟哉！《诗词三百首》。读了你，我们可以触摸到诗人的高风亮节！壮哉！《诗词三百首》。读了你，我们可以呼吸到诗人的浩然正气！  ——孙培军跋诗韵悠悠天地之道，恒久不已。利有攸往，终则有始。                              ——《周易》   《诗词三百首》真真写煞，真真写绝。不能不让人们引为知己，叹为观止。与其说是中华民族伟大复兴的一支前奏曲，倒不如说是炎黄子孙从此走向繁荣昌盛的重要标志。她的每一个字，每一句话，都是作者强烈感情的喷发。她不单纯是作者博古通今之后的知识发挥，而且是：作为一个平民的血与泪的痛苦结晶；作为一个战士的生与死的真实写照；作为一个学者的灵与肉的慷慨独白；作为一个游子的爱与恨的情感升华。她叩响世纪之门，奏起时代弦律，歌唱美好。最贴切地道出了一个群体的心灵之声，最直接地反映了一代人的精神风貌。前世不忘，后世之师。读了《诗词三百首》，能够使人想起一段难忘的岁月。是为跋。                                                 ——胡庄再版说明诗风隽永华夏文明，精彩纷呈。物华天宝，人杰地灵。《诗词三百首》能够再版，又一次向世界证明了神州神韵的源远流长和古老文明的博大精深以及生命力量的无穷无尽，实现了多少人多少年的梦想。最终使优秀的传统得到继承，使崇高的精神得到发扬，使伟大的人格得到尊重。简而言之，是大势所趋，是民心所向，是众望所归。通过《诗词三百首》，我们可以体会到“路漫漫其修远兮，吾将上下而求索”的艰辛；感受到“吾志所向，一往无前，愈挫愈奋，再接再励”的勇气；领略到“自信人生二百年，会当击水三千里”的激情。《诗词三百首》内涵丰富，简古流畅；深入浅出，厚积薄发；易学易记，易吟易诵。曾经产生过很大的凝聚力和向心力，坚定过很强的自尊心和自信心。今天，我们再一次读到她，除了可以尽情享受和惊叹她的大气之外，还能够找回那种久违了的自豪与欣慰，其历史意义和现实意义是永远无法预见、不可估量的。                                                      ——李正刚《诗词三百首》论坛：诗姿妖娆太离谱了，太破格了。太逍遥了，太超脱了。能这样无拘无束地释放自己，是何等的幸福？诗人生活的时代，必然是崇尚人性和尊严的时代；诗人生活的空间，必然也是提倡宽松和自由的空间。中国的历史是由人民群众创造的，中国的诗词同样也是由人民群众创造的，《诗词三百首》也不例外。她对钦定的东西向来就不感兴趣，甚至于不屑一顾。据说康熙钦定的诗律词谱，执行得最好的是他的孙子乾隆，作过万余首衙制诗词，然而这么“宝贵”的东西，早已被平民百姓和着五谷杂粮消化得一干二净，岂不可惜？《诗词三百首》说出了自己想说的话，写出了自己想写的诗，作出了自己想作的词，本无意标新立异，只是顺其自然而已。释放也罢，发泄也罢，都是以自己的方式表达自己的感情，有何不可？（雪松）    好诗多磨     天下大众，和而不同。童年读之，童心不平。壮年读之，壮志豪情。老年读之，老泪纵横。                《诗词三百首》是蹉跎岁月的积累；是丰厚历史的沉淀；是多彩人生的浓缩；是天地精华的提炼。非智者不能窥其门径，非仁者不能望其项背。过去，她是一座桥梁，一条纽带，一种载体；现在，她是一种主流，一种方向，一面旗帜；将来，她会变成一段回忆，一段历史，一个标志。这是不以某个人、或者说某些人的意志为转移的。（王怀军）                        诗心永驻至柔动刚，至静德方。得主有常，万物化光。在你的神韵中，我们获得了永恒；在你的圣律中，我们拥有了完美。你的《阳春、白雪》曲高和寡；《暗香、疏影》浅吟低唱；《日、月、星、辰》交相辉映；《风、霜、雨、雪》含情脉脉；《兰、梅、竹、菊》嘲世讥俗；《诗、词、歌、赋》神采飞扬……所有这一切都在我们的内心深处留下了终生难以抹灭的印象。（徐晓东论《诗词三百首》）                        诗野开阔独立不惧，遁世无闷。水流行险，不失其信。《诗词三百首》永远是人们心目中的蓝天、大地、高山、大海。因为你象蓝天一样胸怀宽广；象大地一样包容万物；象高山一样坚韧不拨；象大海一样吸纳百川。          （翟奉勤）                        诗境高远翩翩不富，皆失实也。不戒以孚，中心愿也。如果把《诗词三百首》比作大海，那么其他各流派的诗则是缥缈在海平面上的一层雾，尽管雾有着迷人的风姿，有着如梦如幻的意境。但大海自有她汹涌澎湃、浩瀚深邃、无边无际、包罗万象的壮观。（马先华）     诗出有名天上情怀，人间至爱。敬以直内，义以方外。《诗词三百首》既是一部鸿篇巨著的高度概括，又是一部盛世经典的精确简化。几乎每一首诗词的背后，都曾经有一个惊天地、泣鬼神的传奇故事。她毫无质疑地告诉人们：“恶奴群起吠尧舜，万民齐声叹良才”的时代己经一去不返！ （巍昆仑）诗路遥遥无平不陂，无往不复。艰贞无咎，勿失其孚。《满江红》一夜之间家喻户晓；《一剪梅》多少年来争相传阅；《渔、樵、耕、读》翻山越岭，不胫而走；《诗、情、画、意》漂洋过海，不翼而飞；书屋因《大雁歌》而生辉，闺房因《荷花图》而升华……所有这一切都充分有力地证明了《诗词三百首》已经得到社会的普遍认可和历史的公正评价。（沈丹诚）                        诗梦沉沉尊位大中，而上下应。刚健文明，时以元亨。我们需要空气！我们需要阳光！我们更需要《诗词三百首》！每一次读到她，我们的灵魂就会得到一次彻底地净化！过去，我们为之陶醉不醒；现在，我们为之流连忘返；将来，我们也会为之永远记住一个时代！永远记住一个时代的真正英雄！           （李光祖）                        诗香浓浓行而未成，君子弗用。进退存亡，不失其正。打开《诗词三百首》，扑面而来的是一股浓厚的文化气息，这股气息来自高山、来自大海；来自天涯、来自海角；载满芬芳、载满激情；上下澎湃，纵横驰骋；沁人肺腑、发人深省；感人至深、催人泪下…… （金来基）诗海泛舟知至至之，可与言几。知终终之，可与存义。画家戴熙说过：“让人惊不如让人喜，让人喜不如让人思。” 《诗词三百首》记录的是一段艰苦卓绝的奋斗历程，描绘的是一种世所罕见的人生感悟。许多历史画面因为有了这些题诗，从而获得了新的生命力，进而引发了人们更多的思考，个别画面甚至价值连城，这些都是人们所始料不及的。（铁林）诗气正旺飞龙在天，位乎天德。乾无用九，乃见天则。天行健，君子以自强不息；地势坤，君子以厚德载物。《诗词三百首》与天地合其德，与日月合其明，与四时合其序，与鬼神合其吉凶。先天而天弗违，后天而奉天时。天且弗违，而况于人乎！况于鬼乎！               （王金忠）惜诗如金时止则止，时行则行。不失其时，其道光明。旧的两千年过去了，《诗词三百首》为我们留住了旧世纪的最后一道美丽的晚霞；新的两千年开始了，《诗词三百首》又为我们带来了新世纪的最初一缕迷人的晨曦。（史慈）诗性天成益地而巽，日进无疆。天施地生，其益无方。白玉先生的《天性、人性、个性》，能够帮助我们加深对《诗词三百首》理解。作者透过历史的烟尘，看到了宋元明清文人在理性的背后，普遍存在的酸性和奴性。这数百年来的诗词歌赋，大多是这种心性在极端压抑之下的释放。唯独大唐，是允许人的个性自由张扬的时代，也是天性、人性、个性结合得最为完美、最为充分的时代。后人把那个时代称为真正的浪漫主义时代，那个时代政治、经济、文化的兴衰都是合情合理的。到了清代，国人可怜得只剩下奴性了，尤其是文人，诗词只能依照《钦定词谱》，文章只能作成《八股文》。为此，作者恨不得要“横跨宋元明清，”恢复国人数百年来被强烈扭曲的天性、人性和个性，并痛苦地叹息到：“《钦定词谱》和《八股文》是强加给文人的一条死路，而不是活路。”他极力主张天性要率真，人性要质朴，个性要张扬。这与人类社会和谐、文明向前发展的规律是完全一致的。“和平、自由、春天”是《诗词三百首》的一个永恒主题！（魏磊）诗彩缤纷云形雨施，品物流行。大明终始，六位时成。乾道变化，各正性命。首出庶物，万国咸宁。《诗词三百首》自诞生以来，一直在高起点、大手笔、全方位地开辟着诗词领域的新天地，她继承和发扬了前人诗词的许多精华，突破了时空的界限，极大的丰富了民族文化的内涵。诗集原称《新诗词三百首》，后来接受了多数人的建议，定为《诗词三百首》。另外，书中所用的词牌，除“新浪淘沙”外，几乎都未另加“新”字，以尊重原词牌本身的独特美感和历史底蕴。（汪照敏）诗情脉脉诗中乾坤，四季如春。以顺天意，以慰民心。《诗词三百首》让我们在充分享受灿烂阳光的同时，眷顾到夜晚的宁静与温馨；在尽情沐浴温暖春风的同时，感慨到寒冬中蕴育的无限生机。她告诉我们这样一个美丽的传说：太阳公公有四个美丽的女儿，她们虽然从未团聚，彼此间却一直在传递着春天的消息。这四个美丽的女儿就是春、夏、秋、冬，这个春天的消息就是《诗词三百首》。（李正刚）诗光明媚日月久照，四时久成。观其所恒，万物之情。《诗词三百首》有四大特点：恰到好处的平仄合一，恰到好处的诗画合一，恰到好处的古今合一，恰到好处的天人合一。她切合民众的心态，理解民众的感情，倾听民众的呼声，尊重民众的选择。反对本末倒置、舍本求末、因循守旧、抱残守缺，从来没有把《钦定词谱》作为尚方宝剑供奉在民众之上。她把世界上最神秘、最奇妙、最完美的文字，进行了一次最神秘、最奇妙、最完美的组合，进而把人类文明和智慧的结晶——诗词歌赋的境界推向了有史以来的最高峰。（高峰）诗不可挡庸言之信，庸言之谨。见龙在田，利见大人。《诗词三百首》在一个最为合适的时间和空间里，采取了最为合适的方式和方法，唤醒了千百万人沉睡了千百年的心灵。尽管她在当今诗坛上以全新的姿态独树一帜，但她的骨子里依旧保持着唐诗宋词的基因，血液里依旧流淌着唐诗宋词的神韵，这也正是她拥有强大生命力的原因所在。“文章合为时而作”，她是“天时地利人和”的产物，正如她在诗中所说：“天时地利人和，用笔如魔，令人拍案叫绝。”也正因为如此，她最终能以“百万雄诗过大江”的强大阵容，实现了古体诗词由旧世纪向新世纪的跨越。今天，我们在感慨经典的同时，会以同样的心情感慨到：“诗词三百首，心血二十年。书海从此起波澜：势不可挡，一洗旧文坛。”（德忠）诗怀坦荡无边无际，无声无息。淡淡白玉，谦谦君子。世界上任何一种语言符号，都有一个产生、发展、鼎盛、衰落、灭亡的过程。汉字，作为大自然综合信息的一个缩影，已经毫无质疑地成为人类历史上生存能力最为强大的语言符号，它对人类文明历史记录的真实性、生动性，已经超过了世界上任何一种语言符号，但它总有一天也会走向衰落，走向灭亡，这是自然规律，不可违背。它的最初使命是为了让人们便于交流、便于沟通，便于更好地生存。今天，人们渴望能够利用它来记录和诠释最尖端、最科学的知识和技术，这也是它本身图生存、图发展必须肩负的历史使命。所以，一味地复古、一味地怀旧，并不意味着学问高深，清代成熟起来的诗律词谱带有典型的复古倾向，这种诗律词谱能够长寿一千多年，就已经是人类文明史上的奇迹了。语言文字需要简化、需要更新，诗律词谱也同样需要简化、需要更新，《诗词三百首》就是以这样的胸襟来到这个世界上的。一诗激起千层浪丽泽君子，朋友讲习。商兑未宁，介疾有喜。风行水上，涣奔其机。用拯马壮，匪夷所思。《诗词三百首》一经问世，立即在世界各地的华人当中引起了强烈的反响，关心她的人越来越越多，持正反两方面意见的人，一直在唇枪舌剑，互不相让。这种文化现象令人欣慰。尽管在硝烟弥漫中，个别人的言辞过激，大失风度，但在提倡言论自由的今天，其心情是可以理解的。《诗词三百首》极力主张个性的张扬，主张百花齐放，百家争鸣，相信随着时间的推移，真理会越辩越清，诗人也好，读者也好，总有一天都会摆正自己的位置，……革命导诗潜龙勿用，终日乾乾。龙战于野，或跃在渊。《诗词三百首》给沉寂多年的诗坛带来了新的革命，给退守一隅的顽固派和保守派带来了新的打击。上个世纪，有人称诗人是中国的梵高，然而时代不同了，欣赏水也不同了，加上诗人与画家对客观事物表达方式的不同，所以中国的梵高要比外国的梵高幸运得多。诗人本身也没有想到，在这么短的时间、这么大的空间里，这种返朴归真的表现手法竟得到了这么多的人的认可和赞同。炼诗补天日终则终，日食则食。天地盈虚，与时消息。《诗词三百首》填补了我国诗词史上的许多空白，她在追求简单、崇尚自然方面进行了许多有益的偿试和探索。这类原生态式的诗词本来就是对天籁最直接、最真实的记录和描绘，实际上，最能震撼人的心灵的往往就是这类诗词。诗全诗美受子介福，于其王母。众允之志，失得勿恤。《诗词三百首》寻寻觅觅大半生，却发现自己梦寐以求的诗情画意并不存在于权威之门、大雅之堂，而是存在于最普通的民众之中，忧郁多年的心情豁然开朗，如释重负，就象一下子获得了绵绵不绝、无穷无尽的力量，彻底挣脱了传统旧势力的束缚，把专家学者的铁规戒律统统抛到了九霄云外，出一百年不敢出之风头，开一千年未曾开之先河，旁若无人地站到高处，指天画地，直抒胸臆，把自己天真率直的个性发挥得淋漓尽致、十全十美。三人行，则必有我诗君子攸往，知得知丧。牝马地类，行地无疆。先迷失道，后顺得常。无咎无誉，可贞含章。《诗词三百首》一版再版，在整个社会上营造了一种良好的文化氛围。作者所到之处，以大无畏的英雄气概，趟雷区、涉奇险，用热血和汗水，为青春、为时代，谱写了一曲不折不扣的自强者之歌。读万卷书，不如行万里路。据说，凡是诗人经过的地方，三个人当中，必定有一个是知道《诗词三百首》的。兴诗动众体仁长人，嘉会合礼。利物合义，贞固干事。弘扬民族的、科学的、大众的文化，是几代人的努力方向。用最吝啬的笔墨，勾勒出最饱满的艺术形象，是画中的上品。同样道理，用最简练的语言，表达出最丰富的思想感情，必然也是诗中的上品。《诗词三百首》的兴起，惊动了千千万万的平民百姓。她用最大众化的笔墨，为人类的文明和进步，描绘了一幅最大众化的精彩画卷。诗业辉煌西南得朋，乃与类行。东北丧朋，乃终有庆。至哉坤元，万物资生。含弘广大，品物咸亨。    感谢您！《诗词三百首》，您使我们充分感悟到人性的一种至善至美；感谢您！《诗词三百首》，您使我们彻底领略到人生的一种全新境界！感谢您！《诗词三百首》，您为我们驱走了黎明前的漫漫长夜；     感谢您！《诗词三百首》，您为我们带来了雷雨后的万里晴空！感谢您！《诗词三百首》，我们已经很长时间没有象今天这样酣畅淋漓地呼吸了；     感谢您！《诗词三百首》，我们已经很长时间没有象今天这样自由自在地歌唱了！胜利大会诗耳目聪明，柔进上行。得中应刚，是以元亨。《诗词三百首》中，有一百首是骂出来，有一百首是逼出来的，还有一百首是杀开一条血路杀出来的。诗人最终选项择了自信，选择了坚强，选择了更加丰富多彩的人生，所以能够继承过去，立足现在，把握未来。“百鸟朝凤，同唱一曲欢乐颂。”她带着一种特殊的情感，把诗情画意送进了千家万户。在这里，你可以看到无数仁人志士匆匆离去的身影，也可以看到战争的硝烟以及民主、共和的曙光；在这里，你会听到来自远古呼唤，也会听到来自延安文艺座谈会上至今未落的话音。诗不我待以立不易，从一而终。夫子制义，刚当位应。在过去近一千年的岁月里，中国女子以小脚为美，明明是畸形的、丑恶的东西，举国上下却推崇备至，把它作为衡量一个女子是否完美的重要标志。打个不太恰当的比方，钦定词谱无异于懒婆娘的裹脚，又臭又长，可至今仍有许多人把它作为高深的学问招摇过市，甚至凭它养家糊口。废除妇女缠足，彻底解放了一半的国人；简化诗律词谱，也同样彻底解放了一半的诗人。汉语言中，字有字体，句有句型。正楷、行草等为字体，诗律词谱则为句型，前人的书法能够把字体的美发挥得淋漓尽致，后人的诗词同样也可以把句型的美表达得贴切自然。</t>
  </si>
  <si>
    <t xml:space="preserve">寻找一首酒吧里常放的英文歌一首英文歌，经常在酒吧听到，但不知名字 </t>
  </si>
  <si>
    <t>通过我的排除法，不是《loving you》，也不是clubringer sound of my dream和Can't Get You Out Of My Head因为这两首是迪厅放的歌，我感觉是hey jude的特征比较象你描述的，就是没有“最后有个男的猛叫三声啦啦啦”，估计是hey jude的演唱会版本。谢谢你的问题，我也听到了很多好听的歌，楼上提出的歌名每一首都很好听！</t>
  </si>
  <si>
    <t xml:space="preserve">关于奥运会的问题我等十位奥运会志愿者骑自行车从贵州在8月8月前到 </t>
  </si>
  <si>
    <t>放心吧，自行车不用领取进京证，而且还绿色环保呢。别听有些人瞎说，北京是咱全国人的北京。</t>
  </si>
  <si>
    <t xml:space="preserve">元政府派谁去当岭北行省的最高官长? </t>
  </si>
  <si>
    <t>岭北行省是元代十行中书省之一。全称岭北等处行中书省，治和宁（和林），统辖漠北诸地。大德十一年(1307年)，元武宗建和林等处行中书省。皇庆元年(1312年)，仁宗将其改为岭北等处行中书省（和林改名和宁，仍为行省治所）﹐以太师月赤察儿为行省右丞相﹐太傅哈剌哈孙为行省左丞相﹐漠北诸王及各万户﹑千户皆受其节制</t>
  </si>
  <si>
    <t xml:space="preserve">谜语：长安一片月&lt;水浒人物名&gt; </t>
  </si>
  <si>
    <t>秦明</t>
  </si>
  <si>
    <t xml:space="preserve">视频文件的问题。急急急!我下载了一些电影，有些电影的字幕的字是错 </t>
  </si>
  <si>
    <t>你所下载的电影压缩制作存在问题，只能重新下载。要想修复工具很多，但十分复杂。</t>
  </si>
  <si>
    <t xml:space="preserve">请教用扇高手不知道扇打什么符玉加强攻击，不知道加化古有用吗。有知 </t>
  </si>
  <si>
    <t>众所周知，扇子的弱点就是血少防底，故然我们加符玉就要以加血加防为主，如五神．七星，有钱的加加上品，</t>
  </si>
  <si>
    <t xml:space="preserve">如何消灭昆虫“钱串子”？卧室经常见，怎样清除它？？ </t>
  </si>
  <si>
    <t xml:space="preserve">1。最简单的方法就是杀虫剂了。用杀虫剂大剂量喷在屋内，然后你出去2个小时，回来就都没有了。 2。钱串子出现原因是家里太潮了，适当的除去潮气就好了 试试看在床铺附近洒洒石灰粉或者雄黄。 让床铺避开潮湿的墙壁，特别是靠着水沟的墙壁！ 不要让床铺接触在高大的树木旁边，因为那底下一般都很阴湿，容易滋长昆虫。 </t>
  </si>
  <si>
    <t xml:space="preserve">高三题目13设函数f(x)＝1/(xlnx)(x&amp;gt;0且x≠ </t>
  </si>
  <si>
    <t>(1)f(x)＝1/(xlnx)→f'(x)＝-(1+lnx)/(xlnx)^2.f'(x)&gt;0→x&lt;1/e;f'(x)&lt;0→x&gt;1/e.而x&gt;0且x≠1,故x∈(0,1/e)时，f(x)单调递增；x∈(1/e,1)∪(1,+∞)时，f(x)单调递减.(2)2^(1/x)&gt;x^a→a/ln2&gt;1/(xlnx) (0&lt;x&lt;1)……(*)由(1)知x∈(0,1)时，f(x)≤f(1/e)＝-e,为使(*)对所有x∈(0,1)成立，当且仅当a/ln2&gt;-e,即实数a&gt;-eln2。</t>
  </si>
  <si>
    <t xml:space="preserve">40区加6小黑什么价啊~ </t>
  </si>
  <si>
    <t>1E~~~左右</t>
  </si>
  <si>
    <t xml:space="preserve">如何看待区域地震和死去人的命运?今年上半年四川大地震这么多人死了 </t>
  </si>
  <si>
    <t>人是不能胜天的，一切皆随缘。</t>
  </si>
  <si>
    <t xml:space="preserve">初三化学.处理胶片的废液中含有大量AgNO3,Zn(NO3)2和 </t>
  </si>
  <si>
    <t>操作2是过滤 固体A中含有铁和银 y是稀硫酸</t>
  </si>
  <si>
    <t xml:space="preserve">帮我看看是男孩还是女孩?B超说宝宝的胎动是136/分钟,但总在左 </t>
  </si>
  <si>
    <t>……是胎动136每分钟还是胎心啊？如果是胎动的话，就要马上去医院了，动的频率太高也有问题再者，B超看BB是男是女是看生殖器官，单是这些东西是没用的最简单的看法就是，你肚子中间的那条黑线有没有超过肚脐，超过的话以男孩居多，再者就是看你肚子的形状，肚子尖尖的从背后看不出怀孕的话也以男孩居我</t>
  </si>
  <si>
    <t xml:space="preserve">什么是魔鬼身材？ </t>
  </si>
  <si>
    <t>魔鬼身材这一概念被人们说了千遍万遍，可怎么样才算“魔鬼身材”呢？有关专家、学者进行了大量的研究，总结出一套较适合女子的测量标准。　　1、上、下身比例：以肚脐为界，上下身比例应为5：8，符合“黄金分割”定律。　　2、胸围：由腋下沿胸部的上方最丰满处测量胸围，应为身高的一半。　　3、腰围：在正常情况下，量腰的最细部位。腰围较胸围小20厘米。　　4、髋围：在体前耻骨平行于臀部最大部位。髋围较胸围大4厘米。　　5、大腿围：在大腿的最上部位，臀折线下。大腿围较腰围小10厘米。　　6、小腿围：在小腿最丰满处。小腿围较大腿围小20厘米。　　7、足颈围：在足颈的最细部位。足颈围较小腿围小10厘米。　　8、上臂围：在肩关节与肘关节之间的中部。上臂围等于大腿围的一半。　　9、颈围：在颈的中部最细处。颈围与小腿围相等。　　10、肩宽：两肩峰之间的距离。肩宽等于胸围的一半减4厘米。　　骨骼美在于匀称、适度。即站立时头颈、躯干和脚的纵轴在同一垂直线上；肩稍宽，头、躯干、四肢的比例以及头、颈、胸的连接适度。　　肌肉美在于富有弹性和协调。过胖过瘦或肩、臀、胸部的细小无力，以及由于某种原因造成的身体某部分肌肉的过于瘦弱或过于发达，都不能称为肌肉美。　　肤色美在于细腻、光泽、柔韧、摸起来有天鹅绒之感，看上去为浅玫瑰色的最佳。</t>
  </si>
  <si>
    <t xml:space="preserve">你好我为什么不能申请达人谢谢 </t>
  </si>
  <si>
    <t>亲先看看满足申请达人的条件么，申请标准；  1)   有头像：头像为你本人近期清晰照片    （最后申请达人成功后可以改其他）   2)   绑定手机：你的微博帐号已经成功绑定手机   3)   粉丝数不低于100    4)   关注数不低于100    5)   有效互粉数不低于30（互粉的好友中绑定手机的用户数计为有效互粉）如果我的回答对你有帮助，请高抬贵手设为有用哦，我以后会很高兴为您服务解答哒~~~</t>
  </si>
  <si>
    <t xml:space="preserve">怎样才能让睫毛变长变翘 </t>
  </si>
  <si>
    <t xml:space="preserve">每天睡觉前，用维生素E油先擦拭睫毛根部，然后在擦拭整个睫毛。一般十天左右就能看见效果。睫毛变的浓密有弹性。（维生素E胶囊药店有售，刺破胶囊挤出的液体就是维生素E，直接擦拭就可以了。）以下方法能助长睫毛生长：　　1、蓖麻油或橄榄油　　夜晚，用一种油涂擦，能促进睫毛生长，浓密。这是一古老方法，效果虽缓慢，但确实。此外，在小油瓶内加入柠檬皮碎片，每日涂擦，能使睫毛更华美。　　2、液体蛋白是一种辅助食品，每日晚间涂抹，能增强睫毛的强度和长度。　　3、凡士林每晚和晨涂擦，有助于防止或纠正睫毛碎断。　　4、维生素D每晚剪开一粒维生素D胶丸，轻拍于眼脸和睫毛，连用3个月，能产生明显效果。5、　用隔夜的茶夜水涂在眼睫毛上，可使眼睫毛变多和变长。 </t>
  </si>
  <si>
    <t xml:space="preserve">中国足球的未来怎样发展 </t>
  </si>
  <si>
    <t>一片黑暗，很难看见光明.......除非假球,黑哨被消灭!!!!多引进优秀外援!!!而且不要太苛刻的限制外援数量!!!!!</t>
  </si>
  <si>
    <t xml:space="preserve">丁卯火命与丙辰土命好吗 </t>
  </si>
  <si>
    <t>土命和火命好吗？火命之人，性子急躁，往往容易冲动。土命之情温和，为人忠厚老实，那么两者若婚配在一起，土命和火命好吗？一、日干五行看相合土命和火命之人是相生的。火生土，火对土是有帮助的，但是土太强的话，则会泄火，火太强则会使土变为焦土。但是注意的是若火强的话，即使是土，也会变焦。若是土强的话，火容易被熄灭，因此要讲究五行平衡，阴阳平衡。二、纳音五行看相合壁上土：壁上土者恃栋依梁，兴门立户，却暴寒之德，遮霜护雪之功。此乃人间壁土，非平地何以为靠。土爱众火，但是要记住的是太阳火、霹雳火，但是要记住的是木命的女性会破坏你们的格局。城头土：戊寅城头土不宜见佛灯火，己卯城墙土喜见丁卯炉中火、山头火、己未天上火。砂中土：喜见太阳火。山头、山下、炉中、佛灯诸火，没有水命的贵人相助，则为凶。路傍土：喜见霹雳火。天上火、炉中火太燥，忌见此二火。大驿土：喜见太阳火、霹雳火，如逢水助主显达。其余人间之火再逢木生之更燥，为凶。屋上土：喜见佛灯火，其中最凶的是丙寅炉中火，丁卯炉中火不存在相克，因此不忌。太阳火、霹雳火喜见。山下火、山头火若有木命的异性出现，则要注意。</t>
  </si>
  <si>
    <t xml:space="preserve">头发不爱上卷怎么办，躺了四五十分钟也不出卷，怎么办头发不爱上卷， </t>
  </si>
  <si>
    <t>有时候发质太健康的话，的确会不上卷啊。到专业的发廊烫卷再回家自己打理。自己弄的话，不一定能弄出来。</t>
  </si>
  <si>
    <t xml:space="preserve">大家用电脑做什么？请问你用电脑干什么？在家是只有你用电脑吗？你用 </t>
  </si>
  <si>
    <t>请问你用电脑干什么？答：上网、下载、设置、分布式计算、听音乐、画画、下载图片……反正很多用处，数也数不清……在家是只有你用电脑吗？答：不是的。我父母也经常用过。你用电脑为家做过什么事吗？答：好像……没有。你愿意花点时间教你的家人用电脑吗？答：愿意，可是人家不肯学啊！人家遇到问题就等着我来解决。</t>
  </si>
  <si>
    <t xml:space="preserve">兔子一天吃多少东西是合适的量? </t>
  </si>
  <si>
    <t>兔的饲料分为青饲料和精饲料,青饲料包括新鲜的蔬菜和青草,精饲料是按比例配制混合饲料.兔的投食量要看它的大小饵而定,投喂时间一般按早上喂少,晚上喂饱.</t>
  </si>
  <si>
    <t xml:space="preserve">张飞老妈叫什么？话说好多人问我张飞老妈叫什么我也不知道 </t>
  </si>
  <si>
    <t>那个  可能姓吴   因为无（吴）事生非</t>
  </si>
  <si>
    <t xml:space="preserve">影子的问题如果我创了一个影子．．．那么我删除了那个影子人物．．我 </t>
  </si>
  <si>
    <t>不可以！影子删掉后，在创建新职业时，影子包就变成角色包！只能创建1级的任何角色！影子删掉后，在恢复到是可以的！但是这个和重建新职业完全是2个概念！</t>
  </si>
  <si>
    <t xml:space="preserve">关于保险公司售后服务的问题请问中国人寿、平安人寿、太平洋人寿、新 </t>
  </si>
  <si>
    <t xml:space="preserve">    您好，售后服务是保险行业必须做好的一项工作，也是各保险公司之间互相竞争的一个方面。但对于客户来讲，保险从业人员的服务是最直接有效的，一家服务做得很好的公司，某个从业人员的服务也可能不到位，同样有的从业人员，不管他在哪家公司，他都会很好地为客户服务。甚至一些优秀的从业人员，会为客户提供附加值的服务或者提供其他保险公司保单的服务。    考核服务是一方面，选择适合自己的产品更重要。</t>
  </si>
  <si>
    <t xml:space="preserve">在看别人qq空间时，发现“礼物”二字下，有“某人送给主人的礼物”? </t>
  </si>
  <si>
    <t>登录“别人”的QQ就可以看到了……</t>
  </si>
  <si>
    <t xml:space="preserve">PK问题鬼王到底能PK过谁啊，我86P青云81的，人家每次出一个 </t>
  </si>
  <si>
    <t xml:space="preserve">鬼王110级后就不怕定身 有明王降世 免疫效果 140时在开个狂灵 所以你开门派排行：   合欢  天音 鬼王 青云  鬼道  合欢靠的是高暴技能排第1  天音是周旋的过人 鬼王就查天音一点点 青云锄了个别几个+F技能剩下有制人与地上的只有自暴 神剑由于时间的原因一他那点血 那能抗的住5秒时间让人宰割的疼痛 至于鬼道更是没用了 没几个技能会秒人的 150的技能才吸人不到5000的血 根本不能跟青云相比  </t>
  </si>
  <si>
    <t xml:space="preserve">眼珠痛该怎么办？我的眼睛一流眼泪就痛.只要一吹风就很难受.休息不 </t>
  </si>
  <si>
    <t>眼睛涩痛、畏光流泪是肝肾阴虚的表现之一，建议你用明目地黄丸调理。【药品名称】通用名称：明目地黄丸（大蜜丸）【成　　份】熟地黄，山茱萸(制)，牡丹皮，山药，茯苓，泽泻，枸杞子，菊花，当归，白芍，蒺藜，石决明(煅)。辅料为蜂蜜【性　　状】本品为黑色的大蜜丸；气微香，味先甜而后苦、涩。【功能主治】滋肾，养肝，明目。用于肝肾阴虚，目涩畏光，视物模糊，迎风流泪。</t>
  </si>
  <si>
    <t xml:space="preserve">我爱上了一个超级美女但她是一个黑道老大的女人　我最近结实了一个美 </t>
  </si>
  <si>
    <t>你现在觉得能给她安全感吗  有经济实力让她享受吗  这样的女人光靠工资是难已养活的  希望你慎重   我也刚刚受过伤  现在正在选能和我塌塌实实过一辈子的人  而不是我很喜欢的人  希望你要慎重考虑  祝你幸福</t>
  </si>
  <si>
    <t xml:space="preserve">我们算是近亲吗？我的外公和他的外公是亲兄弟，我们能结婚吗？ </t>
  </si>
  <si>
    <t xml:space="preserve">能,不能生育后代。婚姻法规定的三代旁系血亲（以本人为中心上下各推数三代）禁婚表叔伯____ 叔伯姑母____ 叔伯姑母____ 叔伯姑母 祖父母 姑母 之子女 之孙子女 之曾孙子女 父 自己---- 子女---- 孙子女 母 兄弟姐妹---- 兄弟姐妹之子女---- 兄弟姐妹之孙子女 外祖父母 舅父____ 舅父姨母____ 舅父姨母____ 舅父姨母 姨母 之子女 之孙子女 之曾孙子女 在一个群体中，如果两个人有一个或几个共同祖先，就是有亲缘关系。如果亲缘关系很近的人通婚，即为近亲结婚。我国现行婚姻法规定：直系亲属和三代以内的旁系血亲禁止结婚。直系亲属即直接血亲，是指有直接血缘关系者，也就是自己所生的和自已所从属的亲属，如父母与子女、祖父母与孙子女、外祖父母与外孙子女。旁系血亲是指在血缘上和自己同出一源的亲属，如兄弟姐妹、堂兄弟姐妹、表兄弟姐妹、叔、伯、姑、姨、舅等。三代以内的旁系血亲，包括同出一父母、同出一祖父母、同出一外祖父母的旁系亲属。在三代以内的旁系血亲，无论同辈与否，都不能结婚，若从优生学角度考虑，从表兄弟（四代旁系血亲）甚至从从表兄妹也不宜结婚。 </t>
  </si>
  <si>
    <t xml:space="preserve">512元14场中奖单沃尔夫30曼城31每塔利0标准1目陆30乌迪 </t>
  </si>
  <si>
    <t>买了就有希望</t>
  </si>
  <si>
    <t xml:space="preserve">求推荐一款好玩的游戏[可怜] </t>
  </si>
  <si>
    <t>不知道你喜欢什么类型的，推荐英雄联盟，剑灵，魔兽世界</t>
  </si>
  <si>
    <t xml:space="preserve">想买款拍照功能好的手机。牌子要好点滴，但我预算不是很高。大概15? </t>
  </si>
  <si>
    <t>給你推荐NOKIA N73 现在性价比比较高。是一款智能，基于symbian9.1操作系统，几乎无可想像的扩展性及功能,甚至可以替代当前电脑的绝大多数功能!智能手机除了具备手机的通话功能外，还具备了PDA的大部分功能，特别是个人信息管理以及基于无线数据通信的浏览器和电子邮件功能。智能手机为用户提供了足够的屏幕尺寸和带宽，既方便随身携带，又为软件运行和内容服务提供了广阔的舞台，很多增值业务可以就此展开，如：股票、新闻、天气、交通、商品、应用程序下载、音乐图片下载等等 。摄像功能描述 照相/摄像机规格 • CMOS 传感器，320 万像素 (2048x1536 像素)，支持自动对焦和最高达 20 倍的数码变焦 • 卡尔蔡司光学系统，Tessar™ 镜头 • 焦距：5.6 毫米 • 焦距范围：10 厘米 ~ 无限远 • 近距模式：10 厘米焦距 • 机械式快门：快门速度为 1/1000 秒 ~ 2 秒 • 为镜头提供保护的滑盖 摄影 • 320 万像素照相/摄像机 (2048 x 1536 像素)，最高支持 20 倍数码变焦 • 两段式快门键可用于自动对焦控制 • 2.4 英寸照相/摄像机取景窗口，支持横向拍摄模式且带有活动的工具栏 • 通过滑盖来保护和启动照相/摄像机 • 内置闪光灯 (有效范围可达 1 米) • 模式：自动、关、开和消除红眼 • 高级照相/摄像机模式：静止、连拍、摄像 • 场景：自动、用户定义、近距、纵向、横向、运动和夜间 • 白平衡：自动、白天、阴天、白炽、荧光 • 色调：正常、怀旧、黑白、鲜艳、负片 • 感光度：高、中、低、自动 • 亮度调节、图像质量、自动定时器、白平衡和色调设置 都可以当数码相机使用啦，而且现在降价拉，价钱也不是很高~</t>
  </si>
  <si>
    <t xml:space="preserve">Word中的项目符号和编号有什么区别？ </t>
  </si>
  <si>
    <t>项目编号是用的数字，项目符号是用的符号</t>
  </si>
  <si>
    <t>怎么样才能弄到CD</t>
  </si>
  <si>
    <t xml:space="preserve">新手礼包CD-KEY的使用流程为：玩家登录官方网站注册游戏→注册时填写推广员提供的新手礼包CD-KEY→网站提示"注册帐号成功并兑奖成功。使用新手礼包CD-KEY的玩家分别可以得到以下虚拟物品奖励：10级：3级宝石一颗20级：情侣时装一件30级：翅膀、飞行器、飞行兽任选一个当用户到达(10,20,30)的时候,系统弹出提示,接到了推广员任务→用户可以直接去NPC去交这个任务并得到对应奖品。下面是cd-key3046780000225830467800002119304678000020673046780000194330467800001839还有需要的话加 </t>
  </si>
  <si>
    <t xml:space="preserve">求一本中英双语方面感悟人生的书？？ </t>
  </si>
  <si>
    <t>沉思录</t>
  </si>
  <si>
    <t xml:space="preserve">他怎么这么无情我和他本来互相喜欢着，看得出他很爱我，关心我，体贴 </t>
  </si>
  <si>
    <t>的确,相差九岁的年龄,使你们在考虑问题、处理事情的方式上都不同。他是一个成熟而有原则的人，以前他说你不成熟只是感觉你在一些小事上显得幼稚，是他所能理解和接受的，必竟你比他小那么多。但是自从你告诉他你和以前男朋友的事后，让他猛然发现，原来你在“爱情”的问题上同样的不成熟，这一点是他所不能接受的，因为他是一个极有责任心的男人，特别是在爱情上（这一点可以从你告诉他你因为喜欢他而抛弃前男友这件事时他的反映得出来，他没有因为你这样做而沾沾自喜、洋洋得意，而是马上反问你考虑过对方的感受没有。）的确，你们对感情的理解不同，“爱是有责任的”这对他来说很重要很重要，他现在不是不爱你，而是不敢再爱你，因为他不能承受没有责任的爱，他关掉断决与你的联系不是他无情，而是他也很难受，想让你们相互彼此尽快从痛苦中走出来。他说“希望给我们一年的时间，让我们都长大，考验我们的爱情”。表明他对你们的爱还报着希望，希望在这一年的时间里你能成熟起来，希望他自己在这一年的时间里能理解你接受你。我觉得他是一个成熟而有责任心的好男人，但在你们这次这个问题上他似乎太极端了，因为你小，你不懂，所以你才会傻傻地在他面前用这些事来证明你成熟，拥有你这份傻傻的天真总比拥有一份做作的功于心计的爱要强得多吧。我想通过这件事情，你对他有了更深的了解，你在对待爱情的问题上应该有了进一步认识，给他一点时间让他冷静冷静再找个机会跟他谈谈，让他了解，你虽然在爱情上不成熟，但不表示你对爱没有责任心。祝你幸福！！哦，对了，我说的给他一点时间决不一是年的时间哦！！</t>
  </si>
  <si>
    <t xml:space="preserve">21期足彩替代尤文VS罗马会不会用西班牙人VS阿拉维丝代替啊？ </t>
  </si>
  <si>
    <t>我来只为刷分，不会不懂装懂误导楼主。没分提问无人应，作为新手想找高手请教只有献上高分才有人应。可怜的悲哀。要是楼主无满意答案请采纳我。谢谢！</t>
  </si>
  <si>
    <t xml:space="preserve">请女性朋友帮我解答?请问,我最近很想做那事;可我又没有男朋友!我 </t>
  </si>
  <si>
    <t>有一种带鹰嘴状的魔棒，你可以试试。绝对让你满意。</t>
  </si>
  <si>
    <t xml:space="preserve">learn后面加什么是howtolearntoridebike还 </t>
  </si>
  <si>
    <t>经常都看到learn to do 我想用这个吧!我查字典,那在译为学习时举例也是learn to do的形式但也不排除可用ing的形式,前者用的几率较大我建议这种问题问较有经验的老师,不然众说纷纭该信谁呢?</t>
  </si>
  <si>
    <t xml:space="preserve">关于铁血令？？？我想用10点声望换铁血令，不知道你们看着怎么样？ </t>
  </si>
  <si>
    <t>不要着急换.建议你收2个徒弟出师以后你有74的声望.40换勋章这个比较容易运气好的话攻3的就很值钱.而剩下34 没有新衣服的话就可以穿金鹏!!呵呵我180多的声望现在换书都没有了结果只换了一本神光!!我郁闷的要死!!现在王者带不上还窗不上我的极品金鹏.到哪都是天师,有时候还不如金鹏!!我的王者也带不上了现在很后悔只好再到处收徒弟!!送出去很多装备了!现在徒弟就是大爷!~!!靠  建议你不要换 要换勋章还是比较实惠的!!</t>
  </si>
  <si>
    <t xml:space="preserve">每天要坐12小时以上怎么才能预防颈椎病？ </t>
  </si>
  <si>
    <t xml:space="preserve">你可以使用下川木颈椎治疗仪，每天只需30分钟，其能量相当于做 了一次颈肩部的肌肉锻炼和保健操，使颈部肌肉发达，韧度增高， 颈椎骨变的强健稳定，抗颈椎病的能力得到增强。 </t>
  </si>
  <si>
    <t xml:space="preserve">PCB焊接过程中遇到的焊接问题的解决方法和原因有哪些 </t>
  </si>
  <si>
    <t>常见的焊接问题：最常见的就是虚焊、假焊，假焊目视可以看到明显的元器件引脚和焊盘脱离没有紧密焊接在一起，虚焊则是外观不容易看到，多是因为元器件氧化或者焊接温度不够等原因造成的焊接不良。还有就是焊接温度和焊接时间不够的话即使焊点表面是光亮的，但实际上焊点里面是虚焊的，它的焊脚里的锡成灰色的就像锡没有完全熔化一样，不能使焊盘、锡膏、元器件引脚熔为一体。焊接问题的解决方法：焊接前保持PCB焊接面的清洁度，合理控制锡膏的厚度；并且SMT机贴元器件保持放正；合理的控制过炉温度，保证焊锡质量，遇到元器件氧化情况的话只能手工补锡或者停止生产，平时PCB和元器件存放的温湿度一定要控制好，否则也容易引起氧化现象。</t>
  </si>
  <si>
    <t xml:space="preserve">我们装修旧房子，想铺木地板，地面瓷砖怎么处理？是敲了还是直接铺在? </t>
  </si>
  <si>
    <t>1.如果原来的瓷砖比较平整，当然可以直接铺木地板啦，加上地板厚度也就5公分左右，不会影响你的房间高度的；2.如果原来的瓷砖已经很破旧了，那就只能起了，不过正像上面的同志们说的那样，很麻烦滴；补充说一下，我家原来就是铺的地砖，后来在上面加铺的实木复合地板。你说的复合地板应该是强化复合地板吧，这种地板巨结实，一般学校机房呀，商场的专卖店呀用的就是此类，缺点主要就是环保问题，一般的价格的70元/平米左右，好一些的100多/平米，如果选择强化复合地板建议选好一点的，相对来说会甲醛的释放量会低些；另外强化的色泽不是很好，有点点像塑料的哦；实木复合地板呢，顾名思意，就是用实木层层复合而成，优点相对强化复合来说是弹性好（表面的木头硬一些，中间的木头软一些），踩上去像实木的一样好，色泽自然，因为表面的实木呀，而且比实木的要便宜很多呢，缺点呢，价格比强化贵，便宜的100多，中档的2-300，高档的1-2000/平，而且没有强化结实哟(我老妈就总因为我把东西掉地上砸出小坑而我@_@)所以呀，根据自己的情况选一下吧，祝你装修顺顺哦！</t>
  </si>
  <si>
    <t xml:space="preserve">请问谁知道怎样种窝笋，请教了谢谢 </t>
  </si>
  <si>
    <t>一般的平原、坡地都能，选用耐热、不易抽苔、抗病、高产的青皮绿肉品种，种子发芽最低温度为4℃，适宜温度为15-20℃，超过30℃则发芽受阻，　苗床育苗苗床做成1米宽、沟深20厘米，长度随用种量而定。把厢面泥土整细，用水把厢面浇透，用沙板抹平，趁泥浆未干，按1平方米1克种子(干种)均匀撒播。在厢面上做小拱棚，有雨用薄膜遮，有太阳用遮阳网遮。苗子出真叶时可用恶霉灵加阿维菌素水溶液用洒壶洒一次。当撒种子10天以后开始间苗，人工拔除多余的苗子和杂草，让每相临的两株苗子之间的距离不小于3厘米。一般热天的苗子不可栽得太大，以15-25天的苗龄为宜。　大田整理施肥。施肥主要采用一次性施足底肥。每亩地肥料用量为尿素40公斤、过磷酸钙50公斤、硫酸钾30公斤、磷酸一氨15公斤。如果土壤肥力较差、土壤粘度较高，则还可以施用充分腐熟的人畜粪肥3000公斤。由于夏季莴笋生长速度很快，生长时间又很短（定植后40天就可以收获），单靠根系对土壤养分的吸收还远远不够，必须要注重叶面追肥。比如每5天施用一次尿素、磷酸二氢钾、氨基酸、腐植酸、葡萄糖等一种或多种混合而成的营养液。</t>
  </si>
  <si>
    <t xml:space="preserve">生产后瑜伽可以减肥吗我生完小孩后重了20多斤,请问练瑜伽可以恢复 </t>
  </si>
  <si>
    <t xml:space="preserve">瑜珈和普拉提都是不错的，但是如果想靠它们来达到快速减肥可能不行，这两个是通过运动过程来提高身体的柔韧性和平衡能力，让我们身体的脂肪组织收紧，我做了有3个来月了，自我感觉挺好的，在心情和身体等方面都有了较大的改善。如果你没时间到健身房去，可以在新浪读书频道上下载，输入瑜珈等字查找就可以了，但是初学者最好还是跟教练一段时间好，因为有个呼吸调整的问题。 </t>
  </si>
  <si>
    <t xml:space="preserve">北投足彩单场的相关知识最近赛事如火如荼，相信购买彩票参加足彩的朋 </t>
  </si>
  <si>
    <t>?侵?真是?嵝?這下 不太了解??龅牟视?就可好好?⒖?W?一下.祝好運</t>
  </si>
  <si>
    <t xml:space="preserve">清泉老师你说的"强势反弹",多少算是强势反弹啊,大概在什么时间内 </t>
  </si>
  <si>
    <t>强势反弹也是超跌反弹.不少于一个交易日,对整个下跌空间半分位以上的反弹.</t>
  </si>
  <si>
    <t xml:space="preserve">补牙我这颗补过的牙齿本来就已经蛀了个大洞,昨天吃东西的时候发现很 </t>
  </si>
  <si>
    <t>一个牙齿是否可以保留不是文字描述就可以决定的 还是遵循医生的判断 不过现在有种植牙技术 也就是不用伤害两边的好牙 单独的一颗牙齿修复 使用时间相对长</t>
  </si>
  <si>
    <t>高山上倒马桶</t>
  </si>
  <si>
    <t>高山上倒马桶----臭气远扬</t>
  </si>
  <si>
    <t xml:space="preserve">用什么材料自制减肥茶？ </t>
  </si>
  <si>
    <t>自制茶第一款：加味绿茶　　材料：绿茶1小包、葡萄10粒、凤梨2片、蜂蜜1小匙、柠檬2片。　　做法：1、取绿茶包放在杯中，加入开水浸泡7~8分钟；2、将凤梨片与葡萄粒榨成汁；3、将果汁、蜂蜜、柠檬和绿茶同时倒入玻璃杯中拦匀即可。　　功效：能温和、安全地促进肌肤新陈代谢、血液循环、更新老化角质层、分解表皮层的黑色素，让肌肤变得更加均匀、光滑、白皙。　　 自制减肥茶第二款：玫瑰蜂蜜茶　　材料：玫瑰花6朵、红茶1小包、蜂蜜一大勺、柠檬片一小片、白水550毫升。　　做法：1、将水倒入锅中煮沸后放入红茶包，冲泡约6分钟；2、将玫瑰分朵放入红茶液内拌一拌，继续用小火煮沸；3、倒入蜂蜜后关火并加入柠檬片即可。　　功效：性质温和、降火气，可调理血气，促进血液循环，养颜美容，且有消除疲劳、愈合伤口、保护肝脏胃肠之功能，长期饮用亦有助促进新陈代谢，起到减肥消脂的作用。　　 自制减肥茶第三款：绿豆菊花茶　　材料：菊花10克、绿豆沙30克、柠檬10克、蜂蜜少许。　　做法：将菊花放入水中煮沸，将榨汁的柠檬和绿豆沙的汁注入菊花水中搅拌，放入少量蜂蜜即可饮用。　　功效：排毒养颜、平整脸上粗孔使肌肤光洁、是去痘的妙方。　 自制减肥茶第四款：芦荟红茶　　材料：芦荟20cm长的1段，菊花少许，红茶包1个，蜂蜜1勺。　　做法：芦荟去皮只取内层白肉，将芦荟和菊花放入水中用小火慢煮，水沸后加入红茶包和蜂蜜即可。　　功效：提高细胞活力，加速脂肪消化，调节人体的生理机能，改善肌肤光泽，减慢皮肤老化，是美白养颜的良方。　 自制减肥茶第五款：西红柿玫瑰饮　　材料：西红柿、黄瓜、玫瑰花、柠檬汁、蜂蜜各适量。　　做法：西红柿去皮、籽，黄瓜洗净，与鲜玫瑰花适量一起碾碎后过滤，加入柠檬汁、蜂蜜即可。　　功效：促进皮肤代谢、色素减退，从而使肌肤细腻白嫩。　 自制减肥茶第六款：润白雪奶红茶　　材料：鲜牛奶100克，红茶1克，食盐少许。　　做法：将红茶煎至汁浓，再将煮滚的牛奶混入其中，并加些小食盐，搅匀即可。　　功效：养颜润肤，填精益气。坚持服用可增强体质，令肌肤润白而富有弹性。　 自制减肥茶第七款：薏仁茶　　每天服用薏仁茶，连续一个月即可看到效果。       做法：将薏仁煮熟，冲泡即可　　功效：淡化黑斑、美白肌肤。[1]自制减肥茶第八款洛神荷叶茶：洛神花4钱，荷叶半片，蜂蜜适量。（洛神花酸甜的口感，味道好，可以去除油腻，消除胀气，促进新陈代谢，促进胆汁分泌来分解体内多余脂肪，多种有益成分同时可以养颜美容。）自制减肥茶第九款山楂荷叶茶：山楂5钱，荷叶3钱，红枣2-3颗。（此道茶饮可以降体脂、健脾、降血压、清心神。有效消除冬季悄悄带来的赘肉，发现小肚腩的女性赶快饮用吧！）自制减肥茶第10款荷叶减肥茶　原料：荷叶3克、炒决明子6克、玫瑰花3朵。制法：用开水冲泡 自制减肥茶第11款桂花荷叶减肥茶     原料：荷叶、绿茶各3克，桂花5克，冰糖适量，水250ml      制法：于锅中加水煮沸后，加入所有茶材。煮约5分钟后即可熄火，滤渣后即可饮用。　自制减肥茶第12款陈皮荷叶减肥茶   原料：陈皮500g，鲜荷叶100张，生苡仁、生山楂各1000g。      制法：将夏日采集的新鲜荷叶洗净，切丝，晾干。将陈皮、山楂、苡仁三者研为细末，与荷叶混匀分成100袋，每日1袋，开水冲泡代茶饮，连续100天。</t>
  </si>
  <si>
    <t xml:space="preserve">乘火车可以携带甲鱼吗？十一要给准丈母娘带两只野生甲鱼，可以带上火 </t>
  </si>
  <si>
    <t>正常来说你是不能携带的,不过甲鱼可以放在方便带中提上火车,注意装好,安全检查的时候一般不会检查方便带.</t>
  </si>
  <si>
    <t xml:space="preserve">GOOGLE百度搜狗搜索软件各自都有哪些特点？搜索出来的结果有何? </t>
  </si>
  <si>
    <t>百度，网址竞价排名，所以经常有没有用的东西，含有恶意代码的网站也不标出，总之最常用的百度的基本功能，网页搜索是个完全的垃圾，但是贴吧，知道，图片搜索都很不错，对了还有空间等副业。谷歌（Google）网页搜索最强大，谁的网站最火谁就是第一，并且基本可以防止在网页上中毒。世界性的谷歌，经常可以用它搜索国外的东西。搜狗没经验，不知道啥特点，楼上的搜狗说的是狗狗吧。</t>
  </si>
  <si>
    <t xml:space="preserve">水箱水是否要更换，如要更换需多长时间为宜 </t>
  </si>
  <si>
    <t xml:space="preserve">尊敬的用户您好：    防冻液的更换标准是按冰点和成色，通常两年以上。    希望我的回答能给您提供帮助，谢谢！    北京市汽车修理公司  北京陆鼎汽车商行    电话：800-810-1384    010-85577158技术咨询邮箱：jishuzixun@ </t>
  </si>
  <si>
    <t xml:space="preserve">怀孕要做哪些准备？怀孕前要做哪些准备？比如说：要吃什么？看什么书 </t>
  </si>
  <si>
    <t>营养专家指出，妇女在妊娠期间应关注以下几种物质：蛋白质、钙和磷、铁、1、VB2、VC、碘、VA、V D、VE、以及叶酸。　　蛋白质是人体构成的最基本物质。妊娠后期胎儿生长最快，此时蛋白质的合成率也很高。　　钙和磷这两种物质，是胎儿骨胳生长发育所必需的“原材料”，骨钙水平在妊娠后两个月，其增长速度猛如火箭。　　妊娠期需要铁的重要程度不亚于需要钙。如果孕妇铁贮备不足将会影响到新生儿储铁量，使婴儿在出生前4个月就会发生缺乏和缺铁性贫血。　　叶酸在机体的造血功能方面有重要作用。叶酸缺乏时，可出现巨幼红细胞性贫血。　　富含蛋白质的食物有鱼肉、畜禽瘦肉、鸡蛋、鲜奶、大豆及其制品等；富含钙和磷的食物有牛奶、豆制品、硬果类、芝麻酱、虾米皮、海带及蔬菜中的苋菜、小白菜等；富含铁的食物有动物的血和肝脏，其中的血红素铁含量且吸引利用率高；叶酸最丰富的来源为动物肝脏及绿叶蔬菜、酵母和动物肾脏等。　　在妊娠早期(0-3个月)，胎儿发育缓慢，孕妇由于妊娠反应，应少食多餐，尽量选清淡、易消化、适合反应期口味的膳食，如面包干、烤馒头片等，可减少恶心、呕哎；水果蔬菜可刺激食欲，防止便秘；多吃富含VB1的食物或VB1片剂以增强消化功能。此阶段每日应尽量吃进150g以上的碳水化合物以防止饥饿引起的血酮体畜积；提取蛋白质40g以上，以维持正常平衡。在妊娠的中期(4-7个月)，母体也开始储备蛋白质、脂肪、铁、锌等营养素，每天应吃下7-8两粮食(包括五谷杂粮)，2两豆类及其制品，2两肉(禽、畜、蛋、鱼)，经常吃动物肝脏和血；一斤菜(一半应是绿色菜，可常吃些蘑菇、海带、紫菜)，2两水果，牛奶或豆浆4-5两。妊娠的后期(7-9个月)胎儿增长最快，孕妇可在上述膳食基础上再加些营养价值高的蛋白质(50g禽、鱼或250g牛奶，或200g豆腐，豆浆也可)，适量减少粮食。食盐和酱油应适当减少以防浮肿。多上班族孕妇每天吃饭的时间一到，就开始头痛“今天该吃点什么呢？”吃腻了单位附近的菜，又担心营养不够，难道没有更好的选择吗？现在上班族妈妈有福了，《妈妈宝宝》杂志特为准妈妈们推荐几款“便当料理”！简单的烹调方法，加上均衡的营养成分，以及漂亮的摆设方式，让准妈妈们胃口大开。　　蔬菜种类　　准妈妈的便当料理，应注重钙质、蛋白质、纤维素等的营养搭配。通常一道主菜、两道副菜的营养就已足够，建议准妈妈可选择一道味道好的为主菜，以增加食欲。此外，多吃一些高纤蔬菜、五谷杂粮，可以防止便秘。　　烹调方式　　适合准妈妈便当料理的烹调方式，以烫、煮、凉拌的方式可以避免便当菜色回锅后变色、变味，而且不油腻，不会引起准妈妈呕吐。　　补充营养　　由于怀孕后期，饭量会大增，或许一个便当的量根本就不够，建议可以另外带一些生菜到单位，放到冰箱里保鲜，在下午的时候可以吃一点，或者也可以吃点饼干、牛奶之类的。　　摆放技巧　　便当菜的摆放技巧在于不要把所有的菜都通通放在饭上，不妨选择菜、饭分开装。另外，酱汁不要直接洒在饭上，可用袋子装起来，等便当蒸好了再洒上食用，或是利用铝箔纸，将油炸食物包起来，再放到便当盒里蒸，可以吸收多余的油脂，使蔬菜看起来比较诱人。　　高钙玉米饭＋麻香四季豆(3～4人份)　　高钙玉米饭　　材料：米2杯、水2杯、鱼肉50克 玉米粒100克 魔芋100克　　调味料：盐、白胡椒粉各少许　　做法：米洗净和水一起放入锅中，魔芋切丁，和鱼肉、玉米粒一起洒在米上，将米饭煮熟即可。　　营养成分：蛋白质30.6克 脂肪3.9克 糖271.4克 纤维1.6克　　麻香四季豆　　材料：四季豆100克 白芝麻1小匙 沸水一锅　　调味料：鸡精、盐少许　　做法：1 四季豆去老筋丝切斜段，用沸水烫熟，沥干水分，再加上调味料拌匀。　　2 白芝麻用干锅炒香，加入四季豆中拌匀即可，不论熟吃冷食皆可。　　营养成分：蛋白质2.9克 脂肪2克 糖271.4克 纤维1.6克　　蔬菜咖喱锅(4人份)　　材料：洋葱、卷心菜、茄子、香菇、胡萝卜600克、乌龙面500克、油2大匙、咖喱块30克、水2碗、淀粉2大匙 　　做法：1 将蔬菜切丁备用，乌龙面用沸水烫熟分装入便当盒一角。 　　2 用2大匙油爆香洋葱，再加入蔬菜拌炒，并放入咖喱块和水煮到蔬菜变软，即可用淀粉勾芡熄火。 　　3 取一个小盘，铺上铝箔纸，将咖喱酱放入铝箔纸内包好，放在便当的旁边，食用时打开铝箔纸将酱和面拌匀即可。　　营养成分：蛋白质38克 脂肪 39.2克 糖182克 纤维5.1克　　柠檬鲑鱼＋田园薯泥＋酱味荠菜＋米饭 　　柠檬鲑鱼　　材料：鲑鱼300克 柠檬150克 盐少许　　做法：将鲑鱼用盐腌渍，放入烧热的锅中，用少许油煎熟，食用时淋上柠檬汁即可。　　营养成分：蛋白质60.6克 脂肪48.3克 糖12.5克 纤维0.2克　　田园薯泥　　材料：瘦肉100克 土豆150克 胡萝卜50克 水2碗 油2小匙　　调味料：盐适量，白胡椒粉少许　　做法：将材料全部切丁，用少许油拌炒肉丁，再加入土豆、胡萝卜和水闷煮，直到土豆松透、汤汁浓稠，再用调味料调味即可。　　营养成分：蛋白质25.5克 脂肪14.1克 糖35.8克 纤维4.1克　　酱味荠菜　　材料：荠菜400克 沸水和凉开水各一锅 葱花少许 　　调味料：姜2小片 酱油1大匙 热开水1小匙 风味调味料1小匙　　做法：1 荠菜洗净不切，用沸水烫熟，捞出后用凉开水漂凉后拧干水分，切段分装。　　2 将调味料调匀，分小包装好，食用时将酱汁淋在荠菜上即可。　　营养成分：蛋白质3.2克 脂肪2克 糖13.6克 纤维2克　　话梅蒸肉＋香味西芹＋菠萝炒木耳＋米饭(4人份)　　话梅蒸肉　　材料：里脊肉200克 腌渍话梅100克 水1/2碗　　调味料：糖1小匙 白胡椒粉少许　　做法：1 里脊肉切约0.5厘米厚片，用调味料拌匀，话梅去核将梅肉切碎。　　2 将肉片排在盘中，撒上梅肉和梅汁，再将水淋上，放在锅里蒸15分钟即可。　　营养成分：蛋白质30.6克 脂肪3.9克 糖271.4克 纤维1.6克　　香味西芹　　材料：西芹500克 红辣椒1个 虾皮5克 油2小匙　　调味料：盐适量 香油少许　　做法：1 西芹切寸段条状，放入沸水中烫熟。　　2 用2小匙油爆香虾皮和红辣椒后熄火，将西芹入锅加上调味料拌匀即可。　　营养成分：蛋白质30.6克 脂肪3.9克 糖271.4克 纤维1.6克　　菠萝炒木耳　　材料：菠萝50克 木耳50克 面块100克 姜丝10克 油2小匙 水1碗　　调味料：盐适量 糖1小匙　　做法：　　1 菠萝切片，木耳用手撕成片状即可，面块切成圆形。　　2 用油爆香姜丝，加入菠萝、木耳、面块略炒，调味并用少许水略烧即可。　　营养成分：蛋白质30.6克 脂肪3.9克 糖271.4克 纤维1.6克</t>
  </si>
  <si>
    <t xml:space="preserve">春节的时候听男朋友说搓招网络游戏《新流星搜剑录》，搓招是什么意思? </t>
  </si>
  <si>
    <t>本人玩过《新流 星搜 剑 录》，那是款好游。搓招就是速度是要有的，但是更要有节奏。比如→←→A 铁花碎破防，空中AA 劈风，空中↓A 山岚，←→↑A 愁云尽散大绝,累气量达100可以 使用。最主要还是得眼疾手快。</t>
  </si>
  <si>
    <t xml:space="preserve">吃什么东西可以补血??? </t>
  </si>
  <si>
    <t>补血食物番茄、红枣、甘蔗、葡萄这些东西平日可以多吃些啊 ，有一定的预防作用的哦，但最多也就是有点点的缓解哦。贫血的话，光靠这些食物去补血，根本是行不通的，补血食物最多也就是起到辅助作用，要补血很有必要记住一些专业调理品。这是我的经验，我比较嗜好润之康【雪彦茶】专门给我们这样的贫血人群的哦，我喝了个把月就调好了也。润之尔康鳕岩?饨寡氩蛊岷显谝黄穑梗痈瓷喜寡愿纳破堆⑶可斫√濉⒚廊菅漳懿掳牍Ρ兜男Ч诓寡Ч某ぞ贸中Ｈ笾调ㄑ?馀浞胶侠恚梗瘫菊础?</t>
  </si>
  <si>
    <t xml:space="preserve">我想买基金,现在的基金是不是不太好啊,现在买基金是不是合适? </t>
  </si>
  <si>
    <t>看看大盘是否进入了牛市，若是就可申购。否则等大盘进入相对低谷时再投入为好。</t>
  </si>
  <si>
    <t xml:space="preserve">新手，买吉他．我想买吉他，可又不知，怎样的吉他好和不好，价位在５ </t>
  </si>
  <si>
    <t>我推荐星辰的，感觉不错！你还是去正规的琴行。500元的对新手来说已经不错了。手感和音色是一个十分重要的问题，如果音准和手感（特左手按弦是的感觉）差别过大，会给你学琴的积极性做成很大的形影。当你在选择时不要给精美的图案所迷惑。吉他最好是单板的。我想你可以买本教材，里面会教你怎样买琴的。去是还的要请个有经验的吉他手和你一起去。祝后祝你学有所成！</t>
  </si>
  <si>
    <t xml:space="preserve">孩子的保险问题，请大家帮我看看我于去年10月份在我儿子刚满月的时 </t>
  </si>
  <si>
    <t>孩子的保险是鸡肋，主险保障不明确，没有专门的用途，附加的教育险保障太低，将来的教育金领取有限。大人的各自购买10W的意外即可，其他的暂时不要考虑，不能以自己的经济压力换取保障。</t>
  </si>
  <si>
    <t xml:space="preserve">上海割双眼皮最好的医院 </t>
  </si>
  <si>
    <t>上海城市女子整形美容医院整形科是上海市最专业的整形美容医院。科室由整形、手术美容、皮肤护理美容、激光美容等专业组成，是医院重点发展科室。整形美容科拥有先进的整形美容医疗设备，依托国内知名的整形外科专家、教授提供强有力的技术支持，拥有典雅舒适而又充满时尚气息的就医环境，采用一对一的服务模式，始终如一坚持整形美容的严肃性、科学性和专业性。中心技术力量雄厚，拥有高级职称医师3名，整形美容博士研究生3名，研究生导师1名。科室长期与韩国、北京、天津、石家庄的整形美容专家合作，定期来我院进行会诊和手术。</t>
  </si>
  <si>
    <t xml:space="preserve">往返港澳通行证第二次需要办那些手续？谁知道告诉我。谢谢！ </t>
  </si>
  <si>
    <t>如果去年第一次办理，上面的签注最多也就1年两次往返，现在签注过期了。通行证是有效的的，还要办香港或澳门的。一年多次往返属于签注，是不限次数，但有要求商务签注种类：分为14天一次、3个月多次、1年多次和3年多次四类。 申请人可在常住户口地或工作单位所在地申请办理，多次签注在有效期内每次在港(澳)停留不超过14天。签注的首次进入截止期限是自签注签发之日起3个月有效。 受理范围：在外国企业常驻代表机构和经国家工商行政管理部门登记注册、具有独立法人资格的企业或由企业法人投资设立的分支机构经营单位中的工作人员。企业和经营单位须通过登记主管机关年度检验。在外省(市)工作的本市常住居民可申办3个月以内多次商务签注。 外省(市)人员申办3个月以内多次商务签注不受在京暂住期限的限制，申办1年多次商务签注需在京暂住1年(含)以上,持《北京市工作居住证》人员也可以申请赴港澳商务，不受暂住限制。 相应材料： 企业(经营单位)营业执照副本或登记证明原件和复印件； 企业(单位)法人代表或负责人或其授权的人事部门出具的派遣申请人赴港澳从事商务活动的派遣证明； 申请人与企业(经营单位或机构)的工作合同、聘书和雇员证等工作关系证明； 本年度内再次申请商务签注的只提交申请表、派遣函和通行证，免交其他材料。 凭上述材料可申请14天一次、3个月多次商务签注；申请一年和三年多次商务签注的还须符合下列条件并提供有关材料：上年度纳税50万元人民币的企业、国有企业、高新技术企业和研发机构、外国(中国)投资公司、外国企业驻京办等单位中的法人、董事长、总经理和首席代表须提交单位纳税证明、高新技术企业(研发机构)证书申请3年多次商务签注；上述单位(企业)中的副总经理(含) 以下中层管理人员、技术人员和中方雇员及上年度纳税10万元人民币的单位(企业)的副总经理(含)以上人员，须提交单位纳税证明和任职证明申请1年多次商务签注。 申请1年(含)以上商务签注的，申请人单位需在公安机关备案；申请3年多次商务签注的申请人须曾办理过1年多次签注并多次使用。</t>
  </si>
  <si>
    <t xml:space="preserve">在小镇上开家烧饼店要办什么证件我在一小镇上有点偏的地方租了间房子 </t>
  </si>
  <si>
    <t>你这烧饼店应该属于前店的后厂的经营方式。可以只交一费的工商管理费。如果在市场上已经交了工商管理费，后边这店就不用再交了。不过你得有营业执照和工商管理费收据为证。</t>
  </si>
  <si>
    <t xml:space="preserve">UD怎么抵制TR近点先知带大G压制？ </t>
  </si>
  <si>
    <t>1、对付先知最好用蜘蛛开局，你首先要把基地位置调整好，不能让敌人轻易近来接触圣僧。有两个蜘蛛后，继续补一个农民，防止敌人杀农民。2、基地里一定要升一个冰塔，冰塔的位置要有讲究。3、同时要配合召唤骷髅共同作战。在腐朽之地上不死族没有失败可能，这样基本就能搞定敌人的压制。如果敌人撤退，你也要追过去，同时压制敌人。绝对没问题的。怎么可能不行呢？1、敌人两个步兵两个狼，你也有两个蜘蛛至少两个骷髅啊！（骷髅要随时召唤，留着没有）还有一个冰塔。你要打他的狼，快死了就缠绕。2、而且在冰塔的帮助下，你的农民肯定要走动的，不能等在那里。3、还有一点：我觉得你根本没有实践，凭空想想的吧。有一点：你放心，敌人前期如果有两个步兵来找你，他肯定没有加速卷轴。如果敌人既有卷轴，又有两个步兵，证明你已经有3个蜘蛛了。而且你家里补充第3个蜘蛛的时间也比他第三个步兵快。所以无论从那里来想，这个局部战役，你都不可能输的。真要不行，我只能说，你还需要练习基本功。这个方法用用就知道了。别怕，要相信自己，至少相信这啊！</t>
  </si>
  <si>
    <t xml:space="preserve">求好看的小说求青梅竹马文，或是主角腹黑文，男女都行 </t>
  </si>
  <si>
    <t>蛇王惹不得，废妃</t>
  </si>
  <si>
    <t xml:space="preserve">电脑高手进来瞧瞧这是咋回事???朋友安装了一个瑞星的杀毒软件(正 </t>
  </si>
  <si>
    <t>开机按F8进安全模式杀一下毒。再开始运行REGEDIT 找到HKEY_CURRENT_USER\Software\Microsoft\Windows\CurrentVersion\Run] 和 [HKEY_LOCAL_MACHINE\SOFTWARE\Microsoft\Windows\CurrentVersion\Run 里面都是自启动项目. 除了CTFMON,别的删了。重启再试一下。</t>
  </si>
  <si>
    <t xml:space="preserve">请教下关于代练升级的一些问题1、代练升级是怎么回事？2、代练升级 </t>
  </si>
  <si>
    <t xml:space="preserve">所谓的带练就是你把帐号给他们,他们给你练级.在这期间你不能上号.25US的信誉不错.我找他们带练过,速度很快.31-45  他们练的是要992元.40多天练玩.一般都是汇款的.给你个网战 </t>
  </si>
  <si>
    <t xml:space="preserve">雅名胶原蛋白哪有卖的？听说雅名胶原蛋白的美白效果不错，不知道哪里 </t>
  </si>
  <si>
    <t>440－660－5300</t>
  </si>
  <si>
    <t xml:space="preserve">在新岛上作日常怎么交任务？每次都有部落站在NPC的位置，一不小心 </t>
  </si>
  <si>
    <t>按shift+v，会把NPC的血条显示出来的，点血条就可以对话了</t>
  </si>
  <si>
    <t xml:space="preserve">玩不了街霸4~~~~~~~~~~~急!!!!!!!!!!!!!!? </t>
  </si>
  <si>
    <t>你有没有装Games For Windows - LIVE，街霸4要装Games For Windows - LIVE 才能玩。如果你已经装了Games For Windows - LIVE，那么就下载免APP补丁覆盖到游戏目录即可。如果还是不能运行，你用方法2试试。方法1：下载《街头霸王4》免土耳其和APP补丁。下载地址： 方法2：下载《街头霸王4》威力加强版补丁。下载地址： 最后祝游戏愉快！</t>
  </si>
  <si>
    <t xml:space="preserve">写人与动物之间的作文！ </t>
  </si>
  <si>
    <t>1.我和动物的故事 有一个秋天的晚上，我睡着了，梦见了 晚上，我被蜘蛛军团包围住了，水泄不通，我拼命挣扎着，呼喊着，结果有一只人造蜘蛛在这时候咬了我一口，我迷迷糊糊失去知觉，一觉醒来，我发现我已是一只小蜘蛛，从此我也只能过每天吃人家的血的。就这样年复一年的过去了，我也越长越大了，凭着我的努力和智慧，我成了一位勇敢的将军，统率着成千上万只蜘蛛和蚂蚁，晚上，我们一起出洞寻找食粮；白天，我们不停地织网，渴望织得越大，逮住的猎物会越多。有些蜘蛛藏在洞里，等到猎物来时就开始喷射有毒的气体。蚂蚁小兵帮助我搞暗器。在我当上将军的二年后的一天，我们的敌人蝴蝶终于来了，他们手拿着弓、箭、剑、盾杀过来了，我们个个都是强兵健将，我们吐着丝，准备暗器，把他们打得落花流水，四脚朝天，后来他们的国王出来了，手拿着尚方宝剑，腰带上挂着一把匕首，十个飞镖。啊，那个国王喊叫了一声就去世了… 后来，我成了一只蜘蛛国王。 我和小动物的故事---奶奶家的大花猫 奶奶家有只大花猫，它已经八岁了，相当于人到了五十岁的年龄，显然已经算“老爷爷”了。但手脚还是很灵活，上房、上树都不成问题。 这只猫长的非常胖，大概是奶奶总喂它好吃的吧！它的身子大部分是黄褐色，之间布满了灰色和黑色的条纹，一对棕色的耳朵警惕的竖立着，两只眼睛像灯泡一样亮，时圆、时细。 大花猫非常懒，我习惯叫它“懒虫”。每天它吃完了就睡，睡完了又吃，到了晚上它也不去捉老鼠。有一天中午，我实在看不惯它那懒洋洋的样子，按捺不住自己的心情，拿着柳枝，冲进屋子训了它一顿，它好象听懂了，灰溜溜的出去了，我跟着它到了外面，满以为它已经痛改前非去“辛勤工作”了，谁知，它溜到草垛，晒着暖暖的太阳又呼呼大睡起来。 “懒虫”也非常调皮，一天我写作文的时候，要抄用一下门口的对联，就出去看了看，回来后，看见“懒虫”坐在我的位置上正在专心致志的啃我的笔，我火冒三丈，使劲把它往下推，“嘿！”它就是不下去！我给你来点厉害的，我把我大伯叫了过来，大伯一下子把懒虫赶到了地下，这一下子“懒虫”好象摔的不轻，它坐在地上半天才“明白过来”，我心理暗自高兴：“哼！小样儿，跟我玩，你还嫩点！”正当我洋洋得意的时候，忽然懒虫一个鲤鱼打挺“嗖”的一下钻入的柜下，还没有等我反映过来，柜下传来吱吱的惨叫，仔细一看，大花猫的嘴里多了一只肥大的老鼠。这时懒虫翻着眼睛看了我一眼，迈着平稳的步伐四平八稳的走了出去，示威似的。 这就是奶奶家的花猫，懒惰，调皮但关键时刻还不失“英雄本色”！2.小狗卷毛 奶奶家有一只小狗，头上扎着一个小辫，卷卷的，因而得名叫卷毛。它的毛都是黑色的，有一双水汪汪的大眼睛，小小的鼻子，可逗人了。 它可贪玩了!一天晚上，快要吃饭了，卷毛还在外面玩，不愿意回来。奶奶让我把它找回来，我费了九牛二虎之力终于把它叫回来了，可是刚到家门口，听身后就没音乐了，回头一看，呀!卷毛又跑去玩啦，没办法，只能让奶奶再去找。 卷毛也很贪吃。一次，我买了一根火腿，正好想做点别的事情，就顺手把火腿放在了桌子上。等我做完事情后回来一看，发现火腿和卷毛不见了。我于是满屋子到处找，最后在卷毛的窝边，看见卷毛正在津津有味地吃着火腿，我又可气、又可笑。 卷毛更多的时候是可爱，它好像能理解人，具有灵性。记得有一次，奶奶的腿不小心被碰了一下，流了很多血，疼得很厉害。卷毛跑到奶奶的身边，用舌头给奶奶舔伤口，还用嘴帮奶奶衔来了布，高兴得奶奶每次见人就夸卷毛。 这就是奶奶家的小狗—卷毛。虽然它有些调皮，但我还是很喜欢它，以致我现在搬家到别的地方后，还常常怀念起奶奶家的卷毛。 蚂蚁 我喜欢蚂蚁，因为它勤劳朴实，更因为它们在危难面前互相帮助团结友爱。 记得有一次，有几只小蚂蚁在厨房的水泥地上匆匆地爬着。我一时性起，跑到水池边打开水龙头往一只纸杯中倒了大半杯自来水。然后，我走到那一些小蚂蚁的旁边，将纸杯一侧，杯中的水就全部倒在这一些小蚂蚁的身上。这水就像倾盆大雨一样倒了下去。这一些小蚂蚁立刻被笼罩在大水中，然后它们就被汪洋大海吞没了。那些小蚂蚁在大海中无法走动，寸步难移。就在这灭顶之灾的时候，它们并不慌张，而是围成一团，奋勇拼搏，最后终于给它们冲出了我给它们设计制造的大海。 脱离灾难以后，它们继续排着长队匆匆地往前走。我顺着它们前进的方向观察。原来，不远处地上有一块蚕豆大小的蛋糕。它们立刻蜂拥而上，然后搬起蛋糕就走。很快，它们就把蛋糕搬到了自己的洞里去了。不一会儿，它们又出来寻找食物了。这时，我寻机一动，拿了一块饼干放到离开它们有一段距离的地方。这一些小蚂蚁真灵巧，不知道它们靠什么一下子就发现了那块饼干，纷纷爬了过去，又一起扛起饼干回到自己的洞里去了。 我看着这一些小蚂蚁心里感慨着，小小的蚂蚁竟然是那样的坚强，那样的团结，那样的聪明灵活！</t>
  </si>
  <si>
    <t xml:space="preserve">我在华侨城要坐车到梅洲要到哪里去坐车 </t>
  </si>
  <si>
    <t xml:space="preserve">你的分类有错误,在这个项目下,你很难得到较多的回答和满意的答案.建议你重新分类后再提问. </t>
  </si>
  <si>
    <t xml:space="preserve">关于卡次数和纹身问题？第一次用，A登陆进入频道，B登陆显示（重复 </t>
  </si>
  <si>
    <t>需要卖一个道具才能卡住。卡纹身的方法在爱问里找吧，已经很多了。</t>
  </si>
  <si>
    <t xml:space="preserve">请问我最近为什么老是丢东西？？不知道是怎么了！最近老丢东西，身份 </t>
  </si>
  <si>
    <t>人的精力是有限的，大脑对某个“兴趣点”的兴奋也是受条件限制的，至少可以臆断：你近来发生了某些让你“心烦意乱”的事件，破坏了你大脑正常的分析判断能力，造成对某些事件的记忆死点。不足为怪，每个人都会遇到，首先要相信你自己，先让自己放松下来，努力先不要想近来发生的不愉快的事，等心境平和后，对每件事做一次5w1h检测，一切ok。</t>
  </si>
  <si>
    <t xml:space="preserve">请问～～游戏里怎么结婚啊？？游戏里怎么结婚啊？？？ </t>
  </si>
  <si>
    <t>大陆版本的不可以结婚的，台服可以大陆目前就是冲点卡双倍，其他就没有什么了，</t>
  </si>
  <si>
    <t xml:space="preserve">已知抛物线y^2=2x,过点Q（2，1）作一条直线交抛物线于A,? </t>
  </si>
  <si>
    <t>已知抛物线y²=2x,过点Q（2，1）作一条直线L交抛物线于A,B两点，试求弦AB的中点 直线L斜率显然不为0（否则只能交抛物线于1点），设为1/kL：k(y-1)=x-2---&gt;x=ky-k+2与抛物线方程联立：y²=2(ky-k+2)---&gt;y²-2ky+2k-4=0△＝(2k)²-4(2k-4)=4(k²-2k+4)&gt;0yA+yB=2k---&gt;xA+xB=k(yA+yB)-2k+4=2k²-2k+4M(X,Y)---&gt;Y=(yA+yB)/2=k, X=(xA+xB)/2=Y²-Y+2.....此即M轨迹方程</t>
  </si>
  <si>
    <t xml:space="preserve">长高有什么好方法？我17岁了身高只有155厘米，有什么好的方法再 </t>
  </si>
  <si>
    <t>一般来说，人要到25岁才发育成熟，所以，17岁还可以长高，只要你坚持锻炼和注意合理营养，还是能长高的。坚持做引体向上有助于长高。在营养方面，应注意多吃豆类及其制品、蛋类、肉类等含蛋白质丰富的食物。</t>
  </si>
  <si>
    <t xml:space="preserve">国电集团山东有限公司的老总是谁谁知道国家电力公司山东公司的老总是 </t>
  </si>
  <si>
    <t>总经理 吕春泉 党委书记 于世昌国电山东电力有限公司是实行自主经营、自负盈亏、自我发展、自我约束的法人实体和市场主体0531-86932222</t>
  </si>
  <si>
    <t xml:space="preserve">2014年农历四月二十一生的女孩什么命 </t>
  </si>
  <si>
    <t>【2014年】出生的人，年命纳音五行是【沙中金】，年干支为【甲午】。2014年出生的人就是沙中金命。2014年农历四月二十一阳历是2014年5月19日2014年5月19日出生人的命运今天出生的人，个性急进，处事本领高强，具有不惧困难与挫折的勇气与毅力。这天出生的男女，命中带有财运，却因无法接纳他人的意见，而略有偏好从事投机事业的倾向。整体大运方面：早年运势不错，学业及事业发展平顺如意，已经结婚的男性，妻子多半具备才干，对内能够掌管家中大小事物，对外也能辅助你成就功名；事业方面则因有贵人扶持引荐，而得以和顺发展。中年之时，运势由盛转平，这段时间若是做事无法全心全意，则不易在晚年时成就显达的功业，大体来说是属于早年发达之命。</t>
  </si>
  <si>
    <t xml:space="preserve">海绵状血管瘤会自行消退吗 </t>
  </si>
  <si>
    <t>海绵状血管瘤不会自己消退。本回复由上海血管瘤专家网站： 提供，欢迎大家登录网站，查询更多血管瘤知识。</t>
  </si>
  <si>
    <t xml:space="preserve">请问祖玛我打开后只有声音没有图象,图象是一条条的绿线,该怎么解决? </t>
  </si>
  <si>
    <t>不晓得啊～没出现过类似情况.试一试重新下载一下吧～要不就是显卡有问题了确实是个不错的游戏</t>
  </si>
  <si>
    <t xml:space="preserve">台海战争一旦爆发，美国敢多大程度介入？我觉得美国不敢和一个核大国 </t>
  </si>
  <si>
    <t>●台海一战,美必将介入。●其一是低烈度介入。如提供情报，给养、武器装备供应等等。●其二是中烈度介入。如航母编队进入台湾海峡并突入我空、海军封锁范围。●其三是高烈度介入。美直接参战。 ●我个人认为美国低、中烈度介入的可能性大些，高烈度可能性小些。但我们要立足于美国的高烈度介入，要立足于同美国直接对抗。</t>
  </si>
  <si>
    <t xml:space="preserve">WX加点比例是多少啊？？请问WX各种兵器的加点比例大概是多少啊？ </t>
  </si>
  <si>
    <t>敏捷类刀剑武侠：1力 3敏 1体 穿轻甲（准确躲闪高！爆击率高！攻击频率高！）长兵武侠：2力 1敏 2体 穿重甲。（推荐）斧锤武侠：3力 1敏 1体穿重甲。（推荐）拳套武侠：1力 4敏 或1体 4敏 穿轻甲。（不推荐）</t>
  </si>
  <si>
    <t xml:space="preserve">他还会跟我和好吗？我们俩个在一起就是吵吵闹闹的。可是感情还是很好 </t>
  </si>
  <si>
    <t>你应该找他好好谈谈，确认他是不是在说气话，如果不是，那么你也应该好好考虑一下你们的关系了，是不是你们在一起真的不合适，有些情侣吵架可以增进感情，这就要看你们的性质了，我想这种感觉也只有你们心里最清楚，如果你也觉得不合适，那就不要勉强，不要担误了自己也担误了他，当然我不是劝你分手，毕竟爱情关系到两个人一生的幸福，有些时候放手后两个人都会幸福！</t>
  </si>
  <si>
    <t xml:space="preserve">谁有4转任务的网站,,给我说下..谁能给我发个清晰的任务攻略.. </t>
  </si>
  <si>
    <t xml:space="preserve">4转功略 新浪的   </t>
  </si>
  <si>
    <t xml:space="preserve">怎样挑选灵芝？据说灵芝味很苦的，为什么我在药店买的灵芝一点都不苦? </t>
  </si>
  <si>
    <t>灵芝气清香，味苦涩。因现在在药店能买到的灵芝都是栽培的品种，所以味道很淡。在灵芝的挑选上，以个大、菌盖厚、完整、色紫红、有漆样光泽、孢子的含量充足者为佳。通常认为紫芝的质量强于赤芝。</t>
  </si>
  <si>
    <t xml:space="preserve">那里能打到火毒攻心剑 </t>
  </si>
  <si>
    <t>救公主，闯天关等花RMB的任务都有可能得到，神威狱里也有，还有打无相天魔等BOSS，全看你运气了，现在这书也不贵，也就1－5个元宝就能买到了，找找看能买到还是买吧！</t>
  </si>
  <si>
    <t xml:space="preserve">宝宝不爱吃奶粉，而且吐奶，还恶心？我宝宝4个月了，从3个月就厌奶 </t>
  </si>
  <si>
    <t>不知道你的宝宝辅食吃的怎么样啊，要不就是缺乏微量元素了，妈妈现在开始就一直哦给宝宝养成按时喂养的习惯，第一辅食不要吃的太多，辅食吃多了营养宝宝无法很好的吸收，而且会给宝宝饱胀感反而吃不下奶了有时适当饿宝宝反而奶量好啊，再一个就是宝宝吃东西时一定要安静啊，不要分散宝宝的注意力，这样也会影响奶量的，因为随着宝宝的长大他会变的聪明对外面的事物越来越感兴趣的。我宝宝之前也有过这样的现象的，他现在用的是旭贝尔的奶粉长的好壮哦。</t>
  </si>
  <si>
    <t xml:space="preserve">各位大哥新年好,请问CPU插槽:LGA775;Socket479? </t>
  </si>
  <si>
    <t>有分别，不同的插槽，电压，针脚，封装方式都不同，不能混用就像世嘉游戏机的卡不能插在任天堂系列游戏机一样</t>
  </si>
  <si>
    <t xml:space="preserve">推荐一个中央吸尘器的品牌吧，价格实惠，质量有保障的，谢谢 </t>
  </si>
  <si>
    <t>高品质的中央吸尘器产品都是由中央吸尘器行业内的领跑者Cyclo Vac制造，它已经在行业内有超过45年的研究与开发历史。Cyclo Vac的中央真空吸尘系统的独特设计使得它在使用时效率更高、使用更简单，同时拥有强大的吸尘功率和保证高品质的室内空气质量以及超静音使用感受。我们中央真空吸尘器的可靠性在全世界享有盛誉。产品不仅有创新的技术和杰出的性能，而且生产设计Cyclo Vac时所用的组件都是最高品质的。Cyclo Vac的中央真空吸尘器，这个不错、</t>
  </si>
  <si>
    <t xml:space="preserve">为什么我的博客里有的板块显示不出来呢？现在是发现日历和音乐播放器 </t>
  </si>
  <si>
    <t>模块移动：进入 控制面板----点击 定制我的首页----用鼠标左键把你想移动的模块上的蓝色长条（鼠标出现十字花时）上下拖动蓝色长条进行模块的位置调节即可----最后保存。多试试！有时会不好用。如果不行的话，还可以都把已有的模块都隐藏保存后，然后再一个一个的按照自己理想的顺序重新添加进(添加一个保存一个，以此类推，否则无效)去就ok了，祝你好运！</t>
  </si>
  <si>
    <t xml:space="preserve">这些红线圈圈是怎么弄上去的？我发现有些朋友回答关于办公软件的问题 </t>
  </si>
  <si>
    <t>首先按一下F12旁边的那个印屏幕，然后打开开始-程序-附件-画图，粘贴，把你不要的东西裁剪掉，需要在哪里圈红色，就用笔圈起来啊。。很简单的。。会不吧，，会了就加分采纳吧。。。</t>
  </si>
  <si>
    <t xml:space="preserve">娇小女生夏季穿衣注意事项? </t>
  </si>
  <si>
    <t>注意不要穿那些很宽，或者肥大的衣服，会显得很矮，高跟鞋不要穿那些坡跟的，最好选一些根细的，会显得高一点，腿长一些。</t>
  </si>
  <si>
    <t xml:space="preserve">因上火脸上起痘怎么办？ </t>
  </si>
  <si>
    <t>多喝水</t>
  </si>
  <si>
    <t xml:space="preserve">5个月宝宝吃的豆腐怎么做我家宝宝5个月大了,现在在吃蛋黄,米粉, </t>
  </si>
  <si>
    <t>　　鱼泥 取适量无皮、无骨的鱼肉，加入适量的植物油和食盐煮熟，捣成泥状，晾温后喂宝宝。鱼类含有丰富的蛋白质、钙、磷、铁，并且易消化。　　取嫩豆腐，鸡蛋各10克，团粉5克，酱油和芝麻油适量；把嫩豆腐放沸水中略煮，捞出，沥干、研泥，摊开放在抹过芝麻油的小盘时；再把鸡蛋液、团粉和酱油等，调匀后摊在小盘豆腐泥上；小盘入屉，以中火清蒸10至12分钟即成。　　肝泥 取新鲜猪肝或鸡肝50—80克，洗净剖开，加入粥内或细面里煮熟，晾温后喂宝宝。　　胡萝卜汤 取新鲜胡萝卜150—200克，洗净，切成大块，放入锅中煮烂后，用漏勺捞出，挤压成糊状，再放回原汤中煮沸，用白糖调味，每隔数天喂一次。胡萝卜含有多种氨基酸以及丰富的维生素A，对人体骨骼、神经细胞、血红细胞有重要作用。　　　祝宝宝健康～～～～～</t>
  </si>
  <si>
    <t xml:space="preserve">病毒木马为何要盗取热门网络游戏者的个人账号和密码？ </t>
  </si>
  <si>
    <t>因为热门游戏的东西可以卖钱，游戏币可以换成人民币，盗号就是为了这个，也就是驱动人去盗号的最根本原因！</t>
  </si>
  <si>
    <t xml:space="preserve">最近公司要办理深圳市居住证,当我拿着身份证去公司办理时,行政部告? </t>
  </si>
  <si>
    <t>没被套用那就开没被套用的证明给你们公司喽,看看是公司弄错了还是......宝安公安局是宝安区委吗?是的话就在宝安车站附件.很多车都有到的.</t>
  </si>
  <si>
    <t xml:space="preserve">宝箱怎么看属性 </t>
  </si>
  <si>
    <t>景天——风属性——深绿色雪见——土属性——土黄色长卿——火属性——深红色紫萱——水属性——淡蓝色龙葵——雷属性——深紫色于宝箱属性不同最好不要冒然开，否则容易弄坏宝箱哟！</t>
  </si>
  <si>
    <t xml:space="preserve">?o故??觍``我上上下網的?r候不知道?槭颤N?o故自己??男 </t>
  </si>
  <si>
    <t>无故重新启动:一般来说有几种情况:1.CPU过热..解决方法：  打开机箱，用手去感觉一下CPU的FAN温度。。  另一种方法进入CMOS检查CPU温度。。  用测温软件。2.内存有问题,如果2条内存在不兼容.一条的话,可能本身内存条质量问题  如果2条内存。建议拿掉一条，试试。如果不行，换成另一条试试。。 如果都不行。可以找第三根试试。或者直接拿到电脑维护服务公司来解决此问题。3.病毒感染系统.导致重启  用杀毒软件查杀病毒。可采用DOS下。或是安全模式。 崩溃所致  修复IE 或者升级到IE7</t>
  </si>
  <si>
    <t xml:space="preserve">脚上长风团抓破了就变成了一个比蚕豆还大一点的紫色的水泡，怎么办啊 </t>
  </si>
  <si>
    <t>荨麻疹(俗称风疙瘩)是春季多发病。其发病率非常高，有人曾做过统计，全球约1/5人患过荨麻疹。难怪有人把它称为“第一病”。 荨麻疹的皮疹即风团(风疙瘩)，为大小不等、形状不同、高起皮面的暂时性水肿性斑疹，伴有剧烈搔痒。患者常因此而搔抓不止，白天影响工作和学习，夜间影响睡眠。风团出现一般可持续数小时至十多小时，而后自行消退；较严重者可伴有腹痛、腹泻或胸闷、哮喘发作。 绝大部分荨麻疹可在1—3周左右痊愈。若反复数月不愈则称为慢性荨麻疹，有的在搔抓、划碰后皮肤局部出现索条状风团，称皮肤划痕症；有的在遇冷风冷水时发病，称寒冷性荨麻疹。 和其它疾病一样，患了荨麻疹之后，首先应寻找病因，一般来讲急性荨麻疹的病因为机体对外源性过敏物质(过敏源)的一种急性过敏反应，所以病因较易寻找。常见的有：食入异种蛋白如鱼、虾、肉类；食用植物类食品如桃、腰果等；吸入过敏源如春季的花粉、霉菌孢子、粉尘等；使用过某些过敏性药物如青霉素、磺胺等；体内有急性感染病灶等。找到病因后，便可以有针对性地治疗，从根本上控制荨麻疹。慢性荨麻疹的病因则较复杂和难以寻找，患者往往有一定的家族遗传因素(过敏体质)和慢性病灶。在诊治中，可根据患者情况，如发作频度、发作时间、伴发症状等，选用合适的药物或药物组合。慢性荨麻疹患者也可通过摸索及体验，找到最适合自己的药物和预防方法，比如，少吃高热量、高蛋白的食品，清洁居室，远离花粉等过敏源，预防过敏发生。</t>
  </si>
  <si>
    <t xml:space="preserve">20岁怀孕,检查正常,没有家庭遗传病会生出唐氏儿吗 </t>
  </si>
  <si>
    <t>唐氏综合征是一种偶发性疾病，由携带遗传基因的染色体数量出现异常而造成的，而且此病还具有随机性的特征，没有明显的家族史，即使健康夫妇也可能生出唐氏儿。</t>
  </si>
  <si>
    <t xml:space="preserve">如何使用钢笔钢笔放了墨之后，写了一会儿放下之后在写就写不出来？为 </t>
  </si>
  <si>
    <t>个别钢笔是存在这种问题,不用时请扣上钢笔帽.但多数钢笔不是这样的,不然你换一支试试.请注意要经常清洁笔头等部位.</t>
  </si>
  <si>
    <t xml:space="preserve">完美世界国际里网通现在哪个区是最新的有玩的 </t>
  </si>
  <si>
    <t>组龙    就是它了    不个要有 时间玩  不然一样要落后的   我都不去玩   玩老区 东西都有人买  还不竞争   哈哈</t>
  </si>
  <si>
    <t xml:space="preserve">请高手帮我写个电脑配置单家用3000左右玩一般的游戏 </t>
  </si>
  <si>
    <t>CPU Intel 奔腾双核 E5300 ￥430 主板 华硕 P5QLSE ￥550 内存 威刚 2G DDR2 800 ￥140 硬盘 日立320GB 7200转 16MB 串口 ￥295 显卡 七彩虹9600GT￥360 光驱 先锋 DVD-130D ￥120 液晶显示器 优派 1916W￥910 机箱 +长城电源 ￥225 键盘+鼠标 50 合计金额：3085元 3000元应该能拿下。主板你也可以用稍低档点的，还能省100元左右。</t>
  </si>
  <si>
    <t xml:space="preserve">电池充电过程为什么会发热？这是镍氢电池，它在充电初期会发热，结束 </t>
  </si>
  <si>
    <t>电池在充电过程中，电能一部分转变为化学能，还用一部分转变为热能和其他能量。充电电池发热属于正常现象，但是温度较高时就应及时检查充电电流是否过大或者是电池外部的正负极发生短路才对.此时你用手摸电池会感到烫手,而在正常情况下只是感到有点热而已.发生短路等，发热量与电量关系较小,如是电池电内阻增大,也会引起电池生温并且充电时端电压很高。</t>
  </si>
  <si>
    <t xml:space="preserve">我的蛟龙2技了，还能在领悟吗？ </t>
  </si>
  <si>
    <t>看运气啊,我的天神买来时2个技能,到18就领悟了第三个了!</t>
  </si>
  <si>
    <t xml:space="preserve">高一数学题目，请高手进来帮帮忙。，急急急急~~~0分设扇形的周长 </t>
  </si>
  <si>
    <t>解：设扇形的半径为r，圆心角为θ；那么可得：rθ + 2r=8  (扇形周长公式：l=rθ)r*r*θ/2=4 (扇形面积公式：S=r*r*θ/2)解的：θ=2r=2</t>
  </si>
  <si>
    <t xml:space="preserve">康本说”神经性皮炎的治疗，神经性皮炎怎么治疗？ </t>
  </si>
  <si>
    <t>美国康本公司的产品效果还真是出人意料啊，我之前也以为只是保健品，想增强免疫力，改善一下身体状况而已，没想到竟然真的把我的神经性皮炎给治好了。我的这个病还不算是很久，2007年春节的时候才发现的，不过，在没用康本的产品前，也经历了一段曲折的治疗过程。 病发的时候，我没意识到这种皮肤病的严重性，只是感觉颈部两侧剧烈瘙痒，尤其到了夜晚，奇痒难忍，我就擦了曼秀雷敦，能暂时缓解痒症。可是，没几天，我发现全身皮肤都瘙痒，而且脱屑，脚背、肘部等多处皮肤长皮疹，痒极了。擦什么都不行了，当时真是伤心，大过年的，却得了这样的皮肤病，吃睡都不安心。还得上去治疗，去过许多大医院的皮肤专科治疗，中药西药用了不少，但都是用药时见效，停药便复发。后来，瘙痒加重，全身皮肤呈散在苔藓样变，满布小片暗红斑丘疹，表皮脱屑，全身均有抓痕，色素沉着。 这不，到了今年四月份的时候，我就用上美国康本公司的产品了，这可比其它药品要好啊，服用很方便，购买也方便，就在网上直接订购就行了，还有最重要的是有效果，而且安全，不用顾虑什么。我购买了两个神经性皮炎中度套装，也就是两个疗程，然后就把这个病给搞定了。当然，不是一次性购买那么多的，也是吃了第一个套装后，皮疹消下去了，也不脱皮，不怎么痒了，而且结痂的皮肤也脱落了，感觉好了很多啊，晚上也能睡个好觉了，还有就是觉得精神不错，免疫力增强。我这才下决心再买一个疗程继续服用，在服用第二个疗程的时候，情况更好，皮疹没有了，瘙痒全止，色素淡化，皮痕也平复了，皮肤恢复了原来健康的颜色，这总算是治好了。 经过了半年，再次上网来看康本公司网站的时候，发现上了不少新的产品，确实，疗效好，公司就发展越快，我还打算购买康本的美容产品呢。康本产品治好我的病，我是很信任该公司了，无论是保健还是治病，我都觉得不错。</t>
  </si>
  <si>
    <t xml:space="preserve">神经衰弱有哪些表现？我睡觉浅,特别容易被吵醒,对声音特别敏感,有 </t>
  </si>
  <si>
    <t>神经衰弱是一种由于长期的情绪紧张和精神压力，使大脑功能轻度障碍所致的精神活动能力减弱的神经症。多数为中青年和脑力劳动者，病程迁延，症状时轻时重。病情的变化常与心理社会因素有关。其病因多为持久的工作、学习负担过重、睡眠不足或负性情绪，如亲人死亡、事业挫折、人际关系紧张等心理社会因素造成大脑内抑制过程弱化，自制力减弱，兴奋性增高，继之出现大脑皮层功能弱化。神经衰弱的临床表现以衰弱症状、情绪症状、兴奋症状、紧张性疼痛、睡眠障碍为主，并常伴有植物神经功能紊乱症状，具体如下：    1．衰弱症状：精神易疲乏、脑力迟纯、注意力难以集中，记忆困难，工作或学习不能持久，效率减低。    2．兴奋症状：容易精神兴奋，回忆及联想增多且控制不住，无语言动作增多。    3．情绪症状：易，易激惹，伴有继发性焦虑苦恼。    4．紧张性疼痛：紧张性头痛，紧张性肢体肌肉酸痛。    5．睡眠障碍：入睡困难，为多梦所苦，醒后感到不解乏，睡眠感丧失（实际已睡，自感未睡），睡眠觉醒节律紊乱（夜间不眠，白天没精打彩和打瞌睡）。    6．植物神经功能紊乱症状：心慌、血压不稳定、多汗、肢端发冷、厌食、便秘或腹泻、尿频、月经不调、遗精、早泄或阳痿等。本病的诊断主要依据临床表现，同时躯体及神经系统检查、实验室检查应无异常发现。治疗 神经衰弱的方法主要包括：心理治疗、行为治疗、药物治疗。    1．心理治疗：通过关心、同情患者，取得信任，讲明疾病的本质和症状产生原理，说明预后良好，清除患者顾虑。    2．行为治疗：合理安排作息时间，坚持体育锻炼，适当参加文体活动等。    3．药物治疗：    西药：对于焦虑失眠可交替应用以下安眠剂，如佳乐定0.4～0.8mg、氯硝安定2～4mg，或非苯氮卓类新型抗焦虑药，如丁螺环酮15mg~45mg,每日2~3次。也可选用思诺思20mg每晚睡前服。      中药：根据中医辨证，治疗神经衰弱有疏肝解郁、理气化痰，疏肝解郁、活血通络，滋阴潜阳、重镇安神，健脾益气、养心安神等治法，中成药有安神健脑片、柏子养心丸、归脾丸、复方枣仁丸等。 你述说的症状可能还够不上是神经衰弱，只能说睡眠浅，睡眠质量不好，你可以参照以上办法学会自我调节，适当或间断用一点药。应该说问题不会太大。祝安！</t>
  </si>
  <si>
    <t xml:space="preserve">其实持有基金做波段比长期持有的收益更好些？大家说呢？ </t>
  </si>
  <si>
    <t>回过头去看波段,很清晰,但身处波浪之间,就不容易掌控得了那个"两端"--波峰与波谷;我在操作ETF时,也没法吃满整一个波段,应该讲做波段看起来很美,做起来不太容易得逞的.再就是一点,真要做波段,那在开基品种上也有讲究的,我觉得场内大盘封基,ETF及LOF较适合于此道.</t>
  </si>
  <si>
    <t xml:space="preserve">怎样接吻最好@!!!!!!!!怎样接吻是最让人回味的，有没有这方 </t>
  </si>
  <si>
    <t>有文章</t>
  </si>
  <si>
    <t xml:space="preserve">学一个图像处理软件需要多少钱 </t>
  </si>
  <si>
    <t>不用花钱的，从网上搜索PHOTOSHOP视频教程，就会学得很好。里面有初级的，高级的，还有很多实例。一应俱全的！</t>
  </si>
  <si>
    <t xml:space="preserve">如何运动不会伤身？怎样运动不会伤身？比如：跑步。。。 </t>
  </si>
  <si>
    <t>有氧对身体最为有益。怎么来评价是否有氧运动，最简单的方法是：用200减去你的年龄，得出的数值是你能承受的最高心率。将这个数值乘以80%，就可以得出有氧运动的心率上限。比如40岁的人，最高的心率是200-40=160，用160*80%=128，那么40岁的人在进行运动后心率在128次以内，可以认为是达到有氧运动。是对身体有益的，如果超过这个数值，那么就会对身体造成不适。另外从中医传统养生来讲，要注意根据天气情况和气候、季节的不同选择运动的强度和时间，这个问题太多了，不好讲了。简单来说，夏季节要早起，运动强度可以适度加大，使身体出遍汗就可以；春季也应早起，运动强度不宜过大，以使身体微微欲似汗出为宜，而且应当选择舒缓的运动；秋季稍微晚起，运动强度与春季相类似，要注意多饮水；冬季宜晚，运动强度以身体微微发热为宜，禁忌出汗。雷雨天、雾天、冰雹等恶劣天气不能外出运动，尤其是不能空腹外出，为大忌。中医学主张的运动以缓慢、不过度为最佳，如太极拳、八段锦、散步都是很好的选择，最后一点，中医学主张运动的同时还要注意内功的训练，才能获得最好的健身效果</t>
  </si>
  <si>
    <t xml:space="preserve">北京哪里有卖二手自行车的 </t>
  </si>
  <si>
    <t>北小街桥连着鬼街的那条南北走向的路西有家信托商店,是正规渠道进的,价格也合理,要想买黑车就到门头沟有个旧货市场和朝阳区红领巾公园桥下有,你走到那就有人问你要车不,然后你跟他走不远就能看到好几辆.不过现在打击私人买卖自行车呢.好运!</t>
  </si>
  <si>
    <t xml:space="preserve">无极性电解电容的应用原理? </t>
  </si>
  <si>
    <t>无极性电解电容应用在低频替代有机薄膜电容，比容大是其特点。</t>
  </si>
  <si>
    <t xml:space="preserve">教会年终总结怎么写 </t>
  </si>
  <si>
    <t>感谢主，阿门！</t>
  </si>
  <si>
    <t xml:space="preserve">怎么修改密码啊~~精灵不能修改密码吗~~号被盗了~~现在没办法玩 </t>
  </si>
  <si>
    <t>密码暂时是没办法改了 这问题貌似许多人都感到十分麻烦~~~不能改密码~~号被盗了怎么办~~难道叫我们再玩下去? 然后再被盗?哎~~~估计要改的话只能到公测才有这服务~~~建议你先把好些的装备和钱放朋友号上吧~~~暂时先拿垃圾顶着~~等到公测我想你的问题应该会被解决 祝你好运~~!!!</t>
  </si>
  <si>
    <t xml:space="preserve">求高手看下我阵容，目前用的4222想用两翼齐飞，但一直没找到合适 </t>
  </si>
  <si>
    <t>442平行站位你再试试A扬 列农 踢电脑感觉就想飞  你的阵型中他两成了前腰  你太有创意了 拿C罗踢后腰  你还不如踢41212  后卫门将不动  后腰埃辛 左前卫A扬 右前卫列农 前腰特维斯 双前锋 C罗 范佩西</t>
  </si>
  <si>
    <t xml:space="preserve">去围场两天时间够吗？我想下周末去坝上游玩，听说围场那边景色不错， </t>
  </si>
  <si>
    <t>拿北京来说，两天时间是不够的，因为自北京去坝上开车要7小时左右。我为您设计行程如下，供参考：D1：北京乘大巴早6：00赴木兰围场。13：30左右抵达，抵达后入住度假村，下午游览塞罕坝森林公园，观林海及草原自由观光。　　　　　　　　　　宿：坝上。D2：早餐观原始森林公园，东坝梁观林海风光，七星湖，赴&lt;&lt;康熙帝国&gt;&gt;、&lt;&lt;射雕英雄传&gt;&gt;外景地，策马驰骋，领略乌兰布通大草原风光，感受内蒙游牧民族风情。                                    宿：坝上。D3：观滦河源头，滦河漂流，红山军马场骑马，午餐后游览月亮湖，百花坡，白桦林拍照。午餐后返京。晚20:00左右抵京。</t>
  </si>
  <si>
    <t xml:space="preserve">五年级数学作业本题目 </t>
  </si>
  <si>
    <t>上底增加3米,相当于增加了一个底边为3米，高为梯形高X的三角形，所以1/2*（3*X）=18X=12这块试验田的高是12米</t>
  </si>
  <si>
    <t xml:space="preserve">每期都看临赔过后才买,反而影响我的思维,这期来个早的!!!这期来 </t>
  </si>
  <si>
    <t>3个胆肯定要错1个</t>
  </si>
  <si>
    <t xml:space="preserve">我的邮箱为什么别人发的图片不能打开别人发过来的图片我的邮箱总是打 </t>
  </si>
  <si>
    <t>你的过滤功能把这些邮件或图片给过滤掉了，这也是保护你系统的安全。你可以点击设置区，更改邮件过滤功能，选择下面的自定义设置，比方说启用（打钩）来信地址或域 包含或是 ****@163.com 则 转到收件箱，依此类推另一个也是这样设置，最好的办法是把所有朋友的邮箱地址都写入通讯录或组，然后可以这样设置 启用 来信 地址 包含或是 通讯录 则 转到 收件箱。明白了吗？如果你这样设置好了，以后凡来自通讯录中的地址邮件都不会被过滤掉包括图片等等，你不但可以自如的收发邮件和附件，又能够保障安全。祝你顺利！</t>
  </si>
  <si>
    <t xml:space="preserve">小侄子大概赶到07年1月27号，农12月初9出生，那么按属相他是? </t>
  </si>
  <si>
    <t>中国人属相是从农历大年三十二十四点后计算的，因此，你的侄子虽然在07年1月27日出生，仍然应属狗。按照农历计算比按公历计算孩子的年龄确实要大一岁。</t>
  </si>
  <si>
    <t xml:space="preserve">急急急急在一个团队中如果BOSS开打先一个团员下线一直到BOSS </t>
  </si>
  <si>
    <t>告诉你一个情况，如果你强退，你的人物并不会立刻消失，而是站在原第一动不动，这样就保持在战斗状态，如果你在这期间重上线，而且BOSS死了你就可以拿，如果你消失了，脱离了战斗，BOSS死了，你就没东西了。</t>
  </si>
  <si>
    <t xml:space="preserve">我是英语专业的学生,我想上国外的大学上研究生,能行 </t>
  </si>
  <si>
    <t>当然可以，继续读本专业或转专业都可以，国外很多大学都有专门接受转专业的学生的专业。</t>
  </si>
  <si>
    <t xml:space="preserve">我看了一个博客上面说的刷钱bug谁用过啊就是这个里面说的哪个以前? </t>
  </si>
  <si>
    <t>不用刷了,现在刷一次马上封号.还有现在也刷不了.最好不要刷.封号现在很严的．</t>
  </si>
  <si>
    <t xml:space="preserve">请问"青草"在哪里最容易爆?和题目一样请告诉我谢谢 </t>
  </si>
  <si>
    <t>就我感觉,镜湖的幼夫诸爆率高一些，但你级别和它不能差太大，祖龙城外的巨石龙蛭也不错，龙蛭是２１级，夫诸是３０级</t>
  </si>
  <si>
    <t xml:space="preserve">请问一个，爱情呼叫转移这总电影最后他们看演唱会时唱的歌叫什么名字? </t>
  </si>
  <si>
    <t>是陈奕迅的爱情转移，最早是他的粤语歌曲叫富士山下，我喜欢听粤语版的</t>
  </si>
  <si>
    <t xml:space="preserve">神州七号为什么选择夜间发射？ </t>
  </si>
  <si>
    <t>“神舟七号”飞船的发射窗口之所以选择在夜晚而不是白天，最重要的原因是便于飞船发射升空时，地面的光学跟踪测量设备易于捕捉到跟踪目标。道理很简单，在漆黑的夜空中，喷射着火焰向飞行的载有飞船的火箭非常显眼和突出。另外还和发射窗口的宽窄有关。据有关专家介绍，航天发射是一项极其复杂和庞大的系统工程，飞船发射时机的选择要考虑到各种各样可能影响到发射的因素，其中，气象因素往往是最关键最直接的决定性因素。在综合考虑判断的基础上，最终确定下来的一天中的某一个时间段会作为飞船发射的时机，这个时间段被称为“发射窗口”。在九月底之前发射，能够保证阳面出舱，返回时候天还不太黑。按照九月二十五日至三十日这个计划窗口，如果发射时间选择在晚上九时十分左右，可以保证航天员出舱活动在阳照面，返回大概是下午五时四十分，天还不太黑。这样能够保证航天员返回更加安全，也是以人为本的体现。而进入十月份特别是十月中旬以后，发射窗口很窄，不利于发射和回收。此外，秋分前后，太阳活动比较剧烈，对飞船的测控通信也有不利影响。“神舟”一、二、三、四号飞船的发射时间选择在夜间，主要是因为飞船升空后光学仪器易于跟踪测控。而“神州”五号六号载人飞船的发射时间选择在白天，主要是保证降落时也在白天，便于在紧急状态下航天员逃生和进行地面搜救。看来，神州七号是一个例外。</t>
  </si>
  <si>
    <t xml:space="preserve">法师能不能用弓箭，使用是效果如何，25级左右法师建议用什么弓箭 </t>
  </si>
  <si>
    <t>能用的,任何宗族都可以用的,但你没什么技能哦,你可以买普顶的弓,不用再花钱买D蛋了,而且弓用的蛋可不省哦,你是用来引怪的把,现在普顶的弓也便宜很多咯!!</t>
  </si>
  <si>
    <t xml:space="preserve">宽带猫上的LAN及ACT指示灯不断闪烁，网页不再能读取，可是文件 </t>
  </si>
  <si>
    <t>那是网络正在很紧张的传输文件呢,可能是电脑正在下载文件或在看电影呢</t>
  </si>
  <si>
    <t xml:space="preserve">怎么辨别玉手镯的真假好坏 </t>
  </si>
  <si>
    <t>置于光下，看若有青丝，精明透亮者，赝品反之，次品</t>
  </si>
  <si>
    <t xml:space="preserve">冬天对于混合皮肤怎么护肤,睫毛怎么可以长长 </t>
  </si>
  <si>
    <t>你的皮肤和我的一样,混合性皮肤就是不好护理.在冬天我的经验是多用水质化装品大量不水,这样就不会觉得干也不油腻.想要睫毛长长,用玫琳凯的睫毛膏就可以，它可以滋养毛囊促进睫毛的生长．</t>
  </si>
  <si>
    <t>0.28CT,VS1I</t>
  </si>
  <si>
    <t>目前的市价比较高啊，金价上涨了，应该在6000左右。</t>
  </si>
  <si>
    <t xml:space="preserve">请问女生男生对女生说了这段话以后会是什么感觉呢?如果你有什么受委 </t>
  </si>
  <si>
    <t>如果是自己也喜欢的人说了,或许被感动吧如果是不喜欢的人说的,会觉得太矫情了,会觉得太?吕?会更讨厌这个人虽然陷入爱情的人是盲目的,但是我觉得lz最好还是长话短说，精简一些，既能表达自己的情意又不会让人觉得刻意为之才好！</t>
  </si>
  <si>
    <t xml:space="preserve">职工工资问题本人江西省赣州市龙南县人。因为没签合同。想问下我们这 </t>
  </si>
  <si>
    <t>1、建立劳动关系就应该签订劳动合同，对此，《劳动法》第十六条、《劳动合同法》第十条做了明确规定。因此，单位不与你签订劳动合同的做法，是违法的，需要承担支付《劳动合同法》第八十二条规定的二倍的工资的责任，时间从进入单位工作满一个月的次日起。2、你所在地区的最低工资是多少，你可以向当地劳动行政部门咨询，按照江西省的实际情况，每月1200元的工资应该是超过最低工资标准的。但一天12个小时，无节假日，却违反了我国现行8小时/日，40小时/周，20.83工作日（计算工资时为21.75工作日）工作制，所有超过上述规定的工作时间，都属于加班，应该支付《劳动法》第四十四条规定的加班费。3、无论是建立劳动关系不签订劳动合同，还是加班不支付加班费，以及你没有提到的欠缴社会保险问题等，都既违法也侵害了劳动者的合法权益，是不能够接受的。综上，你可以依据《劳动合同法》第三十八条的规定，向劳动争议仲裁委员会提出仲裁申请，请求裁决单位支付用人单位支付二倍的工资；支付克扣的加班费，以及补交欠缴的自参加工作之日起至今的社会保险费等。</t>
  </si>
  <si>
    <t xml:space="preserve">研究性学习报告格式是怎样的？开头不会。写摘要不知道写什么。。。。 </t>
  </si>
  <si>
    <t>给你几个写作范文网站，绝对有帮助的：     试试、找找。</t>
  </si>
  <si>
    <t xml:space="preserve">F1目前一共有多少支车队? </t>
  </si>
  <si>
    <t>一共有10支分别为:迈凯伦.雷诺(Rennault),法拉利(Ferrari),维廉姆斯(Williams),丰田(Toyota),英美(BAR Honda),红牛(Red Bull Cosworth),索伯(Sauber),乔丹(Jordan),米那地(Minard)</t>
  </si>
  <si>
    <t xml:space="preserve">中药谜语十月怀胎 </t>
  </si>
  <si>
    <t>大腹皮，附子</t>
  </si>
  <si>
    <t xml:space="preserve">神秘头盔的问题在摊上看到有人卖攻2的神秘头盔，请教这东西是在哪打 </t>
  </si>
  <si>
    <t>蛇洞里面的第３层百蛇穴　　左下角有个旅人　点他就可以进去打　　要多点几次　　　有可能前几次都说不叫你进　</t>
  </si>
  <si>
    <t xml:space="preserve">新浪编辑太不敬业20178期的对阵表中,切尔西,利物浦的赛果和彩 </t>
  </si>
  <si>
    <t>已经习惯了，新浪就是这样</t>
  </si>
  <si>
    <t xml:space="preserve">你家有19个月的宝宝吗?想和各位交流一下你家有19个月的宝宝吗? </t>
  </si>
  <si>
    <t>我小外甥今年21个月大了.体重26.5斤,身高好象是83CM吧.好久没给他量了,不过别人都说他好高.小外甥长得真的是可爱,胖督督的,又很喜欢笑,整天笑个不停.好象从生下来刚几个月的时候,他就好喜欢笑了,你只要随便逗他一下,他就笑个不停,心情真的好好.现在,还不怎么会说话,会叫爸爸妈妈,还有姨妈,还有小叔,还会说要吃饭,会说好,会说要\不要,其他的语言都有教他讲,他也想讲,但是讲出来的不仔细听还听不懂.说不标准,呵呵,讲完后,我们笑,他自己也在那边笑,哈哈.至于智力方面的学习,有买了个习机给他,里面有图片,有物品,人物.跟着机器,他倒是可以把念到的人物.东西指出来,一个测试下来也可以得个六七十分.还有,就是听到喜欢听的歌曲之后,他还会跳舞,都没人教他,他自己就在那里摆弄姿势了,估计是看了电视上面演的吧,而且他特别喜欢的电视就是广告了,特别是那个钙加锌的广告,只要一到这个广告,不管他在哪里,都会跑出来看完了再走,呵呵,真的很有趣.至于吃饭,最近吃得也不大好,总是不喜欢吃饭,应该是天气的原因吧.不过,晚上睡觉前都会让他喝了奶粉再睡.不过他平常都经常喝水,然后水果也吃得多,所以他皮肤好好,你不防也试试吧..我外甥还特别喜欢去KFC,在我们家楼下,就有家KFC,他每次经过那里,都要拉你进去玩,他玩够了,还非得拉你去买薯条或是汗堡他才肯罢休.哎,这年头的小孩子啊.不过也真的给生活添加了好多的乐趣啦.希望天下的BABY都幸福健康成长啦!</t>
  </si>
  <si>
    <t xml:space="preserve">儒学中的理学派和道学派代表人物都有哪些？以及思想特点是什么？ </t>
  </si>
  <si>
    <t>儒家只一家，都是理学家，理即道，怎么会那样分，儒家内部自可分两大派；1.心为气；性为理，为死理，即朱子，王夫之等。2，性与心一，皆为形而上，性心动而无动，即陆王，吕坤等。</t>
  </si>
  <si>
    <t xml:space="preserve">古人有云：“惟有有女子与小人难养也。”为何义，现在是否还有其一定? </t>
  </si>
  <si>
    <t>上文完全是附会，曲解原文。原文出子《论语。阳货》：子曰：惟女子与小人难养也，近之则不逊，远之则怨。 翻译过来就是：在处理人际关系上，家中的女眷和近侍（仆从、奴才）是比较难以把握分寸的，与之关系太亲密了，他们往往会恃宠而生骄，不尊重你；对他们比较疏远严厉呢，又会让他们产生怨恨。  孔子说的是一种社会现象和心理现象，他提出解决的方法是以“礼”治人，通过各种纲常教条来协调，做上级的树立威信的同时保持一个适当的距离，做下属的也要给上级应有的尊重。  至于后人牵强附会各种解释这里就不多做讨论了。中国社会实际上还是以礼治国的“人治”，在处理人际关系上，《论语》依然能起到重要的指导作用，现在的口号“建立和谐社会””明礼诚信“等等，孔子早说过了，多学习领会这些经典，一样可以提高个人修为。</t>
  </si>
  <si>
    <t xml:space="preserve">请进~~~1，超频有何弊端，会对计算机产生害处吗？高频运行电脑会 </t>
  </si>
  <si>
    <t>1.弊端就是被超频的硬件的稳定性降低了，害处就是硬件轻则寿命变短，重则直接报废2.没有要求，一般的显卡，cpu都能超频，但是要控制超频尺度，不要超太多祝你好运 ^_^</t>
  </si>
  <si>
    <t xml:space="preserve">电脑中病毒有那些路径 </t>
  </si>
  <si>
    <t>中毒症状一览 时下电脑感染病毒的途径，已经由原始的磁盘带入，变为现在承受多种渠道同时攻击，几乎到了防不胜防的地步。有些病毒行踪诡秘、深藏不露；更多的则显山露水，用家细心观察，不难抓住其蛛丝马迹，及早防范，可免遭其害。电脑中毒的十大症状： 1.平时运行好端端的电脑，却变得迟钝起来，反应缓慢，出现蓝屏甚至死机。 2.程序载入的时间变长。有些病毒能控制程序或系统的启动程序，当系统刚开始启动或是一个应用程序被载入时，这些病毒将执行它们的动作，因此要花更多的时间来载入程序。 3.可执行程序文件的大小改变了。正常情况下，这些程序应该维持固定的大小，但有些病毒会增加程序文件的大校 4.对同样一个简单的工作，磁盘却花了要长得多的时间才能完成。例如，原本储存一页的文字只需一秒，但感染病毒可能会花更多的时间来寻找未感染的文件。 5.没有存取磁盘，但磁盘指示灯却一直在亮。硬盘的指示灯无缘无故一直在亮着，意味着电脑可能受到病毒感染了。 6.开机后出现陌生的声音、画面或提示信息，以及不寻常的错误信息或乱码。尤其是当这种信息频繁出现时，表明你的系统可能已经中毒了 。 7.系统内存或硬盘的容量突然大幅减少。有些病毒会消耗可观的内存或硬盘容量，曾经执行过的程序，再次执行时，突然告诉你没有足够的内存可以利用，或者硬盘空间意外变校 8.文件名称、扩展名、日期、属性等被更改过。 9.文件的内容改变或被加上一些奇怪的资料。 10.文件离奇消失。</t>
  </si>
  <si>
    <t xml:space="preserve">45枪找谁领45的枪任务有给吗哪位高手告我找谁要 </t>
  </si>
  <si>
    <t>去护法山庄就是鬼屋上面那个庄主那领任务</t>
  </si>
  <si>
    <t xml:space="preserve">水之瓶的任务怎么接呀我现在41级,土的任务做完了,请问去哪接水之 </t>
  </si>
  <si>
    <t xml:space="preserve">  大家都对七谕令任务流程不是很了解,现在为感谢大家帮助我完成七谕令,特把流程写给大家.希望大家在内测的最后几天也可以完成这个任务.城西仓库背后面那里有个小女孩...到30级左右的时候她叫你帮他去找一根玉簪..在祖龙城西郊打虚之土精...搞到手以后..她就会给你一块破破烂烂的铁牌子.你拿着去天泪找天城老者..任务由此开始 按可以得到级别排序:一,最先得到的法师武器.七封印之封印之轮(土)1,先接到七谕令的任务．提示：找天城隐士问七谕令的用处2,找天城隐士问明真像．隐士提示：七件封印中我只知道封引之轮在英家冢的密道内.剩下的就看你对地图的熟悉度(我一直都是无敌闲逛,这个任务是由DK桀骜殇神带领完成,那时候我29级)．直接去英家冢内挖土之宝箱就可以得到封印之轮.二,一点都没用的瓶子.甚至连装饰都谈不上七封印之水之玉瓶(水)1,在林寒处接水之玉瓶的任务，任务提示：找渔夫问水之玉瓶的下落。2,再去渔夫639。802接水之玉瓶的任务。任务提示：找玉瓶的事先不急。你先帮林寒找回10支蜡烛，我必定告诉你，玉瓶的下落。3, 这时你不要管他叫你做什么．4,再找渔夫接水之玉瓶的任务。提示：从这下水往东边找。5,水之玉瓶在660.797的宝箱之内。(附近的怪是密密麻麻的但是不会攻击你)三,45级用战士武器七封印之封印之剑 (火)1,城北铁匠汤剑接火之神剑的任务。任务提示：去灯笼山附近找剑冢2,碧涛林的剑冢 597。762此处为上一步所要找的剑冢，点它可得到碎片3,把所检到的碎片交给剑仙城南铁匠 431。874，下一步提示：去幽冥古道寻找剑冢捡回碎片4, 幽冥古道剑冢 524。927，在此处点击剑冢检到碎片。5,把检到的碎片交给城南铁匠，铁匠提示：再等30分钟 .然后完成任务得到武器.四,45级用战士双刀(为什么给战士两把武器,就给法师一把,真不公平)七封印之封印之刀(金)1,在落日镇铁匠124。590处接土之宝箱的任务。因这个任务的提示就是去飞来镇铁匠那问土之宝刀的下落。2,在飞来镇铁匠处交接任务。所接的任务为杀妖牛勇士。3,任务提示是在30分钟之内杀完30只妖牛勇士，并交给铁匠。4,在骷髅山的173,622处完成此任务，因土之宝刀埋藏在土里。所以须跟据所给的坐标来回的走动，方可完成任务。(我在天上飞了30分钟观察山顶有什么不一样的东东.没研究出来.最后一个忘了名字的姐姐对我说下去跑跑,得到ing)五,50级羽芒的超漂亮弓七封印之木之灵弓(木)1,禹王鼎村长处接2,杀野人狂战士和野人神射手3,找木灵实444.407，无需打怪就可以得到。(大家都为找不到木灵实而发愁,一会下面截图告诉大家)4, 现在就要去无忧寒潭恢复木之灵弓了，这时天泪之城的那本可用的书发挥作用，双此书再点开任务木之灵弓出现如此的对话：玩家：以禹王之精华 附以寒潭之水。。。。。。让我看看这把弓到底有什么玄机。系统：……玩家：封印之弓！想不到竟然会在这里被我发现。这个时候自动跳出对话:系统：……不要找了,我并非凡人，乃是上古神器——七谕令之器魂。玩家：七谕令之器魂！难道说一件物品也会有魂魄不成？ 系统：正是如此，所有神器内都有其主宰之魂，我已经沉睡数千年，刚才受到本体内五行之力汇合波动影响才会复苏。你知道七谕令剩余两件碎片流落何处吗？七大封印之器流散四方，是我已经沉睡之后才发生的事情。我只依稀记得沉睡着的最后影象，看到的身影似乎异民族的服饰。我勉力积聚的灵力有将耗尽，希望你能够早日收集七件封印之器，重新唤醒我的意识，届时我将满足你未完成的心愿。玩家：狼镇的大祭司似乎便身著异民族的，看来我得去那儿看看。六,长的象面包不能吃也不能用的地之圣印七封印之地之圣印獠牙镇祭司：年轻人，你为什么要来这个偏远而危险的地方？玩家：睿智的祭司，我来这儿是想向您询问一件特殊物品的下落。獠牙镇祭司：是什么奇特的物品呢？玩家：那是关于上古传说中，最神秘也最久远的七谕令。獠牙镇祭司：七谕令？你怎么知道这个名字？玩家：这但知道，而且我已经将七封印中五件五行封印全收集到手了。獠牙镇祭司：你已经收集齐了五件封印物品？！想不到你竟然会有如此实力和运气？！还是说上天又决定令那件凶器再度出现于世上了？玩家：凶器？獠牙镇祭司：七谕令乃上古至极至凶之器，当年因为它，不知道有多少人死于非命。所以最终此物才会被封印并散落各地。想不到如今竟然会被你再度找到，天下或许又将面临一场浩劫！玩家：有心为恶，至善之器也是凶器，有心为善，至凶之器同样也可造福于世！獠牙镇祭司：。。。。。。也许你说的是对的，我们不应太才于拘泥。七封印中代表大地力量的地之圣印流落在北方的太极滩。我的祖先们为了保证其不被人夺走，便将它封印在了那里最强悍的怪物九辰天蛰体内。如果你想获得它，就必须先杀死这只怪物。而七封印中代表天空之力量的天之昊镜，则隐藏在了最北端的万劫城。其具体位置以及下落，我无从得知。你可以到那里找万劫城主询问。玩家：接受1,找到九辰天蛰....还要找一帮得力的朋友,最佳队伍,2妖兽2法师2羽毛2,杀死九辰天蛰后得到地之圣印.七,内测中最厉害的75级BOSS巡海夜叉及天之昊镜的拥有者七封印之天之昊镜1,去找万劫城主接两次这个任务，然后再去无极海(751.944)附近找巡海夜叉（木系怪，法攻）2,最佳推荐组合2妖兽2法师2羽毛,强烈推荐装备:可乐,瓜子,牛肉干,水果若干!经过2小时战斗可以结束战斗,这个时候你也吃饱了.3,得到天之昊镜,然后交万劫城主任务,天之昊镜子消失 不过最后集齐7件可以换一把神器</t>
  </si>
  <si>
    <t xml:space="preserve">女性每月经期多长时间为正常？ </t>
  </si>
  <si>
    <t>一般3－7天为正常范围。经期应注意：　　不吃生冷的食物；　　不长时间沾冷水；　　不剧烈运动；　　不做太重的活；　　不吃寒性的食物：如茶、绿豆汤等；　　不能过性生活；　　保持局部卫生。　　等等。。。。。。</t>
  </si>
  <si>
    <t xml:space="preserve">我国现行户籍制度是否符合宪法的基本原则? </t>
  </si>
  <si>
    <t>宪法第三章第18条明确规定:我国实行户籍制度,.</t>
  </si>
  <si>
    <t>肝病有中度脂肪肝而且谷草转氨酶谷丙转氨酶碱性磷酸酶r</t>
  </si>
  <si>
    <t>降酶用甘草甜素,降脂用利肝能粉剂,阿卡明,甲硫氨基酸,肌醇.中药祛脂饮,五花茶.少吃动物脂肪,适当活动.</t>
  </si>
  <si>
    <t>物理问题！v</t>
  </si>
  <si>
    <t>我们按照习惯方法标注，V-&gt;X轴，t-&gt;Y轴；S-&gt;-&gt;X轴，t-&gt;Y轴先看V-t图如果v在x轴下时，说明此时速度与正方向相反；但是当到此时为止的v-t面积为负(x正向面积为+,负向面积为-)时，说明位移(不是路程，因为路程不是矢量)为负再看S-t图S这里应该表示的是位移，那么当S在X轴下时，说明位移为负，但是当取某一点的切线时，如果他的斜率&gt;0那么此时速度为+，斜率&lt;0那么此时速度为-，如果斜率=0那么此时速度为0 （直线的切线方向同本直线方向）</t>
  </si>
  <si>
    <t xml:space="preserve">乙肝六项01HBsAg+测量值2.556S/CO24.302HB </t>
  </si>
  <si>
    <t>这是乙肝“小三阳”。传染性高低与病毒量有关。建议查肝功能和HBVDNA定量（病毒量），按以下操作： 一，病毒量高，肝功明显异常，去正规医院抗病毒治疗； 二，病毒量低或无，肝功正常，每半年复查一次。</t>
  </si>
  <si>
    <t xml:space="preserve">MS有没有职业任务？我看别的职业都有职业任务，不知道MS有没有职 </t>
  </si>
  <si>
    <t>牧师低级的时候没有别的职业那么多麻烦的职业任务 有的也是很简单就完成的 比如10级的衣服 后来种族特有技能牧师接触的第一个像模像样的职业任务是50级训练师给的 其他职业50也有 一系列前续加最后去神庙杀条龙拿东西奖励是一魔杖一项链一戒指 好像是这样的吧 格太长时间记不清楚了楼下补充</t>
  </si>
  <si>
    <t xml:space="preserve">打印机的问题打印机有四色,六色甚至更高,请问这个几色在打印机哪里 </t>
  </si>
  <si>
    <t>任何颜色都是由三原色组成的，所以彩色打印机至少有一个彩色墨盒，里面有三种颜色的墨水（红、黄、蓝）。低档打印机大多数有二个墨盒，一个是黑色的，一个是彩色的（个别的也有只配置一个彩色的，没有黑色的墨盒，打印黑色文件时是由彩色墨盒的彩色三原色合成的，这是厂家为了降低成本）。比较好的彩色打印机每个彩色墨盒中只有一种颜色，一看就能知道是几色的，而现在有的四色或六色打印机也是一个彩盒中有多种颜色，所以光看墨盒数不能区分是几色的。所以要知道是几色打印机还得看打印机的说明书。</t>
  </si>
  <si>
    <t xml:space="preserve">2000型的桑塔纳普通大灯改为疝气大灯多少人民币？什么品牌的比较? </t>
  </si>
  <si>
    <t>你好！不知道你要安装单灯还是双灯．如果安装单灯的话价格在１０００元左右如果安装双灯的话价格在２０００元左右只要卖方在保的时间越长那就证明越好！如果超过这个价格的话那经销商就在宰你！！！！！！！！！！！！！！！！！！！！！</t>
  </si>
  <si>
    <t xml:space="preserve">[嘻嘻]亲们~给我一点建议，浅粉色的墙纸配什么颜色的窗帘好看啊？? </t>
  </si>
  <si>
    <t>你的风格以浅色为基调，配重配浅不好协调，所以你很无力！为了起到搭配协调画龙点珠作用，建议窗帘用雪青紫色，或象皮红比较好看些！我觉得米黄色或者带点小碎花的都行</t>
  </si>
  <si>
    <t xml:space="preserve">在校园２中等级别级数多少啊？ </t>
  </si>
  <si>
    <t>50~70左右吧</t>
  </si>
  <si>
    <t xml:space="preserve">怎样断奶好?6个月的宝宝怎么样断奶好呢? </t>
  </si>
  <si>
    <t>一般都会在孩子周岁左右给其断奶。断奶时间最好选择在春秋季，不宜在夏天或小儿患病时断奶。婴儿出生10个月以后，母乳的质量日渐下降，已不能满足孩子的生长、发育需求，辅食已逐渐取代母乳，如果哺食喂养得很顺利，断奶是不成问题的。 当然，因为某种原因，六个月宝宝也可以断奶。继奶要慢慢来，循序渐进，不能说断就断。有些母亲平时不为小儿断奶做准备，想断奶时就往奶头上抹辣椒水或红药水，让孩子突然断奶，这样会使孩子感到不愉快，影响情绪，容易引起疾病；也有的会因为不适应随之取代的其他食品，造成营养不良。所以，应该避免这种断奶的方法。开始就要逐步减少每天气喂奶次数，减少的部分以辅食代之，并逐步变辅食为主食。每日只喂早、晚两次奶，以至只喂一次奶，最后“瓜熟蒂落”彻底断奶。平时应多予抚爱，使他仍感到与母亲很亲密。</t>
  </si>
  <si>
    <t xml:space="preserve">晚上睡觉前，用洗面奶洗了脸，早上起床后，还有必要用洗面奶洗脸吗？ </t>
  </si>
  <si>
    <t xml:space="preserve">洗面奶是早晚都要用的。 晚上用洗面奶是一般女孩都有的习惯，因为一天下来，汗、尘土、汽车尾气、电脑辐射都会对皮肤造成污染。。。 不过早上也是一定要用洗面奶的哦，因为夜间是皮肤排毒的时候，这时排出的毒素都在脸上，和油脂混在一起清水是无法洗净的，不彻底清洁即使抹上保养品也无法很好吸收，更何况是毒素在脸上。。。 因此，请记住，早晚都要用洗面奶，否则，美丽打折哦。。我个人一般早上用的是那些非常柔和的洗面奶,晚上用的洁净力比较强的甚至带有卸装功能的! </t>
  </si>
  <si>
    <t xml:space="preserve">问什么问题可以得到许多回答? </t>
  </si>
  <si>
    <t>大家普遍关心的：iask积分、社会性质问题、幽默与滑稽、谜语、智力题目……</t>
  </si>
  <si>
    <t xml:space="preserve">未成年子女名下的房产如果未成年子女名下有房产，该房产是祖父母以该 </t>
  </si>
  <si>
    <t>子女未成年，虽以户主名义持有房产权证，但父母是当然的监护人，就必定要共同生活在一起而共同居住此套房屋。因此在目前经济适用房源紧张的情况下，当地政府部门很有可能暂时不会批准你们夫妻的申请的，但是可以向所在社区提交申请报告，只要其他条件符合。供你参考。</t>
  </si>
  <si>
    <t xml:space="preserve">哪种芦荟最好？ </t>
  </si>
  <si>
    <t xml:space="preserve">  这个要看你是要观赏用还是药用了，观赏类的芦荟品种太多了，根据个人喜好吧。药用类的芦荟品种比较少，也就5，6种。现在普遍用于美容，食品和药品类的芦荟出自库拉索（curaçao），库拉索芦荟原产于美洲西印度群岛的库拉索群岛和巴巴多斯岛，所以也有人称之为巴巴多斯芦荟（Aloe barbadensis Mill）、美国翠叶芦荟和蕃拉芦荟（A.vera L.），现在在我国的云南也有了库拉索芦荟种植基地。由于库拉索芦荟的药用价值高，已经成为许多美容产品的主要成分。目前国内使用库拉索芦荟入药的产品有天石雨天然芦荟系列。</t>
  </si>
  <si>
    <t xml:space="preserve">烫伤怎样不留疤 </t>
  </si>
  <si>
    <t>病情分析：根据你的描述你上述情况属于烫伤的问题，存在脱皮的话，应该考虑还是2度烫伤，一般来说是不会影响生殖器功能的，你可以放心，不过还是应该积极预防感染指导意见：上述情况的话，建议你还是应该选择就诊点滴抗生素药物等治疗，配合美宝膏外包扎患处，时间长些应该可以达到治愈的目的，疤痕应该不大的</t>
  </si>
  <si>
    <t xml:space="preserve">工程问题一个工程，甲队单独要40天，甲队的工作效率是乙队的2/5 </t>
  </si>
  <si>
    <t>算术分析：甲队单独完成要40天，那么甲队的效率是1/40。这就是知道乙队的效率的2/5是1/40，求乙队的效率。也就是知道一个数的几分之几是多少，求这个数，用已知的数除以分率就得到这个数了。列式计算：1÷40=1/401/40÷2/5=1/40х5/2=1/161÷1/16=16（天）答：乙队单独完成要16天。</t>
  </si>
  <si>
    <t>直线与方程等腰直角三角形斜边所在直线的方程是3x</t>
  </si>
  <si>
    <t>L:y=(1/2)(x-4)-2=x/2-4,设此直角三角形的顶点坐标为(x,x/2-4),它到斜边的距离h=|3x-(x/2-4)|/√10，此三角形的面积为h^=10,∴(5x/2+4)^=100,5x/2+4=土10，5x=12,或-28，∴x=2.4,或-5.6，∴所求顶点坐标为（2.4，-2.8），或（-5.6，-6.8）.</t>
  </si>
  <si>
    <t xml:space="preserve">求助有一个男孩向一个女孩求婚想要那个女孩嫁给他,女孩沉默了一下说 </t>
  </si>
  <si>
    <t>心上人？？？</t>
  </si>
  <si>
    <t xml:space="preserve">尿道损伤应做哪些检查 </t>
  </si>
  <si>
    <t>常规检验项目：1、 三大常规及血型，特别注意尿常规的结果；2、 X线骨盆片，注意合并伤；3、 观察患者排尿情况，有尿道狭窄者应测定肾功能，酌情作尿路造影，可分别自尿道外口插入探条，再辅以X线检查，以确定狭窄部位、程度等；4、 从尿道口注入造影剂15-20 ml，经X线可确定损伤部位；5、 陈旧性尿道损伤形成尿道狭窄者，除需做下尿路动力学检查外，尚需了解上尿路受累情况。推荐湖南永和阳光公司湖南永和阳光公司是一家研究、开发、生产临床肝功能检测、血脂检测、血糖检测、特种蛋白检测、心肌酶检测等诊断试剂的高科技公司</t>
  </si>
  <si>
    <t xml:space="preserve">重生小说就跟宅女的世外桃源 </t>
  </si>
  <si>
    <t>小房东（上中下）重生之父未亡的美好生活重生我是你正妻把酒话桑麻（重生0在古代）何处可采薇（重生在古代）重生之逆流重生之乡路漫长秦话眉（古代重生这些都看过，觉得很不错，很喜欢</t>
  </si>
  <si>
    <t xml:space="preserve">电脑被别人设置了密码，我要怎么办？！问题同上，如果重装系统的话， </t>
  </si>
  <si>
    <t>有两种方法可以一试：如果是普通账户密码忘了请用第一种方法。方法（一）重新启动，启动到系统登录界面时，同时按住Ctrl+Alt键，然后连击Del键两次，会出现新的登录界面，用户名处输入“Administrator”密码为空，回车即可登录，登录后，打开控制面板选/用户账户/更改账户/点击原来的“账户名”/更改我的密码/输入新密码，再次输入新密码，然后点击“更改密码”按钮即可。如果是计算机管理员密码忘了，请执行第二种方法。 方法（二）1、重新启动计算机，开机后按下F8键不动直到高级选项画面出现后，再松开手，选择“带命令行的安全模式”。 2、运行过程结束时，系统列出了系统超级用户“administrator”和本地用户“*****”的选择菜单，鼠标单击“administrator”，进入命令行模式。 3、键入命令：“net user ***** 123456 /add”，强制将“*****”用户的口令更改为“123456”。若想在此添加一新用户（如：用户名为abcdef，口令为123456）的话，请键入“net user abcdef 123456 /add”，添加后可用“net localgroup administrators abcdef /add”命令将用户提升为系统管理组“administrators”的用户，并使其具有超级权限。 4、重新启动计算机，选择正常模式下运行，就可以用更改后的口令“123456”登录“*****”用户了。如果是BIOS设置了密码，将主板电池扣下来，在安装上即可。</t>
  </si>
  <si>
    <t xml:space="preserve">如何选择萃取剂 </t>
  </si>
  <si>
    <t>选择萃取剂的几个要点：1、溶质在萃取剂中的溶解度要远远大于在原溶剂中的溶解度。2、萃取剂不能与原溶液中的溶质、溶剂反应。3、萃取剂要与原溶剂密度不同。4、萃取剂要不与原溶剂互溶</t>
  </si>
  <si>
    <t xml:space="preserve">求局域网里挂网页方法机房有几百台机器,想用一台做服务器.我做了一 </t>
  </si>
  <si>
    <t xml:space="preserve">在控制面板中选添加或删除程序选添加删除windows组件安装IIS在运行里键入inetmgr设置好默认访问目录这里有详细的描述： </t>
  </si>
  <si>
    <t xml:space="preserve">弓形虫检查的问题我和老婆准备要小孩了，因为家里养了些小动物，想去 </t>
  </si>
  <si>
    <t>对不起，我刚从外地回来。弓形虫检查，应由你夫人去检查。抗体检查，毋须空腹。你吸烟，对检查没有影响。不过，我建议你陪夫人去医院看病，最好不要吸烟。</t>
  </si>
  <si>
    <t xml:space="preserve">请大家帮我分析一下哪个牌子的文胸对胸型比较好，带着比较舒服按理说 </t>
  </si>
  <si>
    <t>应该是的，但是一定要买适合自己的，牌子么没有一定的。可以多去几家文胸店试试。</t>
  </si>
  <si>
    <t xml:space="preserve">失眠说梦话怎么办我20岁，女，近一年来睡眠不好，说梦话的习惯很多 </t>
  </si>
  <si>
    <t>你的症状和我很相似，你是不是有些精神压力，睡觉前总是想着快点入睡，怕第二天早起耽误时间？还有睡觉前经常被一件小事弄得烦心而睡不着觉？这些现象都是我经历过的，我倒是没有用过中医和西医的治疗，我说几点我的方法吧。1.多参加体育锻炼，每天可以跑跑步，打打球，放松自己紧张的心态。2.多找自己喜欢的事情去做，也就是说让自己的生活丰富多彩一些。3.睡觉前泡泡脚，喝点热牛奶，让每天疲惫的身体得以放松。4.生活要有规律，尽量养成早睡早起的习惯，工作学习都不能太投入和紧张，做其它事情也是，千万不要沉迷进去，一定要合理安排时间。5.放松精神包袱，不要总担心睡不着觉的问题，反正也是这么多年不能睡好了，你的心态应该平和，能不能睡好无所谓，睡觉前不胡思乱想，保持放松的心情入睡。我说的这几点很重要，我就是按照以上方法坚持一段时间，养成习惯了，现在再也不失眠了，睡觉非常踏实，你可以试试。最后祝你早日改善睡眠质量。</t>
  </si>
  <si>
    <t xml:space="preserve">证券从业人员的考试成绩是不是过了7天后的一段时间就查不到了呢？不? </t>
  </si>
  <si>
    <t>能。我刚才又查了次，输入身份证号即显示你参加考试的成绩，如果通过了，可以直接打印。我上周才把证书打印出来。基础知识过了。</t>
  </si>
  <si>
    <t xml:space="preserve">为什么和男朋友没有什么话说男朋友老想和我谈心事而我每次都是听者为 </t>
  </si>
  <si>
    <t>首先我觉得你是一个幸福的女朋友,如果男孩子愿意把心事都告诉你,说明他很信任你,十分爱自己的女朋友如果你爱他并愿意和他一辈子在一起,就认真听你跟他说没有关系,他会无比感激,没有话说不会呀,就说说他所跟你讲的这些,一你自己的观点帮他分析一下,当然觉得自己分析不好呢就简单说几句安慰他的话,不要大表自我观点,也可以开机个玩笑让气氛和谐一些,其实如果我的男朋友更愿意像我一样把心事都讲出来,那我要多开心啊.</t>
  </si>
  <si>
    <t xml:space="preserve">郑州第二人民医院电话号码是多少？ </t>
  </si>
  <si>
    <t>你问的电话号码是037166217999.</t>
  </si>
  <si>
    <t xml:space="preserve">FC模拟器游戏90坦克我想玩以前那个坦克，可以过河还有消草那版的 </t>
  </si>
  <si>
    <t>到 下载一个fc模拟器就可以了！</t>
  </si>
  <si>
    <t xml:space="preserve">很想很想知道.有哪位姐妹有多囊卵巢的?你们有治好了吗?是不是很难? </t>
  </si>
  <si>
    <t>我之前是,不过现在,有二个多月的宝宝了,想了解详细的就 吧,328196947要注明哦,一般的人我不会加的,</t>
  </si>
  <si>
    <t xml:space="preserve">紫癜性肾炎如何治 </t>
  </si>
  <si>
    <t>你好！你的资料已阅。过敏性紫癜性肾炎是一种免疫性的肾损伤，使由于免疫复合物在肾小球基底膜沉积，破坏了肾小球基底膜的正常通透性，导致了潜血及蛋白的漏出。激素与细胞毒类药物只能减少免疫复合物的形成，不能清除免疫复合物，不能修复肾小球基底膜，我们不主张应用激素。我院运用“非激素非透析免疫复肾四联疗法”，所用中药中的特殊活性物质不仅有效清除免疫复合物，而且对肾小球基底膜进行修复，从根本上恢复肾脏结构。根据紫癜性肾炎的病理发展来看，治疗越早效果越好，病情也容易控制，能够有效的避免肾功能的损害，建议及时有效地进行治疗。检测过敏源可以在饮食生活中要避免接触一些容易引起变态反应的物质，另外还要注意辛辣刺激低盐饮食，避免劳累，如果有条件，要选择尽量休息。]</t>
  </si>
  <si>
    <t xml:space="preserve">哈哈全部命中发比小财2竞彩足彩－胜平负单买2011/1/2616 </t>
  </si>
  <si>
    <t>不简单的单选。</t>
  </si>
  <si>
    <t xml:space="preserve">边锋游戏麻将挂网能获得银两吗? </t>
  </si>
  <si>
    <t>过去是可以的，现在不知道了。不过你可以试试就知道了呀！</t>
  </si>
  <si>
    <t xml:space="preserve">沈阳市肝病患者的误区都是哪些 </t>
  </si>
  <si>
    <t>很多肝病患者肝病康复一些之后，就不在重视，从而一不小心或者轻信谣言，导致肝病出现了恶化的现象，例如：服药过量，给肝脏带来了负担，饮酒过度，容易导致酒精肝的形成，营养过剩，就会换上脂肪肝。在平时的生活中需要适当饮食，不要盲目的服用药物，需要戒酒。注意生活饮食习惯，戒烟忌酒，同时定期到医院进行复查。</t>
  </si>
  <si>
    <t xml:space="preserve">什么叫做子母门，子母门有何作用呢？ </t>
  </si>
  <si>
    <t>如果门比较宽(大于1.2m以上),一般会安装子母门.就是一大一小两扇的那种,一个是好看,而是安装子母门不会给一侧的门轴造成过大的承重.如果是1m以下宽度的门,那就没有必要装这种门了.</t>
  </si>
  <si>
    <t xml:space="preserve">对深圳交通违法处罚有异议如何在网上查证违章照片对深圳交通违法处罚 </t>
  </si>
  <si>
    <t>网上没有照片查证，只能到交警大队查证照片。</t>
  </si>
  <si>
    <t xml:space="preserve">高手帮忙我想练个金，不知道是练力的好还是法的好，我是橘子的，现在 </t>
  </si>
  <si>
    <t>当然是法金比较好.前期力的升级比较快,但一旦法金出了秒3,那升级速度绝对快,而且以后杀星做任务的也比力的收欢迎.当然如果你有RMB也可以连个敏金,4敏加点,后期更受欢迎,就是比较难练,需要大量RMB支持.法金一般3灵一敏,比较普遍, 2灵2敏是比较中庸的方法.比较变态的是4灵,对装备要求比较高,非极品不可.其实练什么无所谓,只要保持好的心态,自己玩的开心就好.</t>
  </si>
  <si>
    <t xml:space="preserve">小狗病了,怎么才能喂下去药呢?我家小狗生病了,不吃不喝,不管怎么 </t>
  </si>
  <si>
    <t>我家是用针筒（不要针头），将药磨成粉，化水，注射进他的嘴里，要快，还要赶快给他灌水，不然他要吐出来。试一下</t>
  </si>
  <si>
    <t xml:space="preserve">怎么把博客里的文章传到武林外传游戏的的网站上我想把文章传到``可 </t>
  </si>
  <si>
    <t>我也不会啊~等待 我上传过了但是一直也没看到自己的帖子上去过我也占个地方等知道的人回答</t>
  </si>
  <si>
    <t xml:space="preserve">通州的生活配套怎们样我想买K2海棠湾！ </t>
  </si>
  <si>
    <t xml:space="preserve">  通州的发展现在很好了，配套也比较齐全，苏宁大中，沃尔玛家乐福这些都进去了，一般的生活需求是没有任何问题的，而且医院学校这些配套都很方便，很多老人现在喜欢住通州了。</t>
  </si>
  <si>
    <t xml:space="preserve">什么游戏都完过都好就三国策一更新就服务器正在维护中，连接中断什么? </t>
  </si>
  <si>
    <t>可能是服务器正在更新中，一般官方都是在周二维护，以前是周四，但维护的时候官方网页会显示红色的信号，当然在官方论坛也会说明维护的时间从什么时候到什么！</t>
  </si>
  <si>
    <t xml:space="preserve">参军入伍后每天跑5公里一般按多少时间跑完2年内每天都跑吗 </t>
  </si>
  <si>
    <t>　　５公里越野跑，２２分３０秒。　　只有在新兵训练时跑的多，而到了老兵连队，除了警卫分队，其他的连队很少跑了。　　献给所有关心军队建设的朋友！</t>
  </si>
  <si>
    <t xml:space="preserve">【迷茫】软件工程专业，大一求助！！我现在大一，专业是软件工程现在 </t>
  </si>
  <si>
    <t>我软件工程，大四。我当初跟你一样的迷茫。你现在最重要的是要有明确的目标，如果你特别喜欢C++的话，可以向我索取电子书籍，好多的，我上传了半天成功不了，可能太大了吧，你留下邮箱好了。有什么问题，我们可以聊聊。</t>
  </si>
  <si>
    <t xml:space="preserve">华夏大盘好还是嘉实增长好？本人持有中银增长和嘉实服务．请各位帮忙 </t>
  </si>
  <si>
    <t>经过几个月的观察，还是嘉实增长好 !</t>
  </si>
  <si>
    <t xml:space="preserve">不是神了解啊，什么叫痛风病 </t>
  </si>
  <si>
    <t>痛风,又称“高尿酸血症”, 是一种因嘌呤（一译“普林”）代谢障碍,使尿酸累积而引起的疾病,属于关节炎的一种,又称代谢性关节炎.痛风的定义是人体内有一种叫作嘌呤的物质的新陈代谢发生了紊乱,尿酸（嘌呤的氧化代谢产物）的合成增加或排出减少,造成高尿酸血症,当血尿酸浓度过高时,尿酸即以钠盐的形式沉积在关节,软组织,软骨和肾脏中,引起组织的异物炎性反应,就叫痛风.病程可长达数十年是是有可能的.    痛风在临床上可分为四个阶段：第一阶段为高尿酸症期,病人除了血尿酸升高外,并未出现痛风的临床症状;第二阶段为痛风早期,血尿酸持续性增高,导致急性痛风性关节炎突然发作,绝大多数人是在睡梦中像被刀割般的疼痛所惊醒,首发部位常是脚的大拇趾,关节红肿,灼热发胀,不能盖被子,脚伸在外边,若有轻微的风吹过或稍有触碰,活动一下脚趾头,立马疼痛得像钻心一样,但在几天或数周内会自动消失,这种“来去如风”的现象,称为“自限性”.一次疼痛之后,看起来关节的炎症消除了,和正常人一样,实际上尿酸的结晶并没有消失,继续作怪,渐渐关节变得肿胀僵硬,屈伸不利;第三阶段为痛风中期,由刚开始发病时的一个脚趾关节,痛风性关节炎反复急性发作,几次急性发作以后,逐渐波及到指,趾,腕,踝,膝关节等全身关节,进而周围的软组织和骨质也遭到不同程度的破坏和功能障碍,尿酸结晶不断沉积,慢慢地形成了结石一样的“痛风石”,此时,肾功能正常或表现为轻度下降;第四阶段为痛风晚期,患者关节畸形及功能障碍日益严重,痛风石增多,体积增大,易破溃流出白色尿酸盐结晶,由于关节永久性畸形,影响了日常学习,工作和,给病人带来极大地身心痛苦.尿酸盐不断沉积到肾脏里,形成肾结石等,临床出现浮肿,少尿,蛋白尿,夜尿增多,高血压,贫血等提示肾功能受到损害,肾功能明显减退.病情进一步发展,则出现不易逆转的肾功能衰竭而危及生命.痛风是一种由于嘌呤生物合成代谢增加，尿酸产生过多或因尿酸排泄不良而致血中尿酸升高，尿酸盐结晶沉积在关节滑膜、滑囊、软骨及其他组织中引起的反复发作性炎性疾病。它是由于单钠尿酸盐结晶(MSU)或尿酸在细胞外液形成超饱和状态，使其晶体在组织中沉积而造成的一组异源性疾病。本病以关节液和痛风石中可找到有双折光性的单水尿酸钠结晶为其特点。其临床特征为：高尿酸血症及尿酸盐结晶、沉积所致的特征性急性关节炎、痛风石、间质性肾炎，严重者见关节畸形及功能障碍，常伴尿酸性尿路结石。病因分为原发性和继发性两大类。症状体征　　关节疼痛急性发作是急性痛风的典型症状。疾病发作多在轻微损伤、饮食过量或相关疾病以后，特别好发于肢体远端关节，典型的症状发于足趾(足痛风)，也可因尿酸盐结石引起肾绞痛。慢性痛风以破坏性关节变化为特征。　　皮肤症状：约1/2的病例，有尿酸盐沉积于皮下，这些结节被称为痛风结节或痛风石。痛风石常呈白色或珍珠色结节(痛风珍珠)，发生于游离弧形的皮肤边缘(如耳廓)。痛风石另外的特征性症状是指(趾)关节白色或黄色的结节。皮肤尿酸盐沉积。圆形结石可通过变薄的皮肤看到，它们可能破溃。关节附近的痛风结节有成群发生或融合的趋势。痛风石在急性发作后产生，无痛。如果皮肤破溃，可释放出白色石灰样物质，镜检示束状针样物质的致癌混合物，鉴定为尿酸钠。用药治疗　　切除影响功能活动的痛风结节，并系统治疗。急性痛风发作：卧床休息，秋水仙碱0.5μg/h，直至疼痛缓解或腹泻发生。止痛剂如吲哚美辛100μg/d，2～3天。慢性痛风：低嘌呤饮食，长期应用丙磺舒(羧苯磺胺)1～2g/d，以增加肾脏尿酸排泄。降低体重。饮食保健　　痛风食疗方　　修改正文　　1.白菜250克，加植物油20克炒食。宜经常服。适用于痛风缓解期。　　2.茄子250克洗净后蒸熟，切成条，稍加酱油、麻油、盐、大蒜泥、味精拌匀后食，隔日服，适用于痛风发作者。　　3.土豆250克，植物油30克先煸，继加酱油30克，盐少量至烧熟后食，适用于痛风发作者。　　4.萝卜250克洗净切块，植物油50克同煸，继加柏子仁30克，水500毫升，同煮至熟，加盐少量，食萝卜及汤。希望能帮到你，麻烦给“好评”</t>
  </si>
  <si>
    <t xml:space="preserve">工银瑞信核心价值本周5拆分，新基金上市和基金拆分是不是政策面的‘ </t>
  </si>
  <si>
    <t>拆分也不买!</t>
  </si>
  <si>
    <t xml:space="preserve">孕初期的姐妹们都怎样加强营养啊?我现在是每天吃一个鸡蛋,一盒牛奶 </t>
  </si>
  <si>
    <t>还要吃叶酸的我现在才五十天，每天吃一颗福施福的多种维生素，早上一杯酸奶，最近有些反应不想喝孕妇牛奶就没有喝了；吃饭的时候多吃点蔬菜，因为胃口不好，饭都吃的很少，但是会坚持至少每天吃一个苹果，或者西红柿，葡萄等水果；我基本上就是这样，我想前三个月所必须的物质应该不会缺什么了吧～呵呵，祝愿我们大家都顺顺利利，母子平安～</t>
  </si>
  <si>
    <t xml:space="preserve">有人听说过“德尔丽诗”这个品牌的靴子吗？ </t>
  </si>
  <si>
    <t>德尔丽诗是商铺名称 。所在市场：四川省成都市成都荷花池批发市场 搞鞋的批发。答案补充可能是新品牌吧答案补充四川省成都市成都荷花池批发市场具体店铺位置成都市荷花池东二区一楼028-88883188</t>
  </si>
  <si>
    <t xml:space="preserve">半全场，图图图图图图图 </t>
  </si>
  <si>
    <t>没啥滋味，弃之不可惜，不如整个竞彩的半全串串，稳赢些</t>
  </si>
  <si>
    <t xml:space="preserve">电脑开不了机昨天晚上卡机就直接按的关机键，今天早上就开不老机了， </t>
  </si>
  <si>
    <t>可以用以下方法得知是何问题：1、观察法，看主机的电源灯是否正常，能正常显示那么可以排除电源问题，否则换电源(或查电源线路插座等)2、听声音，可以根据BIOS的开机自检报警声来判断,如果没有警报声可以确定两个原因(故障或显卡故障或其它插卡故障)，可用第三种方法试。3、插拔法，把CPU、内存、显卡等包括其它的插卡，拔下来(最好用刷子把灰尘扫掉，注意不要弄到水)，用橡皮擦把内存或显卡的金手指擦一遍，再插回去或换个插口，擦内存的时候要两边同时下去快速的插好，不要一边一边慢慢推下去。4、替换法，把其它电脑正常使用的上述设备逐一替换过去，注意不要同时替换所有的设备。5、重装系统，如果是软件问题(没有上述现象就应该是软件或系统问题)最好的办法就是重新安装系统。 常见故障：一、开机主机显示器不显示，无报警二、开机显示器还是不显示，有报警三、从windows xp那个启动界面进去后就又反复重启四、蓝屏其他问题看后面常见故障的分析及解决办法：一、不能开机且无报警的检修思路：造成不能开机且无报警故障的最大可能，也就是最值得怀疑的是：1.供电；2.CPU；3.主板。因为这三件硬件只要有一件有故障，主板就不能启动，主板没启动就不会报警。有故障不一定是配件坏了，接触不良也是故障。所以按下面的步骤检查：1.测量电源是否能正常输出各路电压，无测量工具时可用好电源直接代换。电源与主板的连接是否可靠，可拔插20口插头。面板上的电源开关是否损坏。必要时可直接短接主板上的PWR SW接针，看能否启动主板。在确信供电正常后进行下面的检查。2.拔插CPU，不行的话换CPU。拔插CPU后能启动，说明是CPU接触不良。拔插CPU后不能启动，CPU有损坏的可能，所以换CPU，换CPU还是不行，剩下的只有主板了。3.主板检查首选应是CPU插座供电是否正常，其次是南桥北桥，各晶振，时钟发生器等。可以借助主板诊断卡。当然这些不是一般的DIYER能完成的。只有送修了。（RYW5总结）二、常见的PC故碍开机报警声及解决(点击)如果是内存问题：内存没插好，把内存卡拔下来用橡皮擦擦亮金手指，或者内存坏掉其他问题：1.显卡未插紧.2.检查显示器是否损坏.3.将主板上所有连线重新插一次.4.重插PCI,AGP,或其他连接卡.三、可能是系统启动文件损坏或者更换硬件1、有个朋友的把他的显示器借别人用了半个小时，拿回来就不能正常启动了，安全模式可以进去，估计显示器的分辨率被调了，后来在安全模式下卸载了显卡驱动程序，就可以了。2、我前几天是主机跟显示器的线掉了，启动才发现没插线，又急忙把主机强行关机，然后就再也进不去了，后知道启动文件坏了3、碰到这种情况我的解决办法是，首先，开机按F8，会出来一个界面，那个界面有让你选择进入安全模式等，先选择其中“最后一次正确配置”，如果不行，再选择“安全模式”，在里面可以重装某硬件驱动程序等，再不行，那就是系统启动文件被破坏了，就如我上面的开机，还没等启动完毕又关机做法就会损坏启动文件。4、系统启动文件损坏还有可能是有些人在杀毒的时候把一些东西删了，结果启动不了系统，那么你可以用XP启动盘的修复功能，开机，在BIOS里选择光盘启动，并放入光盘，按R有个XP修复台，具体做法看：在 搜索 XP 修复台四、蓝屏引起蓝屏的原因很多，有硬件、有软件的，还有其它不易觉察的因素，其解决办法也比较多,下面就你碰到的情况作一下分析，在系统启动和关闭时出现蓝屏一般有以下这些原因：　　１、硬盘剩余空间太小或碎片太多：必须保证预留有一定的磁盘空间，并在使用电脑隔一段时间后进行一次碎片整理；　　２、系统硬件冲突：这种现象导致“蓝屏”也比较常见。实践中经常遇到的是声卡或显示卡的设置冲突。在“控制面板”→“系统”→“设备管理”中检查是否存在带有黄色问号或感叹号的设备，如存在可试着先将其删除，并重新启动电脑。若还不行，可手工进行调整或升级相应的驱动程序；　　３、启动时加载程序过多：不要在启动时加载过多的应用程序，以免使系统资源消耗殆尽；　　４、应用程序存在着BUG：使用程序存在一些错误或不稳定因素也会引起蓝屏；　　５、遭到不明的程序或病毒攻击所至：可仔细检查一下，并做好防范措施；　　６、版本冲突：有些应用程序需调用特定版本的动态链接库DLL，如果在安装软件时，旧版本的DLL覆盖了新版本的DLL，或者删除应用程序时，误删了有用的DLL文件，就可能使上述调用失败，从而出现“蓝屏”。可重新安装试一试。　　７、注册表中存在错误或损坏：很多情况下这是出现“蓝屏”的主要原因。注册表保存着系统的硬件配置、应用程序设置和用户资料等重要数据，如果注册表出现错误或被损坏，就很可能出现“蓝屏”。如果电脑经常出现“蓝屏”，你首先就应考虑是注册表出现了问题，应及时对其检测、修复，避免更大的损失；　　８、软硬件不兼容：新技术、新硬件的发展很快，如果安装了新的硬件常常出现“蓝屏”，那多半与主板的BIOS或驱动程序太旧有关，以致不能很好支持硬件。如果你的主板支持BIOS升级，应尽快升级到最新版本或安装最新的设备驱动程序。</t>
  </si>
  <si>
    <t xml:space="preserve">活着好难我今年都快三十岁，还是一事无成！身体又弱，做工又不耐劳！ </t>
  </si>
  <si>
    <t>不要逃避现实，你还有父母需要孝敬。如果你都没办法再做事了，难道年迈的父母比你还能行，大部分人还不都是平凡的活着，你这种人真叫人无语了。</t>
  </si>
  <si>
    <t xml:space="preserve">我是油性皮肤的女孩，而且还有点内分泌不协的倾向，前胸和后背还有脸? </t>
  </si>
  <si>
    <t>不要乱用药物，是装修材料中有害物质刺激你的皮肤所致。平时多打开窗子放气排风！一般2年后材料中的有害气体才能散发干净（有一部分沉积在木质里）。喝点蜂王浆类的补品，多吃动物肝脏和富含维生素C的食品。增强免疫力！不要急，病来如山倒，病去如抽丝！还有要多喝水，可不是饮料呦！</t>
  </si>
  <si>
    <t xml:space="preserve">69级时怎么只有一个铁血令 </t>
  </si>
  <si>
    <t>怨灵猎手交给你杀冥牛冥狼冥鼠各20个的任务做完，交差后就得到另外两个令及新任务……杀牛头马面……奖励是一件三星装备</t>
  </si>
  <si>
    <t xml:space="preserve">疯子与呆子有什么区别？ </t>
  </si>
  <si>
    <t>疯子就是疯狂到了不能自制；呆子就是痴呆到了极点。呵呵</t>
  </si>
  <si>
    <t>helpme有谁知道高中上单招单考到底好不好!~</t>
  </si>
  <si>
    <t>不好说啊……就看本人了，有人单科很好，那对他来说这就有优势；反之，全能型学生可以不要考虑单招单考。但我觉得一个人能力总归有限，其实能有一门精通就很好了。</t>
  </si>
  <si>
    <t xml:space="preserve">我买了2张卡钱口了怎么没提示我刚才买了2张卡提交以后业面显示错误 </t>
  </si>
  <si>
    <t xml:space="preserve">尊敬的客户:    您好！5173回复客服02很高兴为您服务！    非常抱歉！您的问题需要查询，请您提供具体的订单号，以便我们查询后答复。                                                   </t>
  </si>
  <si>
    <t xml:space="preserve">做种植牙技术上海什么医院时间最短？我喜欢吃甜食，之前蛀牙蛀得厉害 </t>
  </si>
  <si>
    <t>做个种植牙的确好很多，一次治疗省心很多，不用总往医院跑，我当时就是去拜尔口腔诊所的，那里的医生技术很好，特色就是微创种植，你可以考虑去看看。</t>
  </si>
  <si>
    <t xml:space="preserve">买卖账号我想连号带装备一起卖掉不知道应该如何操作 </t>
  </si>
  <si>
    <t xml:space="preserve">尊敬的客户:    您好！5173回复客服05很高兴为您服务！    请您选择发布帐号出售信息，在物品描述内说明即可。    如何出售游戏帐号步骤：    第一步：登录5173网站，点击“我要卖”，选择“发布帐号信息点这里”；    第二步：填写帐号出售信息，确认并提交；    第三步：等待审核员审核；    第四步：出售成功后交易资金将根据您发布时所选择的资金转入方式自动转入。                                                    </t>
  </si>
  <si>
    <t xml:space="preserve">怀孕两个月了阴道一直有炎症，怎么办？我怀孕快两个月了，有霉菌性阴 </t>
  </si>
  <si>
    <t>建议你去看一个妇科， 没用担心没大问题，只是一点炎证，开点药洗一洗就好了。</t>
  </si>
  <si>
    <t xml:space="preserve">怎样提高凤舞声望？我现在声望还不到200，靠交灵魂石觉得涨太少， </t>
  </si>
  <si>
    <t>一是作各国支线任务二是悬赏三是到了37级以后作团四是灵魂石五是做  《卖宝箱的那个NPC忘记了不好意思啊》那个任务尤其是星期天双被哦</t>
  </si>
  <si>
    <t xml:space="preserve">请问哪种五笔输入法最好用？在中英文切换方面还有词库方面。 </t>
  </si>
  <si>
    <t>五笔加加很好用中英文切换 只要按ctrl就可以了而且找 →这种字符时，只要打右键这个词就可以了，也不用背编码</t>
  </si>
  <si>
    <t xml:space="preserve">我在QQ上发现人家的QQ头象上有QQ交友中心还有QQ家园的,还有? </t>
  </si>
  <si>
    <t>去网业上面开通这种服务即可。（有QQ交友中心还有QQ家园的,还有别的那）</t>
  </si>
  <si>
    <t xml:space="preserve">歌曲的比特率是什么意思啊? </t>
  </si>
  <si>
    <t>比特率是大家常听说的一个名词，数码录音一般使用16比特，20比特，24比特制作音乐，什么是“比特”？我们知道声音有轻有响，影响轻响的物理要素是振幅，作为数码录音，必须也要能精确表示乐曲的轻响，所以一定要对波形的振幅有一个精确的描述，“比特”就是这样一个单位，16比特就是指把波形的振幅划为216即65536个等级，根据模拟信号的轻响把它划分到某个等级中去，就可以用数字来表示了。和采样精度一样，比特率越高，越能细致地反映乐曲的轻响变化。比特率表示经过编码（压缩）后的音、视频数据每秒钟需要用多少个比特来表示，而比特就是二进制里面最小的单位，要么是0，要么是1。比特率与音、视频压缩的关系，简单的说就是比特率越高，音、视频的质量就越好，但编码后的文件就越大；如果比特率越少则情况刚好相反。 比特率是用来计算数据传输的，全称是BYTE PER SECOND 也就是每秒传送的字节数，而字节是数据的最小的单位，比如说一个字就是由八个字节组成的总之越高越好</t>
  </si>
  <si>
    <t xml:space="preserve">怎么从保安福永去深圳火车站?我知道深圳有2个火车站,有什么线路? </t>
  </si>
  <si>
    <t>其实，既然赶车，就不要什么舒适了，时间是第一位的！107国道最近开始从机场入口到沙井拓路，塞车是经常的，所以...看你什么时候开始走,如果时间允许，例如离开火车还有3个小时以上，可以采用福永坐337（海上田园--罗湖火车站）直达深圳火车站的选择，票价是10元；如果在两个小时以内出发，只能坐福永到火车站的直达中型面包车，需要到车站内购票，票价是20元。不建议转车。</t>
  </si>
  <si>
    <t xml:space="preserve">发个更新好了一点就进的客户端供下栽啊OK? </t>
  </si>
  <si>
    <t xml:space="preserve">既然更新了就把下在专区的也更新一下 为什么我下的还是06年10.27号的 我真是无奈了 </t>
  </si>
  <si>
    <t xml:space="preserve">大三阳的症状有哪些？ </t>
  </si>
  <si>
    <t xml:space="preserve">长沙163医院肝病专家：你好，大三阳在潜伏期或慢性肝炎活动期，患者具有较强的传染性，多数伴有感觉肝区不适、隐隐作痛、全身倦怠、乏力，食欲减退、感到恶心、厌油、腹泻、面色和小便黄等症状。有时会有低热，严重的病人可能出现黄疸。乙肝病毒复制活跃、传染性强、肝脏损坏严重、症状明显，是大三阳共同的特点。 </t>
  </si>
  <si>
    <t xml:space="preserve">行家告诉我液晶电视哪个牌子好？ </t>
  </si>
  <si>
    <t>IPS硬屏液晶电视性价比高，，国产的 有 创维 康佳 都可以啊。</t>
  </si>
  <si>
    <t xml:space="preserve">防止冷凝水的产生发酵罐的冷却水管道每年总有那么几个月外表会产生大 </t>
  </si>
  <si>
    <t>冷凝水的产生来自两个原因：1）空气湿度太高2）冷却管温度太低。这两个原因只要消除其中一个就可以解决。但是在露天的情况下空气中的湿度不可调节。冷却水温度又是必须保证的，不能提高。所以此问题难以根本解决。只能采用一些补偿措施。1）如果选择防护涂层，目的只能是防止管道被冷凝水腐蚀而生锈，并不能改变凝水、滴水外观。2）最好的选择是装保温层。但如果选择用保温层，保温层必须做的很完整、很厚、很密实。否则湿气是无孔不入的，有间断有裂缝时一定沿缝隙滴水。缺点是很厚实很密致的保温层往往很贵而增加生产成本。3）室内的话可加装除湿机解决湿气问题。</t>
  </si>
  <si>
    <t xml:space="preserve">我想吃热干面[泪][泪]洛阳哪里有好吃的热干面 </t>
  </si>
  <si>
    <t>河科大西苑校区侧门 的一家很好吃 我们都去那里 联盟路与龙鳞路交叉口 在联盟路的北边向东5-10米左右 卖豆浆的旁边 请及时采纳 。。。。广州市场附近也有洛阳老城好多那</t>
  </si>
  <si>
    <t xml:space="preserve">太阳,水星,冥王星成合相(同时落入天蝎座)意味什么? </t>
  </si>
  <si>
    <t xml:space="preserve"> 意味着nothing真是抱歉，这个科学学术讨论是很没有神学，玄学色彩的地方，所以你的问题只有一个回答就是没有任何意义。完整点的回答是因为轨道周期恰好使得太阳水星和冥王星在那个时间运行到天蝎座内。所以应该说和你最近走运或者倒霉没有直接关系。但是accroding to 蝴蝶效应。应该还是有点间接关系的，就要靠你去发掘了，回答完毕</t>
  </si>
  <si>
    <t>简单化01曼　联vs切尔西==02矿　工vs巴　萨</t>
  </si>
  <si>
    <t>问题可能出在3连3和3连0上</t>
  </si>
  <si>
    <t xml:space="preserve">我和老公还应不应该在一起？怎样我才不痛苦？我老公喜欢说谎,晚上总 </t>
  </si>
  <si>
    <t>不知道你们是否和老人在一起生活要是这样的话是很容易两人产生矛盾.如果是单独的三人世界会这样生活的话那你就要小心他是否有外遇.其次是他已经不爱你了.你如果是可怜他和他在一起的话那到没必要,因为可怜之人自有可恶之处,还是要考虑自己的生活吧,你快了吗?你幸福吗?命运在自己手中.我的老公是看起来,不,应该是算是优秀的人,但是我们的生活好坏只有我自己知道,优秀的背后藏着一切讨厌.唠叨,吝啬,斤斤计较.因为我没娘家.没有房子.有儿子我特别爱我的儿子,不然的话-----离婚!</t>
  </si>
  <si>
    <t xml:space="preserve">怎样才能避免和一些坏的人接触? </t>
  </si>
  <si>
    <t>提高自身综合素质，就有辨别是非和防范坏人的能力与技巧。其实现实中的好人坏人绝大多数情况下是相对而言的，而个人素质是起绝对作用的。</t>
  </si>
  <si>
    <t xml:space="preserve">为什么说艾条对呼吸系统疾病有一定的防治作用 </t>
  </si>
  <si>
    <t>点燃的艾条，对周围环境中的害虫及细菌有一定的熏蒸及杀灭作用。其次，通过烟雾，对呼吸系统具有直接的刺激与杀菌作用。</t>
  </si>
  <si>
    <t xml:space="preserve">新手卡怎么得到？是不是注册都可以激活，在新老去都可以吗？ </t>
  </si>
  <si>
    <t>我也想弄个新手卡，就是不知道到那去弄来。有知道的来帮忙呀</t>
  </si>
  <si>
    <t xml:space="preserve">驾照问题，懂得请指教外地人可以在上海考摩托车的驾照吗？费用需要多 </t>
  </si>
  <si>
    <t>一、小车驾照不可以驾驶摩托车！因为C1往下最多包含到C4（三轮农用汽车），而三轮摩托车D驾照才能包含两轮摩托E驾照。我的驾照就写的C1+E,如果C1包含E就没必要写E出来了。二、不能同时拥有2种驾照，但可以增驾，前提是不能异地增驾。你可以回原驾照地增驾或把驾照迁到现住地再增驾，很多人在现住地工作但没当地户口很难把驾照迁到现住地，又没时间回原驾照地花3-5个月增驾，那只能选注销原摩托车驾照。</t>
  </si>
  <si>
    <t xml:space="preserve">姓田，女孩，缺水，取什么名字好呢？如上所述，取个什么名字好呢？好 </t>
  </si>
  <si>
    <t>名字一：田沁玉名字二：田芮嫦名字三：田珊宁</t>
  </si>
  <si>
    <t xml:space="preserve">今晚的冷门一场！曼城此次客战不宜高估！很多人都本着0和1去了，盲 </t>
  </si>
  <si>
    <t>我跟楼主看法一致，30好过31</t>
  </si>
  <si>
    <t xml:space="preserve">重庆天龙大师，帮我呀～我是高层建筑，老鼠在顶楼上面有窝，会沿着雨 </t>
  </si>
  <si>
    <t>谢谢你的信任。你这问题可不是装修啊!但我愿意以我经验，提点建议看能否试试。一、你的雨水管不知是否粗100mm直径的，如果是，则老鼠攀爬已经不易，说明它们技术高超。如果是那种仅50mm粗的空调走冷凝水管，则老鼠很容易爬。建议你涂抹机油(润滑油)在管道上。也可以查一下网上关于制作粘鼠胶的办法，自制粘鼠胶刷在管道上。前者是让其打滑，后者是捕捉。二、卫生间窗户可能只是单扇，如果是有铰链的推开样式，可以加装一扇纱窗，开启方向一个向里一个向外。但纱窗要用细钢丝网，其它材料则会被老鼠咬破的。如果窗户是其它开启样式，则难以加装纱窗。如果不加装而采用换装成钢丝纱窗，那么天气冷时则不行。在不能换窗户或加装窗户时，可以在卫生间钻一个大孔，有专门打孔机服务，然后在吊顶上加装一个直径250以上的换气扇。换气扇出风口就是新开的孔。这个开孔如果位置会让老鼠进来也没有关系，一般的换气扇都有一个自然闭合的闸。当开启电源时，风的吹动就会让这个闸向外打开。而平时是关闭的，老鼠从外面来是不能进入的。这个加装的换气扇就解决了你长期关闭卫生间不通风的问题(原有的浴霸换气装置风力太小)。三、阳台窗一般是滑动的多扇。如果是这种，换装比较方便。建议你另装钢丝纱窗一扇。让工人示范取下原有的，安装新的。以后就可以自己随时更换一下。虽然麻烦一些，但能够解决老鼠问题。也能通风。四、可以用点超声波等现代科技的驱鼠装置。安装在老鼠进出地方，给予打击。五、老鼠是很聪明的。与人的斗智是个持久战。你不要急，可以不断变化方法。如果你着急，说不定它在暗处在笑话你的呢!希望我的回答能够对你有所帮助。</t>
  </si>
  <si>
    <t xml:space="preserve">为什么我的真三国无双打开客户端总是显示获取大区失败无语求解决方法 </t>
  </si>
  <si>
    <t xml:space="preserve">  网络连接有问题吧    连接不到服务器</t>
  </si>
  <si>
    <t xml:space="preserve">如何加快上网的速度如何设置还是用什么软件让上网的速度更快 </t>
  </si>
  <si>
    <t>从上考虑： 1、网线长度不要太长，网线一定要按568A或568B制作 2、如是ADSL上网，把分线器前的电话线改成网线，分线器接头一定要接好，并注意ADSL的散热 系统优化： 1、internet 选项－－安全－－自定义级别－－把几个脚本选项全部禁止（建议保留脚本粘贴） 2、internet 选项－－高级－－多媒体－－选择不播放声音、动画、视频 3、internet 选项－－高级－－浏览－－勾选禁止脚本调试 运行“regedit”，以打开“注册表管理器”；然后，按以下路径找到HKEY＿LOCAL＿MACHINE＼SYSTEM＼CurrentControlSet＼Services＼Tcpip＼Parame ters。 右击“Parameters”子键右边相对应的空白处，选择“新建”→“DWORD值”，将其命名为“Default TTL”，然后，右击鼠标选择“修改”，在弹出的窗口中修改其值为“80”（十六进制）或128（十进制）。再依次新建以下“DWORD值”，并且修改其数值（如有两值，则前者为十六进制，后者为十进制）：“EnablePMTUBHDetect”＝“0”“EnablePMTUDiscovery”＝“1”“GlobalMaxTcpWindow Size”＝“7FFF”或“32767”“TcpMaxDupAcks”＝“2”“SackOpts”＝“1”“Tcp1323Opts”＝“1”“TcpWindowSize”＝“7FFF”或“32767”（93440或186880或372300，视网络情况而定） 然后保存修改，重新启动电脑</t>
  </si>
  <si>
    <t xml:space="preserve">为什么用讯雷下载几乎每次都不是原始资源呢？这样就只能有一个线程了 </t>
  </si>
  <si>
    <t xml:space="preserve">   我想如果是只下载原始资源的话，那么将大大增加存放原始资源电脑负担，导致下载数度变慢，甚至掉线。而采用P2P技术的迅雷就不会出现这种情况了</t>
  </si>
  <si>
    <t xml:space="preserve">有没有可以把中文翻译成英文的软件，翻译完还能听单词的读音？就是中 </t>
  </si>
  <si>
    <t>金山词霸就可以</t>
  </si>
  <si>
    <t xml:space="preserve">最近有啥新的好看的宫廷剧？求介绍[挤眼][心]最爱古装剧了 </t>
  </si>
  <si>
    <t>陆贞传奇.</t>
  </si>
  <si>
    <t xml:space="preserve">男朋友被人造谣侮辱，怎么查论坛造谣发贴人详细IP地址?可以做到吗? </t>
  </si>
  <si>
    <t>怎么样查发帖人IP地址，通过发帖人帖子找到人具体信息　　如何查匿名发帖人IP地址 怎么查论坛发贴人IP 　企OO鹅：---177730091---- 转载请注明出处！    IP地址，简单地说，就是在网上的地址（门牌号码）。对于一些网络新手来说，这是个陌生的东西，在这里我们就谈谈如何查找IP地址然后确定发帖人的位置。        凡在网上发过贴，或有过留言等行为的必留下痕迹。　企OO鹅：---177730091---- 转载请注明出处！        查互联网上的IP地址TCP/IP是网络中使用的基木通信协议。虽然从名称上看TCP/IP包括两种协议，即传输控制协议(TCP)和网际协议Ip)，但是TCP/TP实际上是一组协议，它包括上百 个能完成各种功能的协议，如远程登录，文件传输和电子邮件等，而TCP协议和IP协议是保证教据完整传较的两个基本重要协议，通常说TCP/IP是Internet协议簇，而不只是TCP和IP协议。 如何查发帖人IP地址|怎么查论坛发贴IP地址，现在，我们必须理解，任何应用程序部可以调用一个标准的库函数来查看给定名称的主机IP地址。类似地，系统还提供一个逆函致—给定主机的IP地址，查看它所对应的主机名。大多数使用主机名作为参数的应用程序也可以把IP地址作为参数。 IP地址被隐藏，看不到IP地址，不知道发帖人是谁，该怎么办呢？如何查发帖人IP地址|怎么查论坛发贴IP地址，E时代网络团队提供专业的IP查询服务，保证准确快速。 所谓IP地址就是给每个连接在Internet上的主机分配的一个32bit地址。 想必大家对IP地址都有所了解，知道那是分配给电脑的一串数字，但是深入的可能就不是很清楚，特别是能查出IP地址显得更加困惑。没关系，没有谁是全才，想把一切搞清楚，就如你不必知道两台相隔千里的手机为何可以互相通话，不用电视坏了怎样去修好一样，找一个专业人士帮你解决。 如何查发帖人IP地址|怎么查论坛发贴IP地址？例如 。IP地址有两部分组成，一部分为网络地址，另一部分为主机地址。IP地址分为A、B、C、D、E5类。对于网络上出现的不良帖子，你还在烦恼吗？马上联系我们解决。花小钱解决一个问题，花小钱买一份舒心，从此不再为那些恼人的信息而烦燥。</t>
  </si>
  <si>
    <t xml:space="preserve">请问现在各个战场赢次有多少荣誉杀一个人有多少荣誉．是杀人的荣誉多 </t>
  </si>
  <si>
    <t>杀一个人有多少荣誉． 1-15...没见过更高的...是杀人的荣誉多还是赢战场的荣誉多．赢啊... 杀重复的一个人荣誉会递减吗会请问现在各个战场赢次有多少荣誉只看荣誉的话奥特兰最多...ALX其次...战歌最少装备NB的国家队的话ALX最快...其次奥特兰...</t>
  </si>
  <si>
    <t xml:space="preserve">你喜欢周杰伦吗？都喜欢他那点，喜欢进来评论一下！！ </t>
  </si>
  <si>
    <t>叼一点，你懂的</t>
  </si>
  <si>
    <t xml:space="preserve">有谁在团秀网上买过产品，质量什么样呀？ </t>
  </si>
  <si>
    <t>不错的，我在团秀网上买过，去专卖店验过，都是正品，并且它那里保证30天无条件退换产品呢。</t>
  </si>
  <si>
    <t xml:space="preserve">邮政账号查询归属地邮政卡号：142，谁知道这个号的归属地，人命关 </t>
  </si>
  <si>
    <t>打客服 转人工  你借记卡背面都有客服电话的 转人工解决比较快……</t>
  </si>
  <si>
    <t xml:space="preserve">钢琴是什么时候什么人发明的？ </t>
  </si>
  <si>
    <t>大约在14世纪，欧洲出现了一种在多弦乐器上加键而成的击弦古钢琴——克拉维卡琴。这种古钢琴发音轻柔微弱，适于演奏温馨抒情的曲调，特别适合家庭演奏室内乐，曾盛行一时。几乎与克拉维卡古钢琴同时存在的还有一种羽管键琴也叫庆巴罗古钢琴。这种古钢琴装有一套拨弦机诫，演奏时机诫上的羽毛管拨弦发音。这种古钢琴音色清晰明亮，在教堂、宫廷中曾广泛应用。克里斯托佛利曾是一名出色的羽管键琴制作家。他于1709年制成世界上第一架钢琴，称其为“piano——forte”意即“弱——强”琴。表明这种乐器可以弱奏，也可以大力度演奏，音量的强弱变化很大。这一优点是庆巴罗和克拉维卡两种古钢琴所不具备的。 1855年德籍美国人斯坦威（Henry steinway）制成了一架完美的三角钢琴。最早的立式钢琴于1750年由德国古钢琴制作家佛里德里西制成。我国生产钢琴的历史仅有几十年时间。 我国的钢琴工业是在解放后逐渐发展起来的。（现代钢琴是从古钢琴逐渐演变的，至今仍在不断改良，将来也会永远继续发展下去） 钢琴的前身是“哈泼西考特”，这是用羽毛拨动琴弦的琴。后来意大利人克利斯托佛里，发明了一架有弹力的锤子发音装置的琴，这就是现代钢琴的前身。</t>
  </si>
  <si>
    <t xml:space="preserve">大家好，我家电脑主机的网线插口那一个胶插头是八条线的，但我家的电? </t>
  </si>
  <si>
    <t xml:space="preserve">热 你家电脑是插什么头子的 是插网线还是插电话线  网线就要买个摩登插 是插电话线的 就直接插上 就是了 </t>
  </si>
  <si>
    <t xml:space="preserve">玛莎拉蒂车是下一架车吗我看到宣传画上有玛莎拉蒂和保时捷 </t>
  </si>
  <si>
    <t>还出S车，你受得鸟，锅受不鸟</t>
  </si>
  <si>
    <t xml:space="preserve">我电脑配置玩奇迹世界能流畅吗？2.0内存：1G+256M显卡：5 </t>
  </si>
  <si>
    <t>网速基本上没多大关系.这类游戏要看内存,特别要考虑内存兼容问题,最好型号大小都一样,不要小看这个哦,经常有些莫名其妙的问题出现..通常都是内存,当然没碰过最好了.你机子配置和我差不多了.到时候出来玩玩看再说结果</t>
  </si>
  <si>
    <t xml:space="preserve">东莞莞彩城酒店喜酒大概多少钱一桌 </t>
  </si>
  <si>
    <t>那要看你的菜单怎样咯。这个价格，要根据你自己定制的菜品，要多少个菜来定，一般就在1500～2000左右吧，当然，你也可以定得更豪华些，多加几个菜，这个具体的，还得去酒店同他们协商。</t>
  </si>
  <si>
    <t xml:space="preserve">人造太阳（常用词一） </t>
  </si>
  <si>
    <t>假日</t>
  </si>
  <si>
    <t xml:space="preserve">宝宝6个月,嗓子老是有痰怎么办?前几个月宝宝嗓子里就有痰,我也没 </t>
  </si>
  <si>
    <t>支气管炎多因咳嗽引起,而咳嗽者大多带痰咳,考虑到宝宝才６个月大，故用药一定要谨慎，＂保婴丹＂有止咳化痰的作用，很适合６个月以内的婴儿服用，我建议你去药店买几粒泡给宝宝喝，祝你：宝宝健康、爸妈快乐！</t>
  </si>
  <si>
    <t xml:space="preserve">关于WOW安装关盘问题！急急我用光盘安装WOW客户端，一套不行有 </t>
  </si>
  <si>
    <t>CRC是一种校验方式，也就是检验复制、安装、解压等等是否和源文件有异。你的情况报这个错，首先可能是安装光盘问题，一般换光盘或者再次安装就能解决。如果你机器一向对于光盘安装都有类似报错，那么可能你的光驱该下岗了。我的魔兽世界原盘，第一次装没事，后来做系统外加afk，删了魔兽，突然想玩又装时也报错...重装一般又正常了。。</t>
  </si>
  <si>
    <t>limx→1e^(1/(x</t>
  </si>
  <si>
    <t>不用算，就是∞</t>
  </si>
  <si>
    <t xml:space="preserve">水浒108将里谁嘴笨？ </t>
  </si>
  <si>
    <t>林冲，鲁智深。</t>
  </si>
  <si>
    <t xml:space="preserve">萨满水之图腾的任务问题做到最后一步打死水元素了,但是什么也没有出 </t>
  </si>
  <si>
    <t>这个任务有几个连续的步骤，最后是在东大陆银松森林的海边打水元素，然后直接跟旁边的NPC对话即可，如果出现错误，不妨放弃任务，重新做一下。</t>
  </si>
  <si>
    <t xml:space="preserve">PCMCIA设备是用来做什么？ </t>
  </si>
  <si>
    <t xml:space="preserve"> 通常，台式机和服务器等用的网卡均不支持PCMCIA标准，PCMCIA是专门用在笔记本或PDA、数码相机等便携设备上的一种接口规范（总线结构）。也就是笔记本网卡通常都支持PCMCIA规范，而台式机网卡则支持此规范。    PCMCIA是英文“PERSONAL COMPUTER MEMORY CARD INTERNATIONAL ASSOCIATION”的缩写，PCMCIA定义了三种不同型式的卡，它们的长宽都是85.6×54mm，只是在厚度方面有所不同。Type I是最早的PC卡，厚3.3mm主要用于RAM和ROM；Type II将厚度增至5.5mm适用范围也大大扩展包括了大多数的modem（调制解调器）和faxmodem（传真调制解调器），LAN适配器和其它电气设备；Type III则进一步增大厚度到10.5mm这种PC卡主要用于旋转式的存储设备（例如）。    PCMCIA总线分为两类，一类为16位的PCMCIA，另一类为32位的CardBus。    CardBus是一种用于笔记本计算机的新的高性能PC卡总线接口标准，就像广泛地应用在台式计算机中的PCI总线一样。该总线标准与原来的PC卡标准相比，具有以下的优势：第一，32位数据传输和33MHz操作。CardBus快速以太网PC卡的最大吞吐量接近90 Mbps，而16位快速以太网PC卡仅能达到20-30 Mbps。第二，总线自主。使PC卡可以独立于主CPU，与计算机内存间直接交换数据，这样CPU就可以处理其它的任务。第三，3.3V供电，低功耗。提高了电池的寿命，降低了计算机内部的热扩散，增强了系统的可靠性。第四，后向兼容16位的PC卡。老式以太网和Modem设备的PC卡仍然可以插在CardBus插槽上使用。         高版本的PCMCIA卡接口一般都可以很好地兼容低版本的卡。也就是说一个Type I插槽只可以插入一张Type I 卡；一个Type II插槽可以插入一张Type II卡或一张Type I的卡；一个TypeIII的插槽则除了可以插入一张Type III卡外还可以插入两张兼容的Type I或Type II卡。 </t>
  </si>
  <si>
    <t xml:space="preserve">不让老公抽烟他就不理我，很冷漠，很无情，他到底是不是爱我？ </t>
  </si>
  <si>
    <t>这个不能跟爱不爱联系起来的吧？如果你这么想，那么我反问你：你不让他抽烟是不是不爱他的表现？生活中我跟你老公一样是个烟民，我老婆在谈恋爱的时候就让我戒，一直戒到现在（孩子已经7岁了）。。。。。。我们约定，在房间里绝对不允许抽烟，在家里‘偷’抽必须去阳台。这样也影响不了孩子。我建议你们相互忍让，这样才会更幸福。</t>
  </si>
  <si>
    <t xml:space="preserve">请问FOB、CIF、CFR贸易术语下，风险转移的界线？在FOB、 </t>
  </si>
  <si>
    <t>这三种情况下，风险都在装运港的船舷由卖方转移给买方。：〉</t>
  </si>
  <si>
    <t xml:space="preserve">为什么我一换线钱就清空为什么一换线包裹里的钱就都没了，而且卖东西 </t>
  </si>
  <si>
    <t>是不是完美没有吧系统搞好出错啊　我卖的１０几Ｊ都没见有东西都卖出去拉　　　口袋里就是没钱　还等着钱换装备　　　这也太黑拉吧</t>
  </si>
  <si>
    <t xml:space="preserve">什么样的情侣才叫情侣？ </t>
  </si>
  <si>
    <t>时时都为对方着想，很想见面，很想在一起，反正就像中毒一样~~</t>
  </si>
  <si>
    <t xml:space="preserve">为什么新买的电脑硬盘也会吱吱声？如题 </t>
  </si>
  <si>
    <t>听一听，如果是声音不大，有节奏只在寻道（工作）时响，就正常。 如果突然出现的吱吱声或咔咔声，很响，没规律，比工作声音响很多，就有问题。硬盘声音大，硬盘声音主要是咯咯咯的清响，质量不好的硬盘会声音比较大，还有就是如果硬盘碎片过多也会加大硬盘工作量从而声音更大，还有一种情况就是硬盘出现坏道了，也会导致硬盘声音加大，扫描一下就行了，整理碎片要做一下，顺便说一句，BT等下载工具下载文件会产生大量磁盘碎片，解决方法是每当下载完成以后，将已经下载的电影进行转存，存到另一个分区。</t>
  </si>
  <si>
    <t xml:space="preserve">液晶、等离子哪个合适用来当电脑显示器？现在大多数等离子体电视和液 </t>
  </si>
  <si>
    <t>选液晶的，如创维液晶电视，不但具有I P S 硬 屏面板而且还是HDMI接口，省电而且稳定！！</t>
  </si>
  <si>
    <t xml:space="preserve">低血压产生的原因及治疗原来的血压一直在正常范围：117/76，最 </t>
  </si>
  <si>
    <t>低血压饮食宜：荤素搭配。桂圆、莲子、大枣、桑椹等，具有健神补脑之功，宜经常食用，增强体质；由失血及月经过多引起的低血压，应注意进食提供造血原料的食物，如富含蛋白质、铜、铁元素的食物——肝类、鱼类、奶类、蛋类、豆类以及含铁多的蔬菜水果等，有助于纠正贫血。 　　低血压病人宜选择高钠（食盐每日宜12－15克）、高胆固醇的饮食，如动物脑、肝、蛋黄、奶油、鱼子等，使血容量增加，心排血量也随之增加，动脉紧张度增强，血压将随之上升。 　　忌食生冷及寒凉、破气食物，如菠菜、萝卜、芹菜、</t>
  </si>
  <si>
    <t xml:space="preserve">请问多层实木复合地板什么牌子的好？用它来铺客厅、过厅、卧室可以吗? </t>
  </si>
  <si>
    <t xml:space="preserve">目前建材市场上的木地板名目种类繁多，市场竞争激烈，各厂商为谋生存获利所用的“招数”也各有千秋。　　对于消费者来说，大多是没有专业的知识也没有太多时间去了解的，很容易被误导购买不是最适合自己使用的产品。　　当然，业内人士各自都能认识到，选择理由很简单：“性价比”，首先性能是否能满足使用者的要求，质量能否保证，其次价格能否被承受，相信是这都消费者的初衷。　　强化复合木地板是近几年来流行的地面材料，它打破了原木的物理结构，克服了原木稳定性差的弱点，强化地板可以满足对耐磨要求较高的环境使用，如商场、会议室、展厅等人流较大的共公场合的地方。  　　优点：表面装饰纸色泽纹理均匀、款式新颖、耐磨性好、安装简便、容易打理。　　缺点：遇水膨胀、防潮性差、容易变色、噪声较大。　　推荐品牌：圣象　　实木地板是地板中的高档产品。具有花纹自然，脚感舒适、使用安全的特点、是卧室、客厅、书房等地面装修的理想材料。　　优点：材质性温，脚感好，比较亲近自然。　　缺点：易开裂、翘曲变形，安装麻烦，不易打理，需要定期打蜡。　　推荐品牌：安信　　实木复合地板是以多层实木地板为主，兼顾了强化复合木地板的稳定性和实木地板的美观性于一体，而且具有环保优势，是卧室、客厅、书房等地面使用的首选。　　优点：木纹自然大方，稳定不易变形，适合地热采暖的房间，安装简便。　　缺点：材质相对软，需要定期打蜡。　　推荐品牌：北美枫情　　消费者根据自己的使用要求可参考选用地板的类别，同时，必须关注地板的品牌信誉、产品质量、服务等因素，低价产品应多加小心，所谓的“物美价廉”是否存在陷阱？只能见仁见智。在人们追求和自然，经济和舒适的双重满足之间，实木复合地板应运而生，某种程度讲，他是未来木地板发展的方向。     目前，实木复合地板分为三层实木复合地板和多层实木复合地板。三层实木复合地板是由三层实木单板交错层压而成，其表层为优质阔叶材规格板条镶拼板，材种多用柞木、山毛榉、桦木、水曲柳等；芯层由普通软杂规格木版条组成，材种多用松木、杨木等；底层为旋切单板，材种多用杨木、桦木、松木。三层结构用胶层压而成。多层实木复合地板是以多层胶合板为基材，以规格硬木薄片镶拼板或单板为面板，层压而成。实木复合地板的优点是：     继承了实木地板典雅自然、保温性能好的特点，克服了实木地板因单体收缩、容易起翘裂缝的不足，具有较好的尺寸稳定性，且防虫、不助燃、不反翘变形，从保护森林资源角度看，它是实木地板的换代产品。安装保养方便安全，脚感好。此外，其最大的优点是加工精度高，表层、芯层、底层各层的工艺要求相对其他木地板高，因此结构稳定，安装效果好。     其缺点是耐磨性不如强化复合地板高；另外相对而言目前市场价格偏高；并且由于工艺要求高结构复杂，质量差异较大，内在质量不易鉴别，国内目前还没有形成相对比较完整的正确实木复合地板消费观。实木复合地板简史:  人们很早就认识到，实木地板起拱和开裂的缺陷源于木材立体三个面的不同的湿涨干缩率。于是，人们就尝试将木材削薄变成木片，减少木材的立体性而增加木片的平面性，并且采取动物胶将木材纵横交*胶合，以降低木材的干缩差异，这就是细木工板。    细木工板最早用于家具、乐器、制图板等要求不变形的物件，上世纪50年代，日本首先开始大规模地将细木工板改造成实木复合地板用于家庭装饰。到了七八十年代，随着能源危机，森林减退，气候变暖等现象的出现，欧美开始倡导并研制实木复合地板，目前，在发达国家用实木复合地板作为铺地材料已经成为主流。    中国使用实木复合地板更晚，直到上世纪90年代末期和本世纪初期，随着房地产业的兴起，木地板成为主流铺地材料，实木复合地板也被介绍到中国。近几年来，中国国产的实木复合地板日趋成熟，并在市场上逐步形成自己的品牌，还大量出口欧美。何为实木复合地板?三实木复合地板：实木复合木地板分为三层实木复合地板、多层实木复合地板、新型实木复合地板三种，由于它是由不同树种的板材交错层压而成，因此克服了实木地板单向同性的缺点，干缩湿胀率小，具有较好的尺寸稳定性，并保留了实木地板的自然木纹和舒适的脚感。实木复合地板优缺点说明　　实木复合地板兼强化复合木地板的稳定性与实木地板的美观性于一体，而且具有环保优势，性能价值比较高的新型实木复合地板，应该是木地板行业发展的趋势。一地板经销商说，实木复合地板解决了实木地板易变形不耐磨的缺陷，而且脚感特别舒服，让消费者能享受到大自然的温馨，又解决了古老的实木地板难保养的缺点，是强化木地板和实木地板的美好结晶，是人们追求的高档享受。不过它的价格比较高。看结构实木复合地板以多层纵横叠加，层层牵制的结构形式较好，这种结构形式不仅具有更好的脚感，同时还克制了地板变形。高质量的三层实木复合地板甚至可以做到无变形。实木复合地板结构:与传统地板制造相比，实木复合地板拓展了产品生命周期。从原木→旋切→单版→组坯→冷热压→…胶合基材→贴面板坯→开料→砂光→…干燥→…上油漆→…成品……，需经过 30 多道工序方可完成。若表层贴面 2 ㎜以上，需经过 40 多道以上工序方可完成。产品生产周期相对较长，每一道工序质量都严格把关，精益求精。表板　　实木表板选用优质硬木材料，厚度不少于3.5毫米，由六道丙烯酸清漆涂布并经过紫外光固化，具有相当的耐磨度令表面清澈亮泽，无甲醛释放。   三层实木复合地板结构:芯板 　　芯板选用优质软木（松木或杨木），厚度为9毫米。其榫槽结构经过精确锯切，榫槽的深度不同，榫面不成直角而是成锥型结构，并且比槽面略短，为接缝粘合预留了足够的空隙，使得板与板之间紧密结合，接口厚度决无差异，使地面平滑，完美无暇。背板　　背板选用整块软木(松木或杨木),约厚2毫米，可有效隔绝潮气，平衡地板安装张力并具有抗霉菌及防虫之功效。如何选购实木复合地板:1、地板的外观质量对实木复合地板要观察其表面：A）表面油漆涂刷光泽、漆膜是否丰满均匀，有无针粒状，有无压痕，刨痕。B）表明材质有无明显缺陷。木地板表面不应有腐朽、死节、节孔、虫孔、裂缝、夹皮等缺陷。C）周边榫、槽完整。2、产品的尺寸公差是否符合要求A）产品的规格尺寸公差长、宽、厚是否与产品介绍相同；B）产品的榫、尺寸拼接是否严密、平整，可以通过抽查多块地板，在平整的玻璃台面或地面进行拼装，观其结合松紧程度，并摸其表面是否平整。3、地板内在质量内在质量是各种木地板的关键指标，但是难以直感确定，必须通过检测手段，因此，必须观其检测报告，其内容如下 ：A）甲醛释放量使用脲醛树脂胶制作的胶合地板，都存在此问题，若释放到空气中甲醛量过大，将对人体有害。我国已规定对公共场所空气中甲醛浓度不得超过0.12mg/m3,如在铺设过程中，已经嗅到较刺鼻的甲醛味，则空气中甲醛浓度已经超标。对产品的甲醛浓度测定，我国目前主要采用穿孔萃取法。所得的“穿孔值”表示100g产品中，含有的可释放的甲醛量。如果“穿孔道”在9mg/100g左右或以下时，基本上能达到国家环保规定的甲醛浓度标准。若30mg/100g以下的，一般也达到B类技术标准。B）含水率含水率通常达到12%左右基本合格(地区不同，执行的含水率标准不同)。C）胶合性能实木复合地板制造时都采用胶粘剂涂饰板面热压而成，因此胶合质量直接影响使用效果和寿命。胶合质量可通过两项性能指标反映其质量，即浸渍剥离和胶合强度。这两项指标测定是将试件放在具有一定温度的水中处理后测定，浸渍剥离值越低越好，胶合强度值越高越好。4、看产地实木复合地板质量好坏主要看表面硬木层的树种和树龄，由于东南亚和南美一带原始森林较多，原木质量相对较高，生产的实木复合地板相对也好，且成本也低。5、看价格实木复合地板因产地不同，价格也不一样，一般国产品牌每平方米价格在150至400元较为合理，薄型的多层实木复合地板适合于地热用；价位适中，基本上是以120—180元/m²为主，适合于工薪阶层的消费水平。东南亚产价格在180至550元质量有保证，由于南美距离较远，运输费用高，价格一般在220至600元左右。6、看品牌由于实木复合地板价格较高，因此售后服务尤其是安装和安装后的维护更为重要，它要求有一定实力的品牌地板公司提供专业的安装及长期的维护保证，这些一般小公司很难做到。实木复合地板的维护保养:实木复合地板的维护保养相对于实木地板简单得多，在日常的使用和保养中应注意以下几点： 1．保持地板干燥、清洁，不允许用滴水的拖把拖地板，或用碱水、肥皂水擦地，以免破坏油漆表面的光泽；若家中空气干燥，拖布可湿一些或在暖气上放一盆水或用加湿器增湿。 2．尽量避免阳光暴晒，以免表面油漆长期在紫外线的照射下提前老化、开裂；3．局部板面不慎5占染污迹应及时清除，若有油污，可用抹布蘸温水沾少量洗衣粉擦洗，若是药物或颜料，必须在污迹末渗如木质表层以前加以清除；4．地板尽量避免与水长时间接触，特别是不能与热水接触，因此，一旦有热水撒在地板上，要及时擦干；5．最好每三个月打一次蜡，打蜡前要将地板表面的污渍清理干净。其实不打也可，但经常打腊，可保持地板的光洁度，延长地板的使用寿命。6．避免尖锐器物划伤地面，不要在地板上扔烟头或直接放置太烫的东西，尽量避免拖动沉重的家具。如何安装实木复合地板:1、地板安装必须安排在所有装修的最后，以免其它施工损伤漆面。 2、地板安装前，仔细阅读安装说明，由专业地板安装人员进行铺装。3、安装前应将原包装地板先行放置在需要安装的房子里24小时，地板不要开箱，使地板更适应安装环境。4、地板需水平放置，不宜竖立或斜放。5、基层面必须平整、干燥、施工时应先在地面上洒上防虫粉，再铺垫上一层防潮布（接口需互叠100㎜，并用透明胶粘住，以防水汽渗入）。6、如用铺垫的龙骨必须要干燥，含水率小于等于15%。龙骨或夹板上（夹板应锯切成不大于600×600㎜规格，夹板之间应留有5~10㎜的间隙）再加上一层防潮布达到双重保护，以杜绝水分浸入。也可不铺垫的龙骨,和强化地板铺设方法一致.7、铺装时，地板与四周墙壁间隔8—10CM左右的预留缝，地板之间接口处可用专用防水地板胶或直钉固定。所有地板拼接时应纵向错位进行铺装。8、产品为天然材质加工而成，色泽纹理均有差异，铺装时请做适当的调整，以求效果更为自然、美观。9、每一片地板拼接后，以木槌和木条轻敲，以使每片地板公母榫企口密合，胶水要溢出接口处，半干后轻轻铲去渗出的多余胶水。如果胶水用量不足，不溢出表面，日后可能会出现有裂缝、接口处不密封、防潮性不够等后遗症。目前，市场上销售的实木复合地板可分为三层实木复合地板和多层实木复合地板两大类，其优缺点可按以下几方面区分：             　　（１）规格厚度：实木复合地板表层的厚度决定其使用寿命，表层板材越厚，耐磨损的时间就长，欧洲实木复合地板的表层厚度一般要求到４毫米以上。             　　（２）材质：实木复合地板分为表、芯、底三层。表层为耐磨层，应选择质地坚硬、纹理美观的品种。芯层和底层为平衡缓冲层，应选用质地软、弹性好的品种，但最关键的一点是，芯层底层的品种应一致，否则很难保证地板的结构相结稳定。             　　（３）加工精度：实木复合地板的最大优点，是加工精度高，因此，选择实木复合地板时，一定要仔细观察地板的拼接是否严密，而且两相邻板应无明显高低差。             　　（４）表面漆膜：高档次的实木复合地板，应采用高级ＵＶ亚光漆，这种漆是经过紫外光固化的，其耐磨性能非常好，一般家庭使用不必打蜡维护，使用十几年不需上漆。另外一个关键指标是亚光度，地板的光亮程度应首先考虑柔和、典雅，对视觉无刺激。             　　（５）胶料：众所周知，实木复合地板即三层或多层木，经涂胶热压而成，胶粘剂一般都采用脲醛树脂，因此势必存在一定量的甲醛，生产过程中，高档次的环保实木复合地板，必须使用低甲醛含量的胶料，才能保证产品的环保指标。            实木复合地板可分为三层实木复合地板、多层实木复合地板、细木工复合地板三大类，在居室装修中多使用三层实木复合地板。                             　　三层结构实木复合地板，由三层实木交错层压形成，表层为优质硬木规格板条镶拼成，常用树种为水曲柳、桦木、山毛榉、柞木、枫木、樱桃木等。中间为软木板条，底层为旋切单板，排列呈纵横交错状。这样的结构组成使三层实木复合地板既有普通实木地板的优点，又有效地调整了木材之间的内应力，改进了木材随季节干湿度变化大的缺点。                             　　由于三层实木复合地板完全是用天然木材加工制作，所以决定实木复合地板价格的主要因素是材料，特别是表层材料。因树种的不同，价格差异非常大?表层树种为胡桃木、花梨木、柚木的属于中高档实木复合地板，表层树种为橡木、榉木、柞木的属于中低档实木复合地板。            实木复合地板逐渐被消费者所青睐。如何选择是目前消费者最关注的问题，下面是由地板行业专家介绍的选择实木复合地板应注意的问题。            　　■凭肉眼和手摸判断地板外观质量            　　1．地板表面选择            　　手拿地板置于亮处，观其表面有无开裂、死结、针孔、结孔、霉变等缺陷，这里要说一句，对于小活结，色差不能过于苛求。因为这是木材天然属性。            　　2．板面油漆质量选择            　　手拿漆板并将其斜置于亮处，从板的端面观其漆膜是否丰满均匀，有无波浪形针状压痕等。            　　3．地板加工精度选择            　　地板加工好坏，直接影响铺设质量，通常采用在同一个包装箱中随手取5块以上地板置于玻璃台面上或平整的地面上，用手拍紧榫槽配合，然后用手摸，感觉是否平整，再用眼观其榫槽结合是否合缝，在这里也要提出，不能过于紧密，因为北方四季分明，若过于紧密，在安装时湿度稍有增大，榫槽结合时就很难进入。            　　■地板的内在质量            　　内在质量是实木复合地板的关键指标，一般难以凭感观确定而往往用测试数据说明。            　　1．含水率            　　含水率是地板变形的主要条件。因此，选择时必须与当地含水率相接近，北京地区在11％左右，此值最好用测定仪测定。若无法测时，也可用手摸，若手感凉乎乎、不爽且有些粘，此时含水率就偏高。            　　2．甲醛释放量            　　此项指标是直接危害消费者身体健康的指标，我国国标已明确规定，采用穿孔萃取法测定若小于40mg／100g以下均符合国家标准，通常可通过实验测定，因此，可向经营者索取测试数据，也可用简单粗糙的方法，打开其中一包包装箱，把地板取出，把鼻子挨近地板，嗅其味，若闻到一股强烈刺鼻的甲醛味，则空气中甲醛浓度已超过标准。            实木复合地板是由3至5层木板粘合而成。表层是受重木材，下衬几层板材，最下一层是平衡层。它具有稳定性好、不变形、不干裂、防水佳、强度大的优点。保养只需用拧干的湿布擦拭，每两个月如能再打一次蜡，地板更见天然光泽。使用期限一般在10年至15年，价格在90元／平方米至270元／平方米左右。            　　由于实木复合地板需用胶来粘合，而胶里含有一定量的甲醛，所以使用后会释放出一些毒性。在购买时，要注意挑选有环保标志的优质地板，实木复合地板目前主要用于家居。 </t>
  </si>
  <si>
    <t xml:space="preserve">武林外传的手机绑定功能是怎么收费的啊绑定过的说下哈是4毛钱就永久 </t>
  </si>
  <si>
    <t>绑定本身不收费，你每使用一次上锁或者解锁或者更改密码都会收你4角钱！我建议你，上线后，改一次密码就好了！不用锁！</t>
  </si>
  <si>
    <t xml:space="preserve">怎么锻炼孩子晚上回自己说尿尿我宝宝一岁半了，白天要尿尿他都回说的 </t>
  </si>
  <si>
    <t>每天晚上根据喝奶的量固定时间把尿,大概一周下来他就形成规律了.</t>
  </si>
  <si>
    <t xml:space="preserve">苏47的性能咋样?能和F22相媲美吗?他是否像其它苏制战机一样有? </t>
  </si>
  <si>
    <t xml:space="preserve">苏-47　由苏霍伊设计的S37是一种前掠翼布局的先进战斗机新技术验证机。它的首架试 验机目前正在俄罗斯儒可夫斯基飞行研究中心进行飞行试验。包括最近完成的收起 起落架的飞行试验在内，该机迄今已完成了4次飞行试验。首飞试验是于去年9月25日 进行的。S37是苏霍伊设计局瞄准俄罗斯空军对新一代战斗机要求设计的，旨在赢得 空军对这种新型前掠翼布局战斗机的广泛兴趣。 　　该机采用三翼面设计，包括前翼、前掠翼和常规尾翼，其机体结构的90%由复合 材料制成。S37由于综合采用了前掠翼和推力矢量技术，能满足在近距空中格斗中的 高机动性要求。 　　首飞的S37原型机上装的是两台与目前米格31战斗机上用的相同的俄制D30F6不带 推力矢量系统的涡扇发动机，单台起飞推力为152千。S37最终的原型机上将装两台俄 留里卡—土星科研生产联合体研制的带推力矢量系统的AL41F涡扇发动机，单台推力 196千牛。该机采用固定几何形状进气道，并在每侧机翼的前缘上设计了一排可伸出 的戽斗形进气口，以在飞机进行低速飞行时增加空气流量。据苏霍伊设计局声称，该 机在9000米高度时的最大飞行速度能达到2200千米/小时。但它最终是否能满足俄空 军下一代战斗机的技术要求（具有隐身和超音速巡航能力）尚难下定论。 　　在苏霍伊战斗机系列中，以“苏”字头命名的是实用的战斗机和攻击机，以“S” 打头的是前掠或后掠翼布局的试验机或原型机。以“T”打头的则是三角翼布局的试验 机或原型机。 　　所以作为一种下一代战斗机技术试验机，S37将对各种将用于未来苏霍伊系列战斗 机上的新技术进行飞行试验验证。目前首飞的这架S37上，除前掠机翼是新设计和生产 的外；它的双垂尾结构、驾驶舱设计和座舱盖均借用了苏27系列战斗机的设计；起落 架借自苏27K舰载型的；可向后靠30度的驾驶员座椅也与苏35上用的类似。 　　俄空军负责装备的副司令指出，俄罗斯空军要求下一代战斗机应该是一种具有空中 优势和能用精确攻击武器执行对地攻击任务的多任务战斗机。与其他苏霍伊设计局研制 的战斗机相比，S37的明显优势应当在于：提高亚音速飞行机动性；改善大迎角飞行操 纵性；具有更好的起飞和着陆性能，航程更大及前半球雷达特征值较低等。 　　事实上，前苏联和美国在80年代几乎是同步进行前掠翼飞机技术研究的，只是后来 前苏联因政治变革，研究的速度放慢了，而美国则在80年代用他们的X29前掠翼技术验 证机进行了一系列的飞行试验，后来由于考虑到将这种设计布局用在新一代生产型战斗 机上风险较大，而且据说还发现这种设计在飞行试验中存在高阻力的缺点，所以美国的 前掠翼技术目前并没有在他们的第四代战斗机F22上使用。 　　俄罗斯声称，他们的中央流体动力学研究院已经从理论上解决了前掠翼布局飞机的 结构不安定性问题。目前正在用这架S37进行前掠翼布局设计的实际飞行试验研究。为 了减少S37的雷达特征值，设计人员可能采用在机体上涂雷达吸波材料、内部装载空空 和空地武器、发动机的进气道口采用半圆形设计，并具有弯曲形进气道等措施。目前试 飞的S37原型机上没有在翼下挂装武器，但是机上设有一个可供安装外部武器载荷的挂 架设备。机上装有俄罗斯拉明斯基仪表设计局制造的电子设备。 　　俄罗斯的专家们认为，苏霍伊设计局可能会对目前的S37作进一步改进，但是，要 使之达到俄空军的要求，苏霍伊还将面临一定的困难，同时S37还将面临与米格设计局 设计的1.42战斗机的竞争,最重要的是俄罗斯空军最终是否有能力支持一种先进攻击机 的发展经费。 基本技术数据 机长 22.6米 机高 6.4米 翼展 16.7米 最大起飞重量 34000千克 正常起飞重量 25670千克 标准耗油率 7.0千克/牛·小时 最大飞行速度 1400千米/小时(海平面) 航程 3300千米 使用升限 18000米 最大过载 9g 苏-47　由苏霍伊设计的S37是一种前掠翼布局的先进战斗机新技术验证机。它的首架试 验机目前正在俄罗斯儒可夫斯基飞行研究中心进行飞行试验。包括最近完成的收起 起落架的飞行试验在内，该机迄今已完成了4次飞行试验。首飞试验是于去年9月25日 进行的。S37是苏霍伊设计局瞄准俄罗斯空军对新一代战斗机要求设计的，旨在赢得 空军对这种新型前掠翼布局战斗机的广泛兴趣。 　　该机采用三翼面设计，包括前翼、前掠翼和常规尾翼，其机体结构的90%由复合 材料制成。S37由于综合采用了前掠翼和推力矢量技术，能满足在近距空中格斗中的 高机动性要求。 　　首飞的S37原型机上装的是两台与目前米格31战斗机上用的相同的俄制D30F6不带 推力矢量系统的涡扇发动机，单台起飞推力为152千。S37最终的原型机上将装两台俄 留里卡—土星科研生产联合体研制的带推力矢量系统的AL41F涡扇发动机，单台推力 196千牛。该机采用固定几何形状进气道，并在每侧机翼的前缘上设计了一排可伸出 的戽斗形进气口，以在飞机进行低速飞行时增加空气流量。据苏霍伊设计局声称，该 机在9000米高度时的最大飞行速度能达到2200千米/小时。但它最终是否能满足俄空 军下一代战斗机的技术要求（具有隐身和超音速巡航能力）尚难下定论。 　　在苏霍伊战斗机系列中，以“苏”字头命名的是实用的战斗机和攻击机，以“S” 打头的是前掠或后掠翼布局的试验机或原型机。以“T”打头的则是三角翼布局的试验 机或原型机。 　　所以作为一种下一代战斗机技术试验机，S37将对各种将用于未来苏霍伊系列战斗 机上的新技术进行飞行试验验证。目前首飞的这架S37上，除前掠机翼是新设计和生产 的外；它的双垂尾结构、驾驶舱设计和座舱盖均借用了苏27系列战斗机的设计；起落 架借自苏27K舰载型的；可向后靠30度的驾驶员座椅也与苏35上用的类似。 　　俄空军负责装备的副司令指出，俄罗斯空军要求下一代战斗机应该是一种具有空中 优势和能用精确攻击武器执行对地攻击任务的多任务战斗机。与其他苏霍伊设计局研制 的战斗机相比，S37的明显优势应当在于：提高亚音速飞行机动性；改善大迎角飞行操 纵性；具有更好的起飞和着陆性能，航程更大及前半球雷达特征值较低等。 　　事实上，前苏联和美国在80年代几乎是同步进行前掠翼飞机技术研究的，只是后来 前苏联因政治变革，研究的速度放慢了，而美国则在80年代用他们的X29前掠翼技术验 证机进行了一系列的飞行试验，后来由于考虑到将这种设计布局用在新一代生产型战斗 机上风险较大，而且据说还发现这种设计在飞行试验中存在高阻力的缺点，所以美国的 前掠翼技术目前并没有在他们的第四代战斗机F22上使用。 　　俄罗斯声称，他们的中央流体动力学研究院已经从理论上解决了前掠翼布局飞机的 结构不安定性问题。目前正在用这架S37进行前掠翼布局设计的实际飞行试验研究。为 了减少S37的雷达特征值，设计人员可能采用在机体上涂雷达吸波材料、内部装载空空 和空地武器、发动机的进气道口采用半圆形设计，并具有弯曲形进气道等措施。目前试 飞的S37原型机上没有在翼下挂装武器，但是机上设有一个可供安装外部武器载荷的挂 架设备。机上装有俄罗斯拉明斯基仪表设计局制造的航空电子设备。 　　俄罗斯的专家们认为，苏霍伊设计局可能会对目前的S37作进一步改进，但是，要 使之达到俄空军的要求，苏霍伊还将面临一定的困难，同时S37还将面临与米格设计局 设计的1.42战斗机的竞争,最重要的是俄罗斯空军最终是否有能力支持一种先进攻击机 的发展经费。 基本技术数据 机长 22.6米 机高 6.4米 翼展 16.7米 最大起飞重量 34000千克 正常起飞重量 25670千克 标准耗油率 7.0千克/牛·小时 最大飞行速度 1400千米/小时(海平面) 航程 3300千米 使用升限 18000米 最大过载 9g  </t>
  </si>
  <si>
    <t xml:space="preserve">本本风扇隔一分钟左右就转正常吗?我也只是开了两个QQ,浏览网页. </t>
  </si>
  <si>
    <t>笔记本电脑的风扇是智能的，刚开机时运转，一会儿就停了（电脑检测到CPU的温度不高），当电脑工作一段时间，CPU的温度上升到达启动点的时候，风扇开始启动，当温度降低到设定的停止点，风扇就停止了，ＣＰＵ的温度又开始上升，周而复始。这两个点的温度差决定了两次驱动之间的时间间隔，温差越大，时间越长。你的笔记本电脑每隔一分左右就转了，是启动和停止之间的温度差太小的缘故， 但未知是笔记本就这样设计的还是有毛病了。请挂电话到厂家咨询一下，按理说不应该设置太小的温差的，有毛病的可能性大。</t>
  </si>
  <si>
    <t xml:space="preserve">潘雨晨的简介现热播的电视剧好多都有她主演,希望介绍一下她的情况 </t>
  </si>
  <si>
    <t xml:space="preserve">优秀演员潘雨晨简介    潘雨辰   1978年出生，民族：汉 籍贯：辽宁   1995年——1998年在辽宁省学校学习话剧与影视表演专业   1998年——2002年在表演学院98级本科班毕业   2002年毕业留校在表演学院任教师    2002年担任2002专生本科班班主任及表演课教员   参加表演艺术创作的作品：   20集电视连续剧 《表演系的故事》 饰 夏 夏   20集电视连续剧 《嫁到非洲》 饰 王玉萍   20集电视连续剧 《雷霆出击》 饰 小 梅   20集电视连续剧 《但愿人长久》 饰 秦小玫   25集电视连续剧 《绝不放过你》 饰 吴 梦   30集电视连续剧 《洛 神》 饰 甄 氏   20集电视连续剧 《点燃我生命的是你》饰 常青青   25集电视连续剧 《龙年档案》 饰 叶 眉   25集电视连续剧 《大江东去》 饰 林惠珊   20集电视连续剧 《第二春》 饰 如 海   20集电视连续剧 《跟着阳光跳舞》 饰 于惠娟      雨晨其实也是个很普通的女孩子.她会在北影的门口吃火锅,她也会在沈阳音乐学院的门口吃麻辣烫,鸡架.她还会在沈阳春天买衣服.正因为她的清纯,朴实,正因为她在内心深处对纯真爱情的决不放弃,所以她很值得我们去喜欢,去关爱.  </t>
  </si>
  <si>
    <t xml:space="preserve">淘宝上买手机可靠吗最近想在网上买一台诺基亚手机，在淘宝上看了很多 </t>
  </si>
  <si>
    <t>网上买手机基本上还是可靠的。不过你要有一些辨别能力，比如你比较的两种手机可能就是山寨品牌的手机，因为价格相差太大了。现在很多名牌手机都有山寨产品。如果你要求不高，其实也可以使用，功能虽然没有正品那么多，但作手机使用也足够了，而且效果也不错。当然网上也有正品手机，价位和市场价相差不太多的，但要低于市场价的多半为正品手机，你可以从卖家的介绍和卖家的信誉度来进行挑选。</t>
  </si>
  <si>
    <t xml:space="preserve">柑桔不宜在我国北方种植的主要原因是什么？ </t>
  </si>
  <si>
    <t>气温太低！柑桔是亚热带、热带的常绿果树，性喜温暖湿润，一般在年平均温度15°以上、冬季绝对温度不低于零下9℃、年降雨量为1000~1800毫米、PH为5.5~7.5左右的各类土壤上均能栽培。</t>
  </si>
  <si>
    <t xml:space="preserve">如下是我按照"5日均线上交叉10日均线”进行的选股代码名称涨幅%? </t>
  </si>
  <si>
    <t>我个人觉得前期11元高点处有比较大的压力，今天收盘较长的上影线既是一个佐证，况且业绩也是亏损的，估计还是会在11元下整理吧</t>
  </si>
  <si>
    <t xml:space="preserve">向在汶川地震中遇难的同胞们致哀！ </t>
  </si>
  <si>
    <t>十六字令一首哀汶川股市同现灾今回首春暖人未还</t>
  </si>
  <si>
    <t xml:space="preserve">给完美提点建议1）角色跳的时候没有重力感，跟六十年代的武打片一样 </t>
  </si>
  <si>
    <t>不过真的是跳起落下是没点感觉……</t>
  </si>
  <si>
    <t xml:space="preserve">男生油性皮肤的用什么防晒露比较好我男朋友的皮肤是油性的，现在也整 </t>
  </si>
  <si>
    <t xml:space="preserve">    男士选择防晒品也要根据自己的皮肤来定，选择防晒品要看对紫外线的反应程度。若皮肤对紫外线不敏感，擦2倍或10倍的防晒值就行了；皮肤对紫外线有很强的反应，就选用高倍数的防晒产品。建议带你男朋友去柜台咨询一下 !!!!呵呵!</t>
  </si>
  <si>
    <t xml:space="preserve">则么申请会员? </t>
  </si>
  <si>
    <t>申请新浪的邮箱，按你的会员名、密码，就可以进入了。</t>
  </si>
  <si>
    <t xml:space="preserve">70FS怎么弄装备？刚到70正准备做KLZ门任务可是工会会长说工 </t>
  </si>
  <si>
    <t>做不做都无所谓了， 现在竞技场第一季可以用荣誉买了，这情况好象又回到全民战场的年代了.....多刷刷战场拿套S1.直接ZAM拿T5吧,别耽误时间去KLZ了，不过现在KLZ好过了，做了门任务,去G团拿点生活费也是不错滴~~</t>
  </si>
  <si>
    <t xml:space="preserve">没有天理啊!!!1场3/1,地2场3/1地3场3啊!!!!地4场 </t>
  </si>
  <si>
    <t>假球啊,全是菠菜公司操纵的!!!!!</t>
  </si>
  <si>
    <t xml:space="preserve">猫有没有可能不吃腥？ </t>
  </si>
  <si>
    <t>有！我家的猫不吃鱼的！！！你可以给吃猫粮的啊~还有楼上的，猫是不可以吃人类吃的东西的，人类的东西都咸的，猫吃了会得结石，要死翘翘的~~</t>
  </si>
  <si>
    <t xml:space="preserve">咨询清理显示器，应该用何种清洁剂好。 </t>
  </si>
  <si>
    <t>去电脑城买个专门清理液晶显示屏的清理液，附带一个小刷子和布，效果很好，我用的就是那个东西.</t>
  </si>
  <si>
    <t xml:space="preserve">小孩经常感冒、咳嗽。吃什么营养品能够提高免疫力呢？ </t>
  </si>
  <si>
    <t>0-6岁小孩免疫系统发育未完善。处于免疫不全区，很容易受到病菌的影响。很容易得病而且刚好，又病了。真是让父母揪心。平常要注意孩子的保暖.现在温度变化大要特别注意。还要均衡饮食。多吃水果，晒晒太阳，和适当的运动。平时可以在饮食里添加点牛初乳，试试看生命阳光牛初乳。牛初乳的作用已经得到广泛的的认可。他含有丰富的优质蛋白，促进宝宝快高长大，还含有免疫球蛋白，帮助宝宝健康成长。你不妨试试吧。</t>
  </si>
  <si>
    <t xml:space="preserve">我家的电冰箱冷藏室现在也变成冷冻室了。如果是温控器有问题的话，他 </t>
  </si>
  <si>
    <t>你判断的很对！是温控出问题了．温控器有电子和机械二种，以机械常见，从性能上区别主要由于控制温度的差异分单门用和双门用二种，这个不能错，其它区别是安装尺寸，只要装的下都可以用！</t>
  </si>
  <si>
    <t xml:space="preserve">600488.4.24买入.如何操作.请指教 </t>
  </si>
  <si>
    <t>基本面很好,主力介入明显,后市有一定的上升空间,消息面,天药（600488）“3029”项目的成功及产业化，将大大提高在激素类原料药市场的竞争力，同时开辟了我国皮质激素类药物生产新的原料来源，有望成为新的效益增长点。公司股价在医药板块中具有绝对的比价优势，可重点关注。</t>
  </si>
  <si>
    <t xml:space="preserve">幻世录2终神秘器获得法各位大人，有没有人知道如何才能拿到小布的最 </t>
  </si>
  <si>
    <t>完全是运气问题，要在神秘男子身上化下100万，之后再遇到他就有终极武器出售</t>
  </si>
  <si>
    <t xml:space="preserve">世上有没有鬼？好像有罗刹鬼．就是水猴子吧？ </t>
  </si>
  <si>
    <t>世界上本来就没有鬼，不要相信。</t>
  </si>
  <si>
    <t xml:space="preserve">学生综合评价信息主要包括什么内容？ </t>
  </si>
  <si>
    <t xml:space="preserve">主要包括学生在高中阶段学校综合评语、综合素质评定等级、学业水平考试成绩、模块修习数量及获得学分、综合实践活动学分、国家学生体质健康标准达标情况、担任学生干部职务情况、特长、获奖及处分情况等。 想知道更多的高考相关信息你可以去soso的高考直达区 </t>
  </si>
  <si>
    <t xml:space="preserve">以前视力很好,有很长一段时间视力下降了好多!!!,我保养了好多个? </t>
  </si>
  <si>
    <t>真正的近视眼是正视眼的屈光系统处于静止状态，即解除了调节作用后，眼的远点位于有限距离之内。由于使用调节的程度过强和持续时间太长，造成睫状肌的持续性收缩，引起调节紧张或凋节痉挛，因而在长时间读写后转为看远时，不能很快放松调节，而造成头晕，眼胀，视力下降等视力疲劳症状。这种由于眼的屈光力增强，使眼球处于近视状态，称为假性近视。通过保养的办法好多个月，现在视力好了一些，是假性近视。最普通的方法是戴着远视镜望远30分钟，摘掉后如果裸眼视力检查后有所提高，说明是假性近视。但这个方法并不是所有的假性近视都有效。</t>
  </si>
  <si>
    <t xml:space="preserve">游戏首页的那个“xba新人学堂”每次打开游戏首页都有一个女的站在 </t>
  </si>
  <si>
    <t>可以。但是前提是到了比赛的时间。。。</t>
  </si>
  <si>
    <t xml:space="preserve">有大连到烟台的飞机吗,几点起飞,票价是多少有没有人知道,还有可以? </t>
  </si>
  <si>
    <t xml:space="preserve">大连 — 烟台    2006年2月23日（共4个航班）  中国国际公司 20:50  起飞  大连周水子机场 航班号：CA4884  起飞日期：2006-02-23  21:25  到达 烟台莱山机场 机  型： CR7 历时 00:35 290.00 80折经济舱(K) 310.00 85折经济舱(H)320.00 90折经济舱(B) 360.00 经济舱(Y)   山东航空公司 20:50  起飞  大连周水子机场 航班号：SC4884 起飞日期：2006-02-23  21:25  到达 烟台莱山机场 机  型： CR7 历时 00:35 290.00 80折经济舱(K) 310.00 85折经济舱(H)  320.00 90折经济舱(B)  360.00 经济舱(Y)   中国国际航空公司 13:05  起飞  大连周水子机场 航班号：CA4892  起飞日期：2006-02-23  13:40  到达 烟台莱山机场 机  型： CR7 历时 00:35 360.00 经济舱(Y)   山东航空公司 13:05  起飞  大连周水子机场 航班号：SC4892起飞日期：2006-02-23  13:40  到达 烟台莱山机场 机  型： CR7 历时 00:35 360.00 经济舱(Y)   </t>
  </si>
  <si>
    <t xml:space="preserve">孩子性格偏激，发脾气咬人，怎么引导？我家孩子4岁了，最近幼儿园老 </t>
  </si>
  <si>
    <t>孩子表现了一种任性。要注意：一 家庭环境要和谐安宁；二处理孩子问题不感情用事，不过严厉也不过于溺爱；三做到“延迟满足”，不要立刻满足孩子的要求和满足孩子的所有要求。让他懂得“等待”“协商”“妥协”。当然不是讲理论，是让他体会了。</t>
  </si>
  <si>
    <t xml:space="preserve">胡子长的快是怎么回事？是不是说明性激素分泌过快呢？能不能说明性欲? </t>
  </si>
  <si>
    <t>不是的！只是你的雄性激素过多！</t>
  </si>
  <si>
    <t xml:space="preserve">长沙哪里可以激光除痣，多少钱？会不会留疤？我的脸上有很多小黑痣， </t>
  </si>
  <si>
    <t>省妇幼的美容整形科(门诊外面左侧一楼)有,我去点过,记得是五块钱一颗.我的痣很小.点完后抹点药,五六天就好了,一点印子也没有,非常安全,只是有些疼.</t>
  </si>
  <si>
    <t xml:space="preserve">清泉老师：００２０１５，６００８０３如何操作清泉老师，请问００２ </t>
  </si>
  <si>
    <t>正常调整，逢底补仓。</t>
  </si>
  <si>
    <t xml:space="preserve">请问开放公测时候是不是要删内测号？ </t>
  </si>
  <si>
    <t>应该要删吧~~~~不然对后来玩的人就太不公平了~~~</t>
  </si>
  <si>
    <t xml:space="preserve">喝优质牧场牛奶有什么好处 </t>
  </si>
  <si>
    <t>君乐宝优质牧场牛奶，新鲜原奶经全封闭管道直接进入奶仓，从35℃降到4℃，经专业、快速检验合格后，随恒温奶车在GPS全程定位监控下到达君乐宝工厂，进入生产程序。全程生奶与空气零接触，保证新鲜。优致牧场同时采用了国际先进的加工工艺-瞬时超高温灭菌，最大程度保存了牛奶中富含的营养成分，每100毫升牛奶中富含优质乳蛋白高达3.3克，比国家标准高13.8%，其整体营养价值更是高于普通牛奶。1、牛奶中的钾可使动脉血管在高压时保持稳定，减少中风风险。 2、 牛奶可住阻止人体吸收食物中有毒的金属铅和镉。 3、牛奶中酉含氨酸能促进血清素大量增长。 4、牛奶中的铁铜和卵磷脂能大大提高大脑的工作效率。 5、牛奶中的钙能增加骨骼和牙齿，减少骨骼萎缩病的发生。 6、牛奶中的镁能使心脏耐疲劳。 7、牛奶中的锌能使伤口更快愈合。 8、牛奶中的维生素B能提高视力。 9、常喝牛奶能预防动脉硬化。 10、牛奶含钙量高，吸收好。 11、睡前喝牛奶能帮助睡眠。 12、牛奶中的纯蛋白含量高，常喝牛奶可美容。</t>
  </si>
  <si>
    <t xml:space="preserve">作文：请以“让”为话题写一篇文章！阅读以下材料写作文（仅供参考） </t>
  </si>
  <si>
    <t xml:space="preserve">您好！很高兴回答您的问题：                      让的技巧   如今社会越来越繁杂，我总努力尝试去让开这些繁杂，寻求一片宁静，却常常不能如愿。   可是，一位船夫的话让我豁然开朗，学会了让的技巧。   那次，是在浙西大峡谷中漂流。坐在长长的竹筏上，看着两岸的美景，迎着徐徐吹来的凉风很是惬意。这里美丽的自然风光还未被开发，保持着原有的风貌。一切都是那么寂静，偶尔一声清脆的鸟鸣也令我的心弦为之一颤。我们一行人都默默地观察着周围的一切，从繁华的都市走来，踏进了一片祥和的净土。   江水很是清澈，可以清楚地看见水底的沙石，我忍不住将手伸进水中，鱼儿好奇地亲吻我的手指。忽然，水流急了起来，水中突起的岩石也多了起来。我赶紧收回了手，颇有些紧张。可看那船夫仍是很轻松自在，长长的篙左点一下，右点一下，在湍急的水流中如同在平地上走路一般平稳。看到我盯着他看，他憨厚地一笑：“小心点，水流急着呢，小心掉下水去！”我也冲他一笑，其实心里明白得很，坐他的船哪会有什么危险？每碰到一块岩石，眼看就要撞上了，只见他忽然一让，躲开了危险；每碰到一个漩涡，我们心惊胆战之时，却又是一让，与漩涡巧妙地擦肩而过。   “大伯，您真有本事，您一定对这里的每一个危险都了如指掌吧！要不您怎么这么灵巧地避让呢？”我佩服地向轻松的船夫说。   “我哪清楚呦，撑了这么多年的筏子，我只知道哪里安全，可以让筏子平稳地通过，要想去避让危险干啥？”船夫还是那么平静。   我却愣住了，我们都错了，我们都想着如何去让开危险，却没想到如何去寻找安全。或许，如果船夫只顾着让开岩石和漩涡，那么许许多多的危险又如何避开？倒不如找一条没有危险的路，平平稳稳地走过去。   我忽然明白了让的技巧，的繁杂与我无关，我不必整天想着让开他们，倒不如在心中拾起一片宁静，寻找一条平和的人生之路，平平稳稳地走下去。做一个心灵的隐士，又何必一定要让开世间的繁杂？                自行车上的空间   爸爸的自行车上，有一个怎么也填不满的空间，那是我让出的，同样是爸爸让出的。可是那空间又是满满的，它填满了我对爸爸的爱，同样有爸爸深沉的父爱。   小时候，爸爸的自行车载着我风里来，雨里去。那时的我很稚嫩，爸爸很胖。我坐在后面，总爱与爸爸争夺座垫与后座之间的空间。我叫着嚷着，爸爸憨憨地笑着，不时发出好像很吃力的声音。最后，赢的总是我。我总把头高高昂起，常胜将军一般威风凛凛。还不忘“守住阵地”，用手抓着本属于爸爸的座垫后端。殊不知，爸爸肥胖的身躯占有的空间却是那么那么少。   幼稚的我不知是爸爸让着我，总以为爸爸不如自己。于是我更加过分了，爸爸有时甚至站着骑车……   后来，爸爸病了，那么虚弱，那么瘦！站在他的病床边，我忽地似乎懂了什么。往日的碎片冲撞着我的思想。我看到了，看到一位胖爸爸努力让给车后的小女儿更多空间。   爸爸终于康复了。我，那个曾经不懂事的女儿再次坐在他的自行车上，我看见他的背，那么瘦。他的身体习惯性地朝前坐着。爸爸，你还在让给女儿更多的空间吗？   晚风吹来，吹湿了我的眼眸。我好想，给爸爸让出地方。可是他早已不需要了——他那么瘦。我的想法，太迟太迟了！   但是，我还是轻轻对爸爸说了一句：“爸，后面位置大，朝后坐点吧。”我看见爸爸笑了，也许在这一刻，他明白了：女儿正在用一颗读懂父爱的心为他让出空间。   小时候，爸爸用“让”装点女儿上学的路；后来，女儿悄悄读懂爸爸“让”的爱；而现在，女儿和爸爸共同用爱让出自行车上那美妙的空间。那空间，注定永远填不满。然而充满它的，是爸爸“让”出的爱。   爸爸，再向后坐一点吧……              该让就让，不该让就不让   “让”是中华民族的传统美德，历史上“让”的佳话不在少数；但“让”也造就了中华民族内敛的性格，以至于对外交往时显得有些软弱。因此，对于“让”这个问题我们有重新思考的必要。   韩信从市井屠夫胯下钻过，对屠夫咄咄逼人的气势作出了退让，他让出了风度，让出了明智；“融四岁，能让梨”，他让出了文明，让出了亲情；晋文公“退避三舍”，让出了诚信，让出了气概……历史上“让”的事件不胜枚举，但这些“让”都体现了人的魄力，远见，这些都是些该让的事情，该让就让！   对于一些可以体现个人良好品质的事或一些无伤大雅的事，我们能让则让；但是，如果遇到一些原则性问题或举足轻重的事，我们必须当仁不让。   《红岩》中大部分共产党员在反动派严刑逼供下咬紧牙关，不肯向反动派作出丝毫退让，因为这关系到党的安危，关系到革命的成败，当然不能让；长征时期王明“左倾”思想泛滥，毛泽东虽无实权但据理力争，不断批评这种错误路线，即使最高军事指挥三人团对他发出威胁，也不让，因为这关系到红军十万士兵的安危，关系到中国的命运，当然不能让；２００４年人权大会上，美国仗势欺人，无端指责我国，我国外交部毫不退让，发表《２００４年美国人权记录》以反击美国的污蔑，这关系到中华民族在世界民族之林的名誉，关系到中国在国际上的声誉和地位，当然也不能让！这些都是事关国家、民族的大事，我们是不能让的。一旦让，后果不堪设想。   对于生活中一些鸡毛蒜皮的小事，我们完全没有必要锱铢计较，该让就让了吧，这样不但不会使我们有所损失，反而会扩大我的胸襟，何乐而不为？但是，对于一些事关重要的大事，对于一些影响全局的事情，我们千万不能让！   总之，该让就让，不该让就不让！   </t>
  </si>
  <si>
    <t xml:space="preserve">下了好些天的雨，今天终于不下雨了。可是可怕的湿气却来了。。。墙壁? </t>
  </si>
  <si>
    <t>卧室客厅书房　　1.间歇通风法。把朝南或东南方向，即上风方向的门窗关闭，只开启下风方向的门窗，以减少水汽进入室内。天气转晴时，可打开所有的门窗，以加速水分蒸发。不过中午外面的空气湿度处在最高值，不宜开窗，应在下午或傍晚，气候相对干燥时开窗调节。　　2.电器防潮法。彩电可常处待机状态，还可用电吹风经常通过机背后小孔上下左右将机内灰尘和潮气吹出；洗衣机最好不要放在浴室等水汽密度大的地方，还应将洗衣机位置垫高；空调尽管具有抽湿功能，但潮湿天里同样也应不定期地开启一会儿使其保持良好状态；尤其要做好防潮，最好的做法就是常开机，每天最好开一个小时以保持干燥。　　3.合理摆放绿色植物。书房里的书籍很容易吸收潮气，所以，注意不要在书架附近摆放绿色盆栽，如果一定要摆放，浇水时一定别忘了拿到阳台上，放置一段时间后，再搬进房间。　　4.可用一些防潮物件防潮。如吸湿盒，市面上比较常见的吸湿用品，一般由氯化钙颗粒作为主要内容物，大部分还添加了香精成分，可集除湿、芳香、抗霉、除臭等功能于一体，多用于衣柜、鞋柜；吸湿包，原理与吸湿盒相似，多用于密封空间，内容物以吸水树脂为主，吸收了水分后就变成果冻状，不易散成碎末，可广泛用于衣物、电器等的吸湿，效果较佳。　　卫生间　　卫生间是最容易集结潮气的地方，所以，也是家庭防潮的重点之处。　　解决办法：　　1.抽风机是浴室的基本装备，勤开抽风机，除了及时排出湿气外，还可以排出卫生间的秽气，有利于身体健康。若是没有抽风机，洗完澡离开浴室时应把门关上，让水汽凝结之后，再进入拭干或是以电风扇吹干。有整体淋浴间的，淋浴时，一定要把门关好。　　2.如果卫生间没有做干湿分区，那么请尽量装设浴帘，防止洗澡水飞溅(须特别注意浴厕插座的防潮除湿问题，一旦电源因潮湿漏电，后果不堪设想)。　　3.浴厕的墙壁看似干燥，其实却隐藏着看不见的水汽。因此，厕所不要建在楼梯之下，不要使用塑料壁材；贴壁、贴地的瓷砖缝应涂上白色的水泥，如果砖缝产生黑色的斑点就表示湿气太重，发霉了。及时用消毒水进行消毒，并用吹风机把墙壁吹干。　　厨房　　厨房是用水集中区，洗菜洗碗，蒸煮烹炸，都容易产生大量水汽，导致空间潮湿，而潮湿的环境又非常容易引来蟑螂、虫蚁，所以，一定要做好防潮措施。厨房除湿，可以随地取材，手边物，就可以达到很好的效果。　　1.苏打粉。厨房里唾手可得的苏打粉可以吸收湿气，结块后可用来当清洁剂，刷洗浴缸、洗手台、脸盆等，去油去污兼防霉，效果颇佳。　　2.咖啡渣。兼具吸湿除臭双重效果，放进纱布袋、丝袜或棉袜中，就是方便好用的小型除湿包。　　3.洗衣粉。洗衣粉也是好用的除湿剂。打开新的盒装洗衣粉(或将旧的倒入用完的除湿盒中)，在塑料膜上戳几个小洞，放在任何需要除湿的角落。洗衣粉吸饱水分结块后可拿去清洗衣服，一点也不浪费。　　4.湿敷法。敷脸是爱美女性维持皮肤水嫩的秘诀，这种湿敷法也可以去除居家难缠的霉斑。将厨房纸巾卷成轴状，放入漂白水中，待纸巾吸饱漂白水后拿起，直接敷在霉菌生长的地方约10分钟，大概一两次就可以完全去除霉斑。</t>
  </si>
  <si>
    <t xml:space="preserve">高铭暄，马克昌《刑法学》第四版笔记刑法各论部分的笔记要这两人主编 </t>
  </si>
  <si>
    <t>你有总论？哪找的。。谢谢</t>
  </si>
  <si>
    <t xml:space="preserve">昆山成人高考在哪报名？最好能有报名处的电话！ </t>
  </si>
  <si>
    <t xml:space="preserve">楼上说的教育局，是自学考试，不是成人高考。在昆山电大和昆山职工学校有成人高考的，你可以打114查询报名电话，也可以留意昆山有线电视的流动字幕广告。附：学校地址：江苏省昆山市娄苑路169号邮政编码：215316办公电话：0512-57790011学校网站： 学校邮箱：ksdd@  zrzhyh@      </t>
  </si>
  <si>
    <t xml:space="preserve">有关麻痹戒指的问题麻痹戒指真的无敌吗？挖蛾能挖到麻痹吗？原来看过 </t>
  </si>
  <si>
    <t>决定PK胜利因素很多，只不过有麻痹就又多了一条不是人人都能做到的有利条件，战士带麻痹使烈火砍中对手麻痹率是极高，所以很贵，得到他是运气的事（不包括RMB），RMB3000元。</t>
  </si>
  <si>
    <t xml:space="preserve">我QQ老是掉`！急死人`我QQ一上就掉`！刚输入密码就掉`！郁闷 </t>
  </si>
  <si>
    <t>你的QQ被盗了，找你的电脑里面有病毒了</t>
  </si>
  <si>
    <t xml:space="preserve">商业企业内帐怎么做？已经经营了1年多了但是都没有内帐。只有一个管 </t>
  </si>
  <si>
    <t>如果你自己是老板，那看你自己需要什么？如果需要财务报表，就请一个专业会计来做。如果你是请来的会计，建帐需要什么数据，都不清楚的话，还是会计吗？</t>
  </si>
  <si>
    <t xml:space="preserve">炼铜的原料和辅料？炼铜的原料有哪些辅料有哪些 </t>
  </si>
  <si>
    <t>原料有：铜精矿，回收铜辅料有：溶剂（萤石，菱镁矿），造渣料有：石英，氧化钙等，此外还有空气，富氧空气，燃料等</t>
  </si>
  <si>
    <t xml:space="preserve">请各位GGJJ帮我个忙，不胜感激OS:WindowsXP5.1( </t>
  </si>
  <si>
    <t>其实不是显卡的问题，你进天2之前先不要点Start,先点一下Full Check之后就可以进天2了！很简单的！</t>
  </si>
  <si>
    <t xml:space="preserve">我特别喜欢喝尿，怎么办我特别喜欢喝漂亮男孩的尿，但是总不能见面就 </t>
  </si>
  <si>
    <t>怎么弄到尿？这还不简单。如果你真的喜欢喝，我以后都留着，可以定期邮寄给你。免邮寄费。</t>
  </si>
  <si>
    <t xml:space="preserve">今晚足球比赛,客观说:没有李伟锋的后位,是不是有点问题.不过,他? </t>
  </si>
  <si>
    <t>是的，只能怪中国队的后卫人才不充沛，没了个李伟锋，漏洞百出的。</t>
  </si>
  <si>
    <t xml:space="preserve">中国面积究竟是多大？ </t>
  </si>
  <si>
    <t>因为中国与周边国家（印度，俄罗斯，日本，越南等）的争议区域太多，也很难做出一个令国内国际都满意的国土数字。一般认为是960万平方公里。最新数据是1045万平方公里。这是据国土资源普查的结果。即：将960万改为了1045万平方公里!以前说中国国土面积约960万平方公里。要注意这个"约"字。可千万别小看这个“约”字，当数字很大时，一“约”就可能"约"掉一个上海，或“约”出一个江苏翻开地图册或百科全书，其他国家或地区的国土面积多精确到百位甚至个位，如柬埔寨181035平方公里，缅甸676577平方公里，朝鲜122762平方公里等，而中国是最大的例外。有心人曾把中国各省市自治区的面积逐一相加，结果得出的数字与960万大相径庭，而不同的地图册给出的数字之间也各有出入。如依据成都地图出版社出版的《中国地图册》，把各省市自治区的面积累加后得到的总面积是935.0616万平方公里；依据2003年中国地图出版社出版的《分省中国地图集》，得到的总面积 平方公里，均比960万少了大约25万平方公里左右，几乎就要割去一个辽东半岛。是不是数字过时了？再看2004年1月中国地图出版社编制发行的《中国地图册》，累加的结果是 平方公里--这下可好，连上海也赔进去了。另外还有一个有趣的现象，在三本地图册中，省级行政区的面积有许多标为某某多万，或某某万多平方公里，如广西23万多平方公里，内蒙古110多万平方公里，其中第一本16个，第二第三本25个。落实到具体的省区则又不一致，如安徽省的面积成都地图出版社给出的数据是14万平方公里，而中国地图出版社说是13万多平方公里；重庆市的面积是前者是8.5万平方公里；后者却是8.23万平方公里。是不是因为省区划界后数字有了新的变动？不知道，也根本找不到具体说明--反正都是"模糊"。</t>
  </si>
  <si>
    <t xml:space="preserve">请问什么是地壳运动的张力？它与地壳运动的压力有什么不同？谢谢！ </t>
  </si>
  <si>
    <t>地壳运动的张力是指驱动分离型板块运动的水平推力。它能使地壳裂开，板块漂移。  地壳运动的压力是指汇聚型板块间的水平压力。它能使海底和陆地隆起褶皱山脉。  其实汇聚压力就来自远处的张力。就是板块运动的驱动力。而板块运动的驱动力来源还没有定论。目前有三种学说，1 地幔对流说 2 地球膨胀说，3引力制动说。</t>
  </si>
  <si>
    <t xml:space="preserve">网页错误是怎么回事?没法上传新的内容. </t>
  </si>
  <si>
    <t>是你的浏览器问题，更新你的浏览器就可以了，我以前也出现过这样的情况</t>
  </si>
  <si>
    <t xml:space="preserve">修路修一段路每天修６０米然后一天多修１５米提前了４天完成问这条路 </t>
  </si>
  <si>
    <t>设天修６０米要X天。60*x=75*(x-4)解得X=20所以20*60=1200米</t>
  </si>
  <si>
    <t xml:space="preserve">为什么我的物品总是打不开 </t>
  </si>
  <si>
    <t>按I试试~~~~~~~~~~~</t>
  </si>
  <si>
    <t xml:space="preserve">家里的阳台上放置什么绿色植物有档次?最好是一年四季常绿的,麻烦介? </t>
  </si>
  <si>
    <t>　这位朋友我不知你养花的目　的是什么。但是我想劝你，室内养花不仅仅是为观赏和有档次，更重要的是，有些花草可以进化室内空气，我想健康对于我们来说更加重要些，因此，你在选择花草的时候就不仅要考虑档次，还应考虑花卉是否适合室内养植。要知道有些花卉是有毒的。一般兰科植物不仅有观赏价值，而且还是很好的空气清洁工，你不防买几盆兰花，放在室内既有档次又有益健康。</t>
  </si>
  <si>
    <t xml:space="preserve">各位GGJJ,我刚刚开始玩上"传世",我想做道士,应该怎么做才好? </t>
  </si>
  <si>
    <t>不玩这个游戏最好。要玩的话就去88区吧，如果真象宣传的那样应该还行。我以前也玩的是道士，如果你不喜欢PK，只想练级，打宝道士是不错的选择。如果喜欢杀人玩，还是换个职业吧，不然能郁闷死你。</t>
  </si>
  <si>
    <t xml:space="preserve">送礼该选啥样的液晶电视？老公的朋友要结婚了，我们想送款液晶电视， </t>
  </si>
  <si>
    <t>LG 这款 42LG50FR液晶电视外观出众，时尚大方，采用的是硬屏面板，画质清晰、解决了令人困扰的图像拖影和抖动。</t>
  </si>
  <si>
    <t xml:space="preserve">初三几何题如图，在△ABC中，∠C=2∠B，∠1=∠2，求证AB </t>
  </si>
  <si>
    <t xml:space="preserve">在AB作一点E,使AE=AC. ∵∠1=∠2   ∴△AED ≌△ ACD ∴∠AED =∠C   ∵∠AED=∠B+∠EDA  ∴2∠B=∠B+∠EDA  ∴+∠EDA=∠B  ∴ED=BE   又∵△AED ≌△ ACD ∴CD=ED=BE   AB=ED+AE=CD+AC </t>
  </si>
  <si>
    <t xml:space="preserve">打游戏挑选什么面板的显示器呢?问问各位经验人士，你们打游戏用的是 </t>
  </si>
  <si>
    <t>哈哈，显示器吧，我觉得现在选购ips硬屏面板的要好些呢，像打游戏的话，选择这种的最为好呢，使用了先进的液晶面板技术，其色彩画质表现的很清晰和自然的呢，即使见过那么多的液晶显示器，但我最喜欢的就是这种面板的呢，画质清晰，看电影还是打游戏都很给力的哈。</t>
  </si>
  <si>
    <t xml:space="preserve">在这一个有这30W的县级市里做点什么生意好点？ </t>
  </si>
  <si>
    <t>小城市就应该发展特色项目因为城市小  新鲜 新奇 有特色可以迅速做出口碑而且利润丰厚</t>
  </si>
  <si>
    <t xml:space="preserve">外贸公司取名名字共2个字,其中一个是"华",要求名字响亮、大器、 </t>
  </si>
  <si>
    <t>取名如下：华兴华美华达华丰华尚龙华福华华顺旺华</t>
  </si>
  <si>
    <t xml:space="preserve">早期肝硬化的治疗方法我很着急希望大家帮一下忙 </t>
  </si>
  <si>
    <t xml:space="preserve">电子政务的发展前景是什么 </t>
  </si>
  <si>
    <t>电子政务对政府管理的影响和作用1.引发政府管理观念的变革;2.重塑政府的业务流程;3.全面提升政府的管理能力;4.重构政府的组织结构。我国电子政务的发展取向1.无印政府;2.“管制型政府”到“服务管理型政府”;3.推行电子政务与深化行政体制改革的互动;</t>
  </si>
  <si>
    <t xml:space="preserve">静安的通知书什么时候发？我是跨区考的...==、 </t>
  </si>
  <si>
    <t>你问问老师吧 应该就这几天了</t>
  </si>
  <si>
    <t xml:space="preserve">比勒菲进球啊 </t>
  </si>
  <si>
    <t>我晕啊，我德甲错一场啊，妈的，</t>
  </si>
  <si>
    <t xml:space="preserve">竞走观众越来越多(股市用语) </t>
  </si>
  <si>
    <t>行情看涨</t>
  </si>
  <si>
    <t xml:space="preserve">将24个人，分成6队，一队5个人，怎么分？非常简单好好想想 </t>
  </si>
  <si>
    <t>排成六边形</t>
  </si>
  <si>
    <t xml:space="preserve">数字的说法本来用英语说数字,百位和十位之间应该有and来连接的, </t>
  </si>
  <si>
    <t>可能是不正规的口语说法吧.补充:在日常口语中,讲房间号或者其他数字:如果共有3个数字,如367,则百位上的数字直读,"three",后两位直读,"sixty-seven"; 如果有4位数字,如(4765),则两位两位的读"forty seven sixty five".但如果是说钱的话,还是说four thousand seven hundred sixty five dollars. 另外,在使用支票的时候,也是不用and的.直接说"four thousand seven hundred sixty five dollars even".</t>
  </si>
  <si>
    <t xml:space="preserve">经常便秘怎么办我经常便秘，并且很严重。吃的（华佗排毒润肠丸）也不 </t>
  </si>
  <si>
    <t xml:space="preserve">我以前有六年的便秘历史，就在今年完全好了，现在就是两天上一次厕所也不会便秘，真的！！我的方法很简单，就是早上起来空腹喝上一杯凉开水，一定要空腹，如果便秘严重的话，再加上蜂蜜（最好是小袋包装的那种，一次一小袋，超市就有卖的，达到有效的润肠作用），要养成定每天定时蹲厕所的习惯，坚持一个月后便秘就会完全消失，这种方法简单有效，不用吃药，还有益健康！！注意：蹲厕所的时间不要超过30分钟，时间长了容易引起痔疮。坚持是关键，要是坚持每天都做到的话你的便秘一定会消失的无影无踪的！！采纳答案 ┆ </t>
  </si>
  <si>
    <t xml:space="preserve">谁能提供几张动漫人物脸上有笑容的图片?(有卡卡西的最好) </t>
  </si>
  <si>
    <t>卡卡西的笑容啊!我实在是没找到单人的啊!~~~~~~</t>
  </si>
  <si>
    <t xml:space="preserve">3个月的宝宝后脑勺有一块不长头发是怎么回事 </t>
  </si>
  <si>
    <t>病情分析：你好，很乐意为你解答，根据你的描述来看，宝宝有枕秃的情况存在多由缺钙引起的，再者经常睡一个姿势可能也会有影响。指导意见：存在着上述情况建议要注意钙质的补充，再者小孩要多晒太阳，如果小孩是母乳喂养，母亲要注意均衡饮食，慢慢会有所改善的，不需要过于担心。医生询问：</t>
  </si>
  <si>
    <t xml:space="preserve">嘴唇干裂，是缺乏什么维生素 </t>
  </si>
  <si>
    <t>这样的情况导致的病因主要是考虑存在缺乏微量元素的问题引起的目前的症状,对于这样的问题可以选择积极的服用多种维生素片较好的，再就是可以选择外用红霉素眼膏或者是稀甘油治疗，注意不要吃辛辣的食物，避免经常舔舐嘴唇比较好的病情分析：嘴唇干裂多发生在秋冬季节，主要原因是秋冬气候干燥、风沙大，加上人体维生素B2、维生素A摄入量不足造成的。指导意见：预防措施为多喝水，多吃新鲜蔬菜水果补充维生素。可以适当使用护唇膏，切忌频繁舔嘴唇。</t>
  </si>
  <si>
    <t xml:space="preserve">猜四字两座山山对山，到了衡州鱼不滩，太公年老少一点，周瑜设计脱衣 </t>
  </si>
  <si>
    <t>出行大吉。。。。。。。。。。。。。。。。。。。。。</t>
  </si>
  <si>
    <t xml:space="preserve">外汇存款升息:选择储蓄还是理财？ </t>
  </si>
  <si>
    <t>我认为理财好，可以让钱生财</t>
  </si>
  <si>
    <t xml:space="preserve">当今儿童伤寒症的具体症状?现在幼儿得伤寒症的概率,极具体症状 </t>
  </si>
  <si>
    <t xml:space="preserve">  杆菌造成之伤寒病，常称“伤寒热”，其症状包括高烧，可达39°至40°C(103°至104°F)；其他症状有腹痛、严重腹泻、头痛、身体出现玫瑰色斑、寒战和出汗等。肠道出血或穿孔是其最严重的并发症。其传染途径为粪口途径，传染力很高。伤寒常见的传染源为病菌污染的水源，或者是被伤寒病人或带菌者接触过的食物。　　伤寒是由伤寒杆菌引起的急性肠道传染病，以持续菌血症、网状内皮系统受累、远端回肠微小脓肿及溃疡形成为基本病理特征。典型的临床表现包括持续高热、腹部不适、肝脾肿大、白细胞低下、玫瑰疹、神经系统症状和相对缓脉等。　　小儿伤寒一般不如成人伤寒典型，多呈轻型非典型经过。其临床表现因年龄而异，年龄愈小者(如2岁以上)则愈不典型，年龄愈大者(如8岁以下)就愈接近成人的症状。小儿伤寒的特点如下：　　(1)体温常骤然上升，可在短时间内 ( 一般为2～3天)即达高峰，成人则需1周才逐渐达高峰。稽留期的体温波动大而不规则，持续时间不规则，持续时间也不长，约7～10天。　　(2)消化道症状较为多见，尤其见于2岁以下患儿，常有腹胀、腹泻、呕吐。大便中含有粘液者，可能被误诊为痢疾。如果大批小儿在短时间内出现胃肠炎的症状，在未分离出伤寒杆菌之时，很可能被误认为食物中毒。由于肠道的病理变化轻，因此肠出血和肠穿孔的并发症较少见。　　(3)中毒症状明显，患儿因倦怠而不想活动，精神萎靡不振，嗜睡，到极期更为显著。年龄越大的患儿，中毒症状就越明显。随着病情的进展，逐渐呈现苍白面容和消瘦体质。　　(4)呼吸道症状比较突出，并发支气管肺炎为多，约半数以上的患儿有长期咳嗽，两肺可闻及干湿性罗音，大多于发病的1～2周内出现。　　(5)神经系统症状，因急性脑膜炎所引起的如谵妄、惊厥、脑膜刺激症状等很常见，尤其3岁以下的幼儿惊厥更为常见。　　(6)由内毒素所致的玫瑰疹、缓脉及脾脏肿大，一般很少见到。末梢血白细胞常无明显下降，甚至可高达20×109/L以上。　　(7)病程短，有时整个病程不满2 周即可痊愈。病情的严重程度及预后主要取决于患儿的营养及健康状态，其次与侵入细菌的毒力大小有关，但大部分症状轻，病死率低。 </t>
  </si>
  <si>
    <t xml:space="preserve">请问口袋西游中的伏羲石怎么获得？谁知道。。告诉我下。。急用……详 </t>
  </si>
  <si>
    <t>RMB道具..暂时没开</t>
  </si>
  <si>
    <t xml:space="preserve">我用清水擦显示器出现水纹怎么办？我用擦显示器的布，沾点清水，擦显 </t>
  </si>
  <si>
    <t>可到照相馆购买镜头纸来擦拭,擦拭的同时用口对着显示器哈气,这样省钱又方便.</t>
  </si>
  <si>
    <t xml:space="preserve">数学题多种做法急求如图所示，三角形ABC是等腰直角三角形，AB= </t>
  </si>
  <si>
    <t>如图所示，三角形ABC是等腰直角三角形，AB=AC，D是斜边BC的中点，E F 分别是AB AC 边上的点，且DE垂直DF 若BE=12 CF=5 求三角形DEF的面积见附件！</t>
  </si>
  <si>
    <t xml:space="preserve">怎么高的.现在怎么只有万里跟东风进不去啊,GM你没有事维护个鸟啊? </t>
  </si>
  <si>
    <t>大家都期待你个更完美的完美世界啊</t>
  </si>
  <si>
    <t xml:space="preserve">为什么总是断开连接!!总是告诉我断断开连接?要不就连接上总是进不 </t>
  </si>
  <si>
    <t>电信的也一样 服务器太垃圾了吧</t>
  </si>
  <si>
    <t xml:space="preserve">使用法国芙洛雅去皱产品有没有什么忌讳？怎样使用效果最好？ </t>
  </si>
  <si>
    <t>没有特别的忌讳，如果能够在使用法国芙洛雅的同时，保持健康良好的生活习惯，少吃或不吃刺激性食物，多喝水，彻底洁面，效果会达到最大化。</t>
  </si>
  <si>
    <t xml:space="preserve">字符与字节的区别 </t>
  </si>
  <si>
    <t>字节是计算机中存储信息的单位，是8位二进制数，字符是A、B、C等以及一些符号，在计算机中用一个字节表示。</t>
  </si>
  <si>
    <t xml:space="preserve">谢谢你的信任！你好，我看了你给我的回答了。这个男人根本就不是个东 </t>
  </si>
  <si>
    <t>他会后悔的，那个女人不是什么好东西，分了还没有一个月就跟另一个男的耍起了的，人也就1米53，还100斤，要什么没什么，就只有赖不住寂寞。跟他分了后都耍过三个朋友了，什么玩意嘛</t>
  </si>
  <si>
    <t xml:space="preserve">小菜鸟关于敏武侠的问题我刚刚玩完美，想练一个敏捷尽可能高的武侠， </t>
  </si>
  <si>
    <t>空手是不能放攻击技能的，还有升级除了五点自由分配的点，是不会象那个大话梦幻一样每个属性加一点的！！敏高除了暴高，命中高，闪避高，没有其它好处，如果你把敏看得太重，那也没有必要，这个完美应该有很多设定跟别的游戏不一样，比如闪避，闪再高，除了PK时跟一些命中比较低的战士之类打打能看出一些效果，别的时候被怪打一般就不会有那么多未命中了！！别指望什么不破防的产生，敏对WX很重要不可否认，甚至于WX加敏的效果比芒果加敏的效果要好，但是体也很重要，芒果可以在怪还没有近身怪就死了，但是WX是要近身的，你的拳只有一个公共的龙现远攻吧，所以嘛，练拳除了敏还要体，重装可以不穿但是体一定要加！！！</t>
  </si>
  <si>
    <t xml:space="preserve">65岁血压多少算正常呢我父亲65岁，昨天晚上量血压高压140，低 </t>
  </si>
  <si>
    <t>我们应该分清正常和健康的区别。正常人的血压是：高压=年龄+90，低压在90以下。健康的成人血压是：高压在110-120之间，低压在70-80之间。你父亲的血压偏高。</t>
  </si>
  <si>
    <t xml:space="preserve">SINA的博客怎样查看登录人数 </t>
  </si>
  <si>
    <t>第一步 控制面板——首页内容维护第二步 自定义首页计数器样式——选择心仪的格式——确定 返回然后再回到你的首页，页面最后一行。</t>
  </si>
  <si>
    <t xml:space="preserve">可能大盘不会大幅回调了!有观点认为:10月25日1825点时的流? </t>
  </si>
  <si>
    <t>大幅回调倒不会，不过见顶倒快了，上了2000就准备逃吧，个人意见，仅供参考。</t>
  </si>
  <si>
    <t xml:space="preserve">关于一些区的江湖骗子本人4区紫月。基本上很少看到骗子，有也只是很 </t>
  </si>
  <si>
    <t>5555555555,莪是让朋友骗了130E, 莪才可怜,赔了感情折了财</t>
  </si>
  <si>
    <t xml:space="preserve">孕妇方面的昨天和老婆去医院检查身体，哪个主任…由于早上吃东西了， </t>
  </si>
  <si>
    <t>在下认为如果没有什么情况，就没有必要去医院折腾自己。像那种医生你也别指望他能帮什么忙的。平日除了注意营养外，适当多多户外运动，以增强孕妇的身体素质。7-8个月再去医院做个B超，胎位正不正是男是女全能看的清楚。即使是胎位不正，现在都无须担心。想到哪家医院就去哪家医院，到哪个医院都不会有影响的。仅供参考</t>
  </si>
  <si>
    <t xml:space="preserve">五万元能做什么?我家住在市区内,刚生了小孩有八个多月了(小孩有爷 </t>
  </si>
  <si>
    <t xml:space="preserve">   不知道,你喜欢不喜欢天然水晶系列,..翡翠...玉石等产品..可以开个这样的店..或者开个精品女装...因为你是做管理的..可能开一个自己的店.你会很容易操作的...小吃店的话.如果你能找到合适的厨师也算是一个不错的选择...但是最好要有点特色的东西....希望对你有帮助....</t>
  </si>
  <si>
    <t xml:space="preserve">还有帐号吗?我申请晚了5555 </t>
  </si>
  <si>
    <t>您好，您可以和论坛在线客服进行联系。</t>
  </si>
  <si>
    <t xml:space="preserve">我怎么这么倒霉呢，在爱情的路上我又摔了一跤。。。。。。曾经以为会 </t>
  </si>
  <si>
    <t>坚强点，才七天，又不是七年！再说你还不至于对她到爱她非娶不可的地步！看得出来，她再找也只是敷衍而已，不是真心的，你又何必呢？想一下，如果你们谈婚论嫁时他前男友来找他那怎办？你该庆幸，是上帝挽救了你，没有让你受第二次更深的伤害！记得呀，你是男人，胜不骄，败不馁，越战越勇才对。大丈夫拿得起放得下，大丈夫何患无妻！我比你倒霉，都认识半年了，他还忘不了前面那位，我是女孩，能怎末办，耐心等呗，等到他为我感动你要加油，别在自弃下去了，努力加油，属于你的幸福会来临的!缘分没到，莫急嘛我想像你这样痴心又心善的人，上苍会给你一分属于自己的幸福的，真心何患无侣祝你好运，加油阿，下一个会更好</t>
  </si>
  <si>
    <t xml:space="preserve">上市公司对股票进行派股息和分红时是自动到帐还是要通过帐户进行什么? </t>
  </si>
  <si>
    <t>自动到帐的，不用你担心的，公司公告会有派息日的，你直接进入系统就可以查到了</t>
  </si>
  <si>
    <t xml:space="preserve">AdaobeAcrobat9中如何创建一个.pdf文件包含多张图? </t>
  </si>
  <si>
    <t>文件菜单创建PDF然后选择从多个文件在跳出来的框里添加你要加的图片即可</t>
  </si>
  <si>
    <t xml:space="preserve">有感于大家经常问到的“某某基金怎么样，适合投资吗”的问题其实投资 </t>
  </si>
  <si>
    <t>楼主的提议是很好的，投资也是要讲投资主体的，不能一味的追求高收益，赚到还好，赚不到可就不美妙了，君不见近日这里不时发出骂某某基金的声音吗！关键是很多人自己不仔细研究基金以及自己的投资能力，就爱问别人，以为这样最好，这样最省事，投资界有段话可以借鉴的：如果你不关心你的投资，投资也不会关心你！所以买基金主要还是要靠自己多作功课，找出适合自己的基金。本人还想说的是，这里的大师和相当大师的人太多，自已投资水平不错（到底如何谁也不知道），只要有人问，就告诉人家这样买吧，我买的很好，还不忘告诉人家投资顺利。其实这个市场上目前有两百多支基金，有几个人或者大师能把他的特点都说出来？今天还看一个老露脸的家伙把一家基金公司狂骂，至于吗？去年最低点时，如果你买了上投，到今年5月，它不是收益最高的，但如果你买收益最高的基金，之前问大师买这个基金如何，说不定大师会把你购买计划批驳得无地自容。</t>
  </si>
  <si>
    <t xml:space="preserve">发的图片显示红叉，为什么？发到论坛网页的图片显示为红叉，IE高级 </t>
  </si>
  <si>
    <t>对着红叉右键选择“显示图片”，或者刷新几次，如果还是不行就什么这个图片已经不存在了</t>
  </si>
  <si>
    <t xml:space="preserve">长安百草怎么个用法，管用吗 </t>
  </si>
  <si>
    <t>呵呵,长安百草的使用非常简单的,按介绍用就可以了,它可是咱们国内最管用治结肠炎的中药用,我使用过,所以敢这么说的,淘宝就有这个药,你可以看下</t>
  </si>
  <si>
    <t xml:space="preserve">关于招投标的有关概念在物资采购中有招标、议标、邀标等说法，还有那 </t>
  </si>
  <si>
    <t>招标、邀标、议标，都是招标。你的分类不准确，确切的说应该是：招标分为公开招标、邀标等。公开招标是在公共媒体上发布拟购买的物品或劳务的数量、要求，参加投标单位进行比质、比价，招标人根据投标人的综合情况，优胜劣汰，选择中标人，由中标人提供招标要求的物品或劳务。议标是招标的特殊形式，是招标人根据自己掌握的能提供物品、服务、劳务单位的资料后，招标人和相关单位（投标人）进行公开、半公开、或不公开的谈判、协商，最终由招标人根据全部情况，选定中标人。这种形式的招标容易暗箱操作，一般不采用。实际上，议标也不很规范，这种形式仅仅是招标单位和一些投标单位为确保中标的变通形式。邀标是邀请投标的简称。招标人在公开招标、特殊需要情况下，已知的合格的投标人没有、或者可能没有知道招标信息情况下，招标人直接发出邀请，请求某一或几个单位参加投标的招标。</t>
  </si>
  <si>
    <t xml:space="preserve">怎么就这么没用?也几十多岁的人了,为什么别人说几句关心的话也会流 </t>
  </si>
  <si>
    <t>流泪怎么了？！说明你有感情！也许你遇到了一些郁闷的事，不过面包会有的。</t>
  </si>
  <si>
    <t xml:space="preserve">大阴唇上长东西今天洗藻发现右侧的大阴唇上长了一个疙瘩,像毛囊炎一 </t>
  </si>
  <si>
    <t>不知你说的这个情况是否是叫“外生殖器息肉”？建议你到医院的妇科去检查一下，不要有什么顾虑的，即使是息肉，必要时也可通过很小的手术来去除而解决问题的。</t>
  </si>
  <si>
    <t xml:space="preserve">请问如何备份电脑系统我想知道如何备份系统，是用GHOST来备份的 </t>
  </si>
  <si>
    <t>到这里下载一键GHOST 11.0 Build 070315 硬盘版  一般在系统安装完成后安装自己常用的软件然后杀毒再用“一键GHOST”备份以后遇到系统出现问题“一键GHOST”会自己替你将系统恢复到备份时的状态不管备份还是恢复都只需要按一个键就可以了</t>
  </si>
  <si>
    <t xml:space="preserve">南方高增，融通动力，融通动力先锋那个基金表现得不错？？ </t>
  </si>
  <si>
    <t>南方高增更好些，但是11月30日南方高增刚重新扩容40亿，这几天要重新建仓，看起来收益比较少许，但从成远及历史来看南方高增收益一直是比较可观的。</t>
  </si>
  <si>
    <t xml:space="preserve">军师的好装备去哪打我现在84级但没有好的装备不知道要去哪里打会掉 </t>
  </si>
  <si>
    <t>街亭</t>
  </si>
  <si>
    <t xml:space="preserve">曹冲几岁死的？曹冲几岁死的？ </t>
  </si>
  <si>
    <t>曹冲(196-208),字仓舒,曹操最小的儿子.曹冲称象的事情流传千古,曹冲在称象时不过六岁.208年,也就是赤壁之战的这一年,曹冲夭亡,年仅十三岁.</t>
  </si>
  <si>
    <t xml:space="preserve">鲜枣应该如何保存啊？ </t>
  </si>
  <si>
    <t xml:space="preserve">    鲜枣不仅甜脆多汁，而且丰富，其中维生素C含量最高，但不耐保存，常温下几天的时间就会失去鲜脆的口感。为了方便保存，可以将鲜枣晒干制成干枣。但枣晒干后，不仅丢失了其中的水分，还少了溶于水的维生素C，对其他营养素也有较大影响。把鲜枣做成蜜饯是保存的另一种方式，但蜜枣中的营养损失更大，其中的维生素C几乎全部被破坏了。     1、砂藏：选用耐贮品种，在初红至半红时采收，挑选无伤枣果，选阴凉潮湿处，底层铺3厘米厚的湿砂，上放一层鲜枣（一个枣的厚度），再铺一层砂，然后放第二层枣，再铺砂，放第三层枣，如此堆至30厘米高。为防砂子干燥，表层可喷洒清水补充湿度。此法可贮藏一个月以上，枣果鲜嫩脆甜，营养损失少。 　　2.冷藏：选用25%-50%着色的鲜枣，放在容量为1公斤的塑料袋中，袋的两侧各打直径3-4毫米的小孔3-4个。将选好的果在2%氯化钙溶液中浸泡30分钟，在7-8℃下预冷1-2天，然后移入0±1℃的冷库中，在相对湿度60%条件下贮藏，此时塑料袋内的相对湿度保持在90%以上。3-5天后检查一次，以后每7-10天检查一次即可。</t>
  </si>
  <si>
    <t xml:space="preserve">化学应该怎么学呀我都该上高三了，可是化学考试时总是头痛，不会作， </t>
  </si>
  <si>
    <t xml:space="preserve">理科中 物理,化学,生物三门中只有化学是偏文科的学科,你想想,物理要分析,生物要设计实验,只有化学有规律可寻,尤其在有机部分,所以 你首先要树立信心.我上高中时,老是认为自己物理差,也确实没考好过.后来换了老师,我想凭什么我物理差呢,我又不笨,于是我紧跟老师的思路,上课很认真,结果效果很好.成绩到了班里前几名.所以 ,你不要说,我这个差那个差,你没有差的地方,只是看你有没有毅力和耐心把它提上来.其次,多看课本,不要以为看课本很傻,其实很有用.多回顾,多记.第三,一定要有错题本,这比你买参考书要来的好.没时间了,可以把错题剪下来贴上,不用很认真的记,自己看清就行.如果你能坚持,化学会是你的强科!!我相信你.还有事的话,我的 </t>
  </si>
  <si>
    <t xml:space="preserve">最近几天早晨起床时醒来,一翻身就感觉头晕,怎么回事?求医生给一下? </t>
  </si>
  <si>
    <t>病情分析：　　　您好，从您描述的情况分析，首先考虑您晨起时头晕是由于颈椎病引起的，由于颈椎增生等导致椎基底动脉受到压迫从而出现供血不足导致的大脑供血不足。指导意见：　您的情况建议您到医院去拍个颈椎平片或者颈椎ＣＴ，同时做个颈动脉彩超明确一下颈椎的情况，然后根据实际的检查结果进行相应的治疗。　如果的确是由于颈椎增生或者颈动脉硬化导致的颈动脉狭窄，那么可以服用西比灵进行治疗。</t>
  </si>
  <si>
    <t xml:space="preserve">2006年年终总结我是从2005年开始在银行看到有基金宣传的小册 </t>
  </si>
  <si>
    <t>虽然我作为基民才一个月，但是觉得你总结的并不好，你不应该变化太快，你的话：“我决定,听人劝,吃饱饭,2007年一开市,就把工银和嘉实赎回.谁年度,季度,月份,周,天收益率在前面,就投谁.”并不对，转换的费用和时间成本太高，风水轮流转，等你跑过去，它又跑到别的地方去了。我11月30日进入，30w,已经有11％的收益，很满足</t>
  </si>
  <si>
    <t xml:space="preserve">小孩大便干是否正常　　我女儿已9个月了，可能有两、三个多月大便就 </t>
  </si>
  <si>
    <t>　　9月的孩子成型便是正常的，由于大便干结造成一天3-4次大便，是否饮食中蛋白质含量过多，你可在奶粉中加糖，增加蔬菜汁或菜泥，喝鲜果汁。</t>
  </si>
  <si>
    <t xml:space="preserve">请教高手雷烈刀跟裁决那个好》都是普通的 </t>
  </si>
  <si>
    <t>不一样的，分你练的技能，你要是练的是烈火，就是裁决属性好，雷列差点，不过对雷霆剑来说，雷列好些，裁决能发挥烈火的最大效果，一般来说，用裁决打战士和道士是比较好的，雷列的效果只对雷霆发挥好，裁决最好喝到幸运7，那样配烈火效果老好了，打战士和道士，敖敖的，疼个照型，呵呵</t>
  </si>
  <si>
    <t xml:space="preserve">请详解一道数学题父亲把所有财物平均分成若干份后全部分给儿子们，其 </t>
  </si>
  <si>
    <t>C设父亲把所有财物平均分成n份因为长子拿一份财物和剩下的十分之一,所以长子拿财物=1+(n-1)/10因为次子拿两份财物和剩下的十分之一,所以次子拿财物=2+(n-(1+(n-1)/10)-2)/10因为所有儿子拿到的财物都一样多,所以长子拿财物=次子拿财物1+(n-1)/10=2+(n-(1+(n-1)/10)-2)/10解 n=81   父亲把所有财物平均分成81份所以长子拿财物=1+(n-1)/10=9份因为所有儿子拿到的财物都一样多所以儿子数=所有财物份数/每人份数=81/9=9</t>
  </si>
  <si>
    <t xml:space="preserve">新版本还可以卖特殊船换海点和海币吗?我以前玩过大海!不过才48, </t>
  </si>
  <si>
    <t>是的,官方网站自1.100版本起取消了这个,想要钱的话找个舰队加一下吧</t>
  </si>
  <si>
    <t xml:space="preserve">手指上长了几小片小疙瘩，仔细看能看见，也能摸得到，不疼不痒。是怎? </t>
  </si>
  <si>
    <t>您好，考 虑您这是脂肪瘤，它是由增生的成熟脂肪组织形成的良性肿瘤。一般无需处理如果长得很大感 觉疼痛影响活动,或近期内突然增大或发生破溃,则应手术切除。平时要注意饮食,不要吃肥肉 等脂肪含量高的食物,多清单饮食,多运动.注意控制体重.</t>
  </si>
  <si>
    <t xml:space="preserve">oppoR813T不能锁屏了只能解锁，怎么办 </t>
  </si>
  <si>
    <t>您好，不锁屏您可以进入设置--显示--背光时间里面看看是否设置了较长的时间。关于锁屏的声音您可以进入设置--声音--锁屏提示音看看是否关闭哦，如果没有关闭您可以检查一下设置--声音--音量是否由于系统音量关闭或者过小导致的听不到哦。选择最大音量然后确定再试试。出现这样的问题这个应该是系统故障导致的哦，建议您备份好重要数据，下载该机器的官方固件，进入工程模式双清刷机即可。刷机教程：先备份好重要数据！然后手机连接电脑把下载的固件存入手机。然后再长按电源键十秒钟进入关机状态（可拆卸电池的需要关机后取下电板然后重新安装一下）。再同时按住电源键跟音量减键，进入recoveryr模式，通过音量键选择电源键确认，双清（恢复出厂设置与清理缓存wipe data/factory reset和wipe cache partition），然后选择固件包安装成功后重启即可使用。如果有新版本也可以直接手机连接WIFI或者其他网络，然后进入“系统升级”里面OTA升级。备份教程：电话、短信、照片、笔记等可以nearme云服务备份。软件通过软件商店备份即可。OPPO智能手机固件下载地址：http://www.oppo.com/index.php?q=software/list&amp;type=1&amp;cate=102</t>
  </si>
  <si>
    <t xml:space="preserve">幼儿总是长痱子怎么办？小儿9个月，晚上吹空调28度，她还是长痱子 </t>
  </si>
  <si>
    <t>我给你先给你我用过的一个很好的方法;具体方法如下：采桃树的叶子一小撮，洗净后，放入锅中煮沸，用棉花或是口罩均可，擦生痱子的地方。我们连续用了三天，现在小宝宝身上一颗痱子也没有了。头上的小“赤豆”全没了。也希望有痱子的宝宝，家长回去试试，没有副作用的。在这里我要特别感谢bonnyy妈妈！是她教我的！其二,就是用“宝宝金水”直接涂到生痱子的地方.爸爸妈妈涂的时候千万要小心注意不要溅到宝宝的眼、鼻、嘴中哦~呵呵！对了市场上宝宝金水也有水货，宝宝金水是南京出的。</t>
  </si>
  <si>
    <t xml:space="preserve">求解集求1+2^x&amp;lt;3^x的解集。 </t>
  </si>
  <si>
    <t>解：∵3^x&gt;0∴不等式两边同除以3^x，原来的不等式变成（1/3)^x+(2/3)^x&lt;1因为（1/3)^x是单调递减函数；（2/3)^x也是单调递减函数，则（1/3)^x+(2/3)^x还是单调递减函数，令f(x)=（1/3)^x+(2/3)^x,则：f(1)=1上式即是：f(x)&lt;f(1)所以：x&gt;1。</t>
  </si>
  <si>
    <t xml:space="preserve">为什么超女和好男儿的标准是这样?有人说:超女第一名李宇春长得象男 </t>
  </si>
  <si>
    <t>哈哈。是啊。一说还蛮像的，现在都流行中性美，现代人看美女帅哥看多了，想换换口味</t>
  </si>
  <si>
    <t xml:space="preserve">用卡巴斯机查出一大堆感染了病毒的文件，是不是可以全部删除呀？我都 </t>
  </si>
  <si>
    <t>如果你有系统备份那就大胆地删除；如果没有建议选择隔离这样如果系统有问题可以解除隔离；仅仅依靠杀毒软件是不行的建议另外使用AVG Anti-Spyware杀木马、360安全卫士杀恶意软件（修复系统漏洞）以上工具这里找：  都是免费的、正版的、可以更新的</t>
  </si>
  <si>
    <t xml:space="preserve">上海得了尖锐湿疣性病要做哪些检查？ </t>
  </si>
  <si>
    <t>　　病毒疣抗体试验：至今HPV难以用传统的病毒培養及血清学技术检测，主要实验诊断技术是核酸杂交。近年来发展的PR方法具有特异、敏感、简便、快速等优点，为HPV检测开辟了新途径。　　醋酸白试验：本试验的原理是蛋白质与酸凝固变白的结果，HPV感染细胞产生的角蛋白与正常的没有感染上皮细胞产生的不同，只有前者才能被醋酸脱色。　　免疫组织学检查：常用过氧化物酶抗过氧化物酶方法，显示湿疣内的病毒蛋白，以证明疣损害中有病毒抗原。HPV蛋白阳性时，尖锐湿疣的浅表上皮细胞内可出现淡红色的弱阳性反应。　　病理检查：病理检查在尖锐湿疣检查中，属于准确度很高的一种方法。它从尖锐湿疣的症状着手，通过检查来判定是否为尖锐湿疣。病理检查主要为角化不全，棘层高度肥厚，乳头瘤样增生，表皮突增厚、延长、其增生程度可似假性上皮瘤样。　　组织化学检查：取少量病损组织制成涂片，用特异抗人类乳头瘤病毒的抗体作染色。如病损中有病毒抗原，抗原抗体就会结合。在过氧化物酶抗过氧化物酶(PAP)的方法中，核可以被染成红色。这种方法的特异性强且较迅速，对诊断有所帮助。专家建议要及时到正规权威的专科医院进行诊治，时下通过新技术是可以取得显著的治疗效果的。</t>
  </si>
  <si>
    <t xml:space="preserve">战士19级怎么练？19级有什么有经验的任务没？打怪练的话去哪比较 </t>
  </si>
  <si>
    <t>我当时是打地藏小妖,可以得地藏珠,可以卖其他玩家或自己合成染发剂.顺便打蜗牛,蜗牛壳一个硬币一个(城门口得NPC)拜师并不一定快(我和我师父打狼),并且不能赚钱对于19级,如果越级打高级怪很危险,如果你操作好就无所谓.高5级是24级(狼),那里怪物经常大量出现,主动攻击,对战士不利.还不如到华山地宫一层,那里怪不主动攻击,攻低防高.经验高但打的时间也长,没BOSS还是推荐打地藏小妖和蜗牛</t>
  </si>
  <si>
    <t xml:space="preserve">营业员应该具备什么样的基本条件？ </t>
  </si>
  <si>
    <t>在多样化与个性化的消费市场环境中，商店仅仅从事商品的买卖已不能满足消费者的需求。如何提高商品的附加价值，以及给顾客，提供更多的服务，就成为一位现代商店优秀营业员必须担任的使命。一、干劲·体力·热忱商店营业员每天在商场中所接触到的除了商品之外，就是形形色色的顾客，每一位顾客在选购商品时分别各有特性。如果在交易的瞬间，洞察顾客的反应与需求，并立即做判断，进而采取有效的应对措施，这是一位营业员在销售过程中极为重要的工作。营业员应当具备的要素，总括起来可有下列20项：做事的干劲；充沛的体力；工作的热忱；明朗的个性；勤勉性；谦虚；责任感；创造性；易于亲近；敏捷性；忍耐性；自信心；上进心；诚实；亲切感；冷静；洞察力；不屈的精神；积极性；具有爱心。这些都是营业员必备的要素，但是任何一个人并非都是十分完美的，最基本的，是必须具备前三项要素。首先应当具有做事的干劲，这样才能切实地投人工作，并在工作中寻找乐趣；其次还要拥有充沛的体力，即要有良好的健康条件，在工作时要能充满活力；接着应有参与的热忱，如此对于所处理的工作、接待的顾客乃至接触的商品，才能用心地投入，也就是常说的“入行”。二、营业员应有的基本训练要成为一位现代优秀的营业员，必须对销售工作有新的认识，不能等顾客上门后，才打招呼推销商品。新进入的营业员在上岗前，至少须接受四项基本训练。1、与行业相关的基本知识与管理术语例如商店的机能、零售业的定义、商品的毛利率及周转率；管理术语则包括SP(商品卖点)、POP(销售现场广告)、DM(直邮广告)等。进入这个行业，就应深入了解相关的管理术语。2、该行业应具备的专门知识以服饰业来说，除了对一件衬衣、西装、夹克、套装等的资料、剪裁、式样有清楚认识外，还必须掌握量身的技巧，以及对流行趋势的认知。3、熟悉应对的销售知识应注意自己的仪容打扮、服装穿着自是不用多讲。除此之外，还须熟知待客用语、应对技巧，甚至对顾客抱怨的处理等。尤其是处理顾客抱怨，更是马虎不得。因此，当顾客有任何的抱怨时，身为营业员应仔细聆听顾客的申诉，设法找出问题点，若能自行解决更好，要不然就要尽快请示上级如何处理。如果不能立刻给予顾客圆满的答复，也应给予顾客明确的解答期限，绝不能敷衍了事，甚至置之不理。4、懂得商品展示陈列的基本技巧例如色彩观念、展示构图(三角构图、锥形构图，配合商品体积、造型及外观，作最吸引人的陈列)等。可以利用商品的色彩表现，采取条列式或对比式的陈列，以加强显示其美感与质感。此外，一些吊、镶、挂的作业技巧，也应学习，甚至可以尝试简单的POP制作以及陈列道具的处理技巧等。三、现代商店营业员的基本条件营业员至少必须具备下列条件，才能够称为现代的商店营业人员。诚以待客零售业属于服务业的范畴，所以亲切有礼的服务实不可缺。在销售的过程中，营业员除了将商品卖出外，更应让顾客觉得钱花得有价值，心理上有十足的满足感。表现出健康与活力营业员是门市营运的灵魂，所以必须表现出活泼、有朝气，使人乐于亲近，不能垂头丧气、无精打采，令人望而却步。纵使没有顾客上门，也要整理卖场、维持整洁，保持有活力的样子。培养良好的记忆力这可以从两方面来说，一是对顾客的记忆，二是对商品的记忆。若能从体型、特征、服饰去辨识来客，进而掌握其消费特性，就可以在顾客第二次上门时，给予适当的服务并提供良好的建议，让顾客有宾至如归的感受。此外，对商品库存量、商品置于何处、补货及退货情形应有清楚认识，才能对商品作系统的管理，为顾客提供更好的服务。注意自己的装扮营业员的穿着、谈吐、举止，直接影响顾客对商店的第一印象，所以千万不能奇装异服、浓妆艳抹，更不能有不雅举止在顾客面前呈现。若穿着制服，不要太强调“个性化”，例如发型、配饰特别突出等，尽量与其他工作同事取得视觉上的协调，此外，制服的衣领、袖口要特别注意清洁，不要以为反正大家都穿得一样，而不注意小节</t>
  </si>
  <si>
    <t xml:space="preserve">求知识：为什么网页上的脚本都是用Javascript写的呀？网页 </t>
  </si>
  <si>
    <t>呵，这个问题其实很容易回答：因为Vbscript是微软发明的，只能在微软的IE浏览器上才能正常运行。而VBSCRIPT几乎可以在目前所有的浏览器上运行。如果网页内用VBSCRIPT做本地脚本语言的话，在FIREFOX，OPERA等浏览器上运行的话就会没有任何效果，甚至会出现混乱的情况。</t>
  </si>
  <si>
    <t xml:space="preserve">使用味精有哪些禁忌？ </t>
  </si>
  <si>
    <t>味精用法的七种禁忌味精的名称叫谷氨酸钠。它吸湿性强，易溶于水，说是溶于3000倍的水中，也仍能显出鲜味。味精还是一种很好的营养品，主要成分是由蛋白质分解出来的氨基酸，能被人体直接吸收。对于改变人体细胞的营养状况，治疗神经衰弱等都有一定的辅助治疗作用。然而，若使用不当也会产生不良后果，使味精失去调味意义，或对人体健康产生负作用。为此，请您在味精使用时注意以下几点。 　　一忌高温使用。烹调菜肴时，如果在菜肴温度很高的时投入味精就会发生化学变化，使味精变成焦谷氨酸钠。这样，非但不能起到调味作用，反而会产生轻微的毒素，对人体健康不利。科学实验证明，在70℃ －90℃ 的温度下，味精的溶解度最好。所以，味精投放的最佳时机是在菜肴将要出锅的时候。若菜肴需勾芡的话，味精投放应在勾芡之前。根据高温不应放味精这个道理可以得知，您在上浆挂糊时也不必加味精。　　二忌低温使用。温度低时味精不易溶解。如果您想吃拌菜需要放味精提鲜时，可以把味精用温开水化开，晾凉后浇在凉菜上。　　三忌用于碱性食物。在碱性溶液中，味精会起化学变化，产生一种具有不良气味的谷氨酸二钠。所以烹制碱性食物时，不要放味精。如鱿鱼是用碱发制的，就不能加味精。　　四忌用于酸性食物。味精在酸性菜肴中不易溶解，酸度越高越不易溶解，效果也越差。　　五忌用于甜口菜肴。凡是甜口菜肴如“冰糖莲子”、“番茄虾仁”都不应加味精。甜菜放味精非常难吃，既破坏了鲜味，又破坏了甜味。　　六忌投放过量。过量的味精会产生一种似咸非咸、似涩非涩的怪味，使用味精并非多多益善。　　七忌用于炒黄菜。炒黄菜即炒鸡蛋。鸡蛋本身含有许多谷氨酸，炒鸡蛋时一般都要放一些盐，而盐的主要成分是氯化钠，经加热后，谷氨酸与氯化钠这两种物质会产生新的物质——谷氨酸钠，即味精的主要成份，使鸡蛋呈现很纯正的鲜味。炒鸡蛋加味精如同画蛇添足，加多了反而不美。</t>
  </si>
  <si>
    <t xml:space="preserve">钢琴伴奏的歌也就是背景音乐是钢琴的歌 </t>
  </si>
  <si>
    <t xml:space="preserve"> 流行钢琴网选择大的惊人不要拘泥于歌名喜欢　好听　多多多才行这是很不错的钢琴网站了到里面的首页下个软件叫　overture4.0再把琴谱下下来　　可以直接在那个软件里面听还可以自己制谱并且可以直接打印不多说了　　是不错</t>
  </si>
  <si>
    <t xml:space="preserve">股骨头坏死中医治疗效果好吗股骨头坏死我用了很多种方法治疗都没有好 </t>
  </si>
  <si>
    <t>你好！欢迎脊椎专业健康咨询！股骨头缺血性坏死目前是主张手术治疗的，保守治疗可以选择中药内服和外用加手法治疗，我们保守手法治疗过很多例，要用手杖和腋杖等支具支撑减轻局部受压会促使血液供应回复，部分患者可自愈，如果效果不佳就考虑手术要参考具体病历。</t>
  </si>
  <si>
    <t xml:space="preserve">有什么治银屑病的好方子?最好是中药治疗的方子. </t>
  </si>
  <si>
    <t>本病病因有多种，网上的方子也很多，下文谨供参考：解毒润燥治白疕郭仲轲 陕西学院讲师“白疕”又名“松皮癣”，西医旧称“牛皮癣”，今称“银屑病”，是一种缠绵难愈，又易复发的皮肤病。该病分寻常型、关节型、脓胞型、红皮症4型，但以寻常型多见。用多由血热内盛，复感风热，毒邪伏于血络，伤营化燥所致。治宜凉血解毒润燥，自拟生元饮：生地、元参、栀子、板蓝根各15克，蒲公英、野菊花、桔梗、当归、赤芍、天花粉各10克，贝母、土茯苓、地丁各12克，甘草6克。痛痒剧烈者加白藓皮15克，纳差便溏者去地丁、野菊花、加山药、焦山楂各10克；皮肤干燥脱屑者加鸡血藤15克，何首乌12克。曾治一中年男性患者林某，于感冒后四肢伸侧及背部出现红色皮疹，皮损为绿豆及扁豆大小圆形丘疹，基上被覆多层白色鳞屑，刮之鳞屑脱落，可见半透明薄膜。舌质红紫，脉弦滑。诊为白疕。服生元饮15剂后，皮损色淡，鳞屑减少，未见新皮疹出现。治疗33天后，皮损全部消退而愈。随访1年半未见复发。生元饮内服治疗白疕，一般6剂见效，2-3周显效。皮疹消退以头皮、胸背部较快，四肢较慢(脾主四肢，似应加入补脾润燥药)。兼有少量斑片状皮损者，较单纯点滴状者消退慢。详见“爱问知识人-共享资料”上的《黄河医话》。</t>
  </si>
  <si>
    <t xml:space="preserve">怎样制造麻绳啊!!!!! </t>
  </si>
  <si>
    <t>纺纱机用柳安木做，用刨刀，２个麻草１个麻线，２个麻线１个麻绳</t>
  </si>
  <si>
    <t xml:space="preserve">我的号今天怎么上不去啊就是上到人物进入游戏时读不出来退了再上就说 </t>
  </si>
  <si>
    <t>一样；我实验了几次；都是这样</t>
  </si>
  <si>
    <t xml:space="preserve">水垢的问题水壶用长了。里面有好多水垢，怎么能去掉呢？ </t>
  </si>
  <si>
    <t>巧除铝壶铝锅水垢①煮山芋除垢 在新水壶内，放半水壶以上的山芋，加满水，将山芋煮熟，以后再烧水，就不会积水垢了。但要注意水壶煮山芋后，内壁不要擦洗，否则会失去除垢作用。对于已积满了水垢的旧水壶，用以上方法煮一二次后，不仅原来的水垢会逐渐脱落，并能起到防止再积水垢的作用。     ②小苏打除水垢 用结了水垢的铝制水壶烧水时，放1小匙小苏打，烧沸几分钟，水垢即除。     ③煮鸡蛋除水垢 烧开水的壶，用久了积垢坚硬难除。如用它煮上两次鸡蛋，会收到理想的效果。     ④土豆皮除水垢 铝壶或铝锅使用一段时间后，会结有薄层水垢。将土豆皮放在里面，加适量水，烧沸，煮10分钟左右即可除去。     ⑤热胀冷缩除水垢 将空水壶放在炉上烧干水垢中的水分，烧至壶底有裂纹或烧至壶底有“嘭”响之时，将壶取下，迅速注入凉水，或用抹布包上提手和壶嘴，两手握住，将烧干的水壶迅速坐在冷水中（不要让水注入壶内）。重复2次至3次，壶底水垢会因热胀冷缩而脱落。     ⑥醋除水垢 如烧水壶有了水垢，可将几勺醋放入水中，烧一二个小时，水垢即除。如水垢中的主要成分是硫酸钙，则可将纯碱溶液倒在水壶里烧煮，可去垢。     ⑦口罩防积水垢 在烧水壶里放一只干净的口罩，烧水时，水垢会被口罩吸附。     ⑧磁化 在壶中放一块磁铁，不仅可积垢，煮开的水被磁化，还具有防治便秘、咽喉炎作用。9,用水泡适量石碱，用蛋壳蘸碱水擦拭铝锅，可使之表面光亮。擦时最好用块布盖在蛋壳上，以防蛋壳摩擦时划破手指。    巧除淋浴喷头水垢:把喷头卸下来，取一个大一些的碗或杯子，倒入米醋，把喷头（喷水孔朝下）泡在醋里，数小时后取出，用清水冲净即可巧除玻璃水垢 玻璃清洁剂:本品为快干型、洗后不留水痕的玻璃清洁剂，不仅能够有效清除玻璃上的尘垢、水渍、油垢、唇膏印、喷发胶等，表面不易再次污染，使玻璃光亮照人。本品适用于玻璃及玻璃制品、镜子、桌面等。稀释比例1：20巧除暖瓶里的水垢将泡开的茶叶和鸡蛋壳一起到入暖瓶中加少许水，盖上瓶塞，上下晃动。这样可将水垢清除掉且不伤瓶胆。效果很好，用煮熟的蛋壳不腥气。</t>
  </si>
  <si>
    <t xml:space="preserve">设a,b,c分别是方程2^x=log1/2(x),(1/2)^2? </t>
  </si>
  <si>
    <t>通过在同一直角坐标系画出图象可知，y=log&lt;2&gt;x与y=(1/2)^x图象交点横坐标大于1，即c&gt;1；第二个方程可以直接解得b=（1/2）^（1/4）=1/（四次根号2），因此1/2&lt;b&lt;1；令x=1/2，则2^x=√2，log&lt;1/2&gt;x=1，再结合图象可以看出，二者交点横坐标小于1/2，即a&lt;1/2；因此，a&lt;b&lt;c.</t>
  </si>
  <si>
    <t xml:space="preserve">怎么制作板模吖！新系统的！ </t>
  </si>
  <si>
    <t xml:space="preserve">你好：现在登陆博客后，点击“博客管理”，在自定义设置中点击设置首页内容 ，点击 “自定义模板”就可以进行选择模板更换了。 选择模版后，会出现“操作”“设置”“帮助”，点击设置即可选择背景颜色。 目前新的更换模板工具已经上线，你可以使用新的工具上传自己喜欢的图片来更换博客的背景。 先将你要作为背景的图片保存在电脑上，登陆博客后，点击首页上的“更换模板”可以更换新浪模板，在右侧选择“自定义模板”即可上传自己喜欢的图片作为通栏背景或博客大背景图片，还可以设置图片是否平铺，水平、垂直方向大小，像素： 设置图片： * 平铺、纵向、横向（图片位置显示选择） * 对齐: 水平方向 垂直方向 * 高度: 象素(100-300象素)（加高横幅，300为最大） 具体操作请参阅介绍：   你也可以看看炫博客们的更多博客模板（只是将背景图片更换即可）：  祝愉快！万事如意！ </t>
  </si>
  <si>
    <t xml:space="preserve">排卵问题我这几个月的月经是6.12/7.19/8.26/9.30 </t>
  </si>
  <si>
    <t>排卵日是10.18排卵期从10.16至10.20</t>
  </si>
  <si>
    <t xml:space="preserve">老子日,打开电视看看就知道了!!!!具22日中午12时中央一套节 </t>
  </si>
  <si>
    <t>郁闷~！！！！！！不久的将来到底是多久啊？？？？？？？？/到底是怎么回事啊？？总得给大家个说法吧？？？？？？？</t>
  </si>
  <si>
    <t xml:space="preserve">我是大专生还可以学物流吗？我是学习计算机专业的，刚刚毕业不久，但 </t>
  </si>
  <si>
    <t>现在你学习物流正合适，需要一定的计算机基础，这个你已经具备你在当地咨询一下物流师的资格培训机构，一般在成教学校里，那些机构可以安排国家组织的物流师资格考试，每年都有一次，通过了就可以取得物流师助理资格证书，很简单的，然后通过一定时间的工作时间积累，可以取得物流师资格。2000年物流概念引进中国，目前物流助理资格大概有2万多人，物流师资格的好像只有几个</t>
  </si>
  <si>
    <t xml:space="preserve">民办职业培训学校交税的问题老师：您好！请问：民办职业培训学校应交 </t>
  </si>
  <si>
    <t>培训类学校需要缴纳营业税、城建税、教育费附加、地方教育费附加、个人所得税、印花税、所得税等。经营场所是租赁的，则不需要缴纳土地使用税，房产税；经营场所是自用房产的，还需缴纳土地使用税，房产税。　　 根据财税【2004】39号文和财税【2006】3号文的规定，对从事学历教育的学校提供教育劳务取得的收入，免征营业税。但不包括职业培训机构的国家不承认学历的教育机构。</t>
  </si>
  <si>
    <t xml:space="preserve">戏说北单关于近期被单高手频繁露面，我了个去，你是假冒的还是脑残 </t>
  </si>
  <si>
    <t>好运继续。。。。。。。。</t>
  </si>
  <si>
    <t xml:space="preserve">小问传说中那首人听了就想自杀的歌曲叫什么名字？它是由谁创作的？ </t>
  </si>
  <si>
    <t>《黑色星期天28首合集》(GLOOMY SUNDAY)[!][内含不同版本共计28首]（eMule 电驴）下载：   下载地址: 《黑色星期天》背景在上世纪30年代的匈牙利，诞生了一首经典名曲《忧郁的星期天》（又译《黑色星期天》），此歌的英文译名是p《GloomypSunday》。钢琴手pRezsopSeress（鲁兰斯·查理斯）p与其女友的爱情破裂之后写下这首充满哀愁的歌曲。起初，作者试图出版这首歌曲时遇到了些许麻烦。一位出版商（拒绝出版）曾说：“并非因为它是一个忧伤的调子，而是因为该曲之中流露出的那种魄人心魂的绝望情绪，我以为这对任何听者均无益处。”不过几经周折后《忧郁的星期天》终于在布达佩斯得到了发行，并在两三年内变成最为畅销的歌曲。没人料到的是，这首歌曲流入世间之后引发了许许多多悲惨离奇的事故，至少有100人因听了它而自杀，《忧郁的星期天》当时被人们称为“魔鬼的邀请书”，因而曾被查禁长达13年之久。就象古老的神话所描述的那样：潘多拉盒子一经打开，无数妖魔和灾难便被释放到人间。然而，潘多拉盒子中最后一个出来的是“希望”，正是它让这个不甚完美的世界得以延续；而《忧郁的星期天》给人们带来的则是一片绝望之声。p英文版中文翻译：黑色星期天星期天令我伤感 时光流转难入眠 挚爱的人儿呵 那吞噬我生活的阴影无际无边 洁白的小花儿并不能唤醒你 那满载哀伤的黑色马车也无处带你复还 既然天使们未尝想让你重返 我若来和你做伴他们会不会怒发冲冠？ 黑色星期天伤感在星期天 阴影整日价萦绕回环 我的心与身已决意作出最后的了断 我明白 不久将有伤心的泪烛和悲切的吊唁 可是让他们不要哭泣 让他们知道我离去时并无遗憾 黄泉途中没有虚幻 因为只有身赴黄泉才能与你尽缠绵 在我灵魂最末一次呼吸中我将对你祝愿 黑色星期天梦幻 我仅仅在构筑梦幻 梦醒时分发现你已深深地沉睡在我的心田 亲爱的 希望我的梦未曾将你打扰纠缠 我的心正向你倾诉我是那样地把你思念 黑色星期天Diamanda Galas版歌词：GLOOMY SUNDAY Sadly one SundayI waited and waitedWith flowers in my armsAll the dream has createdI waited 'til dreams,Like my heart, were all brokenThe flowers were all deadAnd the words were unspokenThe grief that I knowWas beyond all consolingThe beat of my heartWas a bell that was tolling Saddest of Sundays Then came a SundayWhen you came to find meThey bore me to churchAnd I left you behind meMy eyes could not seeWhat I wanted to love meThe earth and the flowersAre forever above meThe bell tolled for meAnd the wind whispered, "Never!"But you I have lovedAnd I'll bless you forever Last of all SundaysSerge Gainsbourg法文版歌词：GLOOMY SUNDAY (Serge Gainsbourg's Version in French)Gloomy sundaySombre dimancheLes bras tout chargés de fleursJe suis entré dans notre chambreLe coeur las car je savais déjàQue tu ne reviendrais pasEt j'ai balancé des mots d'amour et de douleurJe suis resté tout seul comme un con pauvre conneEt j'ai pleuré tout basEn écoutant gueuler la plainte des frimasGloomy sundayJe crèverai un sunday où j'aurais trop souffertAlors tu reviendras mais je serai partiDes cierges brûleront comme un ardent espoirEt pour toi sans effort, mes yeux seront ouvertsN'aie pas peur mon amour s'ils ne peuvent te voirIls te diront que je t'aimais plus que ma vieGloomy sundayAlors tu reviendras mais je serai partiDes cierges brûleront comme un ardent espoirEt pour toi sans effort, mes yeux seront ouvertsN'aie pas peur mon amour s'ils ne peuvent te voirIls te diront que je t'aimais plus que ma vieGloomy sunday匈牙利版歌词：SZOMORÚ VASÁRNAP (Original Lyrics in Hungarian)JÁVOR LÁSZLÓ:Szomorú vasárnap száz fehér virággal, Vártalak kedvesem templomi imával. Álmokat kergetô vasárnap délelôtt, Bánatom hintaja nélküled visszajött. Azóta szomorú mindig a vasárnap, Szomorú vasárnap.Utolsó vasárnap kedvesem gyere el Pap is lesz, koporsó, ravatal, gyászlepel. Akkor is virág vár, virág és ?koporsó, Virágos fák alatt utam az utolsó. Nyitva lesz szemem hogy még egyszer lássalak, Ne félj a szememtôl holtan is áldalak... Utolsó vasárnap. SERESS REZSÔ:Ôsz van peregnek a s gult levelek, Meghalt a földön az emberi szeretet. Bánatos könnyekkel zokog az öszi szél, Szívem már új tavaszt nem vár és nem remél. Hiába sírok és hiába szenvedek, Szívtelen rosszak és kapzsik az emberek... Meghalt a szeretet!Vége a világnak, vége a reménynek Városok pusztulnak, srapnelek zenélnek Emberek vérétôl piros a tarka rét, Halottak fekszenek az úton szerteszét. Még egyszer elmondom csendben az imámat: Uram, az emberek gyarlók és hibáznak... Vége a világnak!显然，歌中描述了一位不幸的男子无法将其所爱的人重新到召回身边，他在一个忧郁的星期天频频冒出殉情自杀的绝望念头，而这个念头伴随着对其爱人极度的思念难以排遣。p《忧郁的星期天》在1936年左右流传到了美国。它的第一个英语版本是由爵士艺术家pPaulpRobesonp于1940年录制的。1941年8月7日，黑人女歌手pBilliepHolidayp用她自己独到和精湛的方式重新演绎了该曲，使其成为全美家喻户晓的热门歌曲。顺便说说，这首歌曲之所以能够迅速地在美国流行，与当时那里的社会环境有很大的关系。那时候美国既未完全摆脱1929年股市崩溃所触发的经济大萧条的阴影，又于1937-38年之间再度陷入了严重的经济衰退。这给大批失业者及其家庭带来相当强的绝望情绪。这种情绪波及到了整个社会并在此后若干年内挥之不去。因此，在此其间人们很容易与歌曲中渲染的那种悲凉低落的情调发生共鸣。事实上六十年前的p“大绝望时代”中曾经产生过一批象《GloomypSunday》那样影响深远的忧郁型歌曲。作者及创作背景RezsspSeresspRezsspSeress，生於1899年匈牙利。Seress是??自?W的?琴家，他立志在巴黎成?橐??出名作曲家，然而天不?娜祟?，幸運之神似乎一直都?]有眷?他。?然這也因?樗?琴??的??在不怎?印eress雖然?猿种约旱睦硐耄撬奈椿槠夼c他意?相左，終於在某一??下午，?扇税l生了齟語，他的未婚妻??而離去。p在?吵過後不久的一??星期天，Seress待在他的公寓裡，坐在?琴前，?M?愁容的凝?著巴黎的天空。灰色的天空??M了?蹼?，緊接著大雨滂沱而下，看著此情形的Seress喃喃自語著：「真是???沉的星期天。」突然，他的靈感一下子浮現，他的手指開始在?琴上??奏，三十分?後，他完成了『?n鬱的星期天』。﹝Szomorúpvasárnap，英譯GloomypSunday﹞?阎叨绕诖琒eress?⑶蛹慕o一家音?钒l行公司，但是他的希望?是落空了。那家公司退回了他的作品，?K且附了一封信，上面??著：「?K非因?它是一???n?恼{子，而是因??曲之中流露出的那種魄人心魂的絕望情緒，我以?這?θ魏温犝呔?o益?。」第一次的失??K不使Seress?s步，?捉?波折後，一家布達佩斯的發行商接受了他的作品，這次他的曲子終於可以公諸於世了。『?n鬱的星期天』一開始是以演奏版的型?B推出，Seress自己曾填了首詞，後?聿庞行傺览脑?人LászlópJávor?榱诉@首歌作的詞，由女歌手HernadipJudit演唱。SampM.pLewis翻譯了Jávor的歌詞，定名?椤盙loomypSunday”，由黑人女歌手BilliepHoliday演唱，也就是現在最通行的英文版本。p『?n鬱的星期天』正如其原名──?沉的星期天般，似乎有著?o可抗拒的沮?誓ЯΓ运瞥鲋幔?⑹录?映霾桓F，甚至遍?讶颍劳鋈?颠_到有一百人之多，??r人??都稱它『自?⒏枨弧ｔ[的最?吹哪^於匈牙利，布達佩斯的警方在調查過?o?涤嘘P『?n鬱的星期天』的自?⑹录幔J?槭?B?乐兀钺嵝傺览?*宣布禁歌。英?鳥.B.C?台也曾?禁播過這首歌，美法更是大肆??。?斐蛇@?拥慕Y果，Seress真是始料未及。原本他作這首歌的目的，是希望能挽回未婚妻的心，不過，竟然造成了反效果。他的前未婚妻在『?n鬱的星期天』發行不久、Seress與她連絡第二天後，服毒自?ⅲ磉?遺留的???上??著???字──『?n鬱的星期天』。p是什麼?拥脑?е逻@些悲?。两袷廊巳圆磺宄恍业氖牵?n鬱的星期天』的作曲者Seress也在1968年的某??冬日自?⒘恕Ｄ悄晁?⒔呤?q，?s仍然?牟歼_佩斯的一??建築物跳?牵?檫@??故事?下一??血黑色的休止符。多年来，一些难以置信的报道和传闻给《忧郁的星期天》披上了极度神秘的色彩。据《CincinattipJournalpofpCeremonialpMagick》创刊号上pMacDonaldp的文章所述，1936年2月布达佩斯警察调查过当地一起制鞋匠pJosephpKellerp的自杀案。他们发现pKellerp留下了一份遗书，其中抄录了那时刚刚流行起来的这首歌的歌词。某份遗书中抄录一段歌词本身或许并非是一桩离奇之事，离奇的是在后来的岁月中此歌据信要对超过100人的死亡事件负直接的责任，这样近乎夸张的字眼曾经出现于纽约时报的头条）。很多自杀者临死之前总以这样或那样的方式与这首歌发生联系。在匈牙利，有两名自杀者是在听吉普塞人演奏该曲时饮弹自尽的。另外，相当多的人赴多瑙河投河自尽时手里总是抓着《忧郁的星期天》的乐谱，这其中包括一个14岁的小女孩。一位年过80的老人呜咽地哼唱着这首曲调从七层跳楼自杀。据报导，一名走出某夜总会的绅士用子弹把自己脑袋打开了花，而此前他刚刚请求夜总会的乐队为他演奏了《忧郁的星期天》。更有一个流传颇广的报导涉及到作曲者pRezsopSeressp本人。据说，当该曲开始成为畅销歌曲时，Seressp与其前女友进行了联系并提出重聚的设想。未料想第二天这个女孩便服毒自杀了，其身旁的一张纸片上写着两个字：“GloomypSunday”。因为深信这首“自杀之歌”对人具有灾难性的影响，布达佩斯的警察们认为最好将其列为禁歌。（但也有人认为，匈牙利是一个自杀率很高的国家，统计学上未必能支持此歌确有催人自杀之效应一说。）除了匈牙利，欧洲其他国家和美国也都有关于《忧郁的星期天》触发自杀行为的报导。柏林有个年轻店员上吊自尽，其脚下飘落着一张此歌的歌谱抄件。在罗马，一个报童在街上听到乞丐哼唱《忧郁的星期天》的曲调时，停下了自行车走近乞丐，把自己身上所有的钱交给了他，然后从临近的一座桥上跳河自杀。在纽约，一位漂亮的女打字员采用煤气中毒的方式自杀，并留下了遗书请求在她的葬礼上播放《忧郁的星期天》。由于这些可怕的自杀事件，英国BBC电台曾经禁止播放此歌，美国的广播网络也随即效仿这一举措；华盛顿的参议员pStevanpCarlp呼吁将《忧郁的星期天》列为禁歌。在法国，甚至有家广播电台在节目中专门请灵学家来研讨这首歌的影响，但这些节目的播放对当时自杀事例的不断增长似乎并没有起到什么抑制作用。时过境迁，当公众对一系列自杀事件引起的恐慌逐渐减退时，BBCp同意重新播放《忧郁的星期天》，不过仅限于该曲的器乐版本。这一版本很快就被灌制成唱片。有一天，伦敦的一位警察听见这首器乐曲从附近的一所公寓中传出，音乐声一遍又一遍无休无止地重复着，便觉得此事蹊跷，值得调查。进入公寓后，他发现一个自动唱机正在反复播放这首曲子，在唱机的旁边躺着一位过量服用了巴比妥盐酸（一种镇静剂）的妇女。p这首歌曲的作者pRezsopSeressp最终也未能逃脱厄运的诅咒。1968年冬季一个寒冷的日子，他在年近七十之际跳楼自杀了。据报导，pSeressp是位个头矮小、生性诙谐的犹太裔男子，一个差劲的钢琴手，并一直为自己没有受过良好的音乐教育而感到遗憾。他的一生，除二战期间被集中营关押过一阵外，主要是在布达佩斯的pKispipap酒店（“Kispipa”p英文直译作“LittlepPipe”，即小管道）中度过的，在那儿他为客人演奏钢琴。由于身材矮小，他弹奏时整个身子被一架棕色的钢琴所遮挡。每当有新客人，特别是熟悉的朋友进来时，他就举起左手（其粗短的无名指上套着一个引人注目的金戒指），探出脑袋，面露滑稽的笑容表示欢迎。这种致意方式是他耍弄的一个滑头，以此来掩饰他事实上只会用右手弹奏曲子。据说，仅仅是为了炫耀，他时常弄来一些乐谱放在钢琴琴架上，并把自己的鼻子凑在琴架跟前，装出按谱弹奏的样子，而实际上他并不能熟练地读谱。《忧郁的星期天》一曲成名之后曾经有许多音乐、艺术名家和社会名流来看望他（或在他死后到酒店朝圣），这使得他的访客记录看起来就象是一本p“二十世纪名人录”，其中来访的人物包括pArthurpRubinstein，JehudipMenuhin，ArturopToscanini，LuchinopVisconti，SpencerpTracy，pWallacepBeery，SonjapHennie，NikitapKhruschev，JohnpSteinbeck，thepPrincepofpWales，LouispArmstrong，RaypCharles，FarahpDibah，pthepshahpRezapPahlavi，PaulpRobeson，CyruspEaton，UpThant，BenjaminopGigli，ConradpVeidt，GeorgepCukor，p等等等等。每当pSeressp被告知音乐界的某个大腕要来看他时，就会变得十分紧张，常常要花几天工夫躲在酒店厨房的尽头，在一块画有钢琴键的大切菜板上使劲地练习他的曲子。Seressp实际上以一种奇怪的方式过着双重生活。他以弹奏钢琴为生，但他的钢琴弹得很糟糕。他长相猥琐，可他太太pHelenp却是布达佩斯最漂亮的美人之一。Helenp不仅仅比pSeressp高出几乎两头，而且还是个基督徒（在当时的欧洲基督徒很少与犹太人通婚）。为了嫁给pSeress，她居然离开了前夫，一名英俊富有的军官！Seressp因为创作《忧郁的星期天》在全世界变得很出名，但他的一辈子都没有离开过布达佩斯（除了曾被赶进过集中营）。Seressp一生都很贫穷，但他死后却在纽约的pIrvingp信托银行积存了几百万美元，这些钱是他生前无法支取的、别人支付给他的版税。1947-1950间在布达佩斯指挥了一系列音乐会和歌剧的pPerharpspOttopKlempererp曾经访问过pKispipap酒店，并在pSeressp的访客记录册上留下了这样的句子：“ErpistpkeinpMusikerp-perpistpnurpempGenie”p(Hepispnopmusicianp-phepispjustpapgenius)p，意指pSeressp够不上一个音乐家的称号，他仅仅是个天才。关于pSeressp自杀的原因，一种说法是他感到再也作不出象《忧郁的星期天》那样的好曲子了，因此在长期的绝望之中选择了死亡。</t>
  </si>
  <si>
    <t xml:space="preserve">详细答案一批零件，甲作需要12天，已做需要15天，甲乙同时做这批 </t>
  </si>
  <si>
    <t>解：1、两人同时做需要几天？1/(1/12+1/15)=20/3(天）2、乙共做了这批零价的几分之几？20/3*1/15=4/93、这批零价共有多少？180/(4/9)=405(个)答：这批零价共有405个。</t>
  </si>
  <si>
    <t xml:space="preserve">图书年底小节报告哪个网站有 </t>
  </si>
  <si>
    <t>你在网上搜索一下啊</t>
  </si>
  <si>
    <t xml:space="preserve">哪里有卖凡士林？请问那种园瓶装的凡士林哪里有卖的？我想用于润滑琴 </t>
  </si>
  <si>
    <t>各大药店均有售!!</t>
  </si>
  <si>
    <t xml:space="preserve">脑中风怎么办，脑中风能恢复好吗？ </t>
  </si>
  <si>
    <t>针对急性发作脑血管疾病，开展建立急性脑血管病抢救治疗绿色通道，开展符合溶栓条件的超急性期缺血性脑卒中患者急诊溶栓治疗；对于符合条件的急性期蛛网膜下腔流血患者进行急诊造影及动脉瘤栓塞或手术治疗。脑中风发生后，积极及时有效治疗，术后做好复健工作。值得注意点是：脑中风治疗关键是，及时，争分夺秒。</t>
  </si>
  <si>
    <t xml:space="preserve">11131期晒单！1000个人眼中有1000个结果1个人眼中就只 </t>
  </si>
  <si>
    <t xml:space="preserve">亨克 干脆不要嘛 选30怕被穿啊 </t>
  </si>
  <si>
    <t xml:space="preserve">请问手机上网高手哪个手机WAP网站上有现代汉语词典？ </t>
  </si>
  <si>
    <t>wap.iask.com上有</t>
  </si>
  <si>
    <t xml:space="preserve">medicine可数吗？ </t>
  </si>
  <si>
    <t>不可数，我记得书上曾有一道词性转换，如果填medicines是错的！</t>
  </si>
  <si>
    <t xml:space="preserve">生化2复刻版和生化3复刻版有没有中文版 </t>
  </si>
  <si>
    <t>2和3的复刻版都只有日文版</t>
  </si>
  <si>
    <t xml:space="preserve">superjunior你为什么那么喜欢他们？ </t>
  </si>
  <si>
    <t>他们有自己的特色，谁也无法取代</t>
  </si>
  <si>
    <t xml:space="preserve">小鹿犬多大可以交配？小鹿犬，六个月大，最近发现它有点发情，小公狗 </t>
  </si>
  <si>
    <t>第二次发情再交配,他现在不过相当于人的十几岁年纪才刚发育成熟,过早交配对它身体不好.如果是种公犬一般选择二岁后再交配,公犬交配没有特定的时间,但是一年不要超过三次.</t>
  </si>
  <si>
    <t xml:space="preserve">经常在商店门口看到的“本店已与110联网”这句话什么意思呢？同上 </t>
  </si>
  <si>
    <t>是指店内安装了与110电话联网的无线防盗报警器。有一个《看好家.COM》会有介绍。当有人闯入，会自动发出报警录音电话</t>
  </si>
  <si>
    <t xml:space="preserve">过敏体质的人吃什么保健品能提高免疫力? </t>
  </si>
  <si>
    <t>还是了解中草药的产品好一些!无毒,安全,放心,没有副作用!!</t>
  </si>
  <si>
    <t xml:space="preserve">羊病了我家有一只种公羊生病几天了一直不见好转主要症状就是流鼻涕不 </t>
  </si>
  <si>
    <t>流鼻涕，有一点咳嗽 可能感冒了，同时不反刍。 一、症状： 　　病羊精神不振，头低耳耷，初期皮温不均，耳尖、鼻端和四肢末端发凉，继而体温升高，呼吸、脉搏加快。鼻粘膜充血、肿胀，鼻塞不通，初流清涕，患羊鼻粘膜发痒，不断喷鼻，并在墙壁、饲槽擦鼻止痒。食 欲减退或废绝，反刍减少或停止，鼻镜干燥，肠音不整或减弱，粪便干燥。 　　二、治疗： 　　以解热镇痛、祛风散寒为主。 　　1.肌肉注射复方氨基比林5～10毫升，或30%安乃近5～10毫升，或复方奎宁、百尔定、穿心莲、柴胡、鱼腥草等注射液。 　　2.为防止继发感染，可与抗菌素药物同时应用。复方氨基比林10毫升、青霉素160万国际单位。硫酸链霉素50万国际单位，加蒸馏水10毫升，分别肌注，日注2次。当病情严重时，也可静脉注射青霉素160万国际单位(4支)，同时配以皮质激素类药物，如地塞米松等治疗。 　　3.感冒通2片，一日3次内服。   本文来自: 富农网( ) 详细出处参考： 仅供参考！</t>
  </si>
  <si>
    <t xml:space="preserve">何谓行政司机? </t>
  </si>
  <si>
    <t>你好！行政司机，指的是某些单位行政部门的司机比如他要负责接送客户，负责采购物品等等，是那种不是专制给某个人开车的司机　</t>
  </si>
  <si>
    <t xml:space="preserve">头上掉了一块头发是怎么回事？可以治疗么？ </t>
  </si>
  <si>
    <t xml:space="preserve">     头上掉了一块头发是脱发的一种，叫斑秃。斑秃是一种局限性斑片状脱发，表现为头部圆形或椭圆形斑片状脱发，多为头皮光滑发亮，病情进展时则损害扩展，周缘毛发松易脱，个别患者头发全部脱光。 一般来说，斑秃引起的主要原因有内分泌紊乱，精神因素，免疫功能障碍，病灶感染，饮食不当及脂肪代谢紊乱，血虚肾亏等，具体的还得检查过才能确定的。斑秃最好先用药物治疗，因为斑秃随时都在变化，所脱落的头发是不确定的；后期到了稳定的时候可以进行植发手术治疗，效果立竿见影。      头上掉了一块头发是脱发的一种，叫斑秃。治疗斑秃首先要根据斑秃的面积，如果面积小，可以在医生的指导下进行药物治疗；如果面积较大，就要利用专业的现代科学技术了，那就是植发，植发是通过手术将生长良好的毛囊一直到斑秃区域，一次种植不会再次复发，彻底解决斑秃。     头上掉了一块头发是脱发的一种，叫斑秃。斑秃跟常见的脱发不一样，要有耐心，保持好心情，前期在药物的辅助下还是可以治好的；后期比较严重的时候通过植发也是可以彻底治疗的。</t>
  </si>
  <si>
    <t xml:space="preserve">怎样注册个性域名 </t>
  </si>
  <si>
    <t>只要是字母或数字 只要是你喜欢的 只要是没有被别人使用的 例如：luckywei1314luckywei888luckyweigoodluckywei……</t>
  </si>
  <si>
    <t xml:space="preserve">【关于在阳光下成长的绘画作品】 </t>
  </si>
  <si>
    <t>&lt;a href="  target="_blank"&gt; /a&gt; (小侠客在线)&lt;a href="  target="_blank"&gt; /a&gt;应该是了</t>
  </si>
  <si>
    <t xml:space="preserve">把光盘内容重新进行剪接再刻录成VCD光盘要用什么软件，该怎样做，? </t>
  </si>
  <si>
    <t>先把光盘文件复制到硬盘，用软件剪接编辑成VCD视频文件，再用刻录软件通过刻录机刻成VCD光盘。提示：DVD刻录机可刻VCD。编辑软件‘会声会影’下载网址： 刻录软件Nero网址：  这两款软件是当前应用最广泛的。详细使用方法可分别看软件中‘帮助’。</t>
  </si>
  <si>
    <t xml:space="preserve">猜一猜两日齐相投，四山环一周；两王住一国，一口吞四口。（猜一字） </t>
  </si>
  <si>
    <t xml:space="preserve"> 田</t>
  </si>
  <si>
    <t xml:space="preserve">谜语却原来银样蜡枪头打一成语 </t>
  </si>
  <si>
    <t>不堪一击</t>
  </si>
  <si>
    <t xml:space="preserve">日本的地名请帮我收集些,当资料~ </t>
  </si>
  <si>
    <t xml:space="preserve">日本常用地名?壑h（あいちけん）（ほっかいどう）北九州（きたきゅうしゅう）長崎県（ながさきけん）長野県（ながのけん）成田（なりた）?_縄県（おきなわけん）川崎（かわさき）大阪府（おおさかふ）大?u（おおしま）?|京都（とうきょうと）福江?u（ふくえしま）福?u県（ふくしまけん）福?h（ふくおかけん）福山（ふくやま）富山県（とやまけん）富士山（ふじさん）?椋à钉?高知県（こうちけん）?m崎県（みやざきけん）??u県（ひろしまけん）横浜（よこはま）江?醮ǎàà嗓铮?江津（ごうつ）京都府（きょうとふ）静?h（しずおかけん）九州（きゅうしゅう）名古屋（なごや）早稲田（わせだ）札幌（さっぽろ）东京地名秋葉原（あきはばら）銀座（ぎんざ）箱根（はこね）池袋（いけぶくろ）品川（しなかわ）新宿（しんじゅく）?|京湾（とうきょうわん）A 阿蘇山（あそさん）阿分隈川（あぶくまかわ）阿寒（あかん）?埴?山（あいたかさん）?坻卤h（えひめけん）?壑h（あいちけん）奥尻?u（おくしりとう）B 八代（やつしろ）八王子（はちおじ）八丈?u（はちじょじま）?淝埃à婴激螅??e府（べっぷ） 博多（はかた）播磨?à悉辘蓼坤螅?本州（ほんしゅう）浜名湖（はまなこ）浜松（はままつ）兵?毂h（ひょうごけん）不知火海（しらぬいかい） C ?}敷（くらしき）朝鮮海峡（ちょうせんかいきょう）赤石山脈（あかいしさんみゃく）?n舞諸?u（はぼまいしょとう）出?（いずも）出羽山地（でわさんち）川口（かわぐち）川崎（かわざき）釧路（くしろ）茨城県（いばらきけん） D 大淀川（おおよどかわ）大分県（おおいたけん）大牟田（おおむた）大隅海峡（おおすみかいきょう）丹波（たんぱ）淡路?u（あわじしま） ?u根県（しまねけん）?u原（しまばら） ??u県（とくしまけん） ?灾?u（とくのしま） 登?e（のぼりべつ）登?芜z跡（とろいせき） 的矢湾（まとやわん）?|大寺（とうだいじ）?|海（とかい）洞?湖（とうやこ） 渡?u半?u（おしまはんとう）都城（みやこのじょう）牡鹿半?u（あじかはんとう）??馬海峡（つしまかいきょう） ??馬下?u（つしましもしま）??馬上?u（つしまかみしま） 多摩川（たまかわ） F ?田?颍àいい坤肖罚?房総半?u（ぼうそうはんとう） 飛騨山脈（ひださんみゃく） 鳳来寺山（ほうらいじさん） 豊前（ぶぜん）豊?颍à趣瑜悉罚?豊田（とよた） 福山（ふくやま）福知山盆地（ふくしやまぼんち）富山県（とやまけん）父岛列岛 父?u列?u（ちちじまれっとう） G 高?玻à郡膜?高山（たかやま）高松（たかまつ）根室海峡（ねむろかいきょう）?m古?u（みやこじま）?m城県（みやぎけん） 関門海峡（かんもんかいきょう） 関崎（せきさき）桂離?m（かつらりきゅう）国後?u（くなしりとう）  H 函館（かこだて）和歌山県（わかやまけん） 横?賀（よこすか）弘前（ひろさき） 花??（はなまき） 荒川（あらかわ）後?S?@（こうらくえん）会津若松（あいつわかまつ） J ?罚à窑幛福?紀伊半?u（きいはんとう）加古川（かこがわ）甲賀（こうが）??山（つるぎさん） 江?醮ǎàà嗓铮??à丹ぃ?金?g（かなざわ）金閣寺（きんかくじん）津（つ）津軽半?u（つがるはんとう） 近畿（きんき）近江（おうみ） 久住連山（くじゅうれんざん）久留米（くるめ）橘湾（たちばなわん）駿河（するが）太田（おおた）藤原（ふじわら） 天草上?u（あまくさかみしま）天草下?u（あまくさしもしま） 天??m（てんまんぐう）篠山盆地（ささやまぼんち） 土佐湾（とさわん） W 丸の内（まるのうち）渥美半?u（あつみはんとう）網走（あばしり）?遥à欤?屋久?u（やくしま）武蔵野（むさしの） X 下関（しものせき）仙台（せんだい）相模（さがみ）??à窑婴胜溃?香川県（かがわけん）小田原（おだわら） 小樽（おたる）新??県（にいがたけん）信?獯ǎà筏胜韦铮?熊本県（くまもとけん） 熊野?à蓼韦胜溃?玄界?à菠螭い胜溃?Y 岩手県（いわてけん）伊?|（いとう）伊豆半?u（いずはんとう） 伊賀（いが） 伊?荩àい唬?有明海 有明海（ありあけかい）羽田（はねだ）原宿（はらじゅく）Z 沼津（ぬまつ）芝浦（しばうら）筑波（つくば）築地（つきじ）珠洲（すず）滋賀県（しがけん） ?訪（すわ）佐渡?u（さどしま）佐久間（さくま） </t>
  </si>
  <si>
    <t xml:space="preserve">请问阿里巴巴的网点可靠吗 </t>
  </si>
  <si>
    <t>挺可靠的。是国际型的就好像ebay一样，全球都联网的~阿里巴巴（   ）是全球企业间（ B2B ）电子商务的著名品牌，是全球国际领域内最大、最活跃的网上交易市场和商人社区。 　　良好的定位，稳固的结构，优秀的服务使阿里巴巴成为全球首家拥有超过 800 万 网商的电子商务网站，遍布 220 个国家和地区，每日向全球各地企业及商家提供 810 万 条商业供求信息，成为全球商人网络推广的首选网站，被商人们评为“最受欢迎的 B2B 网站”。 　　杰出的成绩使阿里巴巴受到各界人士的关注。 WTO 首任总干事萨瑟兰出任阿里巴巴顾问，美国商务部、日本经济产业省、欧洲中小企业联合会等政府和民间机构均向本地企业推荐阿里巴巴。　　阿里巴巴两次入选哈佛大学商学 MBA 案例，在美国学术界掀起研究热潮；连续五次被美国权威财经杂志《福布斯》选为全球最佳 B2B 站点之一；多次被相关机构评为全球最受欢迎的 B2B 网站、中国商务类优秀网站、中国百家优秀网站、中国最佳贸易网。被国内外媒体、硅谷和国外风险投资家誉为与 Yahoo 、 Amazon 、 eBay 、 AOL 比肩的五大互联网商务流派代表之一。　　2003 年 5 月，阿里巴巴投资 1 亿人民币 推出个人网上交易平台淘宝网（   ），致力打造全球最大的个人交易网站， 2004 年 7 月，又追加投资 3.5 亿人民币。 截至 2005 年 7 月 10 日 ，淘宝网在线商品数量超过 800 万件、网页日浏览量突破 9000 万、注册会员数突破 760 万、 2005 年二季度成交额达 16.5 亿人民币，遥遥领跑中国个人电子商务市场。 在全球权威 Alexa2004 年排名中，淘宝网在全球网站综合排名中位居前 20 名，中国电子商务网站排名第 1 名。 　　2003 年 10 月，阿里巴巴创建独立的第三方支付平台——支付宝，正式进军电子支付领域，目前，支付宝已经和国内的工商银行、建设银行、农业银行和招商银行，国际的 VISA 国际组织 等各大金融机构建立战略合作。截至 2005 年 3 月的数据，通过支付宝在淘宝网的日均交易额就已超过 350 万人民币，而增势依然十分迅猛。 　　阿里巴巴创始人、首席执行官马云被著名的“世界经济论坛”选为“未来领袖”、被美国亚洲商业协会选为“商业领袖”，是 50 年来第一位成为《福布斯》封面人物的中国企业家，并曾多次应邀为全球著名高等学府麻省理工学院、沃顿商学院、哈佛大学讲学。 2002 年 5 月马云成为日本最大的《日经》杂志的封面人物，《日经》杂志高度评价阿里巴巴在中日贸易领域里的贡献。 　　阿里巴巴成立至今 5 年多时间，全球十几种语言 400 多家著名新闻传媒对阿里巴巴的追踪报道从未间断，被传媒界誉为“真正的世界级品牌”。 　　全球著名的互联网流量监测网站   对全球商务及贸易类网站进行排名调查，阿里巴巴网站排名首位。 　　“倾听客户的声音，满足客户的需求”是阿里巴巴生存与发展的根基，调查显示：阿里巴巴的网上会员近五成是通过口碑相传得知阿里巴巴并使用阿里巴巴；各行业会员通过阿里巴巴商务平台双方达成合作者占总会员比率近五成。 　　世界精英的梦幻组合团队是阿里巴巴大厦的基石，完美坚固的团队组合，坚定不移的目标信念，使这家要走 102 年的企业每天在实践着自己的使命：“让天下没有难做的生意！”</t>
  </si>
  <si>
    <t xml:space="preserve">中国软件在亚洲市场的竞争力如何？希望详细一点的介绍。 </t>
  </si>
  <si>
    <t>亚太本土最大的管理软件厂商用友集团在京公布集团“新三年战略规划”（2010—2012年）。以用友软件股份有限公司为旗舰的 “用友舰队”包括用友政务、用友医疗、用友烟草、用友审计、用友华表、用友小型（筹备）、伟库网等公司，八舰齐发的用友集团誓在3年内战略控局中国管理软件市场，并跻身世界级管理软件与电子商务服务提供商行列。　　工业和信息化部推进司副司长董宝青表示，经过金融危机的洗礼，中国企业已经开始引领全球经营与管理创新，中国软件厂商在亚洲市场竞争力会不断提升，基于中国/亚洲市场已经能够成长出百亿量级的软件与服务提供商。用友集团作为亚太本土最大的管理软件厂商，此次公布的“新三年战略规划”顺应了中国企业不断发展和高涨的信息化需求，也体现出中国管理软件产业新的发展趋势。　　用友集团董事长王文京表示，经济危机结束后，包括中国在内的亚太地区软件及服务市场将放量增长，软件产业进入商业模式创新以及新技术商业应用的新时期。这意味着，中国成长出世界级管理软件厂商的机会加大，未来三年是用友加速发展的黄金时期。</t>
  </si>
  <si>
    <t xml:space="preserve">這是?⒁喾频牟┛??tp:// </t>
  </si>
  <si>
    <t>应该不是吧，，都打不开</t>
  </si>
  <si>
    <t xml:space="preserve">为什么我进入传奇世界后不到一分钟就会...为什么我进入传奇世界后 </t>
  </si>
  <si>
    <t>不会吧 应该有缺少？？（记不到名称）文件的提示才对啊 下个完整版本吧楼下你那种是被系统强行踢出很多人都有这样的经历很正常与版本无关</t>
  </si>
  <si>
    <t xml:space="preserve">污水和废水有什么区别？一般说是生活污水和工业废水，不知道污水和废 </t>
  </si>
  <si>
    <t>污水就是生活中以及生产中所产生的所排放的水,污水经过简单的处理可以直接排放到江河里.而废水,比如说生活中用来冲马桶的水就成了废水,所以越来越多的室内设计要求洗澡的地方不要直接和蹲厕设在一起,这样就加大了废水的量度.废水是较难处理的,也有有机物的,处理时要经过多种厌氧和需氧菌来分解,等等处理的步骤.</t>
  </si>
  <si>
    <t xml:space="preserve">我现在有男朋友可我很想念初恋男朋友我该怎么办我和初恋男朋友分手快 </t>
  </si>
  <si>
    <t>尽量控制自己和以前划上一个句号.并好好把握现在的,对他的投入,抱一定的回应.</t>
  </si>
  <si>
    <t xml:space="preserve">祝所有朋友圣诞节快乐用英语怎么说 </t>
  </si>
  <si>
    <t xml:space="preserve">ry Christmas!     圣诞快乐！    Merry Christmas and a happy newyear.     圣诞快乐；恭贺新禧。    Best wishes on this holiday season.     致以圣诞节最诚挚的祝福。    Wishing you and yours a merry Christmas this holiday season.     在此佳节，祝你全家圣诞快乐。    We wish you a merry Christmas.     我们祝你圣诞快乐。    Happy holidays!     佳节快乐！    Wishing you a white Christmas.     愿你有一个白色圣诞。    May peace and happiness be with you always.     愿和平、快乐与你常伴！    Have you been naught your nice thi syear?     你今年乖不乖？    Don t forget to hang up the sock!     别忘了挂上袜子！    给朋友的圣诞祝福：    A Christmas wish for my best friend!     给我最好的朋友一个圣诞祝福!    A Christmas greeting to cheer you,my goodfriend.     献上令你开心的圣诞祝福，我的好友。    Why don t we enjoy our holidays together?     何不与我一起共度佳节呢?    We will be shavings Christmas at David s this year.You are welcome to join us!     今年我们要在戴维家过圣诞，欢迎你来加入!Take your passion and make it come true.     发挥你的热情，让美梦成真。    I hope we can spend the holidays together.     希望我们能一起过圣诞节。     I hope this card reaches you in time for Christmas.     希望你能在圣诞节前收到这张卡片。        给父母的圣诞祝福：    Mom and   you for everything this holiday season!     爸爸、妈妈：在这佳节，感谢你们所给予的一切!    I ll be home to enjoy this Christmas with you.     我会回家团聚，共度佳节。    A present from me is on the way.I hope you like it.     寄上一份礼物。希望你们会喜欢。    Thinking of you at Christmas time.     圣诞佳节，我想念你们。    Seasons greetings from Tom,Leslie and Tom Jr.     来自汤姆、莱斯利、小汤姆的佳节问候。    A holiday wish from yours on Philip.     寄上佳节的祝福，你们的儿子菲利普敬上。    May you have the best Christmas ever.     愿您有个最棒的圣诞节。    A Christmas greeting to cheer you from your daughter.     愿女儿的祝福带给您欢欣。    Merry Christmas to the worlds best parents!     圣诞快乐，给世界上最好的父母!    Seasons greetings to my favorite parents!     向我最敬爱的父母致以节日的问候! 给长辈上司的圣诞祝福：    For you and your family,boss,during this holiday season!     在这个佳节里，老板，向您和您全家人祝福!    There s no place like home for the holidays.     在这个佳节里，没有比家更好的地方了。    Best wishes for a wonderful NewYear.     献上最诚挚的祝福，祝您新年愉快。    Wishing you happiness now and throughout the year.     愿您从现在到来年幸福快乐。    May happiness follow wherever you go!     愿快乐永远跟随着您!    A Christmas wish from your nephew.     您的侄儿，向您致以圣诞祝福。    From all of us in   Christmas!     我们销售部全体，祝您圣诞快乐!    A Christmas kiss from your secretary.     您的秘书，献上一个圣诞香吻。    Your entire staff wish you and yours a most happy Christmas.     全体职员，祝您及家人有一个最愉快的圣诞佳节。    To Grandpa and   Christmas!     给爷爷和奶奶：圣诞快乐!        给父母的圣诞祝福：    Mom and   you for everything this holiday season!     爸爸、妈妈：在这佳节，感谢你们所给予的一切!    I ll be home to enjoy this Christmas with you.     我会回家团聚，共度佳节。    A present from me is on the way.I hope you like it.     寄上一份礼物。希望你们会喜欢。    Thinking of you at Christmas time.     圣诞佳节，我想念你们。    Seasons greetings from Tom,Leslie and Tom Jr.     来自汤姆、莱斯利、小汤姆的佳节问候。    A holiday wish from yours on Philip.     寄上佳节的祝福，你们的儿子菲利普敬上。    May you have the best Christmas ever.     愿您有个最棒的圣诞节。    A Christmas greeting to cheer you from your daughter.     愿女儿的祝福带给您欢欣。    Merry Christmas to the worlds best parents!     圣诞快乐，给世界上最好的父母!    Seasons greetings to my favorite parents!     向我最敬爱的父母致以节日的问候! 给长辈上司的圣诞祝福：    For you and your family,boss,during this holiday season!     在这个佳节里，老板，向您和您全家人祝福!    There s no place like home for the holidays.     在这个佳节里，没有比家更好的地方了。    Best wishes for a wonderful NewYear.     献上最诚挚的祝福，祝您新年愉快。    Wishing you happiness now and throughout the year.    愿您从现在到来年幸福快乐。    May happiness follow wherever you go!     愿快乐永远跟随着您!    A Christmas wish from your nephew.     您的侄儿，向您致以圣诞祝福。    From all of us in   Christmas!     我们销售部全体，祝您圣诞快乐!    A Christmas kiss from your secretary.     您的秘书，献上一个圣诞香吻。    Your entire staff wish you and yours a most happy Christmas.     全体职员，祝您及家人有一个最愉快的圣诞佳节。    To Grandpa and   Christmas!     给爷爷和奶奶：圣诞快乐! </t>
  </si>
  <si>
    <t xml:space="preserve">放假期间大学生怎样可以找到临时工作?我是一名大学生,现在放假了, </t>
  </si>
  <si>
    <t>你到软件园去试试吧，也许会为你毕业找工作时打个基础，那里机会很多，不过你会很辛苦！</t>
  </si>
  <si>
    <t xml:space="preserve">新浪微博为什么要冻结我的账号，我又没干啥，无缘无故，有什么黑幕吗 </t>
  </si>
  <si>
    <t>任何黑幕都没有，很多人和你一样，我也遇到过，这只不过是新浪微博系统自动测试到你账号有风险，所以才给你冻结的，当然系统也有出错的时候，你只需要用手机直接激活就可以了。</t>
  </si>
  <si>
    <t xml:space="preserve">电1骗子吗的骗钱的ID：粤S2H480骗了我130万 </t>
  </si>
  <si>
    <t>这垃圾长期在电1卖卡骗钱的</t>
  </si>
  <si>
    <t xml:space="preserve">请问专家：混合性皮肤25岁，用玉兰油好还是欧泊莱好？ </t>
  </si>
  <si>
    <t>建议你用玉兰油的多效修护系列的产品。</t>
  </si>
  <si>
    <t xml:space="preserve">红眼航班到底是指什么?凌晨起飞的航班吗? </t>
  </si>
  <si>
    <t>红眼航班”是指夜间飞行航班，一般是为了提高飞机利用率，利用夜间空闲时间安排飞行，以降低成本。"红眼航班”是国际上对夜航航班的统一称谓,特指一些乘客因夜间乘机睡眠不足而导致眼睛发红。中国民航局普遍的认识为晚上10：00至凌晨起降的航班。</t>
  </si>
  <si>
    <t xml:space="preserve">想做售楼，很想知道北京的声誉较好的、正规的有实力的房地产公司有哪? </t>
  </si>
  <si>
    <t>你没有经验，一般这样的公司你是进不去的，先找个小干几天吧，我以前就是在房地产公司，但不是做销售。相对来说比较了解。你的选择方向是不错的，但是你的定位错了。招置业顾问的一般分3种公司，弄清楚你到底想找哪种。一是房地产开发公司，一般底薪比较高，看项目的不同，要求也不同，有的大项目对员工形象，学历，经验要求比较高。缺点是，项目做完了，销售部就解散了。即使有新项目，也不一定用原来的人。二是房地产销售公司，就是一个专门做销售的公司，不管开发，一个项目做完了，接着做下一个。缺点是不是很稳定，有可能一个项目做一半，因为和开发商两个公司的协调配合的问题，终止合同。北京这样的例子也不少。三是中介公司，中介公司本身没问题，但现在招聘比较混乱，若做这个，你就要找个大点的公司了，比如，我爱我家等等，对人员要求不高，但做起来比较累。我觉得做置业顾问重要的不是选择公司，是选择项目，销售好的，房好卖，你挣的钱才能比较多，而且，接触的客户多，你也能更快的学到东西。但是不代表所有的这样的楼盘销售都招人，一般来说，开盘前期，销售人员就已经到位了，除非以后人手不够等原因才可能招人。另外还有一个问题就是，销售好的项目提成低，销售不好的房子提成高，我有个同事后来去做别墅的销售，好象在香山附近，基本上就属于半年不开张，开张吃半年。销量不好，但是提成很高，一套房提成就可能顶的项目几十套的提成了。若打算入这行，就尽力去提升自己的口才，气质，亲和力吧，底薪一般都不高，能不能卖出房，挣到钱，就看你自己的能力了。忘了说了，你可以留意下报纸上的楼盘广告，很多都是在广告边上用小字打出来招人的，不一定都专门发招聘广告。</t>
  </si>
  <si>
    <t xml:space="preserve">过敏性皮肤又是干性皮肤又什么洗面奶推荐啊？最好性价比高的，洗的爽? </t>
  </si>
  <si>
    <t>试试薇姿的吧，只有药店才有的卖。无论用什么牌子千万记住一点，干性皮肤不适合泡沫洁面乳，记得哦，那个会让皮肤更干。最好你准备一个保湿喷雾，在这个干燥的季节里就会让你皮肤时时刻刻保持水润！</t>
  </si>
  <si>
    <t xml:space="preserve">急!电脑遇到大问题了出现的问题顺序如下：1、先是感觉打开Word </t>
  </si>
  <si>
    <t>建议先查杀一下木马，修复一下系统试试。建议你下载恶意和木马强杀工具windows清理助手查杀恶意软件和木马： 下载网址： 下载安装后，首先升级到最新版本，然后退出正常模式并重启按F8进入到安全模式。打开软件，点击“系统扫描”，对扫描结果全选，然后点击“执行清理”按钮，如果软件提示你是否“备份”，选择“是”（备份是为了防止发生清理错误，如果清理后系统没有发生异常，就删除备份），按提示进行操作即可（软件也可以在正常模式中进行查杀）。1、开机按F8不动到高级选项出现在松手，选“最近一次的正确配置”回车修复。2、开机按F8进入安全模式后在退出，选重启或关机在开机，就可以进入正常模式（修复注册表）。 3、如果故障依旧，请你用系统自带的系统还原，还原到你没有出现这次故障的时候修复（如果正常模式恢复失败，请开机按F8进入到安全模式中使用系统还原）。 4、如果故障依旧，使用系统盘修复，打开命令提示符输入SFC /SCANNOW 回车（SFC和/之间有一个空格），插入原装系统盘修复系统，系统会自动对比修复的。 5、如果故障依旧，在BIOS中设置光驱为第一启动设备插入原装系统安装盘按R键选择“修复安装”即可。6、如果故障依旧，建议重装操作系统。如果实在不行，建议选择修复安装，这样即修复了系统，又可使C盘的程序和文件不受损失。</t>
  </si>
  <si>
    <t xml:space="preserve">为什么不能弄个免费的网游~~！！本人呢是喜欢这游戏但是由于收费游 </t>
  </si>
  <si>
    <t>唉,兄弟,我和你同感啊^别谈什么免费游戏了，你知道吗，现在是一个什么样的情况，现在的情况就是：免费的饿游戏玩起来比收费的还要贵，为什么？因为他只是点卡不要钱，但是，什么道具都要拿钱买，那还不是一样啊，而且你说没道具你还怎么玩，所以啊，免费的游戏其实不免费，他比收费的玩起来还贵，玩完美的话，来西南找我，咱们做个朋友，好好聊聊，呵呵！</t>
  </si>
  <si>
    <t xml:space="preserve">湿热体质如何调理湿热体质可以艾灸那些穴位 </t>
  </si>
  <si>
    <t>首先你确定自己是湿热体质吗？你有身体重。。。或是大便黏糊等症状？若确定之後，湿热体质可选任脉的水分（脐上一寸），三阴交，太溪等穴，切忌平时饮冷</t>
  </si>
  <si>
    <t xml:space="preserve">我有两台电脑,有一个能上网,怎么把他们串起来,一起共享网络资源? </t>
  </si>
  <si>
    <t xml:space="preserve">插上一根数据线，或者买一个无线网卡，就可以两个一起上网了． </t>
  </si>
  <si>
    <t xml:space="preserve">我的成本价是8。65而股票现价已8。8元为什么还显示亏钱？ </t>
  </si>
  <si>
    <t>网上交易有时在股票资金赢亏帐面上不一定能及时结清,晚些时侯就会更正的.以上几位仁兄讲得都不错.</t>
  </si>
  <si>
    <t xml:space="preserve">请帮助算一下我弟弟的运气!求学还是工作好.我弟弟1975年2月3 </t>
  </si>
  <si>
    <t>公历出生时间：1975年04月11日06时49分农历出生时间：一九七五年 二月 三十日 卯时当月节气：清明:05日18:02    中气：谷雨:21日01:07十神：  枭神  正财    日主   七杀        乙     庚     丁     癸男命：        卯     辰     亥     卯    藏神：  枭     伤     官     枭  旺衰：  病     衰     胎     病纳音：大溪水命大运：                                                                           己        戊        丁        丙        乙       卯        寅        丑        子        亥               1 岁      11        21        31        41        八字简析：1.丁日干生辰月，不得令，伤官临旺地。天干七杀透出，在辰月临水库，且地支有强根而旺。天干偏印透出，在辰月临木之余气，且地支有强根而旺。天干正财透出，在辰月不得令，且地支无强根，正财无力。2.印旺身弱，取比劫化印为用神。八字简解：    1.命主生于中等家庭，家庭的对你助益不小。    2.手足兄弟不多，得到手足的帮助不大。    3.性格温和尔雅，稳重知礼，多才多艺，精明干练，头脑机警，人缘好。不免有时冷漠自私而流于孤独。    4.婚姻家庭会使你郁闷不如意。妻子相貌平平，但性格急躁，蛮横。嘴不留心怨言多，造成你的情绪低落，产生一种不完全当家的感觉！但她没有坏心眼。所以，一生不会犯离婚。    5.命主有，但无实权的官位。将来从事科技研究.学术教育.律师司法.戏剧演艺.医疗卫生。第二适宜为：园艺林业.农业研究.木材家具，等等与木有关的行业。    6.现在你的大运走势很好，41岁之内均顺利。不必为些许小事就算卦。                                 祝你好运</t>
  </si>
  <si>
    <t xml:space="preserve">做什么生意才可以发财那? </t>
  </si>
  <si>
    <t>贩毒，开赌场妓院据说可以发大财，可是法律不允许，天上不会掉馅饼，天下也没有免费的午餐，一切要靠自己的努力，记得还有努力不要违法乱纪，否则你就亏大了。</t>
  </si>
  <si>
    <t xml:space="preserve">今天再发一注北单6串1，请高手PP！希望能继续好运，哈哈。 </t>
  </si>
  <si>
    <t>大师不搞R9吗，今天不出单让别人参考下</t>
  </si>
  <si>
    <t xml:space="preserve">下载的东西如果删除之后,还占用其空间吗? </t>
  </si>
  <si>
    <t>不会，但是看你删除那里的位置了，如果你从硬盘删除，再清空回收站，在存储文件时，原来的地方就被写入。</t>
  </si>
  <si>
    <t xml:space="preserve">宝宝4个月往下翻白眼。医生说是婴儿痉挛症。我看也不象啊。痉挛症是 </t>
  </si>
  <si>
    <t>说的详细点，太简单了，没法诊断。</t>
  </si>
  <si>
    <t xml:space="preserve">股指为什么会上涨和下跌？比如上证综指，、上证A股指数为什么会上涨 </t>
  </si>
  <si>
    <t>股指波动是绝对的。股指不上涨和下跌，才需要问为什么。</t>
  </si>
  <si>
    <t xml:space="preserve">阿伯丁VS哈茨阿伯丁两连胜后上轮客场输给了伊凡尼斯，而且打弱旅场 </t>
  </si>
  <si>
    <t>我不知道你们重名还是你抄袭别人的，买彩网的那人跟你的分析一字都不错。</t>
  </si>
  <si>
    <t xml:space="preserve">隆鼻加内眼角要多少钱_好的眼部医院 </t>
  </si>
  <si>
    <t xml:space="preserve">请问门虫大师现在行情不好总是震荡，元月前股指期货又要推出，怕大盘 </t>
  </si>
  <si>
    <t>要想赎回也不是现在,而是要等反弹到相对高位上去才好的;眼下刚盘出底部区,虽然尚有余震,但趋势已经明朗化了,何必这样着急了呢?!</t>
  </si>
  <si>
    <t xml:space="preserve">千万谁都别进了 </t>
  </si>
  <si>
    <t>我也这么觉得</t>
  </si>
  <si>
    <t xml:space="preserve">减肥的最好方法是什么? </t>
  </si>
  <si>
    <t>合理的饮食。坚持锻炼。愉悦的心情最重要。贵在坚持。加油啊！</t>
  </si>
  <si>
    <t xml:space="preserve">怎么不自动更新阿总也不更新就近不去没反应 </t>
  </si>
  <si>
    <t>网络问题，建议下载手动更新试试！</t>
  </si>
  <si>
    <t xml:space="preserve">请问小便时尿里总是有很多汽泡是怎么回事？ </t>
  </si>
  <si>
    <t xml:space="preserve">    如果泡泡一会就会消失，就是正常冲起的泡泡；如果泡泡久久不散，就可能是蛋白尿，需要尽快去医院检查治疗。祝你如意。</t>
  </si>
  <si>
    <t xml:space="preserve">｛三个问题合在一起问｝！！！(1)加一点金相性能加多少法术伤害？ </t>
  </si>
  <si>
    <t>(1)加一点金相性能加多少法术伤害？加一点金相所加的法术伤害,和你人物的灵力等有关你人物的灵力越高,加一点金相的作用越明显(2)有很多人打字都有颜色的，请问如何弄？那是会员功能,非会员的话你不用想了不能发的会员在聊天对话框里,点选喜欢的颜色,发出去就是彩色字(3)我62级，道行200年，请问这个级别，道行算不算高？现在我是应该努力升级，还是继续把道行搞上去？ 不算高,但是过得去,所以你可以升级刷道结合,同时提高,而不是拼命刷道(说了,道不算高但是还过得去,不用拼命刷)或者拼命升级(这样你的200年道很快就不够用属于道少的了)</t>
  </si>
  <si>
    <t xml:space="preserve">求诛仙帮标需要黑底红字要好看点的字麻烦帮我做个黑底红字的堕字需要 </t>
  </si>
  <si>
    <t xml:space="preserve"> 我只找到这个，挺清楚的。。不知道可以不？希望对你有帮助~谢谢BMP格式了·！~</t>
  </si>
  <si>
    <t xml:space="preserve">本人想买个电子词典，需要涵盖专业轮机英语的电子词典，不知道有没有? </t>
  </si>
  <si>
    <t xml:space="preserve">学习英语除了用电子词典外，建议你最好还是参加培训班效果比较好，在一个资深老师的引导下学习可以达到事半功倍的效果你可以了解下我先报读的这个培训机构，价格还很实惠，最主要的是外教一对一授课的有免费课程，可以先体验一下，体验之后还可以知道自己的英语口语等级呢，反正不要钱，试试无妨 </t>
  </si>
  <si>
    <t xml:space="preserve">小米付款之后能改收货地址吗？ </t>
  </si>
  <si>
    <t>好像是不可以的</t>
  </si>
  <si>
    <t xml:space="preserve">忘记一段经历，究竟需要多久？？ </t>
  </si>
  <si>
    <t>有些经历，会让你刻骨铭心，而我们不应该生活在过去的阴影中，既然已经成了往事，就不要去多想了，顺其自然吧，新的生活会更加美好！</t>
  </si>
  <si>
    <t xml:space="preserve">为什么夏天天黑的晚而冬天天黑的早?同上.. </t>
  </si>
  <si>
    <t>夏季，阳光直射在北回归线，北半球每天照到的时间就长, 照不到太阳光的时间短，所以夏季日长夜短。 冬季日短夜长，夏季日长夜短的具体时间，并不是每天都一样的。在夏季，夏至是一年中白天最长、夜里最短的一天，过了夏至, 阳光直射点从北回归线往南移动，白天就渐渐地转短了。冬季，冬 至是一年中白天最短、夜里最长的一天。过了冬至，阳光直射点从 南回归线往北移动，白天就渐渐地转长了。 由于阳光直射点从北回归线移到南回归线，然后再从南回归线移到北回归线，因此一年内阳光直射点总有两次在赤道上，当阳光直射点在赤道上时，地球各地昼夜长短相等，在春天就是春分日，在秋天就是秋分日。 另外，在北半球上，每年冬至和夏至这两天，昼夜长短的时间, 各个地方也是不同的。例如，夏至那天，在广东的汕头，白天是13小时30分；在南京，白天是14小时12分；在北京，白天是15小时，而在我国东北黑龙江省的爱珲，白天长达16小时18分。冬至那天， 在汕头白天是10小时36分，南京的白天是10小时，北京是9小时16 分，而在爱珲白天只有8小时。以上的白天时间，是以当地从太阳升出地平线到没入地平线的总时间来计算的。不过由于大气对阳光的散射作用，日出前有曙光，日没后有暮光，可以使白天的时间长一些。 我们从这里可以看出，在夏季，越是往北，白天越长；在冬季, 越是往北，白天越短。</t>
  </si>
  <si>
    <t xml:space="preserve">毛驴为啥鄙视汽车？（轻松一下）1.汽车污染，毛驴环保。汽车有欧| </t>
  </si>
  <si>
    <t>那回家搞三高农业算啦..看这几年.你一定会赚钱赚到手软..看兄弟你是有这样的天份...</t>
  </si>
  <si>
    <t xml:space="preserve">怎样生级CPU，主板，内存？谢谢！ </t>
  </si>
  <si>
    <t>CPU和内存都要和主板联系上譬如你的是老主板只能支持DDR，就不能插DDR2的内存，CPU也一样，要对号入座升级CPU,主板，内存，你可以先看你配置要求，确定是普通办公类型还是游戏类型，这里面就涉及了显卡的选择一般的老主板支持AGP插口，新的主板是PCI-E</t>
  </si>
  <si>
    <t xml:space="preserve">想自学怎么办我只有初中毕业,想在家里自学并自考,该怎么进行,请回 </t>
  </si>
  <si>
    <t>　　参加自学考试，基本上分为以下五个步骤：　第一步: 认识高等自学考试　第二步: 报名前的准备　第三步: 报名参加自学考试　第四步: 考试要注意的事项　第五步: 办理毕业 　　 　　☆ 第一步：认识自考　　要参加自学考试，首先就要对我国的高等教育自学考试制度有个初步的了解。　　高等教育自学考试是我国高等教育的重要组成部分。是个人自学、社会助学和国家考试相结合的，有中国特色的高等教育形式。且参加自学考试的考生不受性别、年龄、民族、种族和已受教育程度的限制，不用经过入学考试，即可根据自己的情况选择相关的专业，参加该专业课程的学习。经过国家组织的统一考试，取得合格成绩。在通过教学计划规定的全部理论和实践课程的考试后，即可取得大学专科或本科的毕业证书。本科毕业生还可以申请学士学位。　　自学考试的学历受到国家的承认，自学考试毕业生享有与普通高校同类毕业生相同的待遇。《中华人民共和国高等教育法》明确规定“国家实行高等教育自学考试制度，经考试合格的，发给相应的学历证书”。国务院颁布的《高等教育自学考试暂行条例》中也明确规定“高等教育自学考试毕业证书获得者的待遇与普通高校同类毕业生相同”。　　☆ 第二步：报名前的准备　　一、选择专业：　　首先，要认真阅读本省(市)高教自学考试委员会公布的《报考简章》，了解本省(市)的报名时间、报名地点、报名手续、开考专业的情况和本次考试的课程安排，根据自己报考时的工作性质和实际情况，慎重选择一个专业报考。目前我们收集了部分省市开考的专业信息(点击查看)，但由于各方面情况的不断调整与变化，以上信息仅供参考，实际情况还请与当地自考办公布的信息为准。　　在选报专业时应注意，由于各省开考的专业较多，有些专业是面向社会开考，报考对象不限；有些专业是部门委托开考，仅限本系统在职人员报考；一些本科段专业和特殊专业(如医学类专业)对报考者的学历、职业等还有一些具体要求。　　首先应该考虑自己的兴趣和爱好。兴趣是最好的老师，你只有感兴趣的东西，才会真正投入的去学。　　其次，要选择与自己文化基础相适应的专业，以保证学习的顺利进行。比如你的数学基础比较好，逻辑思维比较灵活，则可以考虑选择理工类的专业；如果你的记忆力比较不错，可以选择识记性较强的专业。　　第三，要充分考虑到社会的需要及该行业的发展状况，选择一些社会上已供大于求的专业,对今后的求职和就业会造成影响。高等教育自学考试现有专科、本科两个学历层次，专科、本科、独立本科段三种专业类型。　点击查看专业介绍（专科段　本科段　独立本科段）及 类型详解 。 　　在选择好专业的基础上，确定本次应考课程，并在规定的时间内办理报名手续。选定专业和本次应考课程后，应尽早购买该专业的《专业考试计划》，按有关课程的《课程自学考试大纲》和指定的必读教材进行自学。北京地区的报名时间上半年3月1日--7日；下半年为9月1日--7日。其他地区请按当地自考办通知为准。　　二、选择辅导班及教材应注意的事项　　有条件的考生还可参加当地各种助学单位举办的辅导班。为帮助考生学习，各省自学考试机构大多办有专门的报刊，如北京的《现代教育报·考试招生》，这些报刊上都有针对性地选登一些课程的辅导文章，考生可结合起来学习。 　　1、辅导班的选择　　社会助学是连接自学者与国家考试的中间环节，是帮助自学者走向成功的桥梁和纽带。社会助学的组织形式大致有以下几种类型： 　　(1)高等学校举办的自考助学。包括普通高等院校，也包括电视大学、各级党、团、干校等院校。这些学校助学多为可脱产学习的全日制办学形式，学校的教学设施比较齐全，师资力量雄厚，开办的助学专业也较多，比较适合高中毕业生和非业余学习人员继续接受高等教育的需要。 　　(2)委托开考部门和用人单位举办的自考助学。包括部门组织的学校、培训中心及各种形式的辅导站。 　　这种部门助学的最大优势是把自考助学的专业与发展所需要的人才培养方向有机结合起来，形成有系统有组织的助学活动，从参学职工的行业特点出发，学习的时间和方式灵活多样，有利于解决工学矛盾，因而更适合在职职工按照从事的工作选好专业，参加助学。 　　(3)社会力量助学。这种助学组织多数属于民办大学，有社会团体、民主党派举办的学校，也有社会有关部门的离退休人员依托有关单位举办的助学学校。　　选择学习班时应注意以下问题：　　(1)要选择经过教育行政部门审批，自考机构审查、备案的，具有正式办学资格的助学组织。 　　(2)学校开设的是否属于国家自考系列，与考生自己所选择的专业是否一致。在报考前，先看一下学校专业介绍和各省、市、自治区自考办的专业考试计划，将专业设置的课程目录浏览一遍，做到心中有数。 　　(3)学校的助学方式和授课时间是否适应个人的情况，如全脱产、半脱产，业余、夜校和函授等等。考生可以根据自己的学习时间、学习计划，权衡哪种方式最适合自己。 　　(4)了解学校的办学质量，看一看学校的设施(硬件)和管理(软件)怎样？哪些教师任课？学生的课程统考及格比例在当地的水平如何？这些都是考生选择学校前应该了解清楚的。 　　(5)另外，自学考试的某些专业，或某个层次，对考生来说，还有具体报考条件的限制。 　　比如报考医药类的各个专业，就需要在职、专业对口等条件。专科接本科的考生，报考时还需要具备专科毕业资格，即使助学学校对学生入学时暂不作硬性规定，考生自己也要了解清楚具体的报考要求，免学到中途再走弯路。 　　(6)目前自学考试的多数专业都有实验课程和实践环节考核，考生选择的助学学校，是否具备较好的实验和实践环节考核条件，这也是考生完成学业必不可少的条件。 　　2、教材的选择 　　高等教育自学考试教材实行两级管理。凡是全国统考课程的教材由全国考委组织编写、出版，并作为全国考委指定教材向考生供应；凡是省统考课程由省考委编写或指定教材。 　　全国及各省自考办每年都要向社会公布开考计划，计划中对每门课程使用的教材都有明确规定，考生应注意所规定的教材的名称、作者、出版社等有关信息，以便按规定购买。 　　自考教材实行主渠道供应，即由全国考办及省级考办、地、县各级考办向考生供应教材。供应教材是各级自学考试办公室的职责。 　　考生咨询有关教材问题均可与当地自学考试办公室联系。　　☆ 第三步：报名参加自考　　1、首次报考应注意的问题　　首次报考的考生，要持本人身份证到自学考试办公室(报名站)办理报名手续。 　　报名时须按规定缴报名费，填写《报考登记表》或《机读报考卡》，并交一寸同底免冠正面半身近照两张。 　　首次报考各专业本科的考生，须持相同专业或符合规定的同类专业专科毕业证书办理报名手续。 　　2、《报考简章》的作用　　《报考简章》是考生报考的重要依据，高等教育自学考试《报考简章》包括：(一)开考专业、科目和考试时间；(二)报名时间、地点；(三)报考对象和报考手续；(四)毕业及实践环节考核的报名及时间安排；(五)考生应知晓的注意事项等内容。 　　考生通过仔细阅读高等教育自学考试《报考简章》，可以了解每一次考试开设的专业，考试课程的时间安排，各项技能考试的时间安排，引导考生选择适合自己的专业参加考试，避免出现错报、漏报。 　　3、可兼报两个专业 　　目前许多省市都允许考生同时报考两个专业。但考生同时报考两个专业时应量力而行，科学地安排好学习时间和每次应考的课程门数，以免顾此失彼。 　　4、普通高校生可免考　　如果你是普通高校毕业生，在报考自学考试时还可以按规定免考已学过并成绩合格的部分课程。其中： 　　(1)研究生和本科毕业生报考自学考试专科专业的，可免考哲学、政治经济学、中国革命史、中共党史、高等数学、普通逻辑、大学语文、公共外语等公共课和名称、要求相同的课程； 　　(2)自学考试专科毕业生报考自学考试相同学科不同专科专业的，可免考公共课和名称、要求相同的课程；报考自学考试不同学科专科专业的，可免考公共课； 　　(3)各类高等学校专科毕业生报考自学考试专科专业的，可免考公共课； 　　(4)各类高等学校的本科肄业生、退学生参加自学考试可免考已取得合格成绩的公共裸； 　　(5)各类高等学校和自学考试毕业生报考自学考试本科专业的，可免考公共课； 　　考生申请课程免考，应提供毕业证书、原所在学校的课程名称和成绩等证明材料的正本，并到当地自学考试机构办理手续，经查验核准后报省、自治区、直辖市自学考试委员会审核批准。 　　5、可同时报考同一专业的专科和本科段　　参加高等教育自学考试的考生可分别报考专科、本科段各专业，也可同时报考同一专业的专科和本科段，但毕业时必须先取得专科毕业证书后才能领取本科毕业证书(同时取得本、专科专业考试计划规定的全部课程合格成绩的应考者，可同时办理毕业手续)。各类高校专科毕业生报考自学考试本科段，须持本人专科毕业证书原件和复印件，报考规定条件允许的本科段专业。 　　6、报考自考本科的条件　　具有国家承认的正式专科学历者方可报考高等教育自学考试本科段。 　　参加本科段考试的考生，应持专科毕业证书和本人身份证到当地该专业的报名点报名。报考与所学专科专业不同的本科，根据专业的不同需要加试相应的课程。 　　报考本科段的具体规定参见所报专业的开考计划。 　　☆ 第四步：考试前应注意事项　　基本原则就是以考试大纲为本。严格按大纲复习，提高自身的基础知识和自学能力。 　　对于一些自考辅导班老师宣传的所谓猜题、押宝，则不要轻信，更不要乱做模拟考题。因为一些模拟考题往往与考试大纲不一致，而且与考试题目大相径庭。 　　处理好平常积累与集中复习的关系。自考重在平常积累，集中复习是冲刺阶段的必要手段。两者相辅相成，缺一不可。 　　临考前也可以找来历年的考试题看一看，掌握一下各科命题原则，因为命题原则一般是稳定平衡的。 　　随时关注自考方面的信息，了解题型变动情况。 　　注意劳逸结合，适当调整临考的紧张心理，早睡早起，保持正常的作息时间。考试当天别忘了携带必要证件（准考证、身份证、考试副证三者缺一不可）及文具，并准时到达考场。 　　☆ 第五步：办理毕业 　　应考者完成规定课程的考试和考核，并取得合格成绩，可申请毕业。　　现以江苏省为例，办理毕业需要如下审核程序：　　1、考生按规定时间(六月、十二月上旬)持身份证、全部准考证、单科合格证书、实践考核(论文答辩)成绩通知单、免考证明、报考本科资格审批表以及二寸标准照片两张，到所在区(县)考办办理毕业登记手续。逾期延至下一次毕业。如身份证、准考证、考籍库及毕业登记时的姓名有不一致的，应交公安户籍管理部门的证明原件及户口簿。　　2、考生应认真填写毕业生登记表(一律用蓝色或黑色墨水)，字迹要清楚、整洁，自我鉴定一栏，考生要实事求是地从自己的政治思想、工作(生产)表现、对自学的态度等方面进行小结，并如实填写。　　本科毕业生还可以申请学士学位，学位申请的条件和方法如下：　　1、高等教育自学考试本科毕业生，符合申请学士学位条件的，由有学位授予权的主考院校授予相应的学士学位。 　　2、授予学士学位的学科门类有：哲学、经济学、法学、教育学、文学、历史学、 理学、工学、农学、医学、管理学。 　　3、申请学士学位的条件：　　（1）拥护中国共产党的领导，拥护社会主义制度，拥护中华人民共和国宪法，遵守法律、法规，身体健康，学习成绩优良；　　（2）在学期间，公共课、基础课和专业主干课程平均成绩在70分以上，其中三门学位课程考试一次通过，且成绩达到75分；　　（3）参加由省学位办统一组织的外国语考试成绩合格。非英语专业本科生通过全国大学英语四级、六级者， 可免外国语统一考试。英语专业本科生考其他外国语。　　4、申请学士学位的办法：　　凡达到上述条件和要求的本科毕业生，在领取毕业证的当年，向其学籍所在学校或主考学校的有关成人高等教育管理部门提出书面申请，并填写有关表格。缴纳一定的考务、评审等费用。对往届本科毕业生，没有获得学士学位者，一律不再补授学位</t>
  </si>
  <si>
    <t xml:space="preserve">请问你们第一次ML是怎么做的？我和女友都是第一次，在ML时应该注 </t>
  </si>
  <si>
    <t>男性的第一次应注意下列几点：　1，过于兴奋：　对于多年期待、热切盼望的事情终于可以实现，兴奋是理所当然的事。但往往初次性交失败就出在过于兴奋上。过度兴奋的大脑对性刺激极为敏感，这就容易造成无法勃起或“一触即发”（早泄），出现性交失败，这是很正常的。　处理的办法是尽量在做爱时创造宽松的环境、预留充足的时间，让一切都能够在从容不迫的状态下进行。如果做爱环境不好，或者时间很仓促，那宁愿不做爱为好。因为在环境差，时间紧的情况下做爱是很容易失败的，这样就容易为日后性留下阴影。　如果觉得自己过于兴奋，不要急于上床，可以先静下来，双方在沙发上坐下，此时可脱去衣服，让双方习惯对方的裸体，并进行温柔的接触。这样就可以让过于兴奋的大脑神经松驰下来，避免一触即发的情况出现。　当然，让年轻人学会控制自己的情绪绝对不是一件容易的事，这需要多年的生活实践的调节，但至少你应该学会不那么“性”急。性生活对男人来说是一盘凉冻后才有滋味的“冷盘”，“吃得太急”没有乐趣.。所以初次做爱时多留些时间给你们自己，如果你拥有一整天的时间的话，你是不应该急在这短短的几分钟的！给多一些时间自己来作调控情感、避免大脑过于兴奋的放松方法吧！方式方法多种多样：谈天、游戏、双人小运动...等等不一而足，就看你自己的喜好了。好了，最后祝你心想事成，玩得开心。　2，了解、熟识女性的性器官位置：　这绝非多余的话题，在性教育滞后的中国，不少人在第一次是找不到阴道的正确位置的。这看似荒唐，实质却经常出现。因为在高度性兴奋的时候，人是仅凭本能行事的，而没有性生活经验的人是未必知道阴道的正确位置的，这不是笑话！　除了可以通过浏览一些性知识网站提供的图片外，还可以在做爱前的亲热、爱抚中熟识女子的阴道位置，当对阴道的位置有了一种感性上的认识后，性交就容易成功了。　3，注意女方的感受：　如果女方也是第一次体验性生活，她比你要紧张得多！紧张的她更需要你的细心、温柔来消除她的紧张。如果你过于“性”急，在女方的紧张未消除、性兴奋未唤起的时候强行进入的话，此时女方的阴道口是紧闭的，这只会造成女方的剧痛甚至性交无法进行下去。　女性只有在紧张消除、性兴奋充分唤起的情况下，才会因大、小阴唇充血，阴道口外露，并因阴道分泌、“漏出”液的出现而使阴茎能顺利“滑入”阴道。这一切都是“上帝”设计好的，但你必需顺应它的出现，过于“性”急就只能以失败甚至痛苦告终。　要消除女方的紧张，就要多爱抚、亲吻她，让她感觉到你的爱，这样好的性兴奋都会唤起的。当女子的性兴奋唤起后，她的紧张也就消失了，性器官也开始为性交进行生理上的准备（最明显的标志是阴道分泌液充分流出、为性交做润滑准备），此时，才可以进入性交阶段的。　如果女方仍然很紧张，第一次做爱可使用人体润滑剂（成人用品商店有售），在做爱前涂在女方的阴道口和男方的龟头上，起到润滑作用。这样就可以避免因为阴道干涩而造成的摩擦、性交疼痛了。　对于第一次体验性生活的男女来说，初次生活未必会如意、成功，这是正常的。关键是找出不足，再接再厉，不要轻易怀疑自己，为自己背上不必要的包袱。经过一段时间的学习、探索，必要时可以向专业人士请教，慢慢就会走上正确的轨道上来了。</t>
  </si>
  <si>
    <t xml:space="preserve">我是新手，这游戏怎么，玩呀！！！ </t>
  </si>
  <si>
    <t xml:space="preserve">到网站上去看呀！！ </t>
  </si>
  <si>
    <t xml:space="preserve">慢性咽喉炎一般需治疗多久时间？ </t>
  </si>
  <si>
    <t>您好！慢性咽炎咽粘膜慢性炎症，以咽部不适，发干、异物感或轻度疼痛、干咳、恶心，咽部充血呈暗红色，咽后壁可见淋巴滤泡等为主要临床表现。慢性咽炎患者，因咽分泌物增多，故常有清噪动作，吐白色痰液。慢性咽炎护理要点：    1、严禁烟、酒、辛辣。  2、注意营养。  3、生活和工作，需在空气新鲜的环境里。  4、居室要寒暖适宜。  5、注意劳逸结合。  6、戒多言。言多损气，气损致津伤。  7、注意锻炼。  8、慢性喉鼻病要慢慢调理治疗。  9、保持情绪稳定，多阅读些有益文献，以涵养性情。     10、对治疗要有信心、恒心和决心祝健康！</t>
  </si>
  <si>
    <t xml:space="preserve">南京的地铁是从哪到哪？什么时候能修好？ </t>
  </si>
  <si>
    <t xml:space="preserve">南京地铁一号线已经修好了，全长21.72公里，其中地下线14.33公里，地面及高架线7.39公里，项目总投资85亿元。共设车站16座，其中地下车站11座，地面及高架车站5座。乘坐地铁除了使用公交"一卡通"外，乘客还可以在地铁站现场购买单程票。现场购票分自动售票和人工售票两种。 </t>
  </si>
  <si>
    <t xml:space="preserve">海盗骷髅野的加什么好？除了加防加什么好点？ </t>
  </si>
  <si>
    <t>功吧    加血没意义  敏也没用  魔  更 没用了</t>
  </si>
  <si>
    <t xml:space="preserve">老婆怀孕快2个月了,每天饿得很快,只能吃点米汤之类的...还经常? </t>
  </si>
  <si>
    <t>很多孕妇都要经过这一阶段，尽量随身携带一点苏打饼干之类的，因为饿的时候更容易有呕吐感，到四个月时就会好了，不用太担心，因为孩子还很小很小，所吸收的营养也很少很少，即使吃不下太多东西也没多大问题</t>
  </si>
  <si>
    <t xml:space="preserve">有位朋友,他的妻子的外婆去逝了,他的妻子要求他要一起从外省回去她? </t>
  </si>
  <si>
    <t>可能是他的妻子因为外婆去世，心情本来就不是太好，所以才闹得不愉快。毕竟只是“有点生气”。虽然从旁观者的角度来看，确实是他妻子不理解他，不讲理了，但人非圣人嘛，有时候是因为情绪原因引起的。等心情好了，她会想开的。既然脱不开身，还是让妻子自己回家吧，但我觉得做老公的也应该理解一下，在她回家期间多给几个电话，人没到，心意一定要尽到嘛！</t>
  </si>
  <si>
    <t xml:space="preserve">谁能告诉我我电脑总自动关机是怎么一回事啊我的可是新机啊求解答 </t>
  </si>
  <si>
    <t>有多种因素都会造成自动关机，如：硬件故障兼容性不好、CPU、显卡、主板的散热出问题，导致温度过高，计算机出于自我保护防止烧毁硬件而自动关机，你应该是无法准确判断哪里故障，所以最好还是送去维修检测吧。    ☆予人玫瑰之手， 经久犹有余香， 如果对你有帮助， 请点击好评☆</t>
  </si>
  <si>
    <t xml:space="preserve">怎么和她恋爱？我们认识很久了我挺喜欢她我们是同学可是我不知道怎么 </t>
  </si>
  <si>
    <t>你好，你确定他也同样的喜欢你吗？你可以先与他联系，如果他也和你有着同样的感觉，你可以大胆的向他表白呀，如果他对你没有感觉，也没关系，就当问侯朋友好啦。</t>
  </si>
  <si>
    <t xml:space="preserve">征求先驱PVE配置同上A族打什么海盗效率最高,效益最好?血袭,萨 </t>
  </si>
  <si>
    <t>高：7 X 重型增强修改集束激光器1 X 小型牵引中：1 X 加力1 X T1 最好的计算机2 X T2回电底：2 X 散热器，1电磁被动薄膜，1热能被动薄膜  1自适应中修 1xFBS损伤控制（有好的更好）。A族船当然是打萨沙和血袭最好，这个配置也是针对这两种海盗的，毕竟伤害属性放在那里的。天蛇勉强能打，不过效率就低多了。至于天使和古斯塔A族打起来就比较郁闷了。    至于去自由港的问题，要看看你以前加的什么军团，如果是和各方没有关系的小军团，没什么关系；如果是在4A或者B+P里呆过就要小心了，很可能被误会为眼睛，不过只要自己不做出格的事估计FDK也不会管。但是现在FDK和东共的关系糟糕，加过东共的最好别去。补充：先驱的无人机舱只有50立方，只能带5个小型无人机了。不带主动抗是因为A族炮本来就费电，还要加修甲，电是能省就省了，加上技能加成抗性也够。萨沙和血袭者掉的东西基本一样，都是A族装备。</t>
  </si>
  <si>
    <t xml:space="preserve">厦门国贸帐户内缺股票啦!急!急!急!我的帐户内原来有厦门国贸60 </t>
  </si>
  <si>
    <t>我也遇到这个问题~~后来打电话给证卷公司去问~~他说如果钱没退回来那就说明配股成功~~一般会在一、两个星期里就发股~~希望到时候那个股不会大掉5555需要过一段时间，配股上市才会出现账面上，你看一下公司配股公告</t>
  </si>
  <si>
    <t xml:space="preserve">我被强行加关注我博客从来没有加别人关注，竟然在“我关注的人”里出 </t>
  </si>
  <si>
    <t>如果你的博客在使用中遇到问题，你可以点击博客底下的“新浪 BLOG意见反馈留言板”。或拨打新浪7×24小时客服电话95105670 提示音后按2键*2键（按你当地的市话收费）。或写信咨询邮箱为：webmaster@  告知你的博客地址,管理员会为你提供帮助的。</t>
  </si>
  <si>
    <t xml:space="preserve">衣服的问题啊网上七匹狼柒牌那些男装300多的是真的吗一般在网上买 </t>
  </si>
  <si>
    <t>现在的防真技术很高超，很多衣服做得基本没差。建议不要到一些杂的网站买，官方网站目前还是有一定的可信度，可以先去店里看，看好了再去网上看。</t>
  </si>
  <si>
    <t xml:space="preserve">N7100国际版和别的版本有区别么？ </t>
  </si>
  <si>
    <t>三星Galaxy Note2，国内有4个版本，硬件配置都一样，主要区别是支持网络不通，公开版是单卡的，其他都是双卡双模！国行公开版N7100，支持网络模式：GSM，WCDMA；单卡双模；支持联通2G/3G，移动2G；联通定制版N7102（目前只有32G）；支持网络模式：GSM，WCDMA；双卡双模；支持联通2G/3G，移动2G；移动定制版N7108，支持网络模式：GSM，TD-SCDMA；双卡双模；支持联通2G，移动2G/3G；电信定制版N719,支持网络模式：GSM，CDMA2000；双卡双模；支持联通2G，移动2G，电信2G/3G;国际版应该是欧版的吧，硬件配置一样，支持网络模式：GSM，WCDMA，有网络锁。祝您生活愉快！没什么大的区别  无非是网络频段制式不同罢了   还有就是各家运行商自己添加的一些自家的软件   这个都是可以ROOT之后删掉的    国际版就是没有运行商附带的程序    而且国际版都是WCDMA制式的    也就是现在用的最多的3G频段</t>
  </si>
  <si>
    <t xml:space="preserve">有什么办法可以防止静电！ </t>
  </si>
  <si>
    <t>1、出门前去洗个手，或者先把手放墙上抹一下去除静电！还有尽量不穿花纤的衣服。2、为避免静电击打，可用小金属器件（如钥匙）、棉抹布等先碰触大门、门把、水龙头、椅背、床栏等消除静电，再用手触及。3、穿全棉的内衣。4、准备下车的时候，用右手握住档，然后用手指碰着下面铁的部位，然后开车门，把左手放在车门有铁的位置，但是左手别松，，，，然后把右手放掉，下车，这时候你再用右手抓着门就不会被电到了~~哈。。接下去，用力一关，，搞定~~5、对付静电，我们可以采取“防”和“放”两手。“防”，我们应该尽量选用纯棉制品作为衣物和家居饰物的面料，尽量避免使用化纤地毯和以塑料为表面材料的家具，以防止摩擦起电。尽可能远离诸如机、电冰箱之类的电器，以防止感应起电。“放”，就是要增加湿度，使局部的静电容易释放。当你关上电视，离开电脑以后，应该马上洗手洗脸，让皮肤表面上的静电荷在水中释放掉。在冬天，要尽量选用高保湿的化妆品。常用加湿器。有人喜欢在室内饲养观赏鱼和水仙花也是调节室内湿度的一种好方法。另外，推荐给您一个经济实用的加湿方法：在暖气下放置一盆水，用一条旧毛巾(或吸水好的布)，一头放在水里，一头搭在暖气上，这样一昼夜可以向屋里蒸发大约三升水。如果每个暖气都这样做，整个房间就会感到湿润宜人。您不妨试试。6、勤洗澡、勤换衣服，能有效消除人体表面积聚的静电。当头发无法梳理服帖时，将梳子浸在水中，等静电消除之后，便可随意梳理了。洗头发时尽量使用润发露或护发素。</t>
  </si>
  <si>
    <t xml:space="preserve">劳动纠纷某建筑公司拖欠30位民工的工资达半年，民工反复索要无果， </t>
  </si>
  <si>
    <t xml:space="preserve">某建筑公司拖欠30位民工的工资达半年，民工反复索要无果，遂向当地劳动主管部门投诉。在调查处理过程中，公司提出有个别民工偷窃和毁坏设备，但查不出何人所为，所以让全体民工承担连带责任，以工资抵偿损失。 对于民工的请求，劳动行政主管部门可以作出下列何种决定？ 　　A．告知民工直接向人民法院提起诉讼 　　B．责令公司支付所欠民工工资 　　C．将案件提交劳动争议仲裁委员会仲裁 　　D．对公司提出警告、责令改正、处以罚款 答案……B．责令公司支付所欠民工工资 对于建筑公司的主张，劳动行政主管部门应如何认定？ 　　A．公司让全体民工对偷窃和毁坏设备者造成的损失承担连带责任，于法无据 　　B．全体民工有义务与公司协商确定赔偿损失的数额 　　C．偷窃和毁坏设备事件与民工工资无关，应循其他合法途径另行解决 　　D．全体民工有义务查出偷窃和毁坏设备者，查出前可暂扣部分工资作为保证 答案……C．偷窃和毁坏设备事件与民工工资无关，应循其他合法途径另行解决 </t>
  </si>
  <si>
    <t xml:space="preserve">我很郁闷啊，大家帮帮忙吧！我上初中了，我和我的新同桌关系很好，后 </t>
  </si>
  <si>
    <t>其实并没有什么的,每个人都有各自的优点和缺点!如果没有缺点的存在,同样也不会有优点的存在!只要自己肯去改正过来就是好的.</t>
  </si>
  <si>
    <t xml:space="preserve">知道Wacom的进来，他家的新款压感笔近期有没有促销呀？ </t>
  </si>
  <si>
    <t xml:space="preserve">你说的那个Bamboo Stylus Pocket吧，觉得还不错，不到三百块还挺值的。 </t>
  </si>
  <si>
    <t xml:space="preserve">篮球加时赛怎么算 </t>
  </si>
  <si>
    <t>加时赛是指在全场48分钟双方打成平局的情况下，决出胜负的一种形式。加时赛分为5分钟一场，球权由跳球决定，在时限内比分高的一方获胜，若时限内还未分出胜负，则继续进行加时赛，球权由第一次加时赛未获球权方拥有，如此往返，直至分出胜负为止。   加时赛的时限中，双方各又一次暂停机会，全队犯规次数基数与第四节比赛犯规基数相同，并在加时赛中继续累积；个人犯规次数与正场比赛犯规基数继续累积，直至比赛结束或6犯罚下</t>
  </si>
  <si>
    <t xml:space="preserve">为什么进不去呀GM为什么现在我进疯狂电信进不去呀我久能进？谢谢 </t>
  </si>
  <si>
    <t>尊敬的玩家您好：               目前南北争雄 疯狂网通 疯狂电信正在维护请您耐心等待，对此为您造成的不便敬请谅解。                感谢您对封印的支持。</t>
  </si>
  <si>
    <t xml:space="preserve">“喜欢”和“爱”的区别是什么? </t>
  </si>
  <si>
    <t>喜欢一个人，并不一定要爱他；但爱一个人的前提，却是一定要喜欢他。喜欢很容易转变为爱，但爱过之后却很难再说喜欢。因为喜欢是宽容的；而爱，则是自私的。喜欢是一种轻松而淡然的心态。但爱，却太沉重。爱一但说出了口，就变成了一种誓言，一种承诺。执子之手，与之偕老，短短的八个字里却要包含多少的风风雨雨！山无陵，海枯竭，冬雷震震，始敢与君绝！这便是爱了。爱是把双刃剑，如果拔出，一个不小心，既伤了别人，也伤了自己。曾经沧海难为水，除却巫山不是云，被爱所伤的中永远都有一道不会愈合的伤口。在月朗星稀的夜晚，你思念着远方的你，如果心中只是一种淡淡的喜悦和温馨，那就是喜欢。如果其中还有一份隐隐的疼痛，那便是爱。 深深的体会当你站在你爱的人面前，你的心跳会加速；但当你站在你喜欢的人面前，你只感到开心；当你与你爱的人四目交投，你会害羞；但当你与你喜欢的人四目交投，你只会微笑；当你和你爱的人对话，你觉得难以启齿；但当你和你喜欢的人对话，你可以畅所欲言；当你爱的人哭，你会陪她一起哭；但当你喜欢的人哭，你会技巧地安慰她；当你不想在爱一个人的时候....你要闭紧双眼并忍住泪水.但当你不想再喜欢一个人的时候...你只需要掩住耳朵。喜欢是淡淡的爱，爱是深深的喜欢。喜欢的人没有限制，可以很多个同时存在，但是爱不同..爱.就只能爱了。并且死心塌地得爱。-喜欢像是荡秋千，一个人可以自得其乐。爱是跷跷板，必须要两个人一起，享受甜蜜和快乐。你找到和你一起玩跷跷板的人了吗?还是.你依然在原地荡秋千? 喜欢一个人，在一起的时候会很开心。爱 一 个人，在一起的时候，会莫名的失落。喜欢一个人，你不会想到你们的将来。 爱 一 个人，你们常常在一起憧憬明天。喜欢一个人，在一起的时候永远是欢乐。 爱 一 个人，你会常常流泪。喜欢一个人，当你们好久不见，你会突然想起她。爱 一 个人，当你们好久不见，你会天天想着她。 喜欢一个人，当你想起她，你会微微一笑。爱 一 个人，当你想起她，你会对着天空发呆。 喜欢一个人，你会想她有了孩子，你一定会很喜欢。 爱 一 个人，会有一天，你突然很好奇：将来我们的孩子会是什么样子。 喜欢一个人，就是希望大家都开心。爱 一 个人，希望她会更开心。 喜欢一个人，你要得只是今天。 爱 一 个人，你期望的是永远。 什么是爱？在自然进程中，每一个人都会懂得爱是什么。但是没人或是很少有人懂得真正的爱是什么。爱已经成为稀罕的经验。许多人不断地涉及这个问题，帮助人们理解爱。诗人，作家，家他们从未停止过。哲学家说，爱是一种特料制成的媒介物，它使人容颜焕发，青春常在；文学家说，爱是一首激动人心的抒情诗，让人心潮涌动，热情澎湃；医学家说，爱是一剂千古难觅的心理良药，令人经络疏通，忧愁不在；教育家说，爱是一种无与伦比的教育手段，使人学业有成，精神百倍。       爱也是一朵非常娇嫩的花。它必须要保护，要照顾，要浇灌；只有那样它才能强壮。爱需要一个爱的环境只有在爱的环境中，爱才能成长；在你还未清楚的明白什么是爱时，请不要把神圣的爱挂在嘴边，在你对爱负不起任何责任时，请不要给爱许下任何承诺，爱是一辈子的事，在你还没有信心把爱坚持到永远时，请不要说爱，爱是伤人的，在你给不了你爱的人幸福是请不要爱，也许放弃能让他找到幸福，感情是很伤人的，请你清楚的明白什么是爱时，明白对爱的责任时才爱你所爱的人吧！       爱是非常抽象的东西，是一种感觉，一种体味、一种身心超越现实的纯美反应，精致敏锐，牵动着整个身心和悲喜情绪，而且力量巨大，大到往往不是理智可以控制的，或根本无理可讲。爱是雾里看花，是一场梦，是一幅画，是一首诗，是一部小说，是一篇散文，是一套哲学，是一种意境，是憧憬和幻想。爱是愉快， 是难过， 是陶醉， 是情绪，是勇敢，是信赖，是诚意，是体贴，是相思，是怀念，是甜蜜，是醇酒，是甘泉，是沉醉，是幸福，是牺牲，是高尚，是奉献，是责任。是接受，而不是忍受；是宽容，而不是纵容；是支持，而不是支配；是慰问，而不是质问；是倾诉，而不是控诉；是难忘，而不是遗忘；是彼此交流，而不是凡事交代；是为对方默默的祈求，而不是向对方诸多的要求；爱是关怀而不是宠爱， 爱是相互交融而不是单相思 ，爱是百味而不全是甜蜜。爱是一种思绪，似蓝天里飘荡的白云。爱是阳光，是风，空气。要了解，也要开解；要道歉，也要道谢；要认错，也要改错；要体贴，也要体谅；可以浪漫，但不要浪费；可以随时牵手，但不要随便分手；如果你都做到了，即使你不再爱一个人，也只有怀念，而不会怀恨。爱是一种心痛，似拨动你心灵的颤音，爱是一汪情怀，似静谧而又荡漾的海湾。爱是黑夜能看见明亮的光 ，爱是雪中感觉温暖的春，爱是笑脸，是满足，是新希望，爱是一切，爱，溶解了一切的不可能。它无处不在，爱是读到一本好书，有时候你也会想，如果Ta也能看到该多好！         真正的爱不是用言语可以表达的，真爱是一种从内心发出的关心和照顾，没有华丽的言语，没有哗众取宠的行动， 只有在点点滴滴一言一行中你能感受得到。 那样平实那样坚定。反之发誓、许诺说明了它的不确定，永远不要相信甜蜜的话语。爱上一个人你的整颗心都会被你爱的人所吸引，为他(她)着迷，为他(她)牵挂，但愿每一分钟都可以见到他(她)，见不到的时候时时刻刻都会想着他(她)，见到的时候你会兴奋，心跳加快，在一起的时候你会感觉很温暖很安全，真正的爱一个人会心甘情愿的照顾他(她)关怀他(她)，给与他(她)想要的一切，看着你爱的人开心你也会跟着开心，看到他(她)烦恼你也会跟着烦恼，但你会想尽一切办法使你爱的人开心快乐，真正的爱一个人会想和他(她)共同到老，与他(她)相濡以沫，你会期待用你的全部爱心来带给他(她)最大的幸福，而你也在这种过程中得到了另一种幸福！时常想到他(她)就开心,很介意他(她),很在乎他(她),没有他(她)好象失去了什么,有了他(她)就拥有了快乐。当你想到这个人，你会祈愿Ta幸福快乐平安，你会想永远陪伴Ta，当你不得不离去，你希望留下什么给Ta。爱是在寂寞的夜里，思念如潮水般涌来，手里捧着书却怎么也看不进去，心里惦记着Ta此时有没有吃晚饭，是不是和自己一样想着自己。爱是周末利用半天时间亲手做出几道好菜满足的看着Ta吃下去；是在寒冷的冬天不断为Ta的咖啡杯里续上热水；爱是想见到Ta又怕见到Ta，爱是想跟Ta说话又怕打扰Ta，爱是默默地想帮Ta，爱是无法扼止的渴望，爱是看见Ta时，脸上装出一副毫不在乎的表情，但在擦肩而过时细心感受身边颤动的空气，于是忍不住回头望一眼；爱是在异乡的街道上看到一个酷似Ta的背影而愣在原地久久不动。爱是明明离不开Ta，却又不得不放弃Ta，希望Ta幸福，即使那份幸福不是跟你分享。爱是在一起总觉时间过的太快，爱是人生旅途中寂寞心灵的良伴。 真正的爱情并不一定是他人眼中的完美匹配 而是相爱的人彼此心灵的相互契合 是为了让对方生活得更好而默默奉献 这份爱不仅温润着他们自己，也同样温润着那些世俗的心真正的爱情，是在能爱的时候，懂得珍惜真正的爱情，是在无法爱的时候，懂得放手因为，放手才是拥有了一切…请在珍惜的时候,好好去爱在放手的时候,好好祝福…喜欢是，希望寂寞的时候，无聊的时候，伤感的时候，找个人说说话。爱是，在任何时候都想跟他分享，快乐的时候甚至希望把错有快乐都给了他。喜欢是，在很久很久没联络的时候，接到他的电话，然后笑着听他说话。爱是，在几天没有联络的时候，着急得的打电话给他，然后忍住眼泪笑一笑。喜欢，只有在一起的时候，才惦记着对方。爱，是哪怕是在一起，每一秒钟也都在思念思念他。喜欢，是一种心情爱，是一种感情喜欢，是一种直觉爱，是一种感觉喜欢，可以停止爱，没有休止喜欢一个人，多数许多朋友，特别自然，也会觉得快乐。爱一个人，是多一个人，特别坦然，都会难受的两个人的世界。喜欢一个人，是甜腻的。 爱一个人，是苦尽甘来的。喜欢一个人，有时候盼和他在一起，在一起的时候会很开心爱一个人，有时候怕和他在一起，在一起的时候，会莫名的失落喜欢一个人，你不会想到你们的将来爱一个人，你们常常在一起憧憬明天喜欢一个人，在一起的时候永远是欢乐爱一个人，你会常常流泪喜欢一个人，当你们好久不见，你会突然想起他爱一个人，当你们好久不见，你会天天想着他喜欢一个人，当你想起他，你会微微一笑爱一个人，当你想起他，你会对着天空发呆喜欢一个人，你会想他有了孩子，你一定会很喜欢爱一个人，会有一天，你突然很好奇：将来我们的孩子会是什么样子喜欢一个人就是希望大家都开心爱一个人希望他会更开心喜欢一个人，你要得只是今天爱一个人，你期望的是永远喜欢一个人，是看到了Ta的优点爱一个人，是包容了Ta的缺点 喜欢一个人，不停的和Ta争执爱一个人，不停的为Ta付出喜欢一个人，希望Ta可以随时找到自己爱一个人，希望可以随时找到Ta 喜欢一个人，总是为Ta而笑爱一个人，总是为Ta而哭喜欢，是执着爱，是值得喜欢就是喜欢，很简单爱就是爱，很复杂喜欢你，却不一定爱你爱你，就一定很喜欢你其实，喜欢和爱仅一步之遥 当你站在你爱的人面前,你的心跳会加速但当你站在你喜欢的人面前,你只感到开心当你与你爱的人四目交投,你会害羞但当你与你喜欢的人四目交投,你只会微笑当你与你爱的人对话,你觉得难以启齿但当你和你喜欢的人对话,你可以畅所欲言当你爱的人哭,你会陪她一起哭但当你喜欢的人哭,你会技巧的安慰她. 当你不想再爱一个人,你要闭上眼睛并忍着泪水当你不想再喜欢一个人,你只要掩住双耳!       爱仍然是一种未知的事情而它本该是最熟悉的事情。就好象有人来问：“食物是什么？”一样，似乎他从小就一直饿着，从来就没尝过食物一样。产生问题的根子是同样的，所以你才会问：“什么是爱？”爱是灵魂的食粮。但是你一直饿着，你的灵魂根本没有接受过爱，所以你不知道那个品尝。你的问题是中肯的，但是叫人遗憾：肉体得了食物，所以肉体得以保持；可灵魂得不到食粮，所以灵魂死了，或者它还没有出生，或者它一直奄奄一息。 爱从一个感觉开始，在快乐中得以延伸，却随眼泪逝去...... 请记住,在情爱的世界里,没有谁对不起谁,只有谁不懂得珍惜谁,唯有付出,才能得到.请珍惜生命中的每一份情爱,莫到失去后才后悔莫及。 你怎么知道Ta爱你？ 1.当你正在忙时,却把手机开著,等著她/他的短信.. 你已经爱上她/他了2.如果你喜欢和她/他两个人单独漫步.. 你已经爱上她/他了3.当你和她/他在一起时,你会假装不注意他,但是当她/他离开你的视线时,你会急著寻找她/他... 你已经爱上她了4.当她/他受伤或生病时,你会很关心她, 替她/他著急.. 你已经爱上他了5.当她/他和别人要好时, 你会感到吃不知其味... 你已经爱上她了6.当你看到她/他那甜美的笑时,你的嘴角会扬起一丝得意的笑.. 你已经爱上她/他了7.当你看到这篇文章时, 心里想到某个人.. 那么你肯定已经爱上她/他了      爱最初的定义。爱就是爱，爱就这样简单而真实的存在于这里,寻找着的“最宝贵，最特别，只属于自己的”，是每一个人类，每一个生命体，甚至每一种存在都渴求着，寻找着的吗？ 爱最佳的定义可能是主动行动，以真心对待某个体（可以是人、物件或神），使整体得到快乐。简而言之，爱即主动使整体得到快乐。       在古往今来爱情一直是人们所赞扬的，爱情可以说是最美丽的爱了！有许多爱情故事也是为人们所津津乐道！爱情的悲剧是令人悲伤的，从中国人所熟悉的《梁祝》到《罗密欧与朱丽叶》都是文学界的爱情悲剧！但是爱情依然是和正义一样是人类世界不变的主旋律！为了一个人，可以不惜付出任何代价，甚至生命。 用人生的哲学来思考【爱就是全世界！Love is all over the world!】回归本质去看，爱就是全世界！ 世上所有聪明的人加在一起，也无法向一个感受不到爱的人说明它是什么，而它对于感受到爱的人，又不需要任何一个字来说明 所以，没有心，爱永远也没有谁能找得到真正的答案。喜欢一个人，并不一定要爱他；但爱一个人的前提，却是一定要喜欢他。 喜欢很容易转变为爱，但爱过之后却很难再说喜欢。 因为喜欢是宽容的；而爱，则是自私的。 喜欢是一种轻松而淡然的心态。但爱，却太沉重。 爱一但说出了口，就变成了一种誓言，一种承诺。 "执子之手，与之偕老"，短短的八个字里却要包含多少的风风雨雨！ 当你站在你爱的人面前，你的心跳会加速； 但当你站在你喜欢的人面前，你只感到； 当你与你爱的人四目交投，你会害羞； 但当你与你喜欢的人四目交投，你只会微笑； 当你和你爱的人对话，你觉得难以启齿； 但当你和你喜欢的人对话，你可以畅所欲言； 当你爱的人哭，你会陪她一起哭； 但当你喜欢的人哭，你会技巧地安慰她； 当你不想在爱一个人的时候....你要闭紧双眼并忍住泪水.... 但当你不想再喜欢一个人的时候...你只需要掩住耳朵。 同一个主题里，也有人回复说:“喜欢是淡淡的爱，爱是深深的喜欢。” 喜欢的人没有限制，可以很多个同时存在； 但是爱不同.... 爱....就只能爱一个了。 并且死心塌地得爱。 喜欢像是荡秋千，一个人可以自得其乐。 爱是跷跷板，必须要两个人一起，享受甜蜜和快乐。 喜欢一个人，在一起的时候会很开心。 爱一个人，在一起的时候，会莫名的失落。 喜欢一个人，你不会想到你们的将来。 爱一个人，你们常常在一起憧憬明天。 喜欢一个人，在一起的时候永远是欢乐。 爱一个人，你会常常流泪。 喜欢一个人，当你们好久不见，你会突然想起她。 爱一个人，当你们好久不见，你会天天想着她。 喜欢一个人，当你想起她，你会微微一笑。 爱一个人，当你想起她，你会对着天空发呆。 喜欢一个人，你会想她有了孩子，你一定会很喜欢。 爱一个人，会有一天，你突然很好奇：将来我们的孩子会是什么样子。 喜欢一个人就是希望大家都开心。 爱一个人希望她会更开心。 喜欢一个人，你要得只是今天。 爱一个人，你期望的是永远。我认为的喜欢是占有，而爱是在可以情况下的占有，在不可以情况下的尊重与放手． 我爱他会把他放在心里，而不只是脑子里．哈哈，不过有时候，喜欢也容易让人意乱情迷，有时猴，喜欢得太多，甚至成为一种习惯或许就慢慢变质成爱了． ——安娜·思蒂·何迪艳提 ——摘自《读者》2005年第23期 ——《读者》摘自《世界上最美丽的英文》一书 面对心爱的人，你的心跳会加速， 然而面对喜欢的人，你只会兴高采烈。 面对心爱的人，冬天就像是春天， 然而面对喜欢的人，冬天是个美丽的冬天。 假如你凝视的是心爱的人，你会脸红， 但假如你凝视的是喜欢的人，你会微笑。 面对心爱的人，你不能说出心中的一切， 然而面对喜欢的人，你言无不尽。 面对心爱的人，你容易羞涩， 然而你却能欣然迎接喜欢的人的目光。 当心爱的人哭泣，你会一同落泪， 而当喜欢的人哭泣，你会停下来安慰。 爱的感觉源自眼睛， 而喜欢的感觉源自耳朵。 所以如果你不在喜欢你喜欢的人， 你只需要堵住耳朵。 但是如果你试图闭上眼睛， 爱便会化作一滴泪水，永远留在你心中 喜欢和爱咫尺千里 当你喜欢一个人时，你想和他在一起，因为他会带给你快乐；离开后，你会想念，想着想着就会笑，然后继续你平静的，并期待着与他再一次重逢。当你爱一个人时，你想和他在一起，那是一种牵肠挂肚的舍不得，怕他受委屈，怕他不能好好照顾自己；离开后。你也会想念，想着想着叹一口气，"不知他现在过的怎样？"然后你继续你平静的生 活，希望他早日回到你身边。 你喜欢的人在你眼中是天使，无所不能，他总会满足你的任性的要求。你爱的人在你 眼中是孩子，傻傻的，你不期望他做出什么"好事"来，只一味纵容他那些让人哭笑不得的举动。你会希望你喜欢的人陪着你，然而你心中想的可能是你爱的人；你会希望陪在你爱的人身边，看他在你面前睡得如此安逸甜美毫不设防的样子，你会微笑，会觉得好幸福 。 你喜欢的人伤害了你，你会生气，并且一定要让他哄着骗着逗你笑你才原谅他；你爱的人伤害了你，你只会独自伤心，因为你怕对他大吼大叫会吓着他，你忧伤地微笑着，看着他的眼睛，一旦发现他的眼里流露出歉意和悔恨，你会立即心疼地搂他在怀里，那一刻 ，你也是幸福的。 你可以同时喜欢很多人，你会希望和很多人在一起，但也许很多年后你才发现，原来你爱的就只有那么一个，就那么一个，怎么都不会变，你以为把他忘记了，其实只是忙的没空想起而已。 对于你喜欢的人，你关注的是他的优点；对于你爱的人，你关注的是他的缺点，并且，那些缺点如果无关原则的话，它们在你眼里是可爱的，独一无二的。喜欢和爱其实只有一纸之隔，任何爱都从喜欢开始，当有天你突然发现，你喜欢的那个人在你眼中不再完美，而他的瑕疵正如月中的桂影一般让你更加依依不舍，你会觉得与他光彩照人的一面相比，你更愿意看他在你面前无助的表情，不知道是不是应该祝贺你，总之，你的感情升华了-- 仰慕不是爱，甚至不是喜欢，当你对一个人只有仰慕之情时，你们在一起便失去了和谐。 有人说爱一个人很累，的确是，因为你想为他承担，可是爱与喜欢相比最大的魅力就在于，当你和爱的人在一起时，你的感觉就像回家了！</t>
  </si>
  <si>
    <t xml:space="preserve">请问鄞州区新车环保标志去哪里领？需要什么证件？ </t>
  </si>
  <si>
    <t>在鄞州区体育馆内的鄞州区行政服务中心二楼118号窗口,带上行驶证,车辆登记证及其复印件就可以了!</t>
  </si>
  <si>
    <t xml:space="preserve">劳动法和厂里未签订劳动合同工作3个月后被辞退了可疑要赔偿吗 </t>
  </si>
  <si>
    <t>和厂里未签订劳动合同,工作3个月后被辞退了,除有权要求工厂按照《劳动合同法》第四十七条的规定，支付版个月工资的经济补偿外；还有权要求工厂按照《劳动合同法》第八十二条的规定，支付自进入工厂工作满一个月的次日起至解除事实劳动关系期间的二倍的工资；同时有权要求工厂补缴欠缴的社会保险费等。</t>
  </si>
  <si>
    <t xml:space="preserve">新疆区纵横时空怎么样升级快？ </t>
  </si>
  <si>
    <t>此方法对有点小钱但又不愿意花大钱的玩家最实用：  20级前没说的，出岛后打主线就OK了。20级来影啥之林。先清主线，支线可以不打（有个支线任务可得1个牌子装备，必打）。每天把每日任务1打，10W经验到手。1般每天都有带人免费刷精英的好心人，绝对别错过。     就这样就到了天涯海角了。这里的每日任务更多。只刷经验多的，再配上原来的任务，经验哗哗的，哦，主线任务还是要打的。在贯日顶有31的精英。1般都是有人免费带的。更不能错过。30级就能刷FB了，问下1些人学会关门和过的方法（我在这就不说了），因为有些高手带人过FB只要你会关门，30级都行。找个队伍进去刷小谢，奖励10W经验！和1个开东西的箱子！到了35级，就要花RMB了。买1套35级的战场套装。为啥？当你看了装备后你就知道了。最好是没加工过的。现在装备要求不算太高，武器镶精致（ ）水晶，，护甲镶普通水晶就够了（当然想弄的更好也行）。   35级来沙坪野。照样先刷主线任务，后刷每日任务，配上天涯海角的每日任务，经验还算可观。现在还要在花1些RMB找高手带你刷罗汉叛逆，经验相当多。   40级就来迷途之地 。这里的主线任务经验相当丰厚，多少 做了你就知道了。这里的每日任务经验也相当丰厚，就是有些危险，保重吧。现在找人带你带伏击，经验相当的多。还有这里能杀人，如果你认为你装备够好，那就去杀人吧！   41级就来寂静岭。照样先刷主线任务，这的每日任务多数都是打怪的，不过经验很多，打打吧。在这拉车相当危险，不过奖励超好，碰碰运气吧。这的精英很散，而且抢的人有很多，建议别让人带你刷着。最好找人带你刷上古战场的精英，虽然贵了点还有些危险，但是经验超多！   好了，就写到这了。本人还没打上古战场的任务。</t>
  </si>
  <si>
    <t xml:space="preserve">在家里应该怎样摆放花卉比较好？我是一个很喜欢花卉的，在新居里，应 </t>
  </si>
  <si>
    <t>家里放仙人掌类和吊兰类花卉会吸收装修产生的 甲醛和苯。其他花卉也有清洁空气的作用，但在卧室里不要放有香味的开花花卉，因为有的人会过敏。一般在客厅里放比较高大的观叶植物，卧室里放娇小的吊兰类和小型的绿叶植物，卫生间里放耐阴的蕨类植物，书桌上放一盆盛开的仙客来也很不错耶。</t>
  </si>
  <si>
    <t xml:space="preserve">日本军力真的仅次于美俄英法? </t>
  </si>
  <si>
    <t>的确不可小视,但也不必过分担心,因为到时战时没有想象的强大.但他是中国收台的绊脚石.必须小心.一旦决定收台要对他做好充分准备!!!!!!!!!!!!!!!!!!!!!!!!!!!!!!!!!!!!!</t>
  </si>
  <si>
    <t xml:space="preserve">谁知道那哪空气净化器滤芯耐用啊？ </t>
  </si>
  <si>
    <t>我们家用的是滤巨人的空气净化器，滤芯比较给力，是可以用水洗的那种，这可是我见过最牛的滤芯了。跟你打个比方吧，以前我家用的那个老式的空气净化器滤芯就不能水洗，用脏了只能换新的。而现在我用了滤巨人，如果滤芯脏了我就拆下来用清洁剂洗一下，装上还能接着用，能这么一直用下去，特别耐用。</t>
  </si>
  <si>
    <t xml:space="preserve">约尔克圣石的取得方法有什么？ </t>
  </si>
  <si>
    <t xml:space="preserve">1.最简单的方法：任务中风穴4楼的老头可以无限换约尔克圣石和碗的碎片~虽然是随机给，但是可以一直说话~~就可以反复拿了~~2.以下是攻略上的流程方法(比较麻烦)： 约尔克圣石必须在黄色的箱子中开出，而黄色的箱子的位置主要是以下三类： 1、风穴（2处） 2、艾夏岛城内（4处） 3、艾夏岛梅布尔高地（2处） 风穴中的箱子一共有两处， 分别在一楼（161，27）和二楼（183，159） 艾夏岛城内共有四处。并且有几处会根据时间变化而消失。 分别是武器店、克罗利的店（风水盘任务）、冒险者旅馆，以及东北方一个隐蔽的位置（146，75）。 箱子出现的时间规律如下： 上午——克罗利 冒险者旅馆 东北 下午——克罗利 冒险者旅馆 武器店 午夜——克罗利 武器店 东北 凌晨——克罗利 武器店 东北 梅布尔高地的两处。 坐标为： 梅布尔高地 葫芦旅店126.153 中(19.22 ) - 白天消失 梅布尔高地(126.130 ) 另外根据资料，在以后的新任务中也会有地点。 崩塌的入口 (冰室) 1F箱子 263 102 1F?翘?192 31 =&gt; 2F箱子194 35 风穴的箱子也有时间变化问题箱子开完一次，再开显示“已经空了”。 箱子每1小时更新一次。 若专收圣石，可以不断换线。 </t>
  </si>
  <si>
    <t xml:space="preserve">右手定则，左手定则，安培定则分别是什么？ </t>
  </si>
  <si>
    <t>安培定则(也叫右手螺旋定则):用右手握住导线,让伸直的大拇指所指的方向和电流方向一致,弯曲的四指所指的方向就是磁感线的环绕方向左手定则是来判断通电导线在磁场中所受安培力的方向:伸开左手，使大拇指跟其余四指垂直,让磁感线垂直穿入手心,并使伸开的四指指向电流的方向,大拇指指向就是通电导线在磁场中所受安培力方向.右手定则是愣次定则的特殊化，如果磁通量的变化是由导体切割磁感线引起的，才可以用它:伸开右手让拇指跟其余四指垂直，并且都跟手掌在一个平面内，让磁感线垂直从手心进入，拇指指向导体运动方向，其余四指指的就是感应电流的方向.这些东西就是挺麻烦的，谁让它是物理呢（诚心回答你的问题，给好评啊。谢谢。）</t>
  </si>
  <si>
    <t xml:space="preserve">有什么方法能快速缓解眼睛疲劳，脑神经疲劳呀！有点累了。。。 </t>
  </si>
  <si>
    <t>眼睛干涩，平时就要注意用眼习惯，定时休息，看看远处的景物。补充维生素A，多吃胡萝卜、水果、海产品等。有时间坚持做眼睛保健操，还可吃些中药明目地黄丸。</t>
  </si>
  <si>
    <t xml:space="preserve">周围同事关系不好,我就难受也许是因为从小在我的家庭里父母经常拌嘴 </t>
  </si>
  <si>
    <t>我也是一样看到别人关系不好也会压抑后来我想，是我对融洽的气氛太过于渴求了吧？~~使自己放松是好办法。希望你快乐！</t>
  </si>
  <si>
    <t xml:space="preserve">我想开一家超市，但是担心风险大，不知道云南有没有好的品牌？ </t>
  </si>
  <si>
    <t>这样说吧，电子商务优势很明显，超强的时空性，成本低，效率超过，缺点信用度如何解决，B2B和C2C等电子商务运用支付宝来解决，但是B2C没有必要用支付宝而直销的优势是通过一个消费网络和建立自己的网络可以让人努力打拼几年后获得财务自由，就是有钱又有时间，而缺点是需要大量的人脉而电子商务和直销结合就是相互配合，电子商务的超强时空性给直销提供了超大的用不完的人脉，而直销的口碑想传又把电子商务的信用问题解决， 比如你是我朋友，我自己从网上买了用到告诉你你就会相信那么如果你也看到这两个趋势行业的巨大前景。。。欢迎交个朋友，一起交流了解这个事业。。</t>
  </si>
  <si>
    <t xml:space="preserve">举报外挂!GM!!!!管不管啊?没个玩了!长白论剑，长白之颠！下 </t>
  </si>
  <si>
    <t>尊敬的玩家     您好：非常感谢您的举报，我们工作人员会对以往玩家的相关信息进行核实，并会对以上玩家的相关数据进行监控，发现异常官方将会严肃处理.感谢您的支持！</t>
  </si>
  <si>
    <t xml:space="preserve">问一道题！！！兄弟二人三年后的年龄和是26岁，弟弟今年的年龄恰好 </t>
  </si>
  <si>
    <t>三年后弟年龄(3+2×26)÷(1+2+2)=11岁;兄年龄为26-11=15岁。</t>
  </si>
  <si>
    <t xml:space="preserve">我屁股上的肉比较厚显得屁股好股好股怎么才能减掉屁股上的赘肉呢? </t>
  </si>
  <si>
    <t>首先是要改变臀型!!运动要合理``主要运动臀部的肌肉``首先坐式的运动方法是:前腿弯曲脚尖对着大腿跟部~`后退脚背先下 伸直``拉伸大腿肌肉 改变臀部 ``左右换脚做5分钟````站着的是双脚脚尖站  脚跟抬起站 5分钟!!长久下去就可以了~~还有后踢腿```就是手扶助桌子什么的站好```踢后腿``高踢后退 弯腰头尽量向后看```踢30个```左右换腿```记住下面站直的腿和手成90度~~~~很多方法的~~~只是写不清楚罢了``我是做健身教练的``教形体舞蹈的&gt;&gt;有机会在说给你听!!!</t>
  </si>
  <si>
    <t xml:space="preserve">关于开发票公司正在申请一般纳税人，如果需要开发票是否只能开普通发 </t>
  </si>
  <si>
    <t>可以找税务局代开发票，对方就可抵税。</t>
  </si>
  <si>
    <t xml:space="preserve">教育论文怎么发表 </t>
  </si>
  <si>
    <t>你可以去原上草职称论文网看看，我前段时间就是去那发表的</t>
  </si>
  <si>
    <t>魔兽世界3.05安装问题我用了比特彗星把3.05的补丁WoW</t>
  </si>
  <si>
    <t>先移出来，因为安装完了还要删了的，省的你乱了，然后解压缩。双击里面那个双足飞龙的图标文件，后面都是全自动的，还有漫长的等待……</t>
  </si>
  <si>
    <t xml:space="preserve">东北大学企业管理专业的研究生要多少分?研究生考试要各科要达到多少 </t>
  </si>
  <si>
    <t>每年不一样，但也有一定之规。以最近三年为例(这三年也的确很具有代表性)：分数顺序为总分，公共课小分，专业课小分05年320 55 8506年340 54 90 07年320 55 85不要觉得06年分数线定得很高，那年全国的数学平均分比往年高出将近20分！这直接导致全国各高校的分数线均比往年有所提高。正因为有的人没看到这点，所以06年东北大学也跟风涨分线(那个分数线是整个管理类的，企业管理专业实际录取的人里总分最低的大概370左右)，其后果就是07年原计划招46人的企业管理专业结果报考考生中总分及各科均够分数线的只有33人！所以只要以后不再出现像06年那样的不正常事件，东北大学的单科分数线都会基本稳定在07年的水平，还是比较容易过线的。</t>
  </si>
  <si>
    <t xml:space="preserve">是不是30号0点就内测啊?知道的回答下谢谢啊~!! </t>
  </si>
  <si>
    <t>11月30日12：00（北京时间）全球玩家翘首等待的《完美世界国际版》内测将正式开始，届时来自全球亿万华人将共同感受这一时刻的来临，这也将是网络游戏历史上的一次盛世。骨干节点，保证全球畅通互联；重资高标，打造国际客服中心的“绿色通道”；国际战网，标的世界网游高手的“多国混战”，作为《完美世界国际版》国际化运营的三大法宝，势必让全球用户感受一款全新品质的网络游戏！</t>
  </si>
  <si>
    <t xml:space="preserve">黑卡是怎么来的？他们发的短信不要钱的？ </t>
  </si>
  <si>
    <t>黑卡既是你用一张即将没费,还没欠费的手机卡去发短信冲值点数,你发完的短信并不即时扣掉你的话费,一直这样发下去,你会得到很多冲值点数,当你的手机欠费无法在拨打时,出现了欠费的现象,然后卡就扔了 ,这就是所谓的黑卡,懂了么???</t>
  </si>
  <si>
    <t xml:space="preserve">翻译英语，谢谢了！Asianstocksslumpedwithb </t>
  </si>
  <si>
    <t>亚洲股票暴跌，银行股将日元推到14年来对仍在挣扎的美元的最高（汇率），同时，投资者抛售比较投机性高的股份。</t>
  </si>
  <si>
    <t xml:space="preserve">癫痫病患者需要小心哪些问题？ </t>
  </si>
  <si>
    <t>尤其是小儿患者来说，由于这个时期的体质比较的虚弱，所以做好相应的保护措施更是显示重要和关键，如果长时间的高烧不能及时的退去的话，要及早的到医院进行诊治。在饮食上满足患者的身体所需的物质和维生素一直矿物质等，这样才能帮助患者恢复一个健康的体质来应对以后的一系列的治疗。要避免吸烟和饮酒等一些不良的习惯给患者所带来的创伤。这个疾病的患者在疾病发作的时候，意识会短暂的失去，所以这个时期的患者完全不了解他们做了什么，这个时候要注意保护患者的人身安全，不能让一些外界的干扰来威胁到患者的安全。</t>
  </si>
  <si>
    <t xml:space="preserve">做出纳好还是做会计文员好啊?我中专毕业差不多有两年啦,刚开始毕业 </t>
  </si>
  <si>
    <t>很好啊，就做会计，尽量争取别人的指导，没有的话，也可以边学边干啊。</t>
  </si>
  <si>
    <t xml:space="preserve">攒机高手进围绕酷睿Q8200内存2G独显1G组装一台价格2000 </t>
  </si>
  <si>
    <t>Q8200快一步价钱了，配不出，其他配件是二手的这个U就浪费了。CPU  AMD Athlon II X4 620/盒装 710元主板 微星 770T-C45 590元内存 金邦 白金2G DDR2 800 185元希捷 西部数据 WD3200AAJS 290元 显卡 蓝宝石 HD4750白金版699元机箱 航嘉 e盾H101 150元 电源 航嘉 冷静王钻石VISTA版 230元amd9650老了和620价格一样，频率才2.3G价格要3000元左右才平衡。</t>
  </si>
  <si>
    <t xml:space="preserve">法师升级问题!我法52了,体智精的,升级的2点加一点智力和一点精 </t>
  </si>
  <si>
    <t>应该把两点+智上.....喝慎重不错.可要记得你积攒的神走哦................... 挂傲慢多少层哇.每楼层的挂法都不一样.挂24一下的就买个力帐+狂暴砍吧...也很爽的.穿回磨的装备了。看你适合挂那层.....OK.7力帐我建议你挂气焰3层,那的经验也不少哦。 ..24.10楼一下都可以的。 手动混傲慢60+了。....全靠魔法的。..</t>
  </si>
  <si>
    <t xml:space="preserve">100及JP武器问价忽视抗性20金5伤害2400伤害2400绿忽 </t>
  </si>
  <si>
    <t>你去问下“5藤”他就在那个区，而且他还是这爱问的名人，他应该会给你个满意的答案的</t>
  </si>
  <si>
    <t xml:space="preserve">国外的提款机上的withdraw,是什么意思？ </t>
  </si>
  <si>
    <t>withdraw 是取款的意思deposite 是存款的意思</t>
  </si>
  <si>
    <t xml:space="preserve">梦幻西游强身术问题强身术提升的气血上限是怎样计算的?好象血越多加 </t>
  </si>
  <si>
    <t>40级：（原气血+武器装备加成+技能加成）* 1.49倍60级: (原气血+武器装备加成+技能加成）* 1.81倍80级: (原气血+武器装备加成+技能加成）* 2.22倍……120级：(原气血+武器装备加成+技能加成）* 3.3倍公式： （原气血+武器装备加成+技能加成）* ( 1.01的N次方 )&lt; N技能等级 &gt;听别人说的，也不知道对不对，但肯定早晚学没区别</t>
  </si>
  <si>
    <t xml:space="preserve">会计从业资格证必须参加继续教育吗？我的会计从业资格证是今年1月份 </t>
  </si>
  <si>
    <t>在你原来的地方还是在你现在的地方进行继续教育，你最好咨询一下你原来所在地的财政局，实际是就是缴钱。我以前也遇到过象你这种情况，我是在原来的地方进行的继续教育，但我人根本没有去，我是托我原来所在地的朋友帮我缴钱，办手续，就OK了。 如果你想把会计从业资格证转到你现在所在地，也可以。 会计从业资格证必须两年进行一次登记，登记的前提是从业人员每年必须参加24学时的继续教育. 一年一缴费呀</t>
  </si>
  <si>
    <t xml:space="preserve">减肥谁有好办法不是很胖但是老感觉穿衣服不好看 </t>
  </si>
  <si>
    <t>保持吃饭不要吃得太饱。多喝水</t>
  </si>
  <si>
    <t xml:space="preserve">是不是注册好了有号就能进内测啊我已经注册了有了号但没写取回密码的 </t>
  </si>
  <si>
    <t>对能进 现在是内测官网没写 帐号保留到公测意思就是这号到公测时可能删掉</t>
  </si>
  <si>
    <t xml:space="preserve">用果然造句怎么造 </t>
  </si>
  <si>
    <t>他预测他会得第一名，事实果然如此昨天天气预报说今天有雨，今儿果然下起雨来了老师说，我们班只要大家齐心互相帮助一定在高考中取得好成绩，大家按老师的要求做了，果然高考成绩我们班全校第一。搞笑版：老师：小明，用果然造个句子。  小明：我先吃水果，然后吃冰淇淋。  老师：不能把果然分开。  小明：别焦急，我先吃水果，然后吃冰淇淋，果然拉肚子。</t>
  </si>
  <si>
    <t xml:space="preserve">做爱的时候要注意什么呢？ </t>
  </si>
  <si>
    <t>为了双方的身体健康和保证性的和谐，性交前和性交后，都要注意个人清洁卫生.一般应采取下列措施：　　1.洗澡。　　性交前，有条件的应洗澡，清洗身上的汗腻，消除汗臭，以免同床时汗臭味使对方反感和厌恶。洗热水澡时，要特别注意清洗外生殖器官，除去阴茎上的污垢，尤其是龟头冠状沟上的垢泥、包皮过长的包皮垢，清除大小阴唇皱褶中的污垢等，以免性交时，将这些脏物带进阴道内。用温热水洗澡还能加速血液循环，对生殖器官产生良性刺激，这对过性生活有好处。没有条件洗温水澡的，也应用一盆温热水清洗外生殖器官。在可能情况下，男女双方都可以往身上如前胸、前额、腋下等部位喷一点香水，香水给人以愉快的感觉，还可以刺激性欲。但喷洒香水时，千万不要喷到生殖器，以免引起生殖器官炎症。　　2.更换内衣裤。　　洗完澡或擦洗完以后，要更换上干净清洁的内衣裤。　　3.刷牙漱口。　　性交前刷牙漱口十分重要，夫妻同床共枕，头靠着头，说悄悄话时，脸对着脸，亲热、接吻时更是嘴对着嘴，如果满嘴臭味，会使对方恶心反感，从而降低性欲。因此，初夜洗澡、洗脸后，一定要刷牙漱口。　　4.将卫生纸或干净毛巾垫在新娘的臀部和阴道口下方。　　初次性交，处女膜破损会流出血液，性交过程中，阴茎抽动时，也可能将阴道内精液、分泌物带出，为了不弄脏床单、褥子，性交前应该用卫生纸或干净毛巾、布等，叠成一个厚厚的小垫子，垫在新娘臀部和阴道口下方。性交中止，即将垫子折叠好拿掉。　　5.准备好卫生纸和干净毛巾。　　性交后用来互相擦拭生殖器，性交后的清洁工作更为重要。性交结束后，男方将阴茎由阴道中抽出时，女方可双手拿着卫生纸，一只手用纸包住刚抽出的阴茎，使阴茎上的粘液不乱流乱滴；另一只手将卫生纸从阴道口的下边捂住阴道口，防止阴道内的粘液流到肛门和臀部，男方可用卫生纸帮助擦拭女方的外阴，这种互相擦拭的做法虽是小事，但在对方心里会产生感激，无疑是对性生活的一种额外补偿，有利于增进感情，如果性交后并不感到疲劳，最好是马上用温水清洗一下生殖器。阴道有自洁自净的功能，因此，性交后，不要用水冲洗阴道，也不要用卫生纸或毛巾往阴道内擦拭，以免损伤阴道内膜，破坏其防御机能。</t>
  </si>
  <si>
    <t xml:space="preserve">函数题设点P(x,y),Q(x1,y1)则关系式x1=x+(根号 </t>
  </si>
  <si>
    <t>设存在这样的直线L:ax+by＝c。直线L上的点(x，y)经过变换后为点(x1，y1)＝(x+√3y，√3x－y)，也在直线L上。所以a(x+√3y)+b(√3x－y)＝c，整理，得：(a+b√3)x+(√3a－b)y＝c。所以a＝a+b√3，b＝√3a－b，得a＝b＝0。矛盾所以这样的直线不存在。</t>
  </si>
  <si>
    <t xml:space="preserve">易方达价值成长套了10%,借的钱。 </t>
  </si>
  <si>
    <t>怎么借钱买基金?以后别这样了</t>
  </si>
  <si>
    <t xml:space="preserve">请帮忙设计家庭理财计划三口之家，老公每月月薪2000，奖金300 </t>
  </si>
  <si>
    <t xml:space="preserve">    首先需要建议您要合理的安排家庭成员的保险，给生活更好的保障。    您家每年的资金收入为22.6万元，当然在您的情况说明中没有给出具体的开支及一些做规划的必要的信息，我只能简单的建议以下，您最好将每年的盈余进行一些投资，    建议您投资于开放式的基金，将资金投资于收益较高的股票型基金，稳健的配置基金，以及风险较低的债券基金或者直接投资于国债，当然也要很好的考虑一下贷款的偿还问题，    鉴于您的资料提供的比较模糊，我只能大致提议下建议，您想做细致的规划的话，可以和我们联系，提供一些必要的资料，以便我们给出更合理的建议。                                                          天恩理财中心  理财师 许慧娜</t>
  </si>
  <si>
    <t xml:space="preserve">男人哭是为什么？如果你在和你男朋友闹别扭，吵着要分手的时候他哭了 </t>
  </si>
  <si>
    <t>我不觉得男人哭。就是很怎么样。就像有人说的那样，他在爱你的时候一定很爱你，不爱你的时候，一定不爱你了。男人哭的时候，一定是感情流露，可是一旦擦干泪，就什么都不是了。</t>
  </si>
  <si>
    <t xml:space="preserve">网上如何选购铁观音 </t>
  </si>
  <si>
    <t>听声：精品茶叶较一般茶叶紧结，叶身沉重，取少量茶叶放入茶壶，可闻“当当”之声，其声清脆为上，声哑者为次。 察色：汤色金黄，浓艳清澈，茶叶冲泡展开后叶底肥厚明亮（铁观音茶叶特征之一叶背外曲），具绸面光泽，此为上，汤色暗红者次之。 闻香：精品铁观音茶汤香味鲜溢，启盖端杯轻闻，其独特香气即芬芳扑鼻，且馥郁持久，令人心醉神怡。 品韵：古人有“未尝甘露味，先闻圣妙香”之妙说。细啜一口，舌根轻转，可感茶汤醇厚甘鲜；缓慢下咽，回甘带密，韵味无穷。我喝这个茶都是在网上一个叫 华仁茗茶 的店里买的，这里的茶是的真的，具体你可以去这里咨询</t>
  </si>
  <si>
    <t xml:space="preserve">花露水能喝死人吗？早上往额头上抹花露水，不小心流嘴里了，吞了，花 </t>
  </si>
  <si>
    <t>嘿.我晕...你能抹多少啊.一点还叫喝啊.我还以为是你把它误当成歪歪全喝了呢.嘿.放心吧,没事的啦.一点点怎么可能会死啊.是吧.</t>
  </si>
  <si>
    <t xml:space="preserve">下列能发生反应的是（）A氯化钠溶液和稀硫酸B氯化钠固体和浓硫酸供? </t>
  </si>
  <si>
    <t>选B D 氯化钠固体和浓硫酸供热发生以下反应NaCl+H2SO4=HCl+NaHSO4 条件:干燥的氯化钠固体与浓硫酸反应,加热硝酸钠固体和浓盐酸,盐酸比硝酸更不稳定,不可能生成,再者即使反应也要加热亚硫酸钠固体和稀硫酸发生以下反应Na2SO3+H2SO4=SO2+H2O+NaSO4 条件:常温,硫酸浓度适中即能反应,加热反应加快</t>
  </si>
  <si>
    <t xml:space="preserve">每个国家"我爱你"的写法是怎么样?不要英语的，要每个国家的文字? </t>
  </si>
  <si>
    <t>我只知道简单的两个:日语:私はあなたを?郅工?韩语:나는 당신을 사랑한다(不知道爱问能不能显示外国文字额).TIP:传答案后才发现,韩语不能显示,郁闷饿``</t>
  </si>
  <si>
    <t xml:space="preserve">汽车怎么看是几厢车？ </t>
  </si>
  <si>
    <t>轿车有后备箱的是三箱没后备箱的是两箱！！！很直观！</t>
  </si>
  <si>
    <t xml:space="preserve">请教！我持有600000目前处在亏损状态,后市如何操作？ </t>
  </si>
  <si>
    <t xml:space="preserve">涨幅已经较大了，可以暂时出来一下。看看大盘和个股的情况再说。 </t>
  </si>
  <si>
    <t xml:space="preserve">哪两种物质混合发生反应后,会迅速产生大量无毒气体?ruti </t>
  </si>
  <si>
    <t>铯和水混合后，会迅速产生大量无毒的氢气，迅速得会爆炸。</t>
  </si>
  <si>
    <t xml:space="preserve">慢性前列腺炎的症状有哪些呢！吃什么药能治疗前列腺炎好前列腺炎呢？ </t>
  </si>
  <si>
    <t>病情分析：您好，慢性前列腺炎临床表现为头晕、眼花、失眠、耳鸣、脱发、视力减退、记忆力衰弱、燥动不安、心神不定、尿频、尿急。缺蛋白锌、蛋白硒、蛋白质会导致前列腺炎的抗病菌能力下降而容易感染病菌，形成前列腺炎。建议指导：建议你多补充含蛋白锌、蛋白硒、蛋白质这三个物质，你可以吃一些育之缘口嚼片补充蛋白锌、蛋白硒和蛋白质，育之缘含有的蛋白锌、蛋白硒和蛋白质是前列腺保健的优质组合，同时日常多喝水，戒烟戒酒，不要熬夜。</t>
  </si>
  <si>
    <t>找首歌的名字？听过的进来</t>
  </si>
  <si>
    <t>歌曲：就是你歌手：韩雪 专辑：飘雪 LRC歌词 HOT• 搜索 "就是你"mp3 • 下载"就是你"铃声打印预览 作词:刘吉宁张鹏作曲:南京右闪烁的星空月色正浓你和我的手紧紧相扣默默眼神交会爱意浓就算流泪也在幸福中我们承诺着一生相守紧握的温存用心保留那一点点温暖的爱串在一起成永远在这一刻我向上天祈求愿日日夜夜也无怨无悔是你就是你我心中唯一的爱我永远爱你我们承诺着要一起走紧握的温存用心保留那一点点温暖的爱串在一起成永远我想你会懂我爱你的心我鼓起勇气说爱你ha...ha...</t>
  </si>
  <si>
    <t xml:space="preserve">说好不做爱,又做了,怎么办?昨天我也问过这个问题,天天做爱是不是 </t>
  </si>
  <si>
    <t>相互体量吧。</t>
  </si>
  <si>
    <t xml:space="preserve">98年世界杯的主题歌！我很喜欢98年的世界杯！哪有那届世界杯主题 </t>
  </si>
  <si>
    <t>百度应该可以找到！《生命的奖杯》the cup of life 这是链接</t>
  </si>
  <si>
    <t xml:space="preserve">PK值从1降到0要多少时间?? </t>
  </si>
  <si>
    <t>1点善恶值需要在线2个小时，然后就会自动消除。</t>
  </si>
  <si>
    <t xml:space="preserve">搬家吉日老公属龙，老婆属虎，大儿子属羊，小儿子属兔。阳台对西南， </t>
  </si>
  <si>
    <t>夫：属龙妻：属虎大儿子：属羊小儿子：属兔阳历2011年7月28日～8月11日除了下面的日子，没有你们可以举行“入宅仪式”（入住）的日子。 阳历2011年7月28日～8月11日你们搬家（入住）的吉日：阳历2011年8月4日或8月8日。1、阳历2011年8月4日，农历（阴历）七月初五（辛卯）日清晨3：00～4：59或7：00～8：59。“入宅仪式”时请生肖属鸡的亲朋好友暂时避开。2、阳历2011年8月8日，农历（阴历）七月初九（乙未）日5：49之后。“入宅仪式”时请生肖属牛的亲朋好友暂时避开。搬家的日子通常是指：举行“入宅仪式”的日子，最好在“入宅仪式”前把所有、家具就定位、床、书、衣服、等杂物（锅、碗…）整理好，封门（把门关好），等“入宅仪式”的吉日开门、上香祭祖、开火（点火）或放鞭炮…等，在当天入住。 “入宅仪式”指，在吉日时： 1、在吉日时，开新宅的门。 2、在吉日时，开新宅的门后，准备好祭祖的所有事宜（布桌与祭品）。 3、准备好祭祖的所有事宜（布桌与祭品）后，上香祭祖,是点香祭祀祖先。 4、点香祭祀祖先后，插好香后，香在燃烧时，就可以在空暇时开炉火和烹饪。“入宅仪式”没严格规定要开炉火和烹饪。 5、香火过二分之一，就可以烧纸钱。 6、烧纸钱后，香还在燃烧时，就可以放鞭炮了。“入宅仪式”没严格规定要放鞭炮。 7、“入宅仪式”礼成（完成）。 恭喜乔迁之喜，祝事事大吉。</t>
  </si>
  <si>
    <t xml:space="preserve">如何使用虚拟光驱我下载镜象游戏,如何使用 </t>
  </si>
  <si>
    <t>你可以打开虚拟光驱 把你的虚拟文件加载到虚拟光驱里就可以了</t>
  </si>
  <si>
    <t xml:space="preserve">生活中的哪些事是我们必需掌握 </t>
  </si>
  <si>
    <t>自理能力，沟通能力，为人处世，道德素质</t>
  </si>
  <si>
    <t xml:space="preserve">大家都管女朋友叫什么？大家都管女朋友叫什么丫！只有两个人知道的名 </t>
  </si>
  <si>
    <t>对象啊！呵呵...</t>
  </si>
  <si>
    <t xml:space="preserve">红糖是什么样的?广州人叫&amp;lt;片糖&amp;gt;的是不是红糖? </t>
  </si>
  <si>
    <t>红片糖就是红糖。红糖为禾本科草本植物甘蔗的茎经压榨取汁炼制而成的赤色结晶体。异名：沙糖、赤沙糖、紫沙糖、片黄糖。有丰富的糖份、矿物质及甘醇酸。</t>
  </si>
  <si>
    <t xml:space="preserve">电脑显示器怎么会自动关机,主机不关有时电脑玩着玩着就突然卡了一下 </t>
  </si>
  <si>
    <t>重启后就能好吗？如果是这样，可能显卡有问题了。当然也不排除显示器本身有故障。</t>
  </si>
  <si>
    <t xml:space="preserve">做情缘对对碰只有45级以上才能拿到珠子吗？我小号不到30级，做了 </t>
  </si>
  <si>
    <t>对,45以上才有珠子,不论男女都有,不过小号40级以后大号都得不到侠义值了</t>
  </si>
  <si>
    <t xml:space="preserve">出国后的爱情还能维持多久？我和我的男朋友是大学同学。从大一下学期 </t>
  </si>
  <si>
    <t>男生出国和女生出国对感情变化影响是不一样的。从以前的很多例子看，男生出去要安全一点，女生出国以后，一般这段感情都会无疾而终。因为在国外太苦，很多女生都最终会寻找一个依靠。我男朋友出国以前，我对这段感情也有疑问，但听说上面的定理之后心理好受多了。他现在出国已经有整8个月了，我们一直相互鼓励，难当然很难，但不能丧失对彼此的信任 。我们不是没看到分手的，但我们看到我们还是在一起。我们当然不能盲目的说一定能坚持下去，但我们从来不怀疑自己，对未来生活的不断讨论和丰富是我们相信对方的方式。总有一些人值得我们去爱，哪怕付出更多！</t>
  </si>
  <si>
    <t xml:space="preserve">光的颜色是哪3种? </t>
  </si>
  <si>
    <t>红 黄 绿</t>
  </si>
  <si>
    <t xml:space="preserve">关于裸婚时代在这个社会，有多少男女真正能够做到裸婚? </t>
  </si>
  <si>
    <t>我想作为一个有责任心的男人 不会让自己的老婆跟自己裸婚的毕竟现在的社会物质需求是必须的</t>
  </si>
  <si>
    <t>请问反丁烯</t>
  </si>
  <si>
    <t>反丁烯-2:CH3      H            \    /             C==C            /    \           H      CH3顺丁烯-2:CH3      CH3            \     /             C===C            /     \           H       H异戊烷:CH3-CH2-CH-CH3               |               CH3正戊烷:CH3-CH2-CH2-CH2-CH3戊烯:CH2=CH-CH2-CH2-CH3(此为正戊烯，具体不知道你问哪类，所以就写了这种)</t>
  </si>
  <si>
    <t xml:space="preserve">所有相性加1，强化失败能消失吗？我有一把80的扇，有个所有相加一 </t>
  </si>
  <si>
    <t>失败后还是所1，这个最好强化的，失败了没损失，强化就带装备和吸了附加属性的成品黑水（超黑）、1块圣水晶、4块8级金色名字的炼化材料（精铁、水铜、麟木、玄石、炎石）。</t>
  </si>
  <si>
    <t xml:space="preserve">高分问些高考问题我是北京重点校的一名学生，不敢说非清华北大不上， </t>
  </si>
  <si>
    <t>曾经高三的我,也是"语不惊人死不休',同样的眼里只有北大清华,目标底线还是现在望而生畏的上海交大.如今我坐在法大的图书馆里,偶然看到依稀中似曾相识的迷茫,感怀又生,如果你不介意,我愿意把回答这个问题当作我临时的责任.重点学校的你，应该知道不能浪费时间，但要提醒自己睡觉决不属于浪费,为了更好的学习你必须睡,这是为高考而休息.关于恐怖的小错误,我深有痛感,OTHERWISE,我早就顺理成章地考入清华,可悲!唏嘘之余,我终于明白为什么尝试了那么多的办法都未能改掉此类错误---我不够冷静.尽管我一直以为自己足够沉着,但想到考试的结果仍难以让心平静,后来败了，于是更不心静.现在我回头看考试,一切云淡风轻,如果早放下顾虑,结果肯定不同.虽然伤心,我有充足的理由去自信,毕竟我凭高中三年最低的成绩考进了政法的大门.你说考一本没悬念,我看了很高兴,因为只要常怀"舍我其谁'之信念,高考就注定会成功.Trust me</t>
  </si>
  <si>
    <t xml:space="preserve">我的2胆都红了是都领到红牌了 </t>
  </si>
  <si>
    <t>拉齐奥的取消了</t>
  </si>
  <si>
    <t xml:space="preserve">是谁杀害了女教师？某中学的女教师小于上午没到学校上课，学校的教务 </t>
  </si>
  <si>
    <t>凶手是小于的男友，如果是学生的哥哥，那么小于会换上整齐的衣服来见客；但是，如果来访者是男友，小于则不在意穿着睡衣开门。</t>
  </si>
  <si>
    <t xml:space="preserve">精锐兵符问题现在精锐兵符没有卖，也没有打。兵不要转了吗？免费区就 </t>
  </si>
  <si>
    <t>我也想问同样的问提~~那位高手指点一下~</t>
  </si>
  <si>
    <t xml:space="preserve">三星x608能使用数据线吗? </t>
  </si>
  <si>
    <t>可以使用的不过要先下一个驱动程序，可以到到 的论坛（bbs.52samsung.com)中去下载。</t>
  </si>
  <si>
    <t xml:space="preserve">和男友是相恋不到一年,昨天他和我说今年过年带我去他家过年.这意味? </t>
  </si>
  <si>
    <t>男孩一般是不会把女孩子带到家里的。他这么做，说明他对你已经认可了，也就是说，他已经确立了你的地位才把你带到家里去见父母的。</t>
  </si>
  <si>
    <t xml:space="preserve">在北京手表专卖店或者大商场手表专柜。买手表可以打到几折？ </t>
  </si>
  <si>
    <t>其实看你要买的品牌了,我老公的欧米珈一块在亨得;利买的当时打的9折,另一快欧米咖在SOGO买的当时收卷(就是不收卷也可以打折).我的劳力士是在明表城买的也打折了,其实北京的高档表店都可以打折的.但是你不主动提出他们是不会主动向你提出的.他们也很势力眼,看人定折扣.但是我告诉你最其马打9.5折没问提.并且要求他们提供免费改表带,清洗的服务.越好的表在北京打的折扣越低.比如江师丹顿.萧帮.百达斐利等世界入留表很少有折扣了.</t>
  </si>
  <si>
    <t xml:space="preserve">关于公司是否必须给员工买保险有什么相关规定没有？请教各位老师：1 </t>
  </si>
  <si>
    <t>1、企业必须为职工缴纳社会。中华人民共和国主席令 第65号 《中华人民共和国劳动合同法》 第十七条 劳动合同应当具备以下条款：(七)社会保险第七十四条 县级以上地方人民政府劳动行政部门依法对下列实施劳动合同制度的情况进行监督检查： (六)用人单位参加各项社会保险和缴纳社会保险费的情况；第七十二条明确规定：用人单位和劳动者必须依法参加社会保险，缴纳社会保险费。《社会保险费征收暂行条例》第三条 基本养老保险费的征缴范围：国有企业、城镇集体企业、外商投资企业、城镇私营企业和其他城镇企业及其职工，实行企业化管理的事业单位及其职工。2、企业不交社保处罚的规定：《中华人民共和国社会保险法》：第八十四条　用人单位不办理社会保险登记的，由社会保险行政部门责令限期改正；逾期不改正的，对用人单位处应缴社会保险费数额一倍以上三倍以下的罚款，对其直接负责的主管人员和其他直接责任人员处五百元以上三千元以下的罚款。第八十六条　用人单位未按时足额缴纳社会保险费的，由社会保险费征收机构责令限期缴纳或者补足，并自欠缴之日起，按日加收万分之五的滞纳金；逾期仍不缴纳的，由有关行政部门处欠缴数额一倍以上三倍以下的罚款。3、不给员工上保险的工资也要做进工资表里。所得税法 第三十四条　企业发生的合理的工资薪金支出，准予扣除。因此，不管是否上保险的工资，都可以税前扣除。</t>
  </si>
  <si>
    <t xml:space="preserve">我的邮票积分哪里去了内容问题发生时间：2005年3月17日详细描 </t>
  </si>
  <si>
    <t xml:space="preserve">您好，大家一样，邮箱积分最近是有点问题，请刷新或者关闭后重新进入试试，还有第二天再看看，还不行，请记住原来的积分数字，直接找客服帮忙解决。前2次出现这样情况时第二天就全部恢复了全国统一客服热线：  咨询邮箱：webcn@ </t>
  </si>
  <si>
    <t xml:space="preserve">在花店买的花有插花泥怎么样啊 </t>
  </si>
  <si>
    <t>在店里购买的鲜花，由于经过从栽培者至零售商一系列处理过程，易于失水。         在买回鲜花后可把这些鲜花淹没在盛水的水槽或水盆中2－3小时以恢复新鲜，然后再插瓶。在浸水之前，应剪去2－3厘米的茎端。有的鲜花（如火鹤花），可每隔5天左右，先剪去茎端2－厘米，再把整个切花浸泡水中约1小时，这样可延长瓶插花寿命。经过浸水处理后，鲜花恢复膨胀压，花茎变硬实，花瓣和花朵重现新鲜态。      而对于已萎蔫的切花，特别是具有硬实、木质花茎的鲜花（如月季、菊花、非洲菊），可置于烫水中处理60秒钟，以恢复新鲜。为了防止烫水的蒸汽和热量伤害鲜花上部的叶片和花朵，可用硬纸版或其他材料隔开或用塑料袋套住花头以防热气伤害。          对于一些花茎截面流出汁液或无色液体的鲜花（如一品红），可用开水烫其茎端或用火焰烧灼茎端，以阻止汁液流出。 一些鲜花可在水下再剪截，以防止空气进入花茎的导管，阻碍水分吸收。水下剪截受益的鲜花包括香石竹、菊花、雏菊、万寿菊、月季、金鱼草、睡莲等。 花瓶中的水应浅一些，以3－10厘米深为宜，这可以减少茎的腐烂。每隔1－2天，应再剪截一次，长度约2－3厘米，同时花瓶水应用新鲜水置换，水温最好等同室温。把花瓶或插花置于室内较冷凉位置，远离炉子、烘箱、散热器和其他发热装置，可以延长瓶插寿命。鲜花不能忍耐直射阳光，因此应避开过强的光线。散射光和弱光有利于花蕾发育，保持叶片新鲜。在空气湿度较高时，鲜花保持新鲜状态时间会更长。在炎热的天气或温度较高的屋内，应常向花朵喷雾，在其周围形成一个潮湿的空气。不要把花置于室内通风口或空气流动快的地方，否则会加速鲜花失水和萎蔫。</t>
  </si>
  <si>
    <t xml:space="preserve">polo和世嘉以及标致307哪个好？我想买一辆1.6自动档的车， </t>
  </si>
  <si>
    <t>分类：POLO和锋范是一个级别的代步车。不过Pl更受欢迎的是保值性、安全性、扎实的底盘等设计，但是外观和内饰过于中庸、发动机虽然稳定但是技术陈旧；锋范的设计主要是空间、质量稳定性、油耗低著称。看您在乎的是哪个了；世嘉和307是SPA一个集团的平台产物，有很大的通用性。但是从国内的销售来看，时尚运动的世嘉三厢一个月销量超万台还是明显受欢迎的。单单从发动机、变速箱、底盘差别不大的。但是个人认为世嘉更加时尚讨好大众的喜欢，307好像是老了一代，如果要比较标致看看308的大拉皮408吧</t>
  </si>
  <si>
    <t xml:space="preserve">求《功夫熊猫》里一句经典的英文台词。求《功夫熊猫》里一句经典的英 </t>
  </si>
  <si>
    <t xml:space="preserve">原文应该是Your mind is like this water, my friend , when it is agitated ,it becomes difficult to see ,but if you allow it to settle , the answer becomes clear. </t>
  </si>
  <si>
    <t xml:space="preserve">我客户端下载了，提示账号注册成功，现在进去怎么提示账号错误啊我客 </t>
  </si>
  <si>
    <t>每下一个客户端只能认正一次，看看是不是你输入的密码错误！你申请的密码和登陆的不一致！</t>
  </si>
  <si>
    <t xml:space="preserve">请问下大家,普力用的武器究竟是会心好还是致命好?在镶皇帝的情况下? </t>
  </si>
  <si>
    <t>致命是增加打怪的力度！会心出现几率无视对手任何防御！</t>
  </si>
  <si>
    <t xml:space="preserve">问几个数学题1设F(X,Y)=(E^x)(arctan(x+y) </t>
  </si>
  <si>
    <t>1设F(X,Y)=(e^x)(arctan(x+y))则，F'（0,1）= 解：F'x=e^x{arctan(x+y)+1/[1+(x+y)^2]},F'y=e^x/[1+(x+y)^2],∴F'x(0,1)=arctan1+1/2=π/4+1/2.F'y(0,1)=1/2.2设Z=（e^x）（sin(x+y)）则dz|（0，π）= 解：dz=e^x[1+cos(x+y)]dx+e^x*cos(x+y)dy,∴dz|(0,π)=(1+cosπ)dx+cosπdy=-dy.</t>
  </si>
  <si>
    <t xml:space="preserve">男人打老婆对不对我的脾气有时候不好，有时候我的老婆惹我生气了，我 </t>
  </si>
  <si>
    <t>这是不对的！既然你打了她，她都不回，这是为什么呢！因为他深爱着你！都是为你着！做不可以这样的！有这么好的女人在身边都不懂的爱惜！你说的过去吗？而且人的耐力是有限!有些是一发不可收的！</t>
  </si>
  <si>
    <t xml:space="preserve">游戏无法顺利进行，请高手帮忙解释！登陆时跳出，确定后正常进入游戏 </t>
  </si>
  <si>
    <t>可能是内存不够 或者是显卡内存不够,就是这个问题,,,,</t>
  </si>
  <si>
    <t xml:space="preserve">[阿谜]请猜字一：一点大，三点小。 </t>
  </si>
  <si>
    <t>添 ******</t>
  </si>
  <si>
    <t xml:space="preserve">谁有金山毒霸2009通行证能用的 </t>
  </si>
  <si>
    <t>发你邮箱里了</t>
  </si>
  <si>
    <t xml:space="preserve">电脑启动找不到硬盘我的电脑总是找不到硬盘，把硬盘安到别的机子上做 </t>
  </si>
  <si>
    <t xml:space="preserve">  硬盘没有坏，数据线也没有问题。是你的BIOS设置有问题，你可以找人排除一下。楼上的方法可以试下，不行的话你就换个好的硬盘看能不能进去，能进去的话。那就是硬盘的问题了。</t>
  </si>
  <si>
    <t xml:space="preserve">CO易燃吗？其易燃程度是H的多少倍？ </t>
  </si>
  <si>
    <t>CO易燃烧生成CO2</t>
  </si>
  <si>
    <t xml:space="preserve">600030中信证券是否可以做中长线？目标价是多少？ </t>
  </si>
  <si>
    <t>当然可以做长线！拭目以待。</t>
  </si>
  <si>
    <t xml:space="preserve">初三物理:探究滑轮使用特点时,将弹簧测力计倒立使用会比正立使用读? </t>
  </si>
  <si>
    <t xml:space="preserve">将弹簧测力计倒过来使用，这样做理由：（1）实验时让弹簧的挂钩钩住细线，用手指钩住圆环，学生在操作弹簧测力计时既方便又安全，避免让钩尖划破手指。（2）弹簧测力计的重力没有体现在示数上，此时的示数正好等于钩码重力的大小，根据G钩L1=（G弹+F）L2，得出“定滑轮是等臂杠杆，不省力，可以改变力的方向”的实验结论。 可能有人会这样认为：倒过来使用弹簧测力计，测力计起点就不在零刻线上了，这样会造成示数偏大。经过实验，由于测力计中弹簧的质量较小、弹簧有一定的长度，整根弹簧是均匀形变，弹簧测力计挂钩朝上时零刻度的偏差很小，这样使用造成的实验误差比原方法造成的误差要小得多。弹簧测力计中的弹簧越轻误差越小，实验越成功。 </t>
  </si>
  <si>
    <t xml:space="preserve">碳酸氢钠溶液中氢离子与碳酸根离子浓度谁大谁小？ </t>
  </si>
  <si>
    <t>氢离子的浓度大于碳酸根离子的浓度。每个碳酸氢根离子电离出一个碳酸根离子的同时，电离出一个氢离子。除此之外，氢离子还有水电离出来的，所以氢离子的浓度大于碳酸根离子的浓度。</t>
  </si>
  <si>
    <t xml:space="preserve">我的论文题目是全球化背景下国际贸易中的劳工壁垒研究一点思路都没有? </t>
  </si>
  <si>
    <t xml:space="preserve"> 题目太大，手头上没有资料，只能间接给你参考一。劳工的输出以及劳工壁垒的形成。1.邻国间的劳工壁垒2.技术上的劳工壁垒。二。劳工壁垒对发达国家的影响以及对发展中国家影响。三，解决劳工壁垒的策略。。。。。。。。。。</t>
  </si>
  <si>
    <t xml:space="preserve">R5的甲刀值多少钱我有一把甲刀R5的49G5G2F3W改了5次值 </t>
  </si>
  <si>
    <t>要看你是不是全满 刻印是什么 要是真改出一特也就六七十万吧 我朋友一百买的52G的甲刀</t>
  </si>
  <si>
    <t xml:space="preserve">完美世界里浴火村的凤凰在哪,有坐标吗? </t>
  </si>
  <si>
    <t>170-778看看</t>
  </si>
  <si>
    <t xml:space="preserve">C盘应划分多少空间合适？160G的硬盘，划分成几个盘比较好？ </t>
  </si>
  <si>
    <t>分为四个盘好，一〔ｃ〕：４０GB，文件系统：NTFS二〔ｄ〕：３５GB，文件系统：FAT32三〔ｅ〕：４０GB，文件系统：FAT32四〔ｆ〕：４５GB，文件系统：FAT16/32</t>
  </si>
  <si>
    <t xml:space="preserve">关于洗点符请问下业内人士~~有没有卧底能透露一下诛仙的全洗技能点 </t>
  </si>
  <si>
    <t xml:space="preserve">诛仙目前没有洗全部技能点的东西 这是目前只在公测中的游戏 功能会逐步开放 道具也会越来越多 以后也许会有的 诛仙天帝宝库使用指南（洗点符） 天帝宝库，物品琳琅满目。相信很多玩家从中体会到了不少的方便与快捷。为了方便玩家在游戏中更好的使用天帝宝库中的物品，下面我们对一些热销物品和特殊物品做特别介绍： 洗点符： 能够重置当前修真等级技能点的神奇物品。例如：修真者现在是二重，使用洗点符后将会重置二重技能点，玩家可以进行重新分配这些点数。 </t>
  </si>
  <si>
    <t xml:space="preserve">我的JJ怎么了？！不知道为什么我的jj龟头的边缘有一些细小的毛刺 </t>
  </si>
  <si>
    <t>是不是在龟头的最下缘,也就是冠状沟的位置,沿着龟头的下缘有一圈排列着的小小的肉粒,平时不痛不痒,没有任何感觉,存在时间也蛮久了,一直没有什么变化?如果是这样的话,那就应该是阴茎珍珠状丘疹,是很多男孩子都有的,所以你不用担心,它没有什么问题的,不会有任何影响,也不需要做治疗,但是如果你实在觉得看着它不舒服的话,可以去医院实施激光术,不过我觉得没必要,一是你要承受手术的痛苦,虽然上了麻药不算是特别痛,再有一点的话就是任何手术都多多少少有点风险的,害怕留下什么疤痕之类的.</t>
  </si>
  <si>
    <t xml:space="preserve">10至15万之间，买辆什么车最省油呢？外观要漂亮点的。 </t>
  </si>
  <si>
    <t>这个价格内比较热门的车型有新速腾，卡罗拉，新福克斯。首先油耗都还不错，相差不大，不过影响油耗的表现还是取决于自己的驾驶风格，路况等等一系列因素。谈到外观漂亮点的，我觉得新福克斯会是一个不错的选择，外观比较时尚动感。</t>
  </si>
  <si>
    <t xml:space="preserve">请大家谈谈你曾经或是现在最喜欢的一个人，为什么？他可以是一个小说 </t>
  </si>
  <si>
    <t>我最喜欢是我自己,因为如果自己都不喜欢自己就不会懂得去喜欢别人,你说对吗?</t>
  </si>
  <si>
    <t xml:space="preserve">仙3的象蜘蛛网的机关怎么开！每个迷宫都有一两个这样的机关我不到怎 </t>
  </si>
  <si>
    <t xml:space="preserve">在蓬莱迷宫下层中换成紫萱带队，即可以打开蛊阵机关每个人只能打开特定的机关，在迷宫中按 TAB 键可以变换带队人物石门，用景天。毒瘴，用学见。大石，用龙葵。蛊阵，用紫萱。木桩，用长卿。重量机关，上面有数字，够了那个数字才可以打开机关PS:蓬莱御剑堂外的角落里可找到天香续命露，请保留至德阳——支线任务中需要 </t>
  </si>
  <si>
    <t xml:space="preserve">怎样才能使乙肝病好！急用！ </t>
  </si>
  <si>
    <t>有效治疗的目标是：①抑制病毒复制和清除病毒；②减轻症状；③减轻炎症，改善肝功能；④预防进展为肝硬化和肝细胞癌；⑤提高病人的生存率。目前有很多治疗慢性乙型肝炎的方法，包括抗病毒药、免疫调节、细胞因子、抗纤维化、反义寡核苷酸、核酶等。治疗有效的定义为，用非PCR技术检测，HBV DNA从血中持久清除，HBeAg阴转、出现抗HBe，ALT值降至正常。当感染由复制期转为整合期时，通常的结局是缓解而非治愈。在美国，干扰素和拉米夫定是目前唯一批准用于治疗乙肝的药物。 干扰素 最近一项15个研究的荟萃分析，评价了干扰素的疗效。与未治疗的对照组相比，HBsAg阴转率高6％，HBeAg阴转率高21％。HBV DNA阴转率为20％(检测阈为1.5～30.0pg/ml或50～100万拷贝/ml)。如用PCR检测，则HBV DNA阴转率将降低。干扰素每日5MU或10MU每周3次或隔日1次是较好的治疗方案。治疗有效的预测因子是治疗前病毒负荷量低(HBV DNA&lt;100pg/ml或&lt;3300万拷贝/ml)、ALT高(大于正常上限的3倍)、肝脏有活动性坏死性炎症(包括胞浆HBcAg阳性)和HIV阴性。 大剂量干扰素比小剂量更有效，但副作用也增加。治疗6个月不比3个月更有效，尽管干扰素治疗4或6个月，HBsAg阴转率显著增高。女性疗效比男性好，中国病人有效率较低。在肝硬化病人中，病情较严重者(Child－Pugh B或C级者)疗效差。 核苷与核苷酸类似物 包括拉米夫定、泛昔洛韦、阿地福韦、dipivoxil和洛布卡韦。它们可抑制HBV DNA的复制。在大规模、随机、对照临床试验中，病人口服拉米夫定100mg/日，共12个月，有16％～32％的患者HBeAg阴转，HBV DNA减少至&lt;1.5pg/ml或&lt;50万拷贝/ml，而对照组的有效率仅为6％。大多数病人的肝组织学有改善。6～18个月的持久有效率&gt;80％。如延长拉米夫定治疗时间(&gt;6个月)，有15％～30％的病人HBV YMDD位点出现突变，这导致拉米夫定疗效下降。对拉米夫定有效的最好预测因子是基线ALT水平高于正常值上限两倍，而ALT正常患者的疗效并不比对照组好。HBV DNA水平不是HBeAg阴转的预测因子，治疗20周内病人HBV DNA降至1万拷贝/ml以下者，有效的可能性较大。最佳剂量为100mg/日，尽管较大剂量(300mg/日)可使HBV DNA下降更快，但是治疗3～6个月后，HBV DNA清除率和HBeAg阴转率相似。一项亚洲的研究显示，延长拉米夫定的疗程至3年，可使HBeAg阴转率升至65％。 联合治疗 在近期的一些研究中，干扰素(10MU)每周3次，共16周，加拉米夫定每日100mg，24周，有效率达29％；与之相比，单用一种药的有效率为18％～19％，但差异无统计学显著性。 反义寡脱氧核苷酸和核酶 反义寡脱氧核苷酸通过在HBV DNA的正反义两链之间形成杂交，而阻断基因的表达。在最近一项研究中，反义寡脱氧核苷酸使Pekin鸭DHBV的复制与基因表达受到长期抑制。核酶代表抑制病毒复制的另一种分子机制，它们是反义寡脱氧核苷酸催化剂，后者能在特定位点切割RNA。 免疫调节 急性HBV感染的临床转归依赖于宿主抗病毒反应的质量和强度，确切地说，感染肝细胞内的HBV可能是被细胞毒性T淋巴细胞(CTL)清除的，其可能机制为：①抗原活化CTL直接杀死HBV，并导致感染肝细胞破坏；②CTL分泌细胞因子(IFN－γ和TNF－α)通过非细胞溶解方式清除HBV导致病毒破坏(不破坏肝细胞)，通过抑制病毒复制和基因表达清除大量肝细胞内的HBV。耐受是病毒特异性的而非普遍的免疫抑制。许多实验研究提示CD8＋、MHC Ⅰ型CTL能从感染的细胞中清除病毒。因此，可用T细胞HBeAg抗原决定簇疫苗治疗慢性HBV感染者。 胸腺素α－1可增加内源性IFN－α和γ水平，同时也增高IL－2，它还可增加IL－2受体的表达，增强CD3、CD4、CD8和NK细胞的增殖与活性。在感染HBV的鸭肝细胞，胸腺素α－1似乎可减少病毒的复制，特别在病毒蛋白表达水平。其安全性很好，但需皮下注射。综合4项研究结果表明，183例患者治疗6个月(1.6mg每周2次)后36％的病人HBeAg和HBV DNA转阴，ALT降至正常。相比之下，111例未治疗对照组病人仅19％的病人有效。 慎重就医选药 目前国内外治疗肝炎，在药物的选择方面，大全上包括三个方面，：（1）抗病毒方面的药物；（2）免疫调节剂：（3）促进肝细胞修复再生的药物。 治疗病毒性肝炎的药物种类品种繁多，估计全国用于治疗肝炎的药物（包括护肝药、抗病毒药和调节免疫功能的药物）可达七百余种。在保护肝功能，阻止肝细胞进一步坏死的治疗药物，进展还是比较显著的。如重症肝炎的病死率，在60-70年代高达80%，而在80-90年代的病死率已降至40%左右，说明在阻止肝细胞坏死，促进肝细胞再生的措施大大向前迈进了一步，但至今尚无一种能根治病毒性肝炎的特效药物。然而各种媒体对肝炎治疗的宣传言过其实，说什么"肝炎可以根治"，"**药物对肝炎疗效最佳"等违反规律，语言荒诞离奇的广告宣传屡见不鲜，诸如自称是"转阴王"，"肝炎克星"，"乙肝难关已被突破"，"大三阳全部转阴"，"解决了我国亿万肝炎患者的燃眉之急"等。 近来，有不少的肝炎专家呼吁，要有正确的媒体宣传，不要误导病人上当受骗。并指出，乙肝的治疗目的不是各种病毒标志物阴转，而是阻止肝炎向慢性化及纤维化发展。目前还没有一种"神药"消灭乙肝病毒传播，也没有规定将乙肝病毒标记转阴作为疗效标准。上面讲过，病毒肝炎，特别是慢性肝炎的治疗药物虽然很多，但至今尚无一种药物能根治乙肝病毒。基于这一原因，笔者认为，凡乙肝"大三阳"、"小三阳"、"1.5阳"者或有的伴有轻度转氨酶升高，以及丙肝转氨酶轻度升高患者，不要到处求那些"转阴王"之类的人物。我们的对策是：要把着眼点放在基础治疗上，即适当的休息，保持乐观的情绪，合理的饮食，补充足够的营养，选择适当的保健食品，对保护肝功能，阻止肝炎的慢性化及纤维化上有非常良好的作用。对于那些较重的肝炎患者，最好能住院进行系统治疗</t>
  </si>
  <si>
    <t xml:space="preserve">请问米的妈妈、爸爸、外婆是谁？ </t>
  </si>
  <si>
    <t>米的妈妈是花,因为花生米.米的爸爸是绿叶。因为红花配绿叶。米的外婆是妙笔,因为妙笔生花</t>
  </si>
  <si>
    <t xml:space="preserve">24天宝宝一到晚上就哭闹是不是肠绞痛？女宝，24天，纯母乳，大便 </t>
  </si>
  <si>
    <t>宝宝晚上就哭闹，应找原因。现在还没有满月，不像是肠绞痛。有湿疹，可洗澡。不用洗涤剂或热水洗，可用温水清洗。应把孩子手指甲剪短，睡觉时带手套，不让爪破患处。</t>
  </si>
  <si>
    <t xml:space="preserve">太阳能电动车太阳能电动自行车在车身前后各装了3片太阳能电磁板叶片 </t>
  </si>
  <si>
    <t>新华社报道：6月12日，74岁的徐志清老人向人们介绍他自己制作的电动自行车的太阳能电源。当日，在杭州举办的节能产品与成果展上，杭州市民徐志清将自己制作的一辆利用太阳能为蓄电池充电的电动自行车骑到了现场，引起了人们的关注。据测定，车顶这块面积约0.6平方米的太阳能电池板在太阳下晒4小时为蓄电池充电后，该车可行驶约30公里，电池板本身还可为骑车人遮挡烈日。</t>
  </si>
  <si>
    <t xml:space="preserve">赫拉的产品怎么样，用过的朋友多吗? </t>
  </si>
  <si>
    <t>真的是的，很多化妆品品牌的，我看到办公室里一同事刚买的赫拉隔离霜，还是澳洲的品牌呢，很清爽的感觉，萃取天然草本植物精华，双十二到了天猫旗舰店里还有优惠活动的哦。</t>
  </si>
  <si>
    <t xml:space="preserve">让我烦恼的小疙瘩我的女儿两个多月，最近脸上身上起了很多的小疙瘩， </t>
  </si>
  <si>
    <t xml:space="preserve">    有可能是幼年性黄色肉芽肿.它属于痣性疾病，见于儿童，可望自然吸收而愈。 本病若采用各种治疗方法，不要采用损伤性治疗，以免治愈后留下疤痕。而自愈吸收后不会留下痕迹。 　　    临床症状：本病多见于婴幼儿。生后数月开始在头、、面、躯干有散在少数或多发之淡红黄色或棕色小疣。一般为绿豆或黄豆粒大，一批一批发生，有的在吸收好转，有的为新发，呈稍柔软的黄色瘤样，可散在一个一个分布，也可以是数个群体性分布，虽为黄色瘤样，但为肉芽肿改变。病人可以伴有骨骼、心脏、睾丸、眼球等内脏受累。   </t>
  </si>
  <si>
    <t xml:space="preserve">收件箱打不开我现在只能登陆进入邮箱,但是未读邮件,收件夹等打不开 </t>
  </si>
  <si>
    <t>你退出，再试一试</t>
  </si>
  <si>
    <t xml:space="preserve">现在七星区太上老君帐多少钱可了收到27伤害的,如题,令27伤害的? </t>
  </si>
  <si>
    <t>27S2Q太上老君不加持就卖20P+　如果你收的话大部分都是加过持的2手货，楼上说的对：是在25―30P之间。+8以上的更贵了！！！</t>
  </si>
  <si>
    <t xml:space="preserve">一键恢复怎么没有了，我的电脑装有还原精灵的，以前系统不好用时，就 </t>
  </si>
  <si>
    <t xml:space="preserve">下载： 一键GHOST简介： 　　一键GHOST是"DOS之家"首创的4种版本(硬盘版/光盘版/优盘版/软盘版)同步发布的启动盘,适应各种用户需要,既可独立使用,又能相互配合.主要功能包括:一键备份C盘;一键恢复C盘;中文向导;GHOST8.3.　　一键GHOST,高智能的GHOST,只需按一下"K"键,就能实现全自动无人值守操作,让你一爽到底! v8.3 Build 061201* 硬盘版/光盘版/优盘版/软盘版4个版本同步发布.* 修正了一个关于C_PAN*.GHS的BUG.* 修正了一些BUG.v8.3 Build 061001* 硬盘版/光盘版/优盘版/软盘版4个版本同步发布.* 增强光盘版启动的兼容性.v8.3 Build 060903* 硬盘版/光盘版/优盘版/软盘版4个版本同步发布.* 修正了部分电脑一键恢复时出现11080错误的BUG.v8.3 Build 060820* 硬盘版/光盘版/优盘版/软盘版4个版本同步发布.* 增加MBR备份/恢复/清除向导到DOS工具箱.* 支持DELL笔记本等品牌机首分区隐藏的特殊情况.v8.3 Build 060808* 硬盘版/光盘版/优盘版/软盘版4个版本同步发布.* 修正DISKGEN在部分电脑运行死机的BUG.* 增加了DOS下关机的快捷方式(S回车).v8.3 Build 060728* 硬盘版/光盘版/优盘版/软盘版4个版本同步发布.* 修正0719A在部分电脑无法一键恢复的BUG.* 修正备份向导产生的GHS文件未加隐藏属性的BUG.v8.3 Build 060716* 硬盘版/光盘版/优盘版/软盘版4个版本同步发布.* 修正一键备份C盘时出现错误622的BUG.* 设置c:\boot为简单隐藏属性,防止一般性误删.v8.3 Build 060712* 硬盘版/光盘版/优盘版/软盘版4个版本同步发布.* 修正了部分NTFS用户07XX版以来无法正常使用一键的BUG.* 屏蔽UMBPCI,避免个别电脑启动失败.v8.3 Build 060705* 硬盘版/光盘版/优盘版/软盘版4个版本同步发布.* 取消对光盘:\C_PAN.GHO自动识别功能(仍可手动).* ★★旧版用户注意:为提高映像文件的安全性,新版一键备份C盘的映像保存位置发生了改变: 最后一个分区:\~1(特殊的隐藏文件夹,资源管理器不可见,即便打开"显示所有文件"选项也不可见,从而很大程度上避免了误删除.),另外,不再兼容旧版映像,也就是说,安装新版后必须执行一次一键备份C盘,否则无法使用一键恢复C盘功能. (如果最后一个分区剩余空间不足,请手动将旧版映像删除或移动至其它分区.),更多请参看帮助文档-&gt;技术支持-&gt;常见问题FAQ </t>
  </si>
  <si>
    <t xml:space="preserve">现在冲点1500能开包箱吗？如上急送5星100分 </t>
  </si>
  <si>
    <t>能。现在冲1500点。马上就可以开宝箱了。祝贺LZ开个自己想要的SEX。我看到有开到大散，空气。四读的。</t>
  </si>
  <si>
    <t xml:space="preserve">技师是蓝领还是白领？技师到底属于蓝领还是白领？ </t>
  </si>
  <si>
    <t xml:space="preserve">    我认为，应该属于灰领。    灰领：泛指知识密集型的生产部门，形成白领蓝领之外的，既能动脑又能动手的另一类专才。    技师一般都是不但能动手，而且能动脑的人物。传统的白领指的是只动脑不动手的人，蓝领是只动手不动脑的。不过随着世界的不断发展，他们的界限也越来越模糊了……</t>
  </si>
  <si>
    <t xml:space="preserve">大家推荐款耐用的U盘吧传输速度无所谓，是USB2.0就行。外形也 </t>
  </si>
  <si>
    <t xml:space="preserve">太多了，纽曼、爱国者、朗科、微星、台电、KingMax、Kingston……等等。我用奥美佳的1G，已经一年多了，很耐用，兼容性也好。之前用的是纽曼的128M，用了快两年，最后在网吧丢了……至于楼上说的网盘，那必须上网才能用的，而且速度太受限制，是不可能完全代替U盘的。不是每只鸟儿都能飞，不是每台电脑都连网……补充：可以参考一下这条信息： </t>
  </si>
  <si>
    <t xml:space="preserve">我下颌成年累月长座舱想起去华山医院看皮肤科我现在是50岁的年纪了 </t>
  </si>
  <si>
    <t>你这脸可是块老沼泽了.你那是不是,年轻的时候,喜欢拔胡子玩,要真是这样,换医院吧.</t>
  </si>
  <si>
    <t xml:space="preserve">90年流行的一首粤语歌曲？我想知道歌曲名子，我只知道那首歌的曲谱 </t>
  </si>
  <si>
    <t>歌曲：凭着爱（《再回首》的粤语版）歌手：苏芮 专辑：凭着爱  曲:卢冠廷 词:潘伟源曾踏遍刺脚的弯路疲倦了谁来倾诉遇过几多痴情怎会不知道但我深知总有一日定会找得到更好凭着爱我信有出路凭着爱情怀不老在这一刻跟你终于可拥抱就算始终失意倒运人生已再没苦恼曾在这高高低低弯弯曲曲中跌倒才骤觉开开心心简简单单已极好最美丽仍然是爱带泪赏仍然是好未惧怕一生的波折拌到老凭着爱我信有出路凭着爱情怀不老在这一刻跟你终于可拥抱就算始终失意倒运人生已再没苦恼曾在这高高低低弯弯曲曲中跌倒才骤觉开开心心简简单单已极好最美丽仍然是爱带泪赏仍然是好未惧怕一生的波折拌到老曾在这高高低低弯弯曲曲中跌倒才骤觉开开心心简简单单已极好最美丽仍然是爱带泪赏仍然是好未惧怕一生的波折拌到老凭着爱只管一生磨练到老</t>
  </si>
  <si>
    <t xml:space="preserve">58期足彩单，各位点评一下下巴　萨切尔西10索非亚不来梅0拜　仁 </t>
  </si>
  <si>
    <t>不错的单,有钱在第四场补一下.</t>
  </si>
  <si>
    <t xml:space="preserve">请问汤先生您自己有车吗？您应该知道“己所不欲勿施于人吧？ </t>
  </si>
  <si>
    <t>lengxiekuanglong:你好！ 你问的这个问题非常尖锐，但确实很好！估计你是看了我的博文《中国汽车增长将是一场新的灾难！》和《强烈呼吁国家改变汽车发展政策》，才提的这个问题，从你责问“您应该知道‘己所不欲勿施于人'吧？”，我能感觉到你的愤怒。 先看你的第一个提问，如果我回答有，你会说：那你不也是制造灾难的一部分吗？如果我回答没有，下面那句话“您应该知道‘己所不欲勿施于人'吧？” 马寅初提出中国应该控制人口，有人问：你有孩子吗？好像马寅初如果有孩子，就不能呼吁中国应该控制人口。 如果有人呼吁中国人应该节省水资源、应该节省能源，有人问：你用水用电吗？ 亲爱的lengxiekuanglong：我不知我怎么回答你的问题。 欢迎常交流，祝好！</t>
  </si>
  <si>
    <t xml:space="preserve">请问云台山和绵山哪个好玩?有何不同? </t>
  </si>
  <si>
    <t>终于让我等到了.还是云台山好玩一些,都是些真山真水,绵山有许多景点都是人为造的,杜撰一个故事,尤其在水涛沟里. 不过,介子推的典故还是不错.云台山上的山水花草都不错.建议你要去清天河,我们跟团去的,就没让去.</t>
  </si>
  <si>
    <t xml:space="preserve">在比特率相同的情况下，mp3和wma哪个音质好?为什么？他们的原? </t>
  </si>
  <si>
    <t>是wma好。微软推出的wma格式文件对mp3和ra有着很大的挑战，mp3是通过有损压缩实现体积减小的，而wma采用的是媒体流播放，从而大大减小体积（比mp3还小）既而可以在网上实时播放，比mp3更快，效果更好。并不是说体积越大音质就越好，wma对于mp3来说是一种技术的革新，要优于mp3。这就是为什么在WindowsME以前的Windows98不下载补丁的话只支持mp3而不支持wma，而WindowsMe和以后的产品不用下载补丁都支持wma。</t>
  </si>
  <si>
    <t xml:space="preserve">怎样在网上查找某一动物(植物)的资料?如果在野外,看到某一个从没 </t>
  </si>
  <si>
    <t>把这个物种的照片拍下来，拍清晰些并从从多角度拍。然后将照片发到专业的网上进行求助。有很多热心的网友会帮助你解答。像新浪的爱问里面就有这一栏，你如果发上来的话肯定会有人帮你的。</t>
  </si>
  <si>
    <t xml:space="preserve">大家新年好！东西领到了吧？大家新年宝盒领到了吧？都有些什么东西啊 </t>
  </si>
  <si>
    <t>10W金比，还有1个号是附身一次</t>
  </si>
  <si>
    <t xml:space="preserve">研发智能机器人都会用到哪些语言？ </t>
  </si>
  <si>
    <t>用得最多的应该是汇编和Ｃ语言，那些非与或门什么的，我看过一本日本鬼写的＜智能机器人基础＞，智能机器人是电子和计算机技术的结合体！</t>
  </si>
  <si>
    <t>[1]切尔西2</t>
  </si>
  <si>
    <t>必胜客  大家吃了吗？？？</t>
  </si>
  <si>
    <t xml:space="preserve">新手任务商城演示道具在哪如题 </t>
  </si>
  <si>
    <t>在商城里可以买到。点屏幕下方最右边的那个按钮就能进入商城了。</t>
  </si>
  <si>
    <t xml:space="preserve">数码照片要洗6寸，怎么裁减拍照用的是2048*1536的比例，每 </t>
  </si>
  <si>
    <t xml:space="preserve">6寸相片也叫4R 规格竖画面的是：４(宽)x６(高)英寸 用厘米做单位是：10.16 x 15.24 ！    横画布的是：６(宽)x４(高)英寸 用厘米做单位是：15.24 x 10.16 ！ </t>
  </si>
  <si>
    <t xml:space="preserve">我这月来两次月经是怎么回事啊 </t>
  </si>
  <si>
    <t>病情分析：一个月来两次，月经不调的症状。要及时到医院检查，对症下药。你月经期要保持情绪稳定,精神愉快,不因经期的不适而惹起烦恼,激怒等情绪波动.经期要注意保暖,避免寒冷刺激,注意营养,多饮水,不宜吃酸,辣等刺激性食物,以减少盆腔充血,保持大便通畅.经期还要注意休息,保证充足睡眠.希望能帮到你！</t>
  </si>
  <si>
    <t xml:space="preserve">关于婚姻家庭计划生育的论文 </t>
  </si>
  <si>
    <t xml:space="preserve">中国婚姻家庭状况的变化 婚姻法的热点论文题目 婚姻法与生活的论文材料 有关婚姻法的论文 关于婚姻法类的书籍在线看的那种写论文用 </t>
  </si>
  <si>
    <t xml:space="preserve">房产继承过户手续问题我是独生女，父亲于2003年11月去世，留下 </t>
  </si>
  <si>
    <t>我是独生女，父亲于2003年11月去世，留下一套房，当时我还未结婚。05年我结婚后一直和我母亲、我老公一同居住在此房里。 从我父亲去世后到现在有快6年了，我也没办理他的户口销户手续，户口本上他仍是“户主”，房产证上也还是他的名字，水电费单子上也是我父亲的名字。 请问我这样拖着不办理父亲的销户手续和房产继承过户手续，是不是有什么不妥呢？要是现在想办理，该怎么办理啊？需要准备什么东西？需要多少钱办呢？听说可能要交什么税？那个税是根据房子的现在价值评估吗？因为我父亲去世时房子不过价值5、6万左右，可过6年了现在肯定升了不少了。是不是越趁早越好呢？··是的，越早越好。因为物价上升，收费依据价格。    看来，你和母亲是继承人，应当去公证处办理继承权公证，然后去房管局过户。房产属于你父母共有，一人一半。 你父亲的那一半是遗产，由你和母亲共同继承。如果我想把房子直接过户到我儿子头上，省得以后重复过户多花钱行吗？究竟怎样做才能省钱呢？··可以办到。    公证可以先继承，再赠与。 你和母亲把自己的房产份额赠与给你儿子就可以了，可以一步到位。但，公证费、过户费有所增加。 长远看，还是上策。</t>
  </si>
  <si>
    <t xml:space="preserve">怎样才能精力旺盛？ </t>
  </si>
  <si>
    <t>吃好睡好身体好</t>
  </si>
  <si>
    <t xml:space="preserve">人工流产手术后吃什么吃什么最好？ </t>
  </si>
  <si>
    <t>人工流产手术后要加强营养，摄入足量的蛋白质，增加机体对疾病的抵抗力，促进身体器官的早日修复。在子宫内膜修复的过程内，要特别注意保持清洁卫生，引产后半月内不要盆浴，以免不洁水进入，导致细菌侵袭，引起感染。流产后吃什么好？主要选择补充蛋白质和维生素的营养补品，像深圳有个添美生牌子的就是专门这方面的，可以直接打电话或者上他们网站咨询购买。</t>
  </si>
  <si>
    <t xml:space="preserve">我的钱存起来了，可去拿是点人出了这个问题：我没有设过密码点到了第 </t>
  </si>
  <si>
    <t>你打开你的包裹栏 那里面有个高级选项..打开之后你就明白了.</t>
  </si>
  <si>
    <t xml:space="preserve">技能点问题本人全力火弓，现在76级，71级以前的技能点加好了（出 </t>
  </si>
  <si>
    <t>我也是纯力火弓,现在80级,个人认为火弓攻击力不是最高的,要以高致命,远距离攻击见长.越到后期技能好的话,暴击巨多,挺有玩头.我现在的技能是弓76,火75,雷70,冰20(其实不加也可)我计划开100时弓火雷三项全满.我升级一直至少压三级,现在还用技能双依然还是缺技能点,要知道弓是超费技能点的职业,虽然我不知道你具体还需要多少技能点,但是20W一定是不够,也许法师能够吧,但弓不可能.个人建议你压点是绝对正确的做法.要知道决定一个号垃不垃圾就是看技能.不压级满级后就会被人当菜切.加油吧,看看开一百级弓的技能吧,绝杀,一个字,炫~我们还是很有发展地,毕竟只有我们是要花钱买W箭的,所以加油吧!</t>
  </si>
  <si>
    <t xml:space="preserve">人做事，怎样才能不累？不包括死人！ </t>
  </si>
  <si>
    <t>一个篱笆三个桩，一个好汉三个帮。众人拾柴火焰高。以人品赢得众人心，以管理调动大家干，以智谋解决诸难题，以超然心态对钱财，------会相对不累。世界上没有绝对的不累，老躺在床上还喊腰疼呢！</t>
  </si>
  <si>
    <t xml:space="preserve">我在浙江大学医学院读八年制临床,今年大三,暑假在医学院附属第一医? </t>
  </si>
  <si>
    <t xml:space="preserve">   他有你这样一个朋友一定会快乐的走.要知道很多人一辈子都没有知心朋友.天天快乐的陪他,让他觉得自己病的没那么重,人世间他没有白来一回.我祝福他!</t>
  </si>
  <si>
    <t xml:space="preserve">急,各位老师请进,帮帮我的忙吧!因为是公司才开的,公司又不大,一 </t>
  </si>
  <si>
    <t>把现有的以前的业务往来的票据整理一下，能入帐的都入帐，银行存款入帐可能也会有好多的原始凭证不存在了。你可以去银行，让银行给打份对帐单，对于没有原始票据的银行业务以对帐单来入帐。慢慢的就会理出头绪就好做了，因为是小公司所以业务量不会很大，只要你细心点去做，对你以后都会有帮助的。</t>
  </si>
  <si>
    <t xml:space="preserve">达云阳是哪个小说中的 </t>
  </si>
  <si>
    <t>达云阳是小说《魔法世纪》中的人物！~~~~~~~~~~~~~~~~~~</t>
  </si>
  <si>
    <t xml:space="preserve">什么时候可以免费洗点?去哪个NPC洗? </t>
  </si>
  <si>
    <t>现在不能了 要有活动才有</t>
  </si>
  <si>
    <t xml:space="preserve">多空焦灼股指再破3500做多依据：　　一、大盘低位震荡关注资源类 </t>
  </si>
  <si>
    <t xml:space="preserve">预计大盘在4.24政策性缺口上方获得支撑，后市振荡企稳的可能性大。 </t>
  </si>
  <si>
    <t xml:space="preserve">五花八门《美女餐厅III》咋玩不了？HELP！！！！！！！！！！ </t>
  </si>
  <si>
    <t>要Q币，去 玩叫打工奇遇</t>
  </si>
  <si>
    <t xml:space="preserve">难过啊！请大家帮我分析下我男朋友爱我吗？男朋友和我在一起有202 </t>
  </si>
  <si>
    <t>朋友，你的感觉有的时候可能稍微偏激了一点。我想，你们能在一起202天，他在你身上付出的感情不是一点点，否则你也不会这么爱他的！对吧！你在想到他不好的时候，想到他可能不爱你的时候，你有没有想到他对你好的时候呢，那又怎么解释他对你的感觉。你知道自己现在为什么这样吗？因为你的占有欲太强了，你希望这个社会上只有你们两个人，他应该只属于你一个人！他应该时时刻刻的关心你，照顾你！但是你想过吗？他在属于你的同时，也属于这个社会，也属于他的父母，男人在这个社会上需要照顾的面儿很大，需要交往的人很多。这些都是他必须去面对的，必须去照顾的！另外，人都是爹妈生、养的，他必须孝顺，试想，如果他不是一个孝顺的人，你会和他在一起吗？所以，我觉得他照顾家庭、参加社交活动，这些都不应该是你的事情，这是他必须去做的！因为他需要孝顺父母，需要通过社交活动得到自己的利益，将来你们能生活得更好！至于他有的时候没有很好的照顾你，这样的事情你可以和他好好沟通一下，我想他会理解你的，并做出自己的改变！但是，你不能逼他做他不愿意做的事情，比如在他很困的时候还逼他和你聊天，那有点强人所难！朋友，不要怀疑这个男孩对你的爱，请珍惜你们感情吧！祝你幸福！</t>
  </si>
  <si>
    <t xml:space="preserve">女孩子怎样判断自己是否怀孕啦？ </t>
  </si>
  <si>
    <t xml:space="preserve">　　怀孕1—12周之间称为早期怀孕。确定是否有早期怀孕很重要，一来可以及早采取措施保护胎儿的生长发育；二来如不需要生育时可以早一点作人工流产，减轻孕妇的痛苦；三来还可以及早发现宫外孕，防止发生意外,有过生育经验的妇女，多数能够较早地断定自己是否怀孕，初婚妇女或从未生育的妇女,一般缺乏这方面的经验。妇女怀孕后，身体内发生一系列生理变化，怀孕早期的变化大约有以下几个方面： 　　一是停经：停经是怀孕早期的最早、最重要的“信号”。凡是月经周期一向正常的已婚育龄妇女，如果月经过期超过10天以上,就应考虑到有怀孕的可能,如停经超过2周以上就需要到检查原因。 　　二是早孕反应：多数妇女怀孕6周以后可出现头晕、乏力、嗜睡、唾液分泌增多、食欲不振、恶心呕吐等现象，呕吐多在清晨或空腹时发生。有些孕妇特别喜好吃酸性和生冷食物。上述这些现象称为早孕反应，多在怀孕后12周左右自行消失。少数人的早孕反应比较严重，持续时间也较长。 　　三是排尿次数增多：怀孕8周以后，可能有排尿次数增多的现象，这是由于子宫增大后压迫和刺激膀胱引起的。怀孕12周以后,子宫超出盆腔，膀胱不再受压迫和刺激，尿频症状自行缓解。 　　四是乳房发生变化：怀孕后，在雌激素和孕激素的共同刺激下，于第8周起，乳房逐渐长大，乳头和乳晕部颜色加深,乳头周围有深褐色结节等现象,12周以后还会有少许清水样乳汁分泌。 　　五是基础体温的变化：测量基础体温的妇女可以由此知道早期怀孕。妇女正常的基础体温呈双向曲线，即排卵前较低，排卵后升高，如月经到期未来潮，体温升高后不再下降，并保持在18天以上，这时表示已经怀孕。 </t>
  </si>
  <si>
    <t xml:space="preserve">道具１Ｃ０改ＴＬ　能卖几钱563 </t>
  </si>
  <si>
    <t>1D的话掉1功几率比较大。不过还是很强的。5组时水吧。改TL不难得。关键是洗出好的来拼RP啊</t>
  </si>
  <si>
    <t xml:space="preserve">上海有什么方法预防尖锐湿疣 </t>
  </si>
  <si>
    <t>　　尖锐湿疣高发于一些性生活活跃的青年男女间，首次悻茭低于19岁，悻柈佀越多的人，患尖锐湿疣的概率就越高。所以想要避免它的复发，就需要保证洁净的性生活，在治疗期间要严禁性生活，避免造成再次感染。　　避免直接感染，也就指不可发生不洁性行为，并养成良好的个人卫生习惯，尤其是要注意经期护理，时常保持生殖器官的干燥，这样才能防止疾病滋生，因为大多数尖锐湿疣患者的再感染与其性伴患尖锐湿疣和hpv感染有关，故要避免与其性接触，以减小患者治疗后再感染的机会。要使人们了解随意性行为的安全性，改变性行为方式，从而减小患尖锐湿疣的危险。　　早发现早治疗，尖锐湿疣病情最佳的治疗时机就是在患病初期，因为这个时候病情较轻，比较容易控制，及时治疗才能避免病情反复，对有性传染性疾病接触史者，要随时注意观察外生殖器有无病变发生，同时可看性病专科医生，进行有关的检查，以便能早期发现、早期诊断、早期治疗。　　竖立长期治疗的信心，作为家人，以及亲属要给予患者心理上的安慰，帮助患者树立长期治疗的信心，此外，要提高对性病的认识，增强人们对家庭和社会的责任感，增强人们的自我保护意识，最终达到人人洁身自爱，以减小尖锐湿疣等性病的感染机会。对于生殖器部位要每日开展清洗，勤换内衣裤，个人地內褲单独清洗。即使家庭成员间也应该做到一人一盆，毛巾分用。</t>
  </si>
  <si>
    <t xml:space="preserve">关于电脑泄密1、如果一台电脑存有重要资料，在全部删除的情况下，上 </t>
  </si>
  <si>
    <t xml:space="preserve">网上泄密一般都是用那些共享软件来下载东西或者中了木马才会的如果删除了，最好用那些文件粉碎机之类的东西彻底删除了安全一点，在没有彻底删除之前是可以用软件来恢复，这个也需要一定的时间，不过通过网络来盗取是比较高难度了如果资料的在移动硬盘里面是相对安全的。不过道高一尺魔高一丈，我们都是普通人，一些高级黑客和间谍的手段还不是很清楚，在一些重要的部门里面的保密规定是办公电脑不上网，上网电脑不办公。只有资料和网络是完全在物理上隔离才是安全的  </t>
  </si>
  <si>
    <t xml:space="preserve">反击ＳＬＭ＆血宠反击ＳＬＭ加血可以练么　会爆血么现在有什么稍微好 </t>
  </si>
  <si>
    <t>交叉加血练感觉有点浪费了.楼主还是加攻练吧不错的血宠有:改鲨(首选).水龙(平均).改树(血成长超强)</t>
  </si>
  <si>
    <t xml:space="preserve">脸上咖啡斑如何治眼下边有一片斑，小时候没有，是初中之后才开始出现 </t>
  </si>
  <si>
    <t>在你现在内在调理的情况下可以辅助外部力量，使用510nm的脉冲激光治疗是较好的选择,</t>
  </si>
  <si>
    <t xml:space="preserve">什么叫头寸，期货头寸? </t>
  </si>
  <si>
    <t xml:space="preserve">所谓的“头寸”也就是“持仓”的意思，西方也管这个叫“部位”。 持有多头头寸，跟持有多头持仓、持有多头部位都是一个意思，都是指投资者在市场里做了买方（多头）。 </t>
  </si>
  <si>
    <t xml:space="preserve">非常6+1中介绍选手的背景音乐是什么?是一首钢琴曲,急求! </t>
  </si>
  <si>
    <t xml:space="preserve">  估计有参考：  </t>
  </si>
  <si>
    <t xml:space="preserve">刚来公司上班，同事之间都彼此熟悉，他们不怎么和我说话，我怎么和他? </t>
  </si>
  <si>
    <t>别着急，慢慢来吧，一般新来的同事都会遇到这样的问题是的，他们也许是慢热型的，总会有人跟你成为工作中的朋友的，你也得稍加观察，要勤快些，表现好些哦。</t>
  </si>
  <si>
    <t xml:space="preserve">集体户口是怎么回事？和普通的户口有什么区别吗？在一些政策优惠上是? </t>
  </si>
  <si>
    <t>有关普通（居民）户口与集体户口的定义，始见于《中华人民共和国户口登记条例》第五条“户口登记以户为单位。同主管人共同居住一处的立为一户，以主管人为户主。单身居住的自立一户，以本人为户主。居住在机关、团体、学校、企业、事业等单位内部和公共宿舍的户口共立一户或者分别立户。户主负责按照本条例的规定申报户口登记”的规定。通俗讲，普通户口就是属于个人自己的户口，有完全的自主权；集体户口由企事业单位统一管理，受集体户口管理部门的制约，不完全具有自主权。其最大区别在于，普通户口（居民户）的公民在婚姻登记、子女户口申报（计划生育内）、户口迁移等方面有完全的自主权；而集体户口在婚姻登记时，需要从集体户口管理部门借出属于自己的单页；户口迁移时需要征得集体户口管理部门的同意；新生儿的户口不能申报到集体户口中等。</t>
  </si>
  <si>
    <t xml:space="preserve">又又可算掉了这个东西目前刷到3个，都是100CT的。(⊙⊙?)掉 </t>
  </si>
  <si>
    <t>我昨天跑锦标掉了6个500CT的，现在我已经有9个500CT的，和2个1000CT，就是没见掉点数的！</t>
  </si>
  <si>
    <t xml:space="preserve">微博字体变小微博字变小了了，怎么变回去？ </t>
  </si>
  <si>
    <t>是不是浏览器页面缩放导致的？可以试试用ctrl+鼠标滚轮控制页面的缩放</t>
  </si>
  <si>
    <t xml:space="preserve">所以你要好好去挖掘那些加油吧孩子用用英文怎么说？ </t>
  </si>
  <si>
    <t>So you should explore that well, come on boy!</t>
  </si>
  <si>
    <t xml:space="preserve">那位朋友知道HP的键盘，鼠标，小音箱是什么厂家生产的？8月买的A </t>
  </si>
  <si>
    <t>好像是台湾的liteon代工的</t>
  </si>
  <si>
    <t xml:space="preserve">股票当天的挂单没有成交，第二天是否有效？ </t>
  </si>
  <si>
    <t>当天交易时间内有效，过了交易时间自动取消</t>
  </si>
  <si>
    <t>大智慧</t>
  </si>
  <si>
    <t>ma1 10日均线的价位压力和支撑点ma2 20日均线的价位压力和支撑点ma3 120日均线的价位压力和支撑点ma4 250日均线的价位压力和支撑点</t>
  </si>
  <si>
    <t xml:space="preserve">SS的为什么命中那么底 </t>
  </si>
  <si>
    <t>敏捷少啊，你想命中率高练个敏SS，穿轻装。哈哈。那你有的玩了，我是见过穿法袍的啊~</t>
  </si>
  <si>
    <t xml:space="preserve">春困要怎样克服？一到开春的时候就经常想睡，没什么精神。 </t>
  </si>
  <si>
    <t>注意春困症：春眠不觉晓越睡越困候群正悄悄扩大 一进入春天，人就特别容易犯困，睡觉睡不醒，工作也没精神，有人说这叫“春困”，也有人说这是种病，总之它给我们带来的麻烦不少，尤其是开车者，更易在这个季节犯困。另外，还有些类似于“春困”的症状，其实隐藏了某些疾病，更要对此多加小心。 春暖花开，暖洋洋的天气常使人感到懒洋洋的，即使晚上有充足的睡眠，白天仍感 到发困，出现了“春天疲劳症”，也就是我们俗称的“春困”。那到底为什么会出现春困？我们怎么做才能远离它呢？为此，我们请市一神经内科副主任蒋敏海博士为大家解疑释惑。 春困不是病 春困是人体生理机能随自然季节变化和气温高低的转换而发生相应调节的一种短暂生理现象。春天，气温适中，皮肤和肌肉微细血管处于弛缓舒张的状态，血流缓慢，体表血液供应量增加，流入大脑的血液就相应减少，中枢神经系统的兴奋性刺激信息减弱，出现抑制的状况，于是出现昏沉欲睡的“春困”现象。“春困”其实是脑缺氧的表现，这跟植物神经没有完全适应气候的变化、血管舒缩功能不灵敏有关。 春困并不是病态，当然也与免疫力没什么关系。从中医的角度来讲，主要由于冬春两季的气候变化大，人的身体需要有一个适应调整的过程。人们在寒冷的冬季和初春时，受低温的影响，皮肤汗腺收缩，以减少体内热量的散发，保持体温恒定。进入春季，气温升高，皮肤毛孔舒展，供血量增多，而供给大脑的氧相应减少，大脑工作受到影响，生物钟也不那么准了。虽然春困不是病态，但不利于人的身体及精神状态健康协调，需要通过各种方法加以调节。 多睡不能解春困 要解决春困，多睡并不是办法。一般情况下，成年人每天睡眠8小时左右就可以了，再增加睡眠反而可能降低大脑皮层的兴奋性，使之处于抑制状态，人会变得更加昏昏欲睡，无精打采，结果是越睡越困。所以，专家建议春天经常开门开窗，使室内空气流畅；增加户外活动，适当增加适合自己的体育锻炼项目，增加人与人之间的来往，与朋友一起说说笑话，谈谈趣闻，会有很好的解困效果。 另外，春茶味正香，多喝些清淡的香茶也能醒脑助神，减轻春困。风油精、清凉油、香水、花露水等，也是良好的解困佳品。有条件者可种养些有芳香味又可提神的时令花草，同时增加点劳作解除春困倦意。在室内使用负离子发生器，也有助于调节情绪、焕发精神。 哈欠频频藏隐患 如果经常打哈欠，则要小心。正常人在感到疲劳时，常打几个哈欠，哈欠的深呼吸作用增加了氧气的吸入，可使人的疲劳暂时减轻。可是，蒋敏海博士提醒，中老年人，尤其是高血压、脑动脉硬化者，频频打哈欠，有可能是缺血性脑中风的先兆，应提高警惕。 蒋敏海博士介绍，大约有70%～80%的缺血性脑中风病的病人，在发病前一周左右，会因大脑缺血缺氧而频频出现打哈欠现象。其原因是中老年人，特别是患高血压、脑动脉硬化者，由于动脉粥样硬化，管腔变窄，血管壁弹性降低，致使流向大脑的血液量减少，而大脑对缺氧十分敏感，仅占体重2%左右的大脑，却消耗全身需氧量的25%左右，因此，当大脑缺血缺氧时，即引起哈欠频频。同时，打哈欠还可使胸腔内压力下降，上下腔静脉回流心脏的血量增多，心脏的输出血量增多，脑细胞的供血供氧能力得到改善。但这种改善是暂时的，因此，频频哈欠常预示缺血性脑中风可能近期发生。 因此，中老年人，尤其是有心脑血管疾病者，出现无诱因的频繁哈欠，切不可掉以轻心，应及时去医院检查，在医生指导下，对高血压、高血脂和糖尿病等积极进行治疗。饮食宜清淡，避免高脂饮食，戒烟限酒，多饮水以稀释血液，口服小剂量阿司匹林，以降低红细胞、血小板聚集性，防止血栓形成。在日常生活中，注意保持精神乐观，情绪稳定，防止激动，并注意防寒保暖,特别是早晚气温较低时应避免户外活动。这些都对预防缺血性脑中风的发生有积极作用。 春困期预防心理障碍 焦躁、烦闷、浑身不舒服……入春以来，这些难受困扰着许多人，春困期极易诱发多种心理疾病，应提前做好心理保健。 春季人体内分泌不稳定，重型精神病人的发病率明显增高。除了精神分裂症等人们熟悉的精神卫生疾病外，因为“春困”而引发的多种心理问题也不少见。一名30多岁的男子，春节后到杭州新单位工作没多久，晚上频频失眠，白天犯困，焦虑情绪严重，辗转求医。医生分析，这类情况常见于众多压力较大的人群，比如临近高考学生、精神紧张的白领。春季犯困本是一种自然生理现象，但有的人过分强化“一年之计在于春”的目标要求，个人期望值过高无法接受自己倦懒情绪，导致自我挫败。尤其是开年后刚到杭州的就业人群，在语言、文化、生活环境上无法适应，更容易焦躁烦闷。 春天容易发生传染性疾病，躯体方面不适往往伴随着精神症状，同样需要心理治疗。尤其是白领人群不要走入心理就诊误区，盲目自信地去购买脑营养药物。一旦发现自己有失眠、心悸、胸口闷、脖子酸硬、胃肠不适等症状，在医院内外科找不到明显病因时，应该主动去寻找心理咨询。 相关链接 办公人员如何防春困 当春困袭击了你，你又该如何把它赶走呢？以下是颇为实用的一些方法： 方法一：触觉刺激 困倦思睡时，用具有芳香气味的牙膏刷牙漱口，并用冷水洗脸，提高机体神经系统的兴奋度，从而达到消解春困的目的。 方法二：视觉刺激 走出室外，到郊外、湖畔、泉侧、海滨、山巅，举目眺望。如果长期在室内，也可在室内添置一些色彩艳丽并富有生机的饰物以及花草，给人以一种赏心悦目之感；良好的视觉刺激，有利于消除春困。 方法三：嗅觉刺激 困倦时，可闻闻风油精、清凉油、花露水以及点燃的卫生香味道，可驱除困意，振作精神。如果能因地制宜，在居室、阳台或庭院中种养一些有芳香味又可提神的时令花草，对缓解困意也有益处。 方法四：味觉刺激 吃点苦酸麻辣的食品，以解困意。 方法五：听觉刺激 困倦时，常听些曲调优美明快、有激励振奋人心作用的音乐或歌曲，以愉悦身心，或者欣赏一些相声、小品、笑话及喜剧影视，在获得欢笑中，兴奋神经，驱除困意。 方法六：活动肢体 有困意时，活动活动肢体，可舒筋活血，通利关节，使大脑兴奋起来。 蒋敏海博士提醒，出现“春困”，不要随意服用药物，不要试图靠喝咖啡、浓茶改善症状。 开车者如何防春困 行车少开空调 开空调易造成车内氧气不足，导致脑缺氧而降低警觉程度。车内可放置含薄荷、百合花香味的香水，有助于提神。 不要借助咖啡或浓茶提神 咖啡和浓茶只能带来一时的兴奋，但不能使你清醒地观察路面、做出正确的反应，而且短暂的兴奋之后是持续的抑制状态。 注意饮食调剂 春天阳气生发，辛甘之品有助于升阳，温食有助于护阳，姜、葱、韭菜宜适度进食，黄、绿色蔬菜如胡萝卜、菜花等宜常吃。另外，在行车前最好不要大量食用牛奶、香蕉、莴笋、肥肉及含酒精类的食物，此类食物易使人产生疲倦感或引起明显嗜睡乏力，具有催眠作用。</t>
  </si>
  <si>
    <t xml:space="preserve">求２００２届ＮＢＡ选秀名单 </t>
  </si>
  <si>
    <t xml:space="preserve">2002年选秀名单- 第一轮 -1. 休斯敦 Yao Ming 姚明   ★2. 芝加哥 Jay Williams 杰-威廉姆斯3. 金州 Mike Dunleavy 迈克-邓利维   ☆4. 曼菲斯 Drew Gooden 德鲁-古登   ★5. 丹佛 Nickoloz Tskitishvili 尼克洛兹-斯基蒂什维利6. 克里弗兰 Dajuan Wagner 达胡安-瓦格纳7. 纽约 Maybyner "Nene" Hilario 内内   ★8. 洛杉矶快艇 Chris Wilcox 克里斯-威尔考克斯9. 菲尼克斯 Amare Stoudemire 阿玛尔-斯塔德迈尔   ★10. 迈阿密 Caron Butler 卡龙-巴特勒   ★11. 华盛顿 Jared Jeffries 贾瑞德-杰弗里斯12. 洛杉矶快艇 Melvin Ely 梅尔文-埃里13. 米尔沃基 Marcus Haislip 马库斯-希斯利普14. 印第安纳 Frederick Jones 弗雷德-琼斯   ★15. 休斯敦 Bostjan Nachbar 波斯简-纳持巴   ☆16. 费城 Jiri Welsch 基瑞-维尔斯科17. 华盛顿 Juan Dixon 朱安-迪克逊18. 奥兰多 Curtis Borchardt 科提斯-布查特19. 犹它 Ryan Humphrey 瑞安-洛弗莱20. 多伦多 Kareem Rush 克里姆-拉什21. 波特兰 Qyntel Woods 奎恩特-伍兹22. 菲尼克斯 Casey Jacobsen 科西-雅各布森23. 底特律 Tayshaun Prince 泰夏安-普林斯   ★明尼苏达选秀权被吊销24. 新泽西 Nenad Krstic 内纳德-克里斯提克  ☆25. 丹佛 Frank Williams 弗兰克-威廉姆斯26. 圣安东尼奥 John Salmons 约翰-萨尔蒙斯   ☆27. 洛杉矶湖人 Chris Jefferies 克里斯-杰弗里斯28. 萨克拉门托 Dan Dickau 丹-迪考- 第二轮 -30. 金州 Steve Logan 斯蒂夫-罗根31. 芝加哥 Roger Mason 罗杰-梅森32. 曼菲斯 Robert Archibald 罗伯特-阿齐巴德33. 丹佛 Vincent Yarbroug 文森特-雅布洛夫34. 米尔沃基 Dan Gadzuric 丹-加德苏利奇35. 克里弗兰 Carlos Boozer 卡洛斯-布泽尔   ★36. 纽约 Milos Vujanic 米罗西-伏加尼奇37. 亚特兰大 David Andersen 大卫-安德森38. 休斯敦 Tito Maddox 提多-马杜克斯39. 华盛顿 Rod Grizzard 罗德-格利泽40. 华盛顿 Juan Carlos Navarro 朱安-卡洛斯-内瓦罗41. 洛杉矶快艇 Mario Kasun 马里奥-凯森42. 米尔沃基 Ronald Murray 罗纳德-穆雷43. 波特兰 Jason Jennings 杰森-简宁斯44. 芝加哥 Lonny Baxter 朗尼-巴克斯特45. 费城 Sam Clancy 萨姆-克莱斯46. 曼菲斯 Matt Barnes 马特-巴恩斯47. 犹它 Jamal Sampson 贾马尔-桑普森48. 米尔沃基 Chris Owens 克里斯-欧文斯49. 西雅图 Peter Fehse 皮特-费什50. 波士顿 Darius Songaila 达利乌斯-宋盖拉51. 波特兰 Federico Kammerichs 菲德里克-卡梅里奇斯52. 明尼苏达 Marcus Taylor 马库斯-泰勒53. 迈阿密 Rasual Butler 拉萨尔-巴特勒54. 新泽西 Tamar Slay 塔马-斯雷55. 达拉斯 Mladen Sekularac 马登-赛库拉勒奇56. 圣安东尼奥 Luis Scola 路易斯-斯考拉57. 圣安东尼奥 Randy Holcomb 兰蒂-霍坎58. 萨克拉门托 Corsley Edwards 考斯利-爱德华兹 </t>
  </si>
  <si>
    <t xml:space="preserve">以今天的指数做参照，20日均线是多少，谢谢！ </t>
  </si>
  <si>
    <t>今天大盘的20日均线是1174.58点。</t>
  </si>
  <si>
    <t xml:space="preserve">跪求LR误导宏打个比方如果我现在正在攻击BOSS小怪出现有宏可以 </t>
  </si>
  <si>
    <t>/stopcasting/clearfocus [target=focus,dead]/clearfocus [target=focus,noexists]/cast [target=focus] 蝰蛇钉刺(等级 4)把蝰蛇换成误导这个是焦点宏首先你要在按键设置里给“焦点目标”设置一个快捷键比如我是SHIFT+F，然后我的误导宏是SHIFT+G，那么在开怪之前你先点上你要误导的T，把他设为焦点，在混战中你就可以不改变目标而直接误导了另外补充一下那个蝰蛇焦点宏是竞技场的时候用的，开打前可以把对方的治疗设置为焦点，然后再打别的集火目标的时候你就可以不用去找这个治疗而直接按蝰蛇键就可以对他抽蓝了</t>
  </si>
  <si>
    <t xml:space="preserve">封基何时分红封闭式基金在一年中有否比较固定的分红时间？一般会在何 </t>
  </si>
  <si>
    <t>封闭式基金在9月初基本上就有可能出分红方案啦,但是如果真的要分红就要等到股东大会开完之后才能真的确定分红的时间和分红多少钱了`谢你继续持有``等```</t>
  </si>
  <si>
    <t xml:space="preserve">根据电话号码查地址是哪里啊？ </t>
  </si>
  <si>
    <t xml:space="preserve">你好：您查询的电话号码： 021-34244520 该电话号码归属地： 上海 上海市 辖区 该号段电话分部区域：龙华西路 漕溪北路 中山西路 肇嘉浜路 宜山路 斜土路 虹桥路 天钥桥路 南丹东路 宛平南路 零陵路 凯旋路 闵行区宋园路 蒲汇塘路 南丹路 吴中路 徐汇区宛平南路 徐汇区宜山路 徐汇区斜土路 中山南二路 闸北区秣陵路 裕德路 徐汇区文定路 徐汇区天钥桥路 徐汇区蒲汇塘路 徐汇区南丹东路 徐汇区龙华西路 徐汇区漕溪路 徐汇区漕溪北路 辖区 文定路 蒲西路 龙华路 长宁区遵义路 漕宝路 :凯旋路 :虹桥路 </t>
  </si>
  <si>
    <t xml:space="preserve">如何在网上和外国人做生意？我在网上做生意,外国人买我的东西,我应 </t>
  </si>
  <si>
    <t>需要办理国际汇款，建议您到中国银行办理。 Bank data一栏给出的是收款银行信息，具体填法你要看中银的单据，当时会有柜员给你解释的： 第一行是开户行名称 第二行是SWIFT代码，用于国际银行间通信 第三行是账号 第四行是国际银行账号 Pay to (Beneficiary)一栏是收益人信息，照原样写在备注或收益人一栏，或者遵照中银工作人员的说明填写在相应的格子里面。</t>
  </si>
  <si>
    <t xml:space="preserve">哪位朋友懂俄语，请教“изчто”和“гоев”中文啥意思。 </t>
  </si>
  <si>
    <t>建议你使用在线翻译器、可以快速翻译外文希望对你有帮助、麻烦好评、谢谢</t>
  </si>
  <si>
    <t xml:space="preserve">纸质发票作废，但是电子版发票没作废上个月给客户开的发票,由于开票 </t>
  </si>
  <si>
    <t>本月可以开一张红字发票冲回。1、如果你的开票系统已经升级，就象楼上这位朋友说的，打开开票系统，填写一张红字开票申请表，并打印出来，然后拷到U盘上，打印出来的这张纸质的申请表和U盘一起拿到税务局去审批，审批完之后这张U盘里已经存在这张红冲发票了，回到单位之后就可以打印这张U盘里的红冲发票了。2、如果单位开票系统还没有升级，就手工填写一张红字申请表，说明红冲原因，写明作废发票号码及代码，盖上单位公章，然后拿到税务局去申批，申批完之后就可以开红字发票了，红字发票又把你上月多交的税冲掉了，然后再开一张正确的发票给客户。</t>
  </si>
  <si>
    <t xml:space="preserve">考考你眼力什么国家的装备？2：什么型号？ </t>
  </si>
  <si>
    <t>英国医院船圣朱莉安号，原班轮圣朱莉安号，60年退役客轮状态</t>
  </si>
  <si>
    <t xml:space="preserve">求下联：黄狗过霜桥，点点梅花落地 </t>
  </si>
  <si>
    <t>乌鸦跳雪地，片片竹叶朝天。白鹅跳雪地，片片枫叶朝天。红鸡走雪地，片片竹叶朝天。黒马跃雪地，满地月芽朝天。白鹅嘻春水，粒粒珍珠分边。</t>
  </si>
  <si>
    <t xml:space="preserve">现在为什么韩剧那么红而日剧没声音了呢？我觉得日剧很好看呀，而且以 </t>
  </si>
  <si>
    <t>只是一种文化的流行罢了！日剧早在上世纪90年代红过了，翻来覆去的那几样，韩剧的一大特色是长，这一点哪的电视剧都没的比！我喜欢看带有一些喜剧色彩的韩剧！日本的动画行业一向都是很棒的！韩国没有那个势力呀！不过将来就没准了！可怜的中国人竟然在两个小国之间摇摆，可悲</t>
  </si>
  <si>
    <t xml:space="preserve">关于六书分类,达人进！看下这几个字怎么归类,能解释的帮个忙简单解 </t>
  </si>
  <si>
    <t>◎ 兵 bīng 〈名〉(1) (会意。从廾,从斤。甲骨形,上面是“斤”,是短斧之类;下面是“廾”( gǒng,双手),象双手持斤。本义:兵器,武器)◎ 父 fù 〈名〉(1) (指事。甲骨文字形,象右手持棒之形。意思是:手里举着棍棒教子女守规矩的人是家长,即父亲。本义:父亲)◎ 买買 mǎi 〈动〉(1) (会意。小篆字形,从网贝。“网”是收进,“贝”是财货。合起来表示把财货购进来。本义:买进,购进)◎ 采??cǎi 〈动〉(1) (会意。从爪从木。甲骨文,上象手,下象树木及其果实。表示以手在树上采摘果实和叶子。本义:用手指或指尖轻轻摘取来)◎ 万萬 wàn 〈名〉(1) (象形。“萬”,甲骨文呈蝎子形。本义:蝎)◎ 败??bài 〈动〉(1) (会意。从贝,从攴。攴( pū),甲骨文象以手持杖,敲击的意思,汉字部首之一。在现代汉字中,“攴”大多写成“攵”,只有极少数字保留着“攴”的写法。从“攴”的字多与打、敲、击等手的动作有关。败,甲骨文左边是“鼎”字(小篆简作“贝”),右边是“攴”,表示以手持棍击鼎。本义:毁坏,搞坏)◎ 兴興 xīng 〈动〉(1) (会意。从舁,从同。舁( yú),共举;同,同力。本义:兴起;起来)◎ 奉 fèng 〈动〉(1) (会意。小篆字形,从手,从?? gǒng,双手),最上面像一串玉或树盖子。是用手捧物的意思。本义:两手恭敬地捧着。后作“捧”)</t>
  </si>
  <si>
    <t xml:space="preserve">我该怎么办？喜欢公司的一女孩，有3个多月了，这期间我时不时的会给 </t>
  </si>
  <si>
    <t>直接问呗，这么墨迹。我喜欢直来直去的，不喜欢趁早说，你这样对她好，又不说。如果她不喜欢你可能仅仅只是利用你对她的好而已，也可能她仅仅只是贪念你对她好，用完了就拒绝了。。。哎!是不是说的伤人了？其实你用心感觉感觉，能感觉出来她对你是不是有好感还是利用，冷静的观察下</t>
  </si>
  <si>
    <t xml:space="preserve">还有几成机会追到她？女孩子如果对我说：现在还不想谈恋爱。那我有几 </t>
  </si>
  <si>
    <t>注：我是女孩儿。十成。自信些，她并不是讨厌你。只是她觉得还不能一下子就接受你。给她一些时间。这样对你们都有好处。不要穷追不舍，默默的关心她，她会看到你的好。我就这么跟他说的，最后他等啊等啊的。现在差不多算是已经等到了，当然要嫁给他，还为时尚早，我们才19岁...有待考察...呵呵。</t>
  </si>
  <si>
    <t xml:space="preserve">我如何注销新浪微博并注销账户？ </t>
  </si>
  <si>
    <t>不能注销 三个月不登录就会自动注销你的个人资料但实际上页面还在 若想删除注销它只能通过新浪客服（95105670）来解决让他帮你将博客页面彻底删除</t>
  </si>
  <si>
    <t xml:space="preserve">电解的离子方程式写出电解氯化钠的离子方程式！ </t>
  </si>
  <si>
    <t>楼主如果是电解熔融的氯化钠离子方程式如下：------------熔融2Na+  + 2Cl-  ===  2Na + Cl2↑ 如果是电解氯化钠溶液离子方程式如下：------------通电2Cl- + 2H2O ===Cl2↑+ H2↑ + 2OH-</t>
  </si>
  <si>
    <t xml:space="preserve">什么是宣传展示网站，它的特点是什么 </t>
  </si>
  <si>
    <t>宣传展示网站一般作为某一个产品\组织\活动的一种推广营销手段而存在.目的是利用网络途径对目标群体进行宣传和展示.其特点一般是主页多以醒目的格式,通过图片文字视频音频等,特别突出宣传主题.不同于官方网站有非常详细的栏目和分类以及众多的子一级页面,宣传展示网站一般仅做核心功能和特点的说明和展示,其内容精简扼要,力求最短的时间吸引访问者的注意力,并将最核心的内容传递给访问者.全是手打,如果有帮助,还请好评下! 谢谢:)</t>
  </si>
  <si>
    <t xml:space="preserve">告诉大家一个可能还不知道的事新浪的控股方是日本人。sina的意思 </t>
  </si>
  <si>
    <t>天桥总算为广大中国人办了件好事啊！。。。。</t>
  </si>
  <si>
    <t xml:space="preserve">想知一个小8岁我的女生的心灵感应！议题一开始是这样的：我和一个小 </t>
  </si>
  <si>
    <t>或许她还不喜欢你，起码现在看来，暂时还不想跟你发展男女关系。</t>
  </si>
  <si>
    <t xml:space="preserve">指环王3中的一段音乐片中有一段在白色的城堡外，人类骑兵列队冲锋。 </t>
  </si>
  <si>
    <t xml:space="preserve">其实这首曲子的词来自托尔金的原著fellowship of the ring的第三章Three is Company这里 原文是一首非常典型的hobbits式样的曲调，非常欢快 全文如下 Upon the hearth the fire is red, Beneath the roof there is a bed; But not yet weary are our feet, Still round the corner we may meet A sudden tree or standing stone That none have seen but we alone. Tree and flower and leaf and grass, Let them pass! Let them pass! Hill and water under sky, Pass them by! Pass them by! Still round the corner there may wait A new road or a secret gate, And though we pass them by today, Tomorrow we may come this way And take the hidden paths that run Towards the Moon or to the Sun. Apple, thorn, and nut and sloe, Let them go! Let them go! Sand and stone and pool and dell, Fare you well! Fare you well! Home is behind, the world ahead, And there are many paths to tread Through shadows to the edge of night, Until the stars are all alight. Then world behind and home ahead, We’ll wander back to home and bed. Mist and twilight, cloud and shade, Away shall fade! Away shall fade! Fire and lamp, and meat and bread, And then to bed! And then to bed! 到了拍的时候，编剧菲丽帕·鲍因斯想在国王归来皮平和摄政王迪耐索那里用上一首曲子，她就去找另一位编剧——导演彼得·杰克逊的夫人法兰·华许，法兰说自己没有时间了，就说要菲丽帕写，可菲丽帕自认为是乐盲，没辙的时候，她想起来以前听到饰演霍比特人皮平的苏格兰演员比利·伯伊德唱歌，她觉得比利唱歌很棒，就把自己从原著中提炼出来的歌词托他写一首适合的曲子，时间很紧张，隔天之后就要拍这段了 比利在DVD花絮部分自己谈到 “这该是怎样的歌？我看着歌词，思索他当时的处境，心想这首歌应该是他爷爷教他唱的，是霍比特人在迁徙中找夏尔的那个年代写的歌” 于是比利就自己创作了那段旋律 到了拍片那天，当时还无人听过比利写的这段曲调，他唱完后觉得自己很溴，因为刚写好就要当众演唱，但实际上在场的演员和工作人员都感动的热泪盈眶，后来比利在伦敦正式录制这首曲子的时候自称是“出道以来最风光的时刻” 这就是此曲的来历了，叫它The Steward Of Gondor不合适，皮平唱的这段包含在The Steward Of Gondor 里面，但一般会把它单独开列 歌词被菲丽帕·鲍因斯稍加改动就将原著中欢快跳跃的小调变为哀而不伤，夺人心志的曲子，作曲家霍华德·肖只是写了一点衬托比利的乐段，使得比利·伯伊德的清唱发挥了前所未有的杀伤力 pippin'song 下载连接   pippin'song Home is behind The world ahead And there are many paths to tread Through shadow To the edge of night Until the stars are all alight Mist and shadow Cloud and shade All shall fade All shall fade 远离家乡 世界在前方 千万道路由你闯 穿过阴影 到达黑夜旁 直到群星全都耀眼闪亮 阴霾雾霭 密云遮蔽 都将散茫 都将散茫…… </t>
  </si>
  <si>
    <t xml:space="preserve">风湿病的治疗方法我母亲手麻木，拿不起东西，已经有60岁了，以前怀 </t>
  </si>
  <si>
    <t>目前，业内还无的特效药物，可采取中西药联合治疗、平时的保养等方法进行综合治疗！西药主要是以非甾体类抗炎药为主市场上有效的如：（某些药吃久了，也会产生抗药性的，所以多介绍几种给你吧）万通筋骨片（通化万通药业股份有限公司）追风通骨丸（广州敬修堂药业股份有限公司）腰痛宁（河北颈复康药业股份有限公司）筋骨宁片（长春海外制药集团有限公司）镇痛类：天麻胶囊（通化金马药业集团股份有限公司）1.平时的保养易受风湿寒邪侵袭。注意不要在对流风口乘凉或在树下以及室内开窗睡觉，更不要图一时之快用电扇行吹风消汗。合理的进行各种锻炼.饮食方面:营养应全面、均衡，新鲜蔬菜和水果等不能缺少。①苦瓜、苦菜、马齿览、丝瓜等食物，具有清热解毒的功效，可以缓解局部发热、发痛等。　　②薏仁、豆腐、芹菜、山药、扁豆等食物，具有健脾利湿的功效，可用于缓解肿胀症状。　　③蛇类、虫类等活血通络祛风止痛的食品，既可做菜，也可泡酒后饮用，可以缓解局部的红肿热痛症状，还可起到防止病变向其他关节走窜的作用，因此是作用较强的食物。　　④刚开叫的公鸡，配150克生姜(切成片)，在锅中焖炖，不放油盐，可放少量白酒，1天内吃完。隔1周再服1次。公鸡仔具有补虚益肾暖胃祛寒的作用，可缓解局部疼痛、关节肌肉无力。　　⑤童子鳝鱼0．5干克，阴干，泡入1千克白酒中，1个月后即可饮用。每次饮酒50毫升，每天2次。童子鳝鱼性温善窜，有舒筋活络、祛风除湿等功能，可缓解局部红肿热痛，防止病变向其他关节走窜，并对肩肘关节活动障碍效佳。　　⑥多种青菜、水果可以满足人体对维生素、微量元素和纤维素的需求，同时具有改善新陈代谢的功能，可起到清热解毒、消肿止痛作用，从而缓解局部的红肿热痛症状。　　⑦香菇、黑木耳等食品，具有提高人体免疫力的作用，可以缓解局部的红肿热痛等症状。　　⑧瘦猪肉200克，辣椒根150克，共煮汤，调味后服用，每日分2次服。可以缓解剧烈疼痛症状。多晒太阳：紫外线能将皮肤晒黑，适量紫外线照射可使免疫力及抗体增高，促进体内合成维生素D；可见光能促进新陈代谢，调节免疫功能；红外线主要作用是热效应，照射机体可使温度增高，血管扩张充血，代谢活动加快，促进细胞增生，从而提高免疫功能，此外还具有消炎、镇痛和活血化瘀作用。</t>
  </si>
  <si>
    <t xml:space="preserve">希望能提供学习英语的方法 </t>
  </si>
  <si>
    <t>去威尼下载一些很简单的英语听力资料吧。1、口语学习的关键是要模仿人家的说话。  2、买一台录音机，找一合磁带。根据你的水平，可以选择新概念第二或第三册，也可以到图书馆借一套有书和磁带的小故事集。注意：一定要有书，故事篇幅不能太长，生词量要小，过于简单没有关系。   我倾向于使用故事，而不是对话或新闻听力材料。   3、进行跟读训练。放磁带，看着书，搞明白每一个单词的意思，理解整个故事情节。然后，放一句，暂停，学着人家读一句，然后，放下一句，暂停，再学一句，继续。   4、跟读过程中要注意的几点：（1）一定要尽力模仿发音和语调，越象越好。   （2）开始时速度可以比较慢，要逐步使自己跟上人家的速度。（3）中间可以回倒重放，但我倾向于让大家完成一小段后再回去重来。   5、同步阅读。当你对文章发音、语调完全掌握之后，就要在放录音的同时同步跟读。争取让自己的声音与他完全重合。注意语调和语音。如果中间有结巴的地方也不要紧，继续读下去，然后再回来重读。   6、关掉录音机，朗诵课文。注意使用学到的语音语调。   带滚瓜烂熟之后，可以进入下一篇课文。   再配合其他学习，如与人聊天</t>
  </si>
  <si>
    <t xml:space="preserve">我申请密保解封的进度我的俩个帐号免费密保丢失申请解除密保一个帐号 </t>
  </si>
  <si>
    <t>有反应才怪</t>
  </si>
  <si>
    <t xml:space="preserve">竞技场问题马上就开竞技场了,小弟想问个问题,就是自己一个人能去打 </t>
  </si>
  <si>
    <t>首先你要选择你想打的比赛类型，2v2,3v3或者5v5。然后找几个人一起组成队伍，队伍的人数记得是不多于对应竞技场人数的2倍,比如5v5的话队伍最多10人。（实际上你可以同时参加2v2 3v3 5v5 三个竞技场队伍，不过每周算分数的时候只会按照你获得点数最多的那个队伍计算竞技场点数）之后就是竞技场的战斗了，竞技场起始分数1500，胜率50%。当你的队伍赢一场之后，输的队伍就会失去一些分数，而你的队伍得到相应分数。也就是说不会出现以前战场刷荣誉的情况出现。而你的队伍每次遇到的队伍是根据胜率来分配的，也就是说如果你的队伍胜率是60%,那么你们不会碰到胜率40%或者胜率80%的队伍。计算分数的时候比较不确定，赢一个比你队伍分数高的队伍得到的分数要比数给他丢掉的分数要多，所以即使胜率相同的两个队伍，他们的分数也不一定相同。你竞技场买装备是依靠你的竞技场点数，每周会根据你所在队伍的分数来计算当周你会得到多少点数，这个点数是可以积累的。每周，如果你的队伍想得到竞技场分数，那么你的队伍必须打10场，否则周末会不计算点数，而你要想获得点数，必须参加30%以上的战斗，也就是说，最低的情况下，每周你打3场竞技场就可以得到点数了。最后需要补充的是，无论你的队伍成绩多么差你都可以得到点数，比如现在已知最差的队伍是美服一个2v2队伍，分数只有800多，即便这样，每周这个队伍的队员也可以得到150左右的点数。而分数比较高的队伍比如2500分的5v5队伍，则每周可以得到大概00+的点数。（5v5 100%获得点数，3v3 88%,2v2 76%)</t>
  </si>
  <si>
    <t xml:space="preserve">是否可以找回在网页中复制的内容？刚才在网页中回答问题时，把答案做 </t>
  </si>
  <si>
    <t>可以...只要没有重新启动过机器,也没有在复制过什么东西在运行中键入 clipbrd 就应该可以看见</t>
  </si>
  <si>
    <t xml:space="preserve">自动调价真是烦人，有没有自动调价软件？ </t>
  </si>
  <si>
    <t>天拓智投的Topsem竞价易就是一款自动调价软件，主要是用软件自动来调整关键词的出价，不需要人工操作，可大大提高工作效率。</t>
  </si>
  <si>
    <t xml:space="preserve">关于宝宝的抚养权我和老公结婚二年多了,我们的宝宝现在七个月,由于 </t>
  </si>
  <si>
    <t>你的宝宝还处在哺乳期，当然归你抚养了，有妇女儿童保护法吗。</t>
  </si>
  <si>
    <t xml:space="preserve">请编辑帮我改书名作品地址原名：谍妃秘史改成：《间谍妃子偷君心》 </t>
  </si>
  <si>
    <t>你好，已修改。</t>
  </si>
  <si>
    <t xml:space="preserve">德州哪家婚纱摄影工作室拍的比较好啊，价格无所谓，主要是拍出来的效? </t>
  </si>
  <si>
    <t>楼主也知道济南泉影像啊。真的是不错额，我都很感谢这家店，把我拍的很美，本来对自己身材很没信心的，没想到拍出来的效果那么令人惊喜。它所提供的婚纱真的好漂亮，特别梦幻，质量也很好，外景我选的是济南市区的黄河森林公园，所以拍出来的场景看着很纯天然，感觉跟大自然融为一体，而且摄影师人也很好，会告诉我们不少照相的一些小技巧。好像它在德州婚纱摄影师也是有一定知名度的，强烈推荐要拍婚纱照的朋友们去哦，一定不会让你们失望的。电话是0531- 86920800， ，感兴趣的话可以直接去咨询。</t>
  </si>
  <si>
    <t xml:space="preserve">麸质过敏怎么办？ </t>
  </si>
  <si>
    <t>麸质过敏是对谷物中的一种蛋白质过敏，患了这种病症的人不能吃面粉类食品。可以吃防麸质过敏食品。</t>
  </si>
  <si>
    <t xml:space="preserve">百分求助PS高手处理一张普通照片!哪位朋友花点时间帮我处理一下这 </t>
  </si>
  <si>
    <t>来凑个热闹。。。。。。。</t>
  </si>
  <si>
    <t xml:space="preserve">问好几个问题,内线来回答下,谢谢1,C如果何进功,主要用那些方式 </t>
  </si>
  <si>
    <t>1,C如果何进功,主要用那些方式好? 答：我的进攻基本上是W顶人，让后使用大力运球或者普通运球，晃到人再上篮，或者使用大梦脚步晃倒人在上篮或者虚实！2,C如果防其它C上男下上男,我感觉很怪,其它我都很好GAI,但C的上男,我基本上GAI不到,因为他一投球,常常就把我顶开了,请回答下答：这个需要你很好的判断了，如果知道对方这个球很快上篮了，你需要做的是，找到是和的位置，迅速的按DD抓帽，基本上都能够抓到的，前提是你判断好，按键子要及时！ 3,如何秒高2高C板,我43C,男板和弹条能力分别为:96 50 , 请讲详细点,分别讲下秒左和右的板 答：高板是板房的叫法，你的能力95，50，组能够秒到高3了，不过还需要你慢慢练习！板房中，正面远虚实的3分，可以分为4种高板和1种低板（3不沾和不碰框的除外）低板就是右边的低板，这个不用说了吧！然后是高板，楼主记住，弹高的球，右边的基本是高二，夹带些高一，中间都是高二，很少高三，左边基本都是高三！高四很好分，就是最高的板！楼主如果想学习，我可以教你，不过我是2区的！4,GAI虚实很没有什么好的技巧,常常看不准答：盖虚实需要你了解虚实这个技能的特点C能够虚实3次，PF能够虚实2次，SF只能1次！盖虚实的时候你需要站到合适的位置，合适的位置在对方和篮框之间，贴着进攻人！判断好对方要出虚实后，你按D或者DD就能给盖到了！关键是做好判断，其实就是经验问题！不过这个需要你多多比赛积累经验。 5希望我的回答能够帮助你！</t>
  </si>
  <si>
    <t xml:space="preserve">孩子现在学什么专业最吃香？ </t>
  </si>
  <si>
    <t>电子技术，牙科，财经</t>
  </si>
  <si>
    <t xml:space="preserve">怎么发微博啊 </t>
  </si>
  <si>
    <t>注册微博账 登陆 默认就是微博发布页面 写上你要发布的微博 可以是文字 图片 音乐等 写好发布即可 如下图 [如果我的回答对您有帮助 请点击"好评"支持下 谢谢]</t>
  </si>
  <si>
    <t xml:space="preserve">公司要我交三百服装费合理吗？我在厦门鑫东龙房地产工作，但初次上班 </t>
  </si>
  <si>
    <t>一般公司都有报销的.很少公司没有的呀!我觉得不合理.你应该跟他们讲呀.不过也有些公司是没有的,可是也是属于那些小公司呀!</t>
  </si>
  <si>
    <t xml:space="preserve">师傅们帮个忙，捷达请问各位我想买辆捷达GIX，带ABS、15万公 </t>
  </si>
  <si>
    <t>4万5应该能买到2000年左右的前卫。</t>
  </si>
  <si>
    <t xml:space="preserve">请问000677山东海龙能进吗 </t>
  </si>
  <si>
    <t>介入机会不是很好,适当轻仓.</t>
  </si>
  <si>
    <t xml:space="preserve">用废灯泡做瓶中船，怎么把口打开如题 </t>
  </si>
  <si>
    <t>玻璃刀划一道口子，轻轻磕开。</t>
  </si>
  <si>
    <t xml:space="preserve">[尤文]两大主力无缘周末比赛　　在战平拉齐奥之后，尤文距离国米的 </t>
  </si>
  <si>
    <t>老妇人要抱去年2：3失利的一箭之仇！...</t>
  </si>
  <si>
    <t>新野西的王（40</t>
  </si>
  <si>
    <t>那是他没改胜利宣言，杀其他王设的宣言没有改。</t>
  </si>
  <si>
    <t xml:space="preserve">总觉得生活没意思，做什么都不能开心rt，24岁，整天在家，偶尔出 </t>
  </si>
  <si>
    <t>没有目标当然觉得很无聊你可以走出家门，不要把自己整天关在房子里，像小鸟失去了自由走出家门，外面的世界很精彩</t>
  </si>
  <si>
    <t xml:space="preserve">语文四年级下册指导丛书第18课谁知道第18课——永生的眼睛，的指 </t>
  </si>
  <si>
    <t xml:space="preserve">18* 永生的眼睛来源：  一、教材解读1.课文简说。本篇课文讲述了一家三代人已经和准备为盲人捐献角膜的动人事迹，赞美了他们高尚的情操。课文中的“我”由当年对父亲捐献母亲角膜的不理解，到成年后亲自捐献父亲的角膜，这是多么巨大的转变！这种转变展现了“我”思想认识升华的轨迹。当年的14岁的“我”和现在的14岁的女儿，对亲人捐献角膜的两种不同的态度，又是多么强烈的对比！这种对比也反映了前辈的耳传身授对后辈所产生的巨大影响。文章以“永生的眼睛”为题，富有深意。“眼睛”折射出的是人性的善良和美好，“永生”弘扬了关爱他人、无私奉献的崇高精神必将世代相传，永不泯灭。选编这篇课文的意图，一是让学生从课文讲述的故事中，进一步感悟生命的美好，体会人性的真善美，树立对器官捐献的正确观念；二是学习作者通过对人物的语言生动细致的描写，展现人物的内心世界的写作方法。教学本课的重点是引导学生抓住重点语句，体会人物的思想感情。教学的难点是理解器官捐献的意义，体会文中含义深刻的词句。2.词句解析。（1）对句子的理解。①一个人所能给予他人的最珍贵的东西，莫过于自己身体的一部分。很久以前，你妈妈和我就认为，如果我们死后的身体能有助于他人恢复健康，我们的死就是有意义的。这是琳达的父亲劝慰自己的女儿时所说的一段含义深刻的话，表达了两层意思：一是你所能给予他人的最珍贵的东西莫过于你自身的一部分；二是如果死亡之躯能有助于他人恢复健康，这样的死才是有意义的。这段话体现了琳达父母善于为他人着想、无私奉献的高尚的思想境界。②妈妈，我真为你、为外公所做的一切感到骄傲。14岁的温迪在妈妈捐献外公的角膜后，不仅没有像当年的“我”那样“痛苦难忍”，反倒为自己的亲人帮助他人而感到自豪。温迪的言语，表明了她对器官捐献的正确认识，闪耀着她思想的光芒。③在这一刻，我真正领悟到了父亲留下的远非一副角膜！女儿温迪的话，让“我”顿悟：父亲留下来的不仅仅是一副角膜，更重要的是他那一心为他人的幸福着想、为帮助他人而感到快乐和骄傲的高尚品质已根植于后人的心中，并将世代相传。④这次，我为自己的女儿──14岁的温迪而骄傲！这里作者再次使用“骄傲”一词，表达了“我”对女儿温迪美好心愿的支持和认可。特意强调温迪的年龄，是为了与文章开头当年14岁的“我”进行照应，形成对比，从而引发读者的深刻思考。（2）对词语的理解。突如其来：“突如”是突然的意思，“突如其来”就是突然发生。本文是指母亲被突然而来的疾病夺走了性命。不假思索：用不着想，形容说话做事迅速。本文是指父亲捐献母亲的角膜时态度坚决，毫不犹豫。栩栩如生：形容生动活泼的样子，本文是指温迪的画技较高，画出的马就像活的一样。屡屡：一次又一次。遵从：遵照并服从。重见天日：比喻脱离黑暗环境，重新见到光明。本文是指让盲人恢复视力，看到光明。二、教学目标1.认识6个生字。2.有感情地朗读课文，体会文章的思想感情。3.读懂课文内容，培养关爱他人、帮助他人、无私奉献的优秀品质。4.学习作者抓住人物的语言进行生动细致的描写，从而表现人物精神品质的写作方法。三、教学建议1.器官捐献是社会较为关注的问题。课前可布置学生查找有关资料或调查周围人们对捐献器官的认识、态度，了解为什么会有人反对或不愿意捐献器官，为学习本课做好准备。2.这是一篇略读课文，内容不难理解，应放手让学生自读自悟。要让学生先读提示语，把握阅读要求；然后初读课文，从整体入手了解课文内容；再用自己喜欢的方式细读课文，画出令自己深受感动的语句和段落，并在旁边做上简单的批注。之后，组织学生交流自己的理解和体会。本课教学的重点是体会含义深刻的词句，领会人物的思想感情。这篇课文用了大量篇幅来描写人物的语言，教学时要引导学生抓住人物的语言进行体会，特别是父亲的两段话给人以深刻的启迪，应引导学生反复研读有关语句和段落，透过字面体会人物的情感，并从中受到感染熏陶。如在体会父亲“我”的第一段话时，可引导学生想一想：你可以给予他人哪些东西？为什么说给予别人自己身体的一部分是最珍贵的？让学生结合课前查阅的有关器官捐献的资料，谈谈自己的理解和认识。在理解有关父亲的第二处语言时，可引导学生思考：第二处语言与第一处语言有什么关系？最后把父亲的这两段耐人寻味的话连贯起来读一读，体会父亲崇高的思想境界。教学时还应引导学生按照提示语的要求，找出含有“骄傲”的句子，有感情地读一读，再联系上下文进行体会，从而深刻感悟“我”和女儿温迪的思想感情。3.教学时应特别注意朗读的指导，朗读要贯穿教学的始终。课文所表达的情意深厚，应注意引导学生设身处地体会人物的心情，读出人物的感情。可采取小组合作的方式，分角色进行朗读，读好人物的对话。4.在自读自悟、感情朗读的基础上，可引导学生试着对文中的人物进行评价，并谈谈自己从这些人物的言行中受到了什么启发，有什么感想，同学之间相互交流，相互启发，进一步加深体会。5.课后可让学生进一步搜集、整理资料，通过写倡议书或办板报的形式向人们宣传捐献器官的意义。四、教学案例（片段）体会人物特点，深化学生感受师：读过课文后，你最喜欢课文中的哪个人物？为什么？生：我喜欢琳达的父亲。这位父亲不仅捐献了自己妻子的角膜，还决定死后捐献自己所有完好的器官。生：我也喜欢琳达的父亲。他用自己的言行在影响、教育着孩子们，我觉得他非常了不起。生：琳达的父亲能够以帮助别人为快乐，可见他的思想境界特别高。师：看来，这位父亲不仅以自己的言行影响了琳达和温迪，也教育了我们大家。他是我们共同学习的榜样，他的灵魂必将得到永生。除了父亲，还有喜欢的人吗？生：我觉得琳达的母亲不同寻常，她在课文中是第一个捐献角膜的人。师：是呀，文章对这位母亲虽然是轻描淡写，但我们却能感到她那美好的心灵和高尚的情操。生：我也很喜欢琳达。琳达能够在父亲的教育下改变自己对捐献器官的看法，并且遵从父亲的遗愿捐献了父亲的角膜，这也是非常了不起的。生：我觉得琳达是个非常有爱心的人。师：能不能具体谈谈？生：琳达为去世的母亲感到悲哀与苦痛，把年迈的父亲接来同住，遵从父亲的遗愿捐献角膜，为自己的女儿感到骄傲，这些都说明她是非常有爱心的人。师：琳达是贯穿课文始终的人物，她不仅爱父母，爱孩子，也爱别人。她同样具有一颗美好的心灵。生：我还喜欢温迪。温迪非常懂事，而且多才多艺。师：课文对温迪的描写着墨不多，从哪儿看出来她很懂事？生：她为外公捐献器官而感到骄傲，还许下心愿，也要学习外公，死后捐献角膜。她虽然仅有14岁，却能够对捐献器官有这样正确的认识，能够为别人着想，我觉得她真是很了不起。师：是呀，所以温迪的母亲说：“这次，我为自己的女儿──14岁的温迪而骄傲!”课文选到这里而止，原文的结尾是这样写的，请同学们轻声读一读原文的结尾，读后交流自己的感受。没有想到，仅仅是两周之后，我再一次为器官捐献组织签署了同意书。我的可爱的女儿，才华横溢的小温迪，在一次交通事故中丧生了……当我签字时，她的话儿萦绕在我耳际：“你想过什么也看不见会有多么痛苦吗!”失去温迪二周后，我收到一封来自俄勒冈勇敢者角膜中心的信。信上写道：“角膜移植非常成功。现在，两位昔日盲人已重见天日。他们成为您女儿──一位极其热爱生命的女孩的活的纪念，并有幸分享她的美丽……”我的金发的温迪手中的画笔依旧不辍地挥动着，她的碧眼仍然闪烁着骄傲的光芒。学生谈自己的体会。（略）   </t>
  </si>
  <si>
    <t xml:space="preserve">元宝交易是什么意思啊?怎么换到元宝啊?怎么用元宝换J啊? </t>
  </si>
  <si>
    <t>补充楼上回答，河阳钱庄老板</t>
  </si>
  <si>
    <t xml:space="preserve">问题啊我的狮子买的5W是宝宝法子2130会高反高区和泰山值得练吗 </t>
  </si>
  <si>
    <t>　你自己不觉得法资质低了点吗.RS的法Z是2500,而且你看下成长.最重要的是两技能的RS太普遍了，我昨天洗了一个带高区和泰山的法Z2450没废话马上扔了,RS要带泰山.高反震和高神迹才算JP.4技能的都没用.因为高神迹4技状态下没用.个人认为一只好RS必须要有3技能</t>
  </si>
  <si>
    <t xml:space="preserve">美国人是怎么过年的啊？有亲身经历过的吗？ </t>
  </si>
  <si>
    <t>美国人的年不叫过年,叫圣诞,但时间上也和咱们不一样,是在12.25这一天过,不过在美国的旧金山这种华人聚集的地方,大家也像咱们过年一样</t>
  </si>
  <si>
    <t xml:space="preserve">明天几点开服??完美国际的猪们(GM),是10月10号上午还是中 </t>
  </si>
  <si>
    <t>根据以往的经验应该是中午12点，开服。</t>
  </si>
  <si>
    <t xml:space="preserve">C++编程编写一个冒泡排序的函数模板，并用它分别对int型和字符 </t>
  </si>
  <si>
    <t>#include &lt;tream&gt;#include &lt;string&gt;/*这是一个起泡排序的模板输入：data 待排序数组 ，      size 数组大小输出：排序后数组其他说明：      数据类型T应支持 &lt; 和 =       10/6/2006  coded by YunDanFengQing */template &lt; class T &gt;void BubbleSort ( T * data, int size ) {    bool swapped = false;    T temp;    do {        swapped = false;        for ( int i = 0; i &lt; size-1; i++ ) {            if ( data[ i+1 ] &lt; data[ i ] ) {                temp = data[ i+1 ];                data[ i+1 ] = data [ i ];                data[ i ] = temp;                swapped = true;            }        }    }while ( true == swapped );      }// BubbleSortint main(){    int i = 0;    int a[10] = { 2, 4, 6, 5, 7, 9, 1, 3,8 };    std::string s[11] = { "aaaa", "aaba", "abcd", "bcded", "aaab", "yuooo", "aacd", "aaca",                     "aaac", "aazs", "desed" };    BubbleSort ( a , 10 );    BubbleSort ( s , 11 );        for ( i = 0; i &lt; 10 ; ++i ) {        std::cout&lt;&lt; "a[ " &lt;&lt; i &lt;&lt; " ] = "&lt;&lt; a[ i ] &lt;&lt; std::endl;    }          std::cout &lt;&lt; std::endl;    for ( i= 0; i &lt; 11 ; ++i ) {        std::cout&lt;&lt; "s[ " &lt;&lt; i &lt;&lt; " ] = "&lt;&lt; s[ i ] &lt;&lt; std::endl;    }    system ( "pause" );    return 0;}</t>
  </si>
  <si>
    <t xml:space="preserve">　　周三大盘震荡下行，再度产生幅度较大的回调走势。市场传闻浦发银? </t>
  </si>
  <si>
    <t>利空频出,有点儿底部的气氛了,呵呵~</t>
  </si>
  <si>
    <t xml:space="preserve">女生的第一次会被弄伤吗因为都是第一次，女朋友的第一次弄的特别疼， </t>
  </si>
  <si>
    <t>一般来说女生的第一次由于处女膜的破裂，都会导致出血或者疼痛的发生。如果有较为充分的前戏刺激，女性分泌的液体较多，疼痛会稍微减轻一些。后来再次做爱，不会有处女膜的破损了，就会好很多。但是如果前戏不够或者是女方分泌液体不足，也会导致不适感觉的产生。如果润滑都够了，快感也不是很强烈，要考虑有的女性是阴蒂型高潮，对阴道的刺激不是太敏感。这个可以在后面的性生活当中逐渐的摸索，找到双方都感到愉快的方式。</t>
  </si>
  <si>
    <t xml:space="preserve">为什么我买不到冰霜之油配方？我接了一个“至关重要的冷却剂”的任务 </t>
  </si>
  <si>
    <t>那个东西是限量的，可能你之前有人买走了。向左跳下去杀精英食人魔，或者向右跳下去杀雪人，等会再上来买。</t>
  </si>
  <si>
    <t xml:space="preserve">完全没有自己的主见“根本就没有一点自己的主见”。毫无主见的人是不 </t>
  </si>
  <si>
    <t>连自己最起码的主见都没有，又怎么能有所作为？！</t>
  </si>
  <si>
    <t xml:space="preserve">拉屎的问题。额，是这样的，我拉屎时没有感觉，就是没有那种想拉屎的 </t>
  </si>
  <si>
    <t xml:space="preserve">你好！你的情况实际对身体的危害是很大的，根据您的情况为便秘，考虑是胃肠动力过弱所致。一些胃药如胃舒平的主要成分是氢氧化铝，可缓解因胃酸过多引起的反酸、烧心等症状，但是长时间服用，氢氧化铝会和胃酸形成氯化铝，该物质不溶且容易吸附杂质，易致便秘（但前提是要长期服用，一般短期用药不会出现便秘）。建议应到进行详细的检查以明确诊治，个人应积极排便；如果治疗期间便秘厉害，可以加服三黄片治疗或者果导片。 如果胃肠功能减弱，粪便不能及时排出，由于粪便在肠内停留过久，以致大便次数减少、大便干结、排出困难或不尽。除此之外，引起便秘的因素有很多，如：1、饮食性因素。2、精神性因素，即排便习惯的改变。3、器质性病变。如直肠炎、痤疮、肛裂、肛门痉挛、肛门炎性或手术后狭窄可影响排便而出现便秘。4、肌力减退。5、不良的排便习惯等因素。粪便长期在腹内，如不及时处理的话，有可能造成以下情况的发生：１．引起肛肠疾患；２．胃肠神经功能紊乱；３．形成粪便溃疡；４．患结肠癌；５．诱发心、脑血管疾病发作等。如长期用泻药的话，则可能造成胃肠功能紊乱。平时在饮食上要调节好,注意多喝水、多吃富含纤维的食物和新鲜的蔬菜、水果、粗纤维类食品，特别是海带、香蕉、红薯等，能达到松软大便、促进胃肠蠕动的目的。注意适当加强运动，可使胃肠活动加强，提高排便动力。养成良好的排便习惯，保持心情舒畅！另外可用中药同米煮粥吃来预防便秘： 1.红薯粥 将红薯半斤洗净连皮切成小块，与粳米2-3两，加水适量煮粥，待粥成时，加白糖适量再煮二、三沸即可。 2.紫苏麻仁粥 取紫苏子、麻子仁各10-15克，捣烂如泥，加水慢研，滤汁去渣，再用粳米2两煮为稀粥食用。老年或产后服用较为适宜。 </t>
  </si>
  <si>
    <t xml:space="preserve">数理统计问题,求解法，请帮忙，谢！设随机变量X～N(2,4)，且 </t>
  </si>
  <si>
    <t>采用几何意义结合正态分布的概率意义,正态分布从负无穷大到对称轴的概率取值0.5，也就是Gauss密度曲线和坐标轴及x=a围成的面积为0.5，而你的问题的对称轴为２，也叫数学期望，综合上述理由a=２</t>
  </si>
  <si>
    <t xml:space="preserve">商业银行的或有资产、或有负债指哪些？ </t>
  </si>
  <si>
    <t>按照企业会计准则第13号——或有事项中所说.或有负债，是指过去的交易或者事项形成的潜在义务，其存在须通过未来不确定事项的发生或不发生予以证实；或过去的交易或事项形成的现时义务，履行该义务不是很可能导致经济利益流出企业或该义务的金额不能可靠计量。或有资产，是指过去的交易或事项形成的潜在资产，其存在须通过未来不确定的发生或不发生予以证实。（一）预计负债1、预计负债的种类、形成原因以及经济利益流出不确定性的说明；2、预计负债的期初、期末余额和本期变动情况；3、与预计负债有关的预期补偿金额和本期已确认的预期补偿金额。（二）或有负债（不包括极小可能导致经济利益流出企业的或有负债）1、或有负债的种类及其形成原因、包括已贴现商业承兑汇票、未决诉讼、未决仲裁、对外提供债务担保等形成的或有负债。2、经济利益流出不确定性的说明。3、或有负债预计产生的财务影响，以及获得补偿的可能性；无法预计的，应当说明原因。</t>
  </si>
  <si>
    <t xml:space="preserve">关于台服1、已经不能创建新人物的服务器能否转服过去2、如果能转服 </t>
  </si>
  <si>
    <t>1:能（新服务器要一个月）2：能，有号就能开，最多10个3：官网，请自行GOOGLE，WOW 台服，后缀是.TW</t>
  </si>
  <si>
    <t xml:space="preserve">60圣职杖叫什么名字打什么怪掉艾米60圣职杖的名称掉落怪物 </t>
  </si>
  <si>
    <t>(转)圣职系列迟钝的雪巨人——45级圣职艾米快乐兔子头迟钝雪巨人——45圣职手套不灭武士——45级菲圣衣服精英狼人战士——50级艾米圣职帽子圣林猎手——50级艾米圣鞋土著祭师——55级菲圣手守护天使——55级菲圣手灵巧土著人----55爱米圣衣服巨蜥（卡尔）----60级菲圣衣服小树人----60爱米圣衣服邪恶树精（温拿）----60圣武器地精战士队长---65爱米圣手套蜥蜴战士队长---70爱米圣衣服</t>
  </si>
  <si>
    <t xml:space="preserve">有谁能告诉我北京有什么好玩的地方么？[汗][汗] </t>
  </si>
  <si>
    <t xml:space="preserve">什刹海 南锣鼓巷 烟袋斜街 798艺术区 欢乐谷 三里屯 蓝色港湾 动物园 海洋馆 鸟巢 水立方 奥林匹克森林公园 </t>
  </si>
  <si>
    <t xml:space="preserve">(脑筋急转弯):什么东西晚上才生出尾巴呢? </t>
  </si>
  <si>
    <t>流星 晚上才生出尾巴</t>
  </si>
  <si>
    <t xml:space="preserve">五章 </t>
  </si>
  <si>
    <t>马上7章了，5章已经过时了。</t>
  </si>
  <si>
    <t xml:space="preserve">我国何时开始有权证的？权证这种产品有一天会终止吗？ </t>
  </si>
  <si>
    <t>就在今年股改的时候出现的。当然会终止，权证有行权期的，过了行权期就没有了。现在市场上的大部分权证都是废纸一张，完全没有投资价值。就是因为投机炒作才有人买的。</t>
  </si>
  <si>
    <t xml:space="preserve">怎么能让女人叫床声小点，因为我家隔音不好，请赐教，谢谢大家！ </t>
  </si>
  <si>
    <t>绑上他，然后在把他嘴堵上！！！！</t>
  </si>
  <si>
    <t xml:space="preserve">请帮忙整理一下现在市场上所有权证的行权价谢谢请帮忙整理一下现在市 </t>
  </si>
  <si>
    <t xml:space="preserve">权证排名 走势对比  权证名称 权证 权证 交易所 标的名称 标的代码 权证价格 涨跌幅 标的价格 涨跌幅 云化CWB1 580012 认购 上海 云天化 600096 15.03 3.813% 23.8 -0.251% 长电CWB1 580007 认购 上海 长江电力 600900 8.761 2.648% 14.28 -1.449% 钢钒GFC1 031002 认购 深圳 攀钢钢钒 000629 8.04 2.056% 12.73 4.259% 伊利CWB1 580009 认购 上海 伊利股份 600887 26.19 1.602% 36 4.651% 中集ZYP1 038006 认沽 深圳 中集集团 000039 1.269 1.196% 29.85 2.156% 侨城HQC1 031001 认购 深圳 华侨城A 000069 25.88 0.657% 34.54 1.499% 华菱JTP1 038003 认沽 深圳 华菱管线 000932 1.221 0.494% 10.55 -0.189% 国电JTB1 580008 认购 上海 国电电力 600795 10.099 0.208% 13.83 -1.214% 招行CMP1 580997 认沽 上海 招商银行 600036 0.392 0% 20.76 -2.168% 武钢CWB1 580013 认购 上海 武钢股份 600005 6.004 -0.662% 12.8 1.911% 马钢CWB1 580010 认购 上海 马钢股份 600808 5.491 -0.687% 9.39 -0.106% 五粮YGP1 038004 认沽 深圳 五粮液 000858 1.87 -1.006% 26.14 -1.47% 五粮YGC1 030002 认购 深圳 五粮液 000858 25.85 -2.005% 26.14 -1.47% 钾肥JTP1 038008 认沽 深圳 盐湖钾肥 000792 1.04 -6.222% 37.49 2.348% 茅台JCP1 580990 认沽 上海 贵州茅台 600519 0.099 -30.282% 98.3 -0.727%  </t>
  </si>
  <si>
    <t xml:space="preserve">女友和我分手好几次了有时第2天有和好了有时1周就好了她到底要干什? </t>
  </si>
  <si>
    <t>我自认为女孩喜欢说分手是想让男朋友对她挽留，就表示是他爱她，可很多男孩不明白女孩的心事，所以也有很多人错过了一段良好的姻缘，其实有时候我也说不清楚为什么在伤心或者生气的时候要这么说，也知道说这样的话其实也会伤到对方，所以我觉得楼主你只要放下你的架子，再付出一点真诚，她就会回心转意，也许是你做错什么或者说错什么话她生气了才这样说的，具体她和你一而再再而三的分手和两个人的性格有很大关系，男人必须要大度一点，不能和自己喜欢的女人斤斤计较，这样的话更显男人风度，感情不能建立在家庭地位好坏之上，那样就变味了，最后我想对你说，你先找她主动道歉，并说以后不让她再生气了等等之类的话，让她接受你的歉意，就什么都好了，在适当的时候你告诉她不要随意说分手，你很在意你们的感情什么的，也许她会接受你的建议，真心的希望你们幸福快乐！</t>
  </si>
  <si>
    <t xml:space="preserve">怎样快速刷青龙？ </t>
  </si>
  <si>
    <t>快速刷青龙要点：1，六种青龙药各一组左右（孔雀红、凤凰尾、地狱灵芝、鹿茸、血珊瑚，血色茶花）；2，各任务NPC要熟悉（长寿、建业、国境、野外，长安，袄来）；3，能插旗的一定要插到位：包括帮派1面，长寿到方寸1面，长寿村村长门口1面，长安到国境PT方向门口1面，王夫人1面，吴举人1面，陈员外1面，袄来宿门口1面；4，飞行符一组。正常情况下连续不停刷，一小时可以做7-8轮。</t>
  </si>
  <si>
    <t xml:space="preserve">谦虚之彩：怎么看本期隔壁的ac米兰看得准，眼光毒，佩服！2：1 </t>
  </si>
  <si>
    <t xml:space="preserve">只是运气罢了。AC米兰100%没有平局。请大师多多赐教！！ </t>
  </si>
  <si>
    <t xml:space="preserve">女生的变化太快了啊！摸不透的古怪思想！我们交往8个月了~两人在一 </t>
  </si>
  <si>
    <t>其实男的和女的都是一样的渴望着探索异性，只是女生大部分都觉得不好意思罢了，还有女生觉得这样子男生会讨厌自己的，如果发生了性，女生会比较吃吃亏．</t>
  </si>
  <si>
    <t xml:space="preserve">各种南蛮兵符哪里出？请高手帮我解答下：蛮兵副，藤甲，精锐藤甲，兽 </t>
  </si>
  <si>
    <t>蛮兵F建宁东出的多，藤甲和精锐会稽东打力士出。不知你是哪个服务区的，如是流星的密平步青云，送你几张。</t>
  </si>
  <si>
    <t xml:space="preserve">月经来潮前会体温升高吗 </t>
  </si>
  <si>
    <t>不会，升高可能是因为你紧张，其实月经是因为得不到精子而导致毛细血管破裂造成，所以属正常现象，不用紧张的！</t>
  </si>
  <si>
    <t xml:space="preserve">我做的鸡蛋汤为什么鸡蛋是块而不是花？ </t>
  </si>
  <si>
    <t>先用淀粉勾芡,汤开锅后再倒鸡蛋,转着圈倒在锅里,倒的速度要慢些.倒完再开锅就OK,马上关火不要多烧.用勺子背面在锅里轻推几下就行了.我自己的经验.嘿嘿.</t>
  </si>
  <si>
    <t xml:space="preserve">婴儿头芯宝宝几个月能看到头芯，几个月闭合？ </t>
  </si>
  <si>
    <t>这个的话是生出来就能够看到。。一般的话是在12~18个月后会闭合的</t>
  </si>
  <si>
    <t xml:space="preserve">求农村、乡镇基层党建信息素材或文章县委组织部要求每人每月写一篇基 </t>
  </si>
  <si>
    <t xml:space="preserve">我县“三个保证”为社会主义新农村建设服务 一、充分发挥农村基层党组织的领导核心作用，为建设社会主义新农村提供组织保证。    一是大力开展农村党组织的创建活动。以开展有蓬勃的创业激情、有勇创一流的工作目标、有考核评议的规范制度、有学习先进的良好氛围、有群众拥护的深厚基础、有坚强有力的领导班子为主要内容的“六有”基层党组织创建活动，全面提高村级党组织的号召力、创新力、执行力，营造干事创业的良好氛围。    二是大力抓好村干部队伍建设。通过“两推一选”、海选等方式，把政治上靠得住、工作上有本事、作风上过得硬、人民群众信得过的人，把那些想干事、会干事、能共事的人选进村党支部书记。同时，充分发挥农村现代工程的作用，不断强化对农村干部的教育培训，结合干部素质提升工程、鼓励参加学历教育等形式，加强村干部的岗位业务培训、农村实用技术培训和学历教育，形成基层干部教育培训的长效机制。    三是大力加强农村党员队伍建设。通过思想上扶志、发展上扶业、生产上扶持、政策上扶贫，培养带头致富、带领群众致富的“双带”农村党员；积极推行无职务党员“设岗定责”，科学设岗、以岗定职，为无职务党员施展才华、发挥作用搭建有效平台。    四是大力抓好农村致富能手队伍建设。继续实施把“三个培养”工程，通过与“五好村党支部”创建活动相结合、“一体两会”创建活动相结合、与加强信息服务和技术指导相结合，组织多种形式的技能培训，使更多的农村党员成为带领群众致富的“田秀才”、“土专家”。    二、强化理论武装和政策教育，为新农村建设提供思想保证。    一是强化理论武装，特别是大力宣传建设社会主义新农村的目标、任务，引导广大农村党员、群众充分认识社会主义新农村建设的重要性和必要性、长期性和艰巨性，使农村党员全身心地投入社会主义新农村建设中，真正成为践行“三个代表”重要思想的组织者，实践者和推动者。    二是强化党章教育，提高对社会主义新农村伟大使命的认识。通过认真学习党章、自觉遵守党章、切实贯彻党章、坚决维护党章，用党章统一广大农村党员的思想和行动，在社会主义新农村建设中更好的发挥先锋模范作用。    三是强化科学发展观教育，提高对建设新农村发展理念的认识，牢固树立以人为本的理念，实现经济社会全面、协调、可持续发展。    四是强化法律法规教育，广泛开展普法宣传教育，增强广大农村党员、群众的法制观念，提高学法、守法、用法的自觉性，推进农村民主法制建设。    五是强化公民道德教育，广泛开展思想道德教育，引导农村党员和农民群众自觉抵制封建迷信、不良腐朽思想和其他落后观念的影响，全面提高农村党员群众的思想道德教育。强化社会主义荣辱观的教育，把社会主义荣辱观作为党员和群众的价值取向和道德准则。    三、建立高效运转的工作机制，为新农村建设提供制度保证。    一是村级组织活动规范化。“高标准、高起点”做好了21个村级活动场所建设，为党员开展组织生活和各项活动、丰富文化生活提供保障。进一步落实党员教育管理制度和措施，完善“三会一课”、民主生活会、民主评议党员制度，规范党的组织生活。建立机关事业单位党组织、党员与农村党组织、党员帮扶对子和帮扶机制，通过一帮一的形式，以城带农，形成城市支持农村党建的新机制。    二是坚持村级重大事项公开化。建立村级财务“定人负责、定期审查、定期记账、定时公开”制度；坚持发展党员、重大决策“公示”制，加大办事透明度，接受群众监督。    三是实现村干部激励约束机制制度化。按照“五个好”的要求，对村干部在选拔任用、教育培养、目标考核、经济待遇等方面实行制度化管理，规范村干部的行为；建立健全村干部工作责任制，明确村干部的工作职责和目标责任，完善考核评议、监督检查、激励评优等方式，对村干部进行综合考评，积极探索建立村干部激励机制。     四是实现村级工作运行效能化。通过村民会议、村民代表会议、党员代表会议、党员大会等形式实现村务公决，积极引导广大群众对新农村建设提出具体明确的目标思路、规划方案、工作重点和标准要求，明确努力的方向。.........................................................江西新干县桃溪乡四措并举着力打造“和谐党建”  为建立一支和谐稳定的农村党员队伍，近年来，江西新干县桃溪乡党委采取四项措施建立健全党员系列关怀和激励保障机制，使农村党员干有所为、困有所求、难有所帮，农村党员的政治感和荣誉感得到增强，党员队伍整体活力切实得到提高。目前全乡517名农村党员，高中以上文化占76%，致富能人占84.7%，党员队伍后备力量进一步得到充实，全乡现有入党申请人、入党积极分子198名。　　开通了党员求助热线。乡党委开通公布了党员求助热线，并指定专人负责党员求助电话的登记受理，对受理情况，乡党委做到有诉必批、有批必查、有查必办、有办必果，确保党员所求件件有着落，事事有回音。据统计，热线自开通以来，乡党委共受理党员求助电话75个，答复和办结率达100%。　　在全县各乡镇率先建立了困难党员扶助金。乡党委向11个村党组织制定下发了《关于建立党员扶助金开展困难党员帮扶的实施方案的通知》，各村党组织采取村集体或转移支付出一点，向县直挂点单位争取一点，动员本村成功创业人士、知名人士、富裕党员扶持一点和积极争取社会各界（单位、组织、个人）自愿捐助一点等办法，多渠道筹集困难党员扶助金3.65万元，党员扶助金主要用于探望生病党员、吊唁去世党员和救济救助年老体弱、生活特困以及遭受大病、重灾或发生突发事故的困难党员，使农村每位党员在困难时能及时得到党组织的关怀和帮助。　　开展“党员固定活动日”活动。将每月8日确定为党员固定活动日，定期组织党员参加学习，开展各种娱乐活动，并将村财务运行、新农村建设等重大事项提交党员大会讨论，做到重大情况党员先通报、重大决策党员先讨论、重要事件党员先传达，畅通了党员建言献策渠道，确保了党员对党内重大事项的知情权、决策权、参与权和监督权。　　建立在任村支书、村主任养老保险制度。通过“政府买单”方式对全乡9名在任村支书、村主任统一在县社保局办理了养老保险，解决了在任村干部退后无保障的后顾之忧。推荐 一个网址 ： </t>
  </si>
  <si>
    <t xml:space="preserve">请问什么是FK装备，我现在22级斗士应用什么装备顺便问一下28F </t>
  </si>
  <si>
    <t>FK是轻装，C级的一般刺客穿，或者召唤系的穿穿奶妈也可以穿。22级的剑斗，应该买梭子一套，如果带头盔的话一般100W，再加D顶双刀180W，再加精灵首饰套47W，再加一些其他的手啊，脚的，总共差不多要350W</t>
  </si>
  <si>
    <t xml:space="preserve">24岁想做牙齿矫正最近两年才发现上下咬合不整齐，想咨询一下费用和 </t>
  </si>
  <si>
    <t>常规矫正时间需要一到两年，检查以后才能知道治疗计划，费用问题不好回答你，地区不同价格不同，而且治疗方案不同价格也不同。</t>
  </si>
  <si>
    <t xml:space="preserve">易方达价值成长近期要分红现将收益分配的具体事宜公告如下：一、收益 </t>
  </si>
  <si>
    <t>他打了不少的新股,而本月恰恰是网下申购的部分解禁高峰,数米啦!</t>
  </si>
  <si>
    <t xml:space="preserve">佛山张槎报装有限电视的电话号码是多少我想在佛山张槎报装有限电视， </t>
  </si>
  <si>
    <t>禅城区张槎有线电视营业点：东鄱南路2号佛山珠江传媒网络有限公司门口右侧客户服务热线：960233</t>
  </si>
  <si>
    <t xml:space="preserve">我爷爷脚疼好几个月了查不出原因，医生看他腿上有癣，建议去找治疗皮? </t>
  </si>
  <si>
    <t>我建议你去天津京津医院吧，我姨姨的就是在那里治疗的，10多年的牛皮癣了，都说没法治，抱着试试看的态度去了，结果还真的治好了，那里确实不错，你去那里看吧。</t>
  </si>
  <si>
    <t>100元钱买了一碗稀饭</t>
  </si>
  <si>
    <t>贵州好贵的一碗稀饭啊</t>
  </si>
  <si>
    <t xml:space="preserve">PG的技能问题呵呵如果买那个新技能那空接与假动作还用买吗?新技能 </t>
  </si>
  <si>
    <t>感觉这个新技能还不错啦，空接自然还是有用的，至于假动作虽然勾手传球失败了也会出但是如果技能栏充裕的话还是买了吧，如果技能栏还是5格没增加那就先不用买了</t>
  </si>
  <si>
    <t xml:space="preserve">华北网通8什么时候开啊说下，我只想知道8区何时开，2区玩的伤心了 </t>
  </si>
  <si>
    <t xml:space="preserve">唉 我老早就开始等待 但是谁也说不好什么时候开 只有等官方公布才能晓得5555555555555 顶~~~~~~~ </t>
  </si>
  <si>
    <t>B含于A，求a取值范围已知集合A={Xlx2</t>
  </si>
  <si>
    <t xml:space="preserve">已知集合A={x|x²-3x+2=0}，B={x|x²-2x+a-1=0},B包含于A,求a的范围？A＝{1,2}   B包含于A(1)、当B＝∮时，B中的元素的个数为0个，即x²-2x+a-1=0无实根　　∴△＝4－4(a－1)＜0　　∴a＞2(2)、当B中的元素的个数为1个时，△＝0　　　　∴a＝2　此时B＝{1}(3)、B中的元素的个数为2时，B＝A　此种情况不存在综上：a≥2 </t>
  </si>
  <si>
    <t xml:space="preserve">关于“容易”的作文本人初二……求作文一篇……谢谢500字以上哦以 </t>
  </si>
  <si>
    <t xml:space="preserve"> 不能复制 你自己打开看</t>
  </si>
  <si>
    <t xml:space="preserve">请帮忙诊断一下！！1我和老公结婚十几年，他是一个非常自我的人，没 </t>
  </si>
  <si>
    <t>这样的话分开算了，这样把自己的时间都浪费在了一个不值得自己付出的男人身上,女人的青春很短暂的,孩子也大了吧应该不会受到什么伤害,理智点这样下去不是他甩你就是会又更差的结果吧!人都说劝和不劝分,但是我不喜欢强求,事事对自己好就好别的都扯淡.</t>
  </si>
  <si>
    <t xml:space="preserve">老师请问600156能进吗？后市如何我看这个股票都是稳步攀升，一 </t>
  </si>
  <si>
    <t>是的,一路上来是沿5.10日均线上来的,最底线是30日均线,碰到30日均线便马上归位,可以在10.30日均线位置吃点,只要不破30日均线可以一直持有.(个人看法.</t>
  </si>
  <si>
    <t xml:space="preserve">英语书面表达假设你是李华，你在报上看到北京电视台今年七月将举办外 </t>
  </si>
  <si>
    <t>内容要点：1．才艺大赛的内容和对象2．比赛时间3．报名时间和地点4．建议参加，表示可提供帮助Dear Peter,I read in a newspaper today that a “Learn Chinese, Sing Chinese Songs” Foreigners’TalentShowwillbeheldinBeijingTelevisionStationonJuly18.Iknowyoulikesinging, inkthisisagoodchanceforyoutoshowyoursingingtalent,andhowwellyou’velearnedChinese.Ifyouwouldliketotry,you'UhavetogototheTVstationtosignupbeforetheendofJune.IfthereisanythingIcandoforyou,Iwouldbemorethangladtohelp.Yours, Li Hua</t>
  </si>
  <si>
    <t xml:space="preserve">钱老师好钱老师，周一还可以买桐昆股份吗？或是买陕天然气？大盘还会 </t>
  </si>
  <si>
    <t>虽然大盘连续不看好，但桐昆股份的行情还没完。该股20日均线的支撑人为控制痕迹明显，可以逢低介入。陕天然气的走势虽弱，但其基本面更有吸引力且主力资金控盘明显。短线很可能会继续震荡盘升。</t>
  </si>
  <si>
    <t xml:space="preserve">重庆直辖之前的车牌代码是什么？ </t>
  </si>
  <si>
    <t>重庆直辖之前是属于四川省管辖，当然是川B呀，川A是成都。</t>
  </si>
  <si>
    <t xml:space="preserve">水蒸蛋怎么做昨天突然很想吃水蒸蛋，于是就按平常人们说的方法做了， </t>
  </si>
  <si>
    <t>你水放太多了。一般要鸡蛋嫩的话，水和鸡蛋的比例约是2：1。   记得放盐！！         凝结后，可以在表面加一勺炒好的肉末，放点醋和香葱~~~~~~~~~~~~美味！！</t>
  </si>
  <si>
    <t xml:space="preserve">介绍电影《森林反恐队》导演剧情啥的 </t>
  </si>
  <si>
    <t xml:space="preserve">可爱的小狸RJ(布鲁斯·威利斯)在人类侵略它赖以生存的森林领地之前，从没想到自己有一天会成为带领整个森林中小动物居民与人类“入侵者”抗争的领袖。 相反，小狸猫RJ的人生目标只是为了糊口，并能在质量上有所保证。为了嘴上的享受，他可以冒着生命危险潜入森林霸主黑熊文申的家中，将其辛苦储存下来准备过冬用的一大桶食物吃个精光。强悍的文申当然不会放过这个偷吃贼，而给他的唯一生路就是在一定期限内将他刚刚偷吃得精光的食物空桶填满，否则RJ将面临小命不保的厄运。于是，RJ开始了拼命找食物偿还窃债的旅程。 而小动物的头领乌龟沃尼(加里·桑德林)外出后发现，森林居民们常去的那块绿地已经变成了人类的住宅，并且用长长的篱笆墙围了起来。沃尼一步一惊心地翻过篱墙，开始了险象环生的回家之旅：差点被轰隆隆的割草机剪断脖子，小孩的山地车几乎将它的龟壳碾碎，又险些被庭院中聚餐的人群踩扁。 九死一生回到森林的沃尼警告大家千万不要跨过篱墙之外，否则随时有血腥之灾。大家噤若寒蝉，而RJ深知，要找足文申要求的食物，非得到篱墙之外的垃圾桶才能办到，于是它不顾沃尼的劝告，一人跨过篱墙来到被人类霸占的领地。在这里它见到许多叫不出名字的食物。偷到食物胜利回家的RJ向大家讲述着自己的经历，告诉大家被人类占领的土地上有许多新鲜的玩意并鼓励它们翻越篱墙偷走人类的食物。 正当大家犹豫不决时，RJ从人类那偷来的一包薯片以其独特的香味和口感征服了森林中的小动物们。于是，在RJ的带领下，小动物们开始翻越篱墙，“以你占我土地，我偷你食物”为口号向人类大肆报复。被小动物弄得焦头烂额的人类居民马上召开业主委员会，决定请来灭害专家对付这群难缠的小东西。头领沃尼对于森林居民的行为非常不满，它担心RJ引起的这场与人类对决的行动会导致森林的毁灭，在几次交锋中，固执的沃尼见到RJ它们的力量，渐渐意识到或许RJ才是真正的领导，森林的未来应该由它来领导…… </t>
  </si>
  <si>
    <t xml:space="preserve">MRI颈椎反曲骨质增生椎间盘向后突出，颈椎反曲，C456骨折，已? </t>
  </si>
  <si>
    <t>颈椎退变，情况不严重，椎管无明显狭窄，神经无严重受压，可以考虑保守治疗。建议首先从改变生活习惯开始，避免久坐 ，避免颈部不良姿势、颈部肌肉劳累，同时注意加强颈部肌肉锻炼。祝您早日康复！</t>
  </si>
  <si>
    <t xml:space="preserve">关于概念表弟找了条高中的问题来问我,但我最不会这些概念问题了,所 </t>
  </si>
  <si>
    <t xml:space="preserve">“聚二氧化碳可属于氧化物”这句话不对.因为氧化物必须是纯净物，而聚二氧化碳分子式中有参数n，n可“同时”取到任意“不同”正整数，所以为混合物，故不是氧化物。 </t>
  </si>
  <si>
    <t xml:space="preserve">生化危机4怎么躲避石头 </t>
  </si>
  <si>
    <t>之前一定要有触发电锯男剧情（就是刚进村子跑进那个2楼的房子） 到滚石那里会出现“3” 也就是开抢键 不建议两人一起按（这样会比平常慢） 建议按小键盘的ENTER键（键盘右下角的） 起初我也是过不了这里 不知怎么回事 按中间的ENTER键老是过不了 按小键盘的ENTER键就觉得很容易 要是按得够快的话 会随机出现 1+3或5+6的反应键 1+3对应右CTRL+ENTER 5+6对应左SHIFT+右SHIFT如果你是用键盘玩的话，两种方法。一是在提示的时候同时按左边的SHIFT和右边的SHIFT 或者是 右边的SHIFT和回车键，主要还是时机和看它提示的什么，</t>
  </si>
  <si>
    <t xml:space="preserve">怎么样建立一个新的自己的文件夹内容问题发生时间：刚刚详细描述：怎 </t>
  </si>
  <si>
    <t>在桌面上,或是C盘,D盘,E盘.......等等好多地方,只要你在空白处右击鼠标,弹出的菜单中就有新建文件夹,你点一下就OK了,然后再右击那个文件夹,给它"重命名"就可以了,想叫什么就叫什么.快去试试吧.</t>
  </si>
  <si>
    <t xml:space="preserve">陈老师，您说上国际园的孩子如果上传统的小学，在幼小衔接的问题上，? </t>
  </si>
  <si>
    <t xml:space="preserve">最麻烦的是孩子已经习惯了“较自由”的上课方式和少作业多发问多动手的习惯。训练孩子逐渐加强静坐学习和用心写作业的习惯必须讲方法，如果你用很严肃，甚至强迫，令他厌恶这样的读书方式，他会有抵触情绪，结果可能更糟。耐心些，让他慢慢适应。 </t>
  </si>
  <si>
    <t xml:space="preserve">恋爱,相亲,我该怎么办？~~~十万火急！！！！~急~~~~!!!? </t>
  </si>
  <si>
    <t>继续联系先。1、从一开始你的不自信，对她也了解的量也不够多，弄成了现在这样的局面；2、工作努力并且已买房子，至少这个起点就是不错的。3、你是觉得自己的长相不合她意还是觉得家庭条件的差距实在太大，实际接触相处的时间不多，主要通过电话，你是看不到她的表情和神态的。从开始联系她不怎么关心到慢慢关心你，其实是一个不错的转变。至少这一点，你是有一定的希望的。到后面她说你的优点，为什么你反而好像觉得自己做错事一样呢？4、部队出来的女生一般都比较坚强而且是独力型的人，这一点需要足够的尊重和认可，比如她说，你做一个和她有关的决定，试着多问问她的看法。当然，更多的去找一个共同的爱好或者相同的价值观，人和人之间产生共鸣的时候，就会有很亲近的感觉。5、多点男子气概，你就是最好的，一定要认可你自己，更要知道你自己想要什么。你再多去了解她的性格和心思，多体会下她，别光顾着否定自己和自哀自怜了。男人的自信和风度一定需要多加修炼，平时多增加点自己的内涵吧。既然喜欢那就多争取，她是你心仪的，豁出去，厚着点脸皮，追自己喜欢的人还顾忌这么多干啥？~加油吧！去欣赏自己，改变自己，不断去丰富自己，让你成为她眼中移不开的那颗闪亮星星。祝好！</t>
  </si>
  <si>
    <t xml:space="preserve">瞎子点灯这句歇后语接下来是什么? </t>
  </si>
  <si>
    <t>白费蜡。比喻精力、心思等都白白的耗费了。例句：算了吧，咱们忙活了半个月，都是瞎子点灯，白费蜡。</t>
  </si>
  <si>
    <t xml:space="preserve">药物流产吃什么药 </t>
  </si>
  <si>
    <t>你好，药物流产也是有危险的。用息隐(米非司酮片)加米索前列醇药物口服终止早期妊娠。目前常用的药物是米非司酮片（Ru 486）和前列腺素联合应用，药物有禁忌症的，最好是不要自己擅自应用。药物流产适合于怀孕5～7周，药物流产可能会造成不全流产或流产失败。药物流产前都是要做一下身体检查的。以免发生意外。无论是人工流产或药物流产，对孕妇的身体健康和心理都有较大的影响。如果不是很必要，是不建议做流产的。个人理解，胎儿也是一个生命。</t>
  </si>
  <si>
    <t xml:space="preserve">山东哪里有批发高仿衣服的，要名牌的，耐克、阿迪、only这样的 </t>
  </si>
  <si>
    <t>济南的乐口批发市场,在动物园北面</t>
  </si>
  <si>
    <t xml:space="preserve">楼上楼下的邻里关系怎样处理？我住在一个单位楼的一楼，我楼上住着一 </t>
  </si>
  <si>
    <t>讲到这件事,我就要骂权利部门!老东西,一对狗男女,还是学法的呢,怎么不早死呢?住在楼上就可以随便作弄别人啊?作弄别人这还要说理由吗?这还能和它门讲理吗?它们是在故意地找是非!这一切都怪这个国家缺少法制!或者说这个法制是变压电阻,飘忽不定的,所以才会有这么多的人明知自己的行为违反宪法(侵犯别人的人权,别人享受安静和居住的权利是不折不扣的人权,这个很多人都懂吧?),可就是要大胆地违反,为什么它们这么大胆地藐视法律呢?就是因为这个国家的权利部门都不管这些它们看来是琐碎的民间纠纷,它们都想着怎么大把地捞钱,快速地致富,哪有闲心管这事!中国住楼下的谁家没有碰到这种楼上邻居呢?非要到动刀动枪了,才会有人出来说风凉话,什么心胸狭窄啦,什么没有法制意识啦,什么狗屁理由啦,就是在矛盾处于萌芽状态时,没有人会来从法律的角度严惩始作俑者,你求爷爷告奶奶都没有用,而且楼上的行为是动态的,不定时的,给楼下住户造成的痛苦是长久的,巨大的,这比拿刀刺两下造成的危害更大,这个国家怎么就没有人知道呢?感情高官门从来没有住过楼下啊?象这种本是法院作的人都如此蛮不讲理,这国家还有希望吗?这法院的人还有什么值得人尊敬的?怎么学的法?怎么混到法院去的?现在法院里这种货色还多不多?是不是法院的人生活中都是这个德行?这对老东西如果真象你所说的这么不讲理,那么它们的寿也不会长,上苍有眼的!它们家的小畜生在这种环境下长大也不会是讲道理的,但是它们很可能长大也是法律系统的,悲哀啊?中国的前途在何方啊?如果你告到法院,它们有内线,你告不赢它们的,它们会有各种借口的,它会说:你总不能不让它走动吧,至于怎么走的,只有你自己知道其中的痛苦,没有人会采用暗访的方法来帮助你的,没有乾隆的,我帮你作证是没有用的,如果它们往楼下泼水到是可以肯定地告赢它,这个响声没有人会为你主持正义的,尽管我完全能够理解你!那家老东西的一句话到是对的,就是你搬走,让别人来受它们的气,你要尽快脱离苦海!</t>
  </si>
  <si>
    <t xml:space="preserve">听力考试是有专用耳机吗 </t>
  </si>
  <si>
    <t>雅思听力有的</t>
  </si>
  <si>
    <t xml:space="preserve">永远的德罗巴！！！！！！！！！！！ </t>
  </si>
  <si>
    <t>很喜欢他，不知伤的重不？</t>
  </si>
  <si>
    <t xml:space="preserve">我该怎么办???大家帮帮忙跟女朋友分手快两个月了,每天都会想到她 </t>
  </si>
  <si>
    <t>说明你还爱着她，那就去找她吧</t>
  </si>
  <si>
    <t xml:space="preserve">求解:这是什么?是龟吗? </t>
  </si>
  <si>
    <t>乌龟~是吧是，是鳖吧乌龟的一种是得鳄龟</t>
  </si>
  <si>
    <t xml:space="preserve">本期任九奖金会破100万理由:对阵决定奖金大冷四个:沙特输阿联酋 </t>
  </si>
  <si>
    <t>真正因喜爱足球而买足彩的人，不会因为奖金的多少而竞猜，而是因为去享受足球带来的快乐而竞猜，足球本身的魅力才是我等球迷不惜熬夜的根本原因，我不为是否中奖而看球，我只为看球而看球，但我期期都在经济能力承受得起的情况下买单场和任九，中奖与否是我追逐的一个梦想而已，与看球无关</t>
  </si>
  <si>
    <t xml:space="preserve">有什么好方法治愈灰指甲?最近我患上了灰指甲,郁闷极了,凉鞋也不好 </t>
  </si>
  <si>
    <t>灰指甲可传染 也可防治 据医生介绍 ,灰指甲是一种发生在人甲上的传染性疾病 ,能引起灰指甲的病原真菌有许多种 ,其中最主要的是皮肤癣菌 ,这种菌就生存在我们身边 ,如土壤里、浴池及池的地面、动物 (常见于猫、狗、猪等 )身上 ,以及患有皮肤真菌病患者的皮疹内。 灰指甲与其它癣病一样 ,多见于高温潮湿地区。除了地理因素 ,个人情况更决定了谁更容易患病 ,如不注意个人卫生,经常劳动或运动 ,爱穿紧身衣裤及不透气的鞋子 ,年老体弱等等。往往是先患皮肤癣病 ,如脚气 ,再传染上趾 (指 )甲,但也有少数人先有灰指甲 ,再通过病甲引起皮肤感染。灰指甲不仅可自身传染 ,也可能传染给别人。 近几年一些新的口服抗真菌药物的问世 ,对灰指甲疗效高 ,副作用小 ,较为安全可靠 ,患者可在医生的指导下服药治疗。 另外 ,灰指甲治愈后仍要采取一定预防措施 ,特别是足部应保持干燥 ,到公共浴池、游泳池等处应自带拖鞋 ,家庭中患有癣病的成员应同时治疗等 灰指甲是一种发生在人甲上的传染性疾病，医学上称为甲真菌病，它是由真菌感染引起的。能引起灰指甲的病原真菌有许多种，最新病原学调查结果显示：中国人的灰指甲主要是由皮肤癣菌、酵母菌和霉菌三种真菌感染引起，且存在一定比例的混合感染。 治愈灰指甲的首要前提就是正确的诊断。手指甲或脚趾甲出现异常并不一定就是灰指甲。许多皮肤病及全身性疾病也会引起甲改变，如银屑病、湿疹、连续性肢端皮炎、雷诺氏症等引起的甲病在症状上与灰指甲有一定的相似之处。患者自己往往难以分辨，最重要的诊断参考指标之一是真菌镜检或培养呈阳性。因此，患病后应该立即到正规医院皮肤科就诊，可以做一个真菌检验或培养，确诊为灰指甲后，再制订治疗方案。 其实灰指甲并不难治，最重要的是到正规医院皮肤科接受正确的治疗。患者应了解更多的灰指甲治疗知识，以便与医生商讨最适合自己的治疗方案，也更易理解医生的治疗意图，更好地配合医生治愈疾病。 灰指甲的传统治疗方法是在用药前用小刀刮削松脆的病甲，或将病甲削薄，然后涂5％碘酊或10-30％冰醋酸溶液。这种方法起码要坚持一年才能见效。很多病人往往由于碘的颜色，冰醋酸的气味以及疗程太长而中断治疗。而且指（趾）甲自身的致密结构阻碍了外用药物的渗入，因此单用外用药治愈率较低，目前主要配合口服药使用。 手术拔甲的治疗虽然方法简单，但由于有时很难彻底清除病甲，并且仍然存在甲床中的真菌再次侵入甲板的机会，复发较多且术后造成的剧痛和可能引起的继发感染给生活和工作都带来诸多不便，目前极少采用。 后来医学界研究开发了口服抗真菌药物，早期的有灰黄霉素、酮康唑。这些药物服用方便，但因疗效不稳定、抗菌范围小，复发率较高且有令人担心的副作用，加之服药时间长达半年到一年半以上而渐被淘汰。 近几年，新一代的口服抗真菌药的出现，使灰指甲的治疗获得了很大的突破，可以说，只要积极治疗，灰指甲是完全可以治愈的。目前医生主要推荐的是应用简单方便的口服广谱抗真菌药，如伊曲康唑（斯皮仁诺胶囊）。该药抗真菌谱广，能有效治疗包括皮肤癣菌、酵母菌和霉菌在内的各种真菌感染引起的灰指甲，临床研究证明有效治愈率达85-90％。由于其具有高度的亲脂性、亲角质性的特点，按疗程服用后药物可持续在指甲中发挥作用超过10个月，难看的灰指甲随即被健康的指甲替代。目前该药已在全世界73个国家安全使用，服用者超过七千万人</t>
  </si>
  <si>
    <t xml:space="preserve">中国号称有960万平方公里,世界第三.但实际上真的有那么大吗?究? </t>
  </si>
  <si>
    <t>中国国土面积按官方的说法是大约960万平方公里,其误差之大属世界第一,台湾的面积才3.6万平方公里,在我们国土面积大约的数字里面,3.6万是可以忽略不计的,去掉一个台湾,我们仍然可以说有960万平方公里的土地,真是国大气粗.中国部公布的美国面积为9372615平方公里,当然我们也不和能相信美国的面积能精确到1平方公里.按照这个数字,中国的面积仅次于俄罗斯,加拿大,居世界第三. 根据《中国地图册》(2004年1月第10版)的数字,将它上面的各省,市,区的面积进行累计,得到总面积是933.3027万平方千米,各省区的面积都仅精确到万,有24个省区都为XX多万平方千米,每个地方平均加0.5万平方千米,共加12万平方千米,总面积才为945.3万平方千米,与960万平方千米,还差14万平方千米,比安徽还大.真不知道这些数字是怎么测出来的.我查了一下国外中美国土面积的数字资料,问题又变得更加复杂起来.按Microsoft的电子百科全书(Encarta Encyclopedia), 中国面积为9,571,300 sq km,而美国的面积为9,629,047 sqkm ,数中还明确指出美国是仅次于俄罗斯,加拿大,面积第三的国家.大英百科全书记载的中国面积为9,572,900sq km,美国面积为9,518,287 sqkm,第三大的还是中国.美国哥伦比亚百科全书记载的中国面积为9,561,000 sqkm,美国面积为9,166,598 sqkm,并称美国面积是世界第四大.在美国中央情报局的网站上查到的数据为,中国总面积为: 9,596,960 sqkm 其中陆地面积为: 9,326,410 sq km 水域面积为: 270,550 sqkm。就东段9万平方公里的争议面积来看，官方资料：西藏山南地区有印占区22900平方公里。林芝地区有印占区41000万平方公里，合计63900。东部的争议区全部是在山南、林芝两块。占中国没控制的面积的95%以上，印度所谓的“阿努恰尔邦”总面积只有8万2，而不是9万。（部分“阿努恰尔邦”还不是不是争议区，即很多人说的水草丰美之地，那是印度的提斯浦尔这块地方，那里始终是印度控制。） 　　西部3万5千平方公里，基本在中国控制下，就不多说了。而62年战争前印度蚕食了这块边界约5000平方公里。现在占了2500多。 　　前一阵子印度报纸宣称，他们的巡逻队在东段边界，距离自己理解的边界（麦线）自己一侧14公里处就被解放军逮捕了，如果东段的实际控制线就是麦线，说明我边防军已经很推进了。　　东边麦线的理解，中国和印度并不一样，至于中国62年撤军时说撤到59年11月7日的实际控制线，当然是自己所理解的“实际控制线”。 　　87-88的桑东林峡谷对峙事件中，林芝军分区开展了反蚕食斗争，哨所前推，压缩了不少印度控制区。（在地广人稀的地区，哨所间距离往往达10数~数10公里，印度的实际/控制线也不是铁桶，也是可以被渗透蚕食的）。从那时起边界一直延续到现在的情况。 　　说东线9万全在印度控制下的说法，属于62年的老资料。</t>
  </si>
  <si>
    <t xml:space="preserve">为什么冰箱有异味？？？因为：冰箱里的东西时间长了，变质了，所以要 </t>
  </si>
  <si>
    <t>冰箱的东西放多了经常有各种不好闻的味道出来．除了要定期清理和擦拭之外就是要常换除味剂了．日常生活中也有一些吃的东西可以除味道的，又经济又环保．一是橙子的皮，以后吃完橙子以后要把皮留下，放在冰箱里，有去怪味的功能．还有就是柚子的皮，柚子的皮也是除味道的高手．特别是柚子皮比较多，效果更强．再有就是买两个柠檬放在冰箱时啦，一定要切开，最好能把汁挤出一点点来，效果也很好．</t>
  </si>
  <si>
    <t xml:space="preserve">征途装备升太阳怎么升。谁可以告诉我啊吗？还有灵魂锁链是怎么激活的? </t>
  </si>
  <si>
    <t xml:space="preserve">【升级方法】 　使用月光宝盒和升级宝石进行装备升级。　1、右键点击界面右下角的月光宝盒，打开月光宝盒界面，选择装备升级。2、将要升级的装备和升级宝石放入月光宝盒。一次最多可以放入1件装备，4颗升级宝石(放1颗也可以,但升级的成功率较低.不过一般前面4手很多人都只用1颗)。注意： 40 级以下的装备升级需要“升级宝石”， 40 级及以上的装备升级需要“精致升级宝石”。精致升级宝石无法升级40级以下的装备。 　提醒：装备升级有一定的成功率，放入越多的升级宝石，成功几率越高，最多可同时放入 4 个升级宝石。装备升级需要消耗一定的金钱。　3、点击箭头按钮，装备升级完成。　若升级成功，则鼠标指向装备将看到装备说明上增加了一颗星星，表示该装备的等级。若升级失败，升级宝石消失，装备星星下降，最低下降为无星状态。【装备升级后的等级显示】　在装备升级中，若升级成功，则装备说明上将增加一颗星星（如上图示）。一件装备一共可以升级12次，每次升级成功后，将有如下表现的星星出现，最高级显示为太阳，证明装备的价值：）　一级为 ★（白色）　二级为 ★★　三级为 ★★★　四级为 ★★★★　五级为 ★★★★★　六级为 ★★★★★★　七级为 ★★★★★★★　八级为 ★★★★★★★★　九级为 ★★★★★★★★★　十级为 ★★★★★★★★★★　十一级为 11颗闪闪的星星　十二级为 12颗黄色的小太阳  十三级为 13颗黄色的大太阳,【装备升级失败后的星星数量】　在装备升级中，若升级失败，则用于升级的升级宝石照常消失，但装备星星下降，最低下降为无星状态。　　+1物品往+2 升级，失败时，等级降到0 　　+2物品往+3 升级，失败时，等级降到0 　　+3物品往+4 升级，失败时，等级降到+1 　　+4物品往+5 升级，失败时，等级降到+2 　　+5物品往+6 升级，失败时，等级降到+3 　　+6物品往+7 升级，失败时，等级降到+4 　　+7物品往+8 升级，失败时，等级降到+5　　+8物品往+9 升级，失败时，等级降到0　　+9物品往+10 升级，失败时，等级降到0　　+10物品往+11 升级，失败时，等级降到0　　+11物品往+12 升级，失败时，等级降到0灵魂锁链激活方法玩家获得带有灵魂锁链的装备，并且通过其它相应装备进行灵魂锁链激活，可以在原有装备的基础上大幅度的提升装备威力，可谓是《征途》群雄梦寐以求的极品！何谓灵魂锁链？征途中有些装备带有隐藏属性，即灵魂锁链。隐藏属性作为这件装备的属性一直存在，但没有被指定的装备激活前，隐藏属性不产生效果，并且装备属性描述上显示为灰色。只有玩家装备了指定的装备后，这些隐藏属性才能被激活，装备属性描述上显示为紫色。如何激活灵魂锁链？全套装备，单手武器共 11 件装备可激活9件，双手武器共 10 件装备可激活8件，激活顺序如下：装备类型                      激活所需装备 头盔（物防、魔防）         腰带（物防、魔防） 项链（物攻、魔攻）         戒指（物攻、魔攻） 衣服（物防、魔防、血衣） 护腕（物防、魔防、魔防）  腰带（物防、魔防）         头盔（物防、魔防）  戒指（物攻、魔攻）         项链（物攻、魔攻） 鞋子（物防、魔防）         护腕（物防、魔防） 护腕（物防、魔防）         头盔（物防、魔防） 武器（物攻、魔攻）         戒指（物攻、魔攻） 盾牌                       戒指（物攻）  灵魂锁链分类：目前游戏中的灵魂锁链主要分为以下几种：物理伤害减少（最高可达12%）魔法伤害减少（最高可达12%）增加伤害（最高可达9%）忽视目标防御（最高可达5%）伤害反射（最高可达9%）注：目前打造装备用的各种高低等材料开放到6等，使用6等材料打造装备出现的各种属性概率已经达到最好。 </t>
  </si>
  <si>
    <t xml:space="preserve">脚背长了很多小泡泡，并且很痒，擦了很多药都不好，是什么啊？ </t>
  </si>
  <si>
    <t>真菌感染.买五毛钱的明矾回来.用热水溶化,把脚放到水中泡十来分钟,管好.记得最后要用清水冲洗一下.如果感觉没有全好,可以多泡一次. 很多人都得这毛病,我自己都是这么治好的.</t>
  </si>
  <si>
    <t xml:space="preserve">什么卡可以在全国内免费接听啊 </t>
  </si>
  <si>
    <t xml:space="preserve">      中国移动以非常强势的姿态推出了“50套餐”，和之前的套餐相比，这款套餐显得更加实惠，并且还有丰富的增值服务包可以选择，无论是电话超多的商务人士，还是电话一般的普通用户，50套餐都是一款非常值得大家考虑并且选购的移动电话套餐。以最低资费档为例，只要50元就可以本地通话450分钟，并且超出之后的资费为的本地通话费只0.11元/分。　　除了优惠的话费之外，50套餐还可申请“畅听优惠包”、“本地免费接听所有来电”、“IP国内长途优惠包”等非常超值的业务。同时赠送“彩铃”和“手机上网5元套餐”两项增值业务。全球通的尊贵和更轻松的话费，一切都由您掌握。 </t>
  </si>
  <si>
    <t xml:space="preserve">怎样将电脑光盘格式化为dvd光盘 </t>
  </si>
  <si>
    <t>干嘛要转成DVD光盘呢？质量又不会提升，实在要转换的话直接用NERO这个刻录软件就可以直接转换。刻录时选择DVD光盘格式就行了。</t>
  </si>
  <si>
    <t xml:space="preserve">怎样“轮流开飞机”？看到一句话，讲几个飞行员轮流开飞机，在一架飞 </t>
  </si>
  <si>
    <t>对于长时间在空中执行飞行任务的飞机、直升机来说，多配备驾驶员有利于防止驾驶员疲劳驾驶。怎么样“轮流驾驶”呢？一般的民航客机驾驶舱有2个座位，也就是说，有一名主驾驶和一名副驾驶，另外，外面的机组休息室里还有一名飞行员在待命，一般飞行一段时间以后这名飞行员过去替下来其中一个人，就是这样“轮流驾驶”的。</t>
  </si>
  <si>
    <t xml:space="preserve">GMAIL最大有多大？我使用的GMAIL的邮箱，不知道最大有多大 </t>
  </si>
  <si>
    <t>没有限制，而且空间还在每时每刻的不断地增长，所有的gmail用户都是这样的，您可以发送邮件给我zhangyaosheng888@ 我邀请您使用</t>
  </si>
  <si>
    <t xml:space="preserve">窗纱网的规格，例如：30目，是如何规定的？ </t>
  </si>
  <si>
    <t>　　所谓目数，是指物料的粒度或粗细度，一般定义是指在1英寸×1英寸的面积内有多少个网孔数，即筛网的网孔数，物料能通过该网孔即定义为多少目数：如200目，就是该物料能通过1英寸×1英寸内有200个网孔的筛网。以此类推，目数越大，说明物料粒度越细，目数越小，说明物料粒度越大。筛孔尺寸　　　　　　标准目数4.75mm　　　　　　　　44.00mm　　　　　　　　53.35mm　　　　　　　　62.80mm　　　　　　　　72.36mm　　　　　　　　82.00mm　　　　　　　　101.70mm　　　　　　　　121.40mm　　　　　　　　1.18mm　　　　　　　　161.00mm　　　　　　　　180.850mm　　　　　　　 200.710mm　　　　　　　 250.600mm　　　　　　　 300.500mm　　　　　　　 350.425mm　　　　　　　 400.355mm　　　　　　　 450.300mm　　　　　　　 500.250mm　　　　　　　 600.212mm　　　　　　　 700.180mm　　　　　　　 800.150mm　　　　　　　 1000.125mm　　　　　　　 1200.106mm　　　　　　　 1400.090mm　　　　　　　 1700.0750mm　　　　　　　2000.0630mm　　　　　　　2300.0530mm　　　　　　　2700.0450mm　　　　　　　325　　一般来说，目数×孔径(微米数)=15000。比如,400目的筛网的孔径为38微米左右；500目的筛网的孔径是30微米左右。</t>
  </si>
  <si>
    <t xml:space="preserve">请推荐一些债券基金想买基金，请推荐几个债券基金。谢谢 </t>
  </si>
  <si>
    <t>现在推荐债券基金，就好像2007年5月份推荐股票基金，我的观点是不推荐。</t>
  </si>
  <si>
    <t xml:space="preserve">出国入籍了养老金怎样发放？我在国内已经退休几年了，出国以后又想入 </t>
  </si>
  <si>
    <t>不影响。只要你拿到国外的身份之后别去中国使馆申报就行了，国内的钱照常拿。</t>
  </si>
  <si>
    <t xml:space="preserve">面部皮损可用利凡诺（黄药水）吗？脸上有一处小拇指甲大小的擦伤，只 </t>
  </si>
  <si>
    <t xml:space="preserve">利凡诺也叫雷佛诺尔，有机物，黄色。其0.1%--0.2%水溶液外用作杀菌、防腐剂、适用于外科创伤黏膜消毒用。 </t>
  </si>
  <si>
    <t xml:space="preserve">吃了柿子山楂酸奶反应大昨天晚上同时吃了这三样东西,半夜胃难受得不 </t>
  </si>
  <si>
    <t>你同时大量所吃那几种食物，确实易引起胃石，及时排空胃内容物（呕吐或洗胃），或导泻药排出，或可避免胃石出现，如此后仍有胃部不适应及时去医院做胃镜检查。</t>
  </si>
  <si>
    <t xml:space="preserve">防火墙一段时间就会禁止PING入要关闭防火墙一段时间不会有问题吧? </t>
  </si>
  <si>
    <t>不要关闭防火墙！！！！防火墙处于边缘，它就像一个边界卫士一样，每时每刻都要面对黑客的入侵，这样就要求防火墙自身要具有非常强的抗击入侵本领。它之所以具有这么强的本领防火墙操作系统本身是关键，只有自身具有完整信任关系的操作系统才可以谈论系统的安全性。其次就是防火墙自身具有非常低的服务功能，除了专门的防火墙嵌入系统外，再没有其它应用程序在防火墙上运行。当然这些安全性也只能说是相对的2。防火墙可以防止黑客扫描到你的电脑中的漏洞防止蠕虫自动入侵防止局域网内的恶意扫描主要就是防止端口和漏洞扫描让网络上的不怀好意的人利用3。windows自带的防火墙作用不大，如果需要更安全的防护的话，还是得装一个更加强大的防火墙，比如天网、或者瑞星的防火墙“禁止ping入”是有人查看你的电脑或网上有人要攻击你的电脑,被你的防火墙禁止.Ping通过发送“网际消息控制协议 (ICMP)”回响请求消息来验证与另一台 TCP/IP 计算机的 IP 级连接。回响应答消息的接收情况将和往返过程的次数一起显示出来。Ping 是用于检测网络连接性、可到达性和名称解析的疑难问题的主要 TCP/IP 命令。如果在使用防火墙时警告被ping,那是很正常的,除非是连续的来自同一IP地址的ping你,那么你就得注意了,很可能是某个人要对你进行攻击,这时你应该马上断开网络,用杀毒软件进行查杀.平时防火墙安全级别要设为最高</t>
  </si>
  <si>
    <t xml:space="preserve">中锋大梦脚步和卡位怎么使用?请大家来看看看~~~ </t>
  </si>
  <si>
    <t>卡位就按W,大梦这东西很无聊的,就是按W进入内线,然后松掉W,按下运球的反方向,无大梦,人物会先做个假动作然后向假动作的反方向跨出两步,有了大梦人物就向假动作方向跨出两步</t>
  </si>
  <si>
    <t xml:space="preserve">冠军杯有人知道在那能看到吗？有谁知道请告诉好吗？谢谢 </t>
  </si>
  <si>
    <t xml:space="preserve">  大型比赛，自然网上有提示  一般都是在 网络电视上体育频道 看  你也可以在 百度 视频中 输入比赛 现场直播 </t>
  </si>
  <si>
    <t xml:space="preserve">关于装备的一把装备上最多能镶多少个石头 </t>
  </si>
  <si>
    <t>呵呵目前最多可以放15个</t>
  </si>
  <si>
    <t xml:space="preserve">我有点无奈[有图]10倍马竟真他吗的行 </t>
  </si>
  <si>
    <t>兄弟可惜了！这个赛季不要再相信那匹病马了！开场就多一人，点球还不进，真不知道说什么了！为什么不用国际呢？哎，现在说什么都是无用的，不过还是很佩服兄弟这一单的，水平比我高了！希望兄弟今晚好运！开奖了，7万多没了！哎！</t>
  </si>
  <si>
    <t xml:space="preserve">番泻叶常喝会得什么病吗?为了减肥啊，我经常喝番泻叶水，请问会不会 </t>
  </si>
  <si>
    <t>曾经我喝过一个星期`~~现在不敢喝了~~番泻叶的"黑暗面" 　　番泻叶的副作用为脱水、电解质不平衡，过量食用易致腹痛、恶心、呕吐等，严重者可诱发上消化道出血，表现为上腹疼痛、呕吐咖啡样液体或出现柏油样便。而且，食用番泻叶会出现成瘾症状，表现为心烦失眠、焦虑不安、全身不适甚至疼痛。而女性在月经期或妊娠期服用番泻叶，还易诱发月经过多或宫腔出血，即使在非月经期长期大量服用也可诱发月经失调。-------------------------------------------------------------------------番 泻 叶《中国药学大辞典》 来源 为豆科草本状小灌木植物狭叶番泻和夹叶番泻的小叶。 性味归经 甘、苦、寒，归大肠经。 功效应用 泻下导滞：主治热结便秘，习惯性便秘，多单用泡服。此外，本品兼可行水治水肿腹胀。用量用法 缓下1.5-3g，攻下5-10g。开水泡服，入汤剂后下。 使用注意 剂量不宜过大，否则引起恶心呕吐，腹痛等副作用。孕妇，哺乳期及月经过多者忌用。 ------------------------------------------------------------------------- PS：药番泻叶伤身 --------------------------------------------------------------------------------   2005年04月15日04:13 都市快报  　　杭州王小姐服用减肥药“番泻叶”不到一周，昨天出现便血。市三院肛肠科医生检查后说，这是因服用减肥药频繁腹泻引起的肛周出血，还不是很严重；过度使用药物减肥，严重者会导致胃下垂、脱发、骨质疏松、贫血、记忆衰退、子宫脱垂等。　　(黄春燕 都市快报)------------------------------------------------------------------------- 这个案例太长了，你自己看~~~</t>
  </si>
  <si>
    <t xml:space="preserve">云南省造光绪元宝,银币&lt;正面&gt;库平3钱6分,现在的市场价值是多少 </t>
  </si>
  <si>
    <t xml:space="preserve">云南省造光绪元宝银币分老版和新版两大类别。老版是光绪33年制造的，有“库平一钱四分四厘”重5．3克的两角币，有“库平三钱六分”重13．3克的五角（半圆）币和“库平七钱二分”重26．6克的一元币三种。它们除有“云南省造”、“光绪元宝”和“库平×钱×分”的重要特征外，其正面上下方均有相关的英文字母YUN－NAN－PROVINCE（云南省造）和“库平×钱×分”的英文字母。 新版云南省造光绪元宝是光绪34年制造发行的，其主要特征是没有英文字母，其银子含量和成色要低于老版许多。分别有“库平七分二厘”重2．6克、“库平一钱四分四厘”重5．3克、“库平三钱六分”重 13．3克和“库平七钱二分”重26克（分别为一角币、二角币、半圆币和一圆币）的版别。 一般来说，老版币的价值要高于新版币的价值。老版的两角币、半圆（五角）币、一圆币分别为20元、45元、200元左右；新版币的一角币、两角币、五角币和一圆币分别为40元、25元、20元、80元左右。 </t>
  </si>
  <si>
    <t xml:space="preserve">PHP学习方法请教学习方法：我的PHP面向过程和MYSQL基础快 </t>
  </si>
  <si>
    <t>我觉得全面学完之后，这样我们就能对自己不足的地方有大体上的了解，然后查找补缺，各个击破</t>
  </si>
  <si>
    <t xml:space="preserve">officewlrd2003和officeexcel2003相比? </t>
  </si>
  <si>
    <t>从你的要求看，由于没有数据计算、分析，因此用Word和Excel差别不大。但Excel作为专门的表格软件，比Word要更方便一些。</t>
  </si>
  <si>
    <t xml:space="preserve">牛哥，，600206，600217,600587明天怎么操作？ </t>
  </si>
  <si>
    <t>不操作.捂住股票.</t>
  </si>
  <si>
    <t xml:space="preserve">刚买的地图鱼怎么了？刚买回的地图鱼两天了，总是躺在缸底一动不动的 </t>
  </si>
  <si>
    <t>除了一些小型观赏鱼不“认生”外，大中型观赏鱼类进入新环境是都不能很快适应的问题，具体表现在不愿进食，胆小、躲藏、体色暗淡、鱼鳍不张等，体质较好的反映较小，供求质较差的则反映较大一般要一至两周才会逐步适应，也有无法适应而夭折的。在此阶段一定要将水温提高到28度以上,灯光尽量减暗，选择适口性较好的活饵投喂，会帮助生缸鱼尽快适应环境。</t>
  </si>
  <si>
    <t xml:space="preserve">有什么方法让我不皱眉头？老是有人说我皱眉头。伤心。我也不想的。怎 </t>
  </si>
  <si>
    <t>我也有这个毛病，中间都有川字纹了，后来我发现有个方法特别管用，就是总保持微笑，不用大笑，只要微微的，脸上有些快乐的感觉就可以，你会发现这个时候你做不出皱眉的动作，而且久了也形成了面带微笑的习惯，特好，不觉间就改变了心情和有些忧郁的性格，也不爱发脾气了！希望对你也有用！</t>
  </si>
  <si>
    <t xml:space="preserve">1寸等于多少厘米?1尺等于多少寸? </t>
  </si>
  <si>
    <t>是的！市尺就是尺。市寸就是寸！一尺等于10寸，一寸等于3.333厘米！</t>
  </si>
  <si>
    <t xml:space="preserve">我的小狗为什么老是呕吐呢我家小狗十个月大，最近三四个月每个礼拜都 </t>
  </si>
  <si>
    <t>如果有乱吃东西的习惯，最好看看有没有异物。</t>
  </si>
  <si>
    <t xml:space="preserve">如何才能专心学习？ </t>
  </si>
  <si>
    <t>给自己制定可行性计划,注意,计划一定要是要可行的,然后强迫自己去执行,刚开始的一段时间可能不太习惯,总觉得坐下来也学不进去,没有关系.只要坚持一段时间,养成了习惯以后.注意力就可以集中了.就可以专心学习了,要知道,习惯是养成的,喜欢成自然.一旦养成了好的学习习惯,收益终身呀.祝愿你成功!</t>
  </si>
  <si>
    <t xml:space="preserve">诗歌朗诵？诗歌朗诵？诗歌朗诵，求适合女生朗诵的诗歌，能念3分钟的 </t>
  </si>
  <si>
    <t xml:space="preserve">给太阳--------------------------------------------------------------------------------作者：艾青　　早晨，我从睡眠中醒来， 　　看见你的光辉就高兴； 　　——虽然昨夜我还是困倦， 　　而且被无数的恶梦纠缠。 　　你新鲜、温柔、明洁的光辉， 　　照在我久未打开的窗上， 　　把窗纸敷上浅黄如花粉的颜色， 　　嵌在浅蓝而整齐的格影里， 　　我心里充满感激，从床上起来， 　　打开已关了一个冬季的窗门， 　　让你把全金丝织的明丽的台巾， 　　铺展在我临窗的桌子上。 　　于是，我惊喜看见你： 　　这样的真实，不容许怀疑， 　　你站立在对面的山巅， 　　而且笑得那么明朗。 　　我用力睁开眼睛看你， 　　渴望能捕捉你的形象， 　　多么强烈，多么恍惚，多么庄严！ 　　你的光芒刺痛我的瞳孔。 　　太阳啊，你这不朽的哲人， 　　你把快乐带给人间， 　　即使最不幸的看见你， 　　也在心里感受你的安慰。 　　你是时间的锻冶工， 　　美好的镀金匠； 　　你把日子铸成无数金轮， 　　飞旋在古老的荒原上…… 　　假如没有你，太阳， 　　一切生命将匍匐在阴暗里， 　　即使有翅膀，也只能像蝙蝠 　　在永恒的黑夜里飞翔。 　　我爱你像人们爱他们的母亲， 　　你用光热哺育我的观念和思想—— 　　使我热情地生活，为理想而痛苦， 　　直到我的生命被死亡带走。 　　经历了寂寞漫长的冬季， 　　今天，我想到山巅上去， 　　解散我的衣服，赤裸着， 　　在你的光辉里沐浴我的灵魂…… </t>
  </si>
  <si>
    <t xml:space="preserve">栀子花花蕾脱落我家的栀子花长得很旺盛，但是最近花蕾没开放就脱落了 </t>
  </si>
  <si>
    <t xml:space="preserve">肥水不当，氮肥过多缺乏磷肥和浇水过多，是落蕾的两大原因以下是栀枝落蕾的各种原因，供参考： 一 水肥不当。栀子喜肥，宜施肥力均衡平和的有机肥，沤熟的豆饼、麻酱渣、花生麸等，发酵腐熟后可呈酸性肥料，但只能薄肥勤施，切忌浓肥、生肥。浓肥多肥易导致根名受损，甚至腐烂。生长期间，如水肥过量，特别是氮肥过量，营养物质多用于生理生长，枝叶徒长，生理生长受到抑制，繁殖器官缺乏养分，影响花芽形成，导致不开花或开花很少，即使能孕蕾、也易落蕾。因此在花芽分化期要注意增施含磷肥较多的花肥或以0.2%磷酸二氢钾溶液浇施或喷叶，则有利于孕蕾保蕾。其次，孕蕾期施肥过浓，浇水量不均衡，时多时少，也易造成落花落蕾。 二 带花骨朵的花卉是生理活动最为旺盛的时候，既要满足生理生长的需要，还要满足生殖生长的需要，这都要通过根系输送大量养分供给叶部和花朵发肓的需要，这时如果突然改变养护地环境，或换盆动土，生理平衡会被打破，叶和花蕾无法很快适应新的环境或得到应有的养分，就会出现掉叶、落蕾，甚至死亡。 三 光照不适。生长期栀子花喜湿润半阴环境，冬季在室内要接受充分光照。如生长环境得不到满足时，如较长时间见不到阳光，无法进行光合作用，就会叶发黄，引起落花、掉蕾。 四 栀子还特别需要铁质的滋润，缺铁会得黄化病。也会影响其生长发育和开花。这是由于土壤在微酸性条下，养分吸收充分，因而最适宜花卉的生长发育。碱性土壤不仅影响开花。严重时会造成植株枯死。所以栀子花必须使用通风、透气好的酸性土壤，在养护中还应该经常喷洒0.2%-0.5%的硫酸亚铁水溶液以防治出现缺铁性黄化, 五 缺乏修剪。栀子花，如长时间不修枝整形，枝条杂乱，不仅影响美观，而且消耗大量养料在无用枝条上，不仅影响花芽形成，也是造成落蕾掉花。 六 病虫害侵扰。栀子花生宜生长在半阴湿润，但又通风良好的环境，否则及易受到病虫侵扰，如长发育期间，遭受病虫为害,会使植株生长势受到破坏，影响养分积累，也是造成落花落蕾。 </t>
  </si>
  <si>
    <t xml:space="preserve">诛仙宠物放生能得到什么好处宠物放生后会有什么好处放生后还有宠物吗 </t>
  </si>
  <si>
    <t>30级以后放生可以得到提升宠物星等的物品。</t>
  </si>
  <si>
    <t xml:space="preserve">天蝎座和双鱼座合得来吗RT </t>
  </si>
  <si>
    <t>男天蝎座与女双鱼座－－合适度９０％ 天蝎座(男)——双鱼座(女)配对评分:99分 女 VS. 男配对评分:94分 ☆ 天生的一对 ☆ 解析:您和鱼儿同属水象，根本上投缘的比率十分高。两人都非常敏感，且直觉很强，蝎子通常有超凡入胜的神秘力量，而鱼儿也不含糊;所以磁场相近，电流也一接就通，会是使个眼色就能互通款曲的组合。鱼儿的敏感是因为感受性很强，所以有艺术家的气质。看到夕阳余晖鱼儿都可能会感动得流眼泪，而别人无心的一句话，也会刺伤你，你们都是个十分敏感的人，也因此容易彼此受伤。天蝎座天生的有股傲气，不过比较有自知之明。天蝎喜欢神秘而单纯的东西，上升的人也是。因为双鱼是一个喜欢幻想或思想的星座，可以吸引天蝎的靠近。不过，双鱼常会在一个问题上泛滥，举例，如果是“爱”的话：她会思考“爱是什么？”“为什么要爱？”“爱有多深？”“怎么爱？”“爱上了该怎么办？”·····双鱼：单纯浪漫 善于思考 白痴 固执天蝎：傲气 想法多 善于总结接纳 固执同属水性星座的你们在一起为大吉。不喜欢人潮的两人，能够静静地避开喧扰的地方，陶醉在两人的世界里，浪漫地编织许多恋曲。鱼儿柔媚、温驯的个性及天生丰富的幻想和无我精神，都是专情、独占欲强的蝎子想要的，能满足您视爱情为最高目标的原则。只要您能给他安全感及支持，使鱼儿消除猜疑心，只要您们想，要牵手一生并不难。注意事项:鱼儿在初见您时，即万分崇拜您冷静的生活态度，尤其您能以不怒而威的态度去谢绝一切没意义的事!因为他常温和得不擅拒绝任何讨厌的事，纵使心里有百般的不情愿。您要切记把这项才能用在帮鱼儿厘清他的人际关系和爱情，鱼儿并不是用情不专之辈，他们只是不擅拒绝又难禁诱惑。碰上这种情形，只要蝎子发现得早，且愿以柔情蜜意温热一下爱意，两人应该能爱得更契合，问题只是:原谅且忘记，是蝎子最难做到的事。有件事很重要:失败的恋情有时不是因为两人不相爱，而是"疏忽"。鱼儿最怕孤独，切记别让您的鱼儿陷入这样的情境!  水象星座的人经常是为爱情而谈恋爱，很少掺杂著其它目的。双鱼与天蝎的人在这方面的表现更加突出，自然也比较容易接受彼此，而且必将是全心投入的一对。 只要鱼儿不要认为蝎子似乎有太多秘密藏在心底而游走，能耐著性子去发掘，其实您很容易感受到蝎子的自然魅力；另外，蝎子多半有强力抵抗压力的特质，这对消极、遇到压力就闷声逃开的鱼儿来说，实在太帅了！ 注意事项： 不过，鱼儿也别太得意忘形的遇到问题就丢给他，尤其是您自个儿因为太随和、太亲切、太容易被“影响”而引发的爱情问题；蝎子的疑心病挺重的，警觉性又高，更不容许背叛，他可受不了这方面的试链。想和蝎子相爱，诚信和专情的程度是关键。 鱼儿有个不怎　称头的特性，就是您们的包容力（受虐力）很强，但在遇到大压力时，就会游走；这本来没什么，可是鱼儿您们为了脱逃，常会伤害到别人。请学著沈著一点，若您真觉得两人不合，请让他知道，绝不要跟他耍心机。就算您不是存心要伤害他，然而蝎子可不管那么多，受到伤害就反击是他的天性，这点请您务必要谨记在心！天蝎和双鱼座相处障碍的参考：有多星座说天蝎和双鱼座是绝配的，但是还是有些差异的不过要告诉你的事情是、恋爱这种东西是客观和主观因素的。星座只是其中的一部分、所以也可以相信但是不能完全信。因为每一个人都是不同的有不同的性格特点、所以接触的时候又有些不一样了。而星座、只是把这种情况给结合了一下、所以在我们看得时候就会有很多类似的情况。以下是天蝎和双鱼也不是绝配的分析不和谐第一点：天蝎的冷，双鱼的不安全感。不要小看了天蝎外冷内热的那个“冷”，更不要小看了双鱼极其没有安全感的个性。与其说天蝎是外冷内热，我觉得忽冷忽热这个词更适合他们，而这点恰巧就卡死在了双鱼的致命点上。双鱼是一个注重细节的人，也许你一个眼神不在她身上，或者一句话没有顾虑到她的感情，她都会产生不安。双鱼确实是个太过忧郁太过胡思乱想的星座，但是同样的，她也是个极其矛盾的星座，因为她能看的有多悲观就可以看的有多开明。所以通常状况下，双鱼的忧郁确实很烦人，但只要疏导得当，她很快就会走出来。而天蝎是个不喜欢废话的星座，双鱼的经常性抽筋只会让他觉得无聊，也就不会过分在乎双鱼的感想，因为他们觉得无聊，所以双鱼就很无聊。双鱼忧郁寂寞的时候是最容易背叛的，因为她们总认为，读懂自己的人，才是在乎自己的人。天蝎这一副嘴脸自然就让脆弱的双鱼伤心欲决，根本不想读自己的人，又怎么会是爱自己的人呢。还有一些天蝎喜欢沉默，拒绝沟通，觉得给彼此空间去冷静，却全然不了解，双鱼这个星座，最最不擅长的就是遇到问题要靠自己解决，她们的另一个本事就是，在独自思考中，让事情的严重性无限扩大化。不和谐第二点：天蝎的自私，双鱼的博爱。说天蝎自私，我想没人会反对。但事实上他们的自私更多来源于对自己的保护心理。最有防备心理的星座莫过于天蝎，很不凑巧的是，最没有防备心理的星座就是双鱼了。所以，尽管N多天蝎双鱼高吼着互补互补，但事实上互补是极为困难的。天蝎觉得双鱼的没心机已经不单单是单纯了，而是蠢了！而双鱼也很不喜欢天蝎时刻表现出的戒心和黑暗，好象世界就无光明一般的态度让无忧无滤的双鱼感觉很压抑。天蝎习惯将事情发展的所有可能性(大部分为坏的)分析一遍，而鱼是典型船到桥头自然直，对于想不通的事就绝对不会继续想的星座。一个狠命的预言结果，一个狠命的逃避结果。 其实说白了，两个都太极端，再加上天蝎那副：别问为什么，要不然就信我，要不然就你自己看着办的态度让温和的双鱼很恼火。虽然双鱼经常在一些小事上说无所谓，但却极其痛恨别人对她用无所谓的态度，因为鱼很博爱，总把别人的事当自己的事，所以对别人说的每句话都很认真的对待，同时，因为鱼很缺乏逻辑思维，所以做事时总求个理由，而天蝎是懒得说理由的，信就信，不信拉倒。这不仅让鱼手足无措，更多的是感觉到自己没有个依靠。不和谐第三点：天蝎的拒绝，双鱼的妥协。关于这一点我只能说，双鱼实在是个麻烦制造机，因为不懂拒绝所以经常自认为伟大的拦下身边朋友的大小事件，尤其是感情事件。对于双鱼来说，还有什么事能比帮重要的朋友从爱情的苦海里脱离出来更重要的呢？双鱼座的女生通常都是个很好的倾听者和劝慰者。所以拦下这些事可以说是顺其自然，而且大部分的双鱼女都可以完美的解决这些问题。但是在解决问题之前，通常是让自己陷入麻烦，而这时天蝎就不干了。奉行别人的事于我无关的天蝎最讨厌的就是多管闲事，其次当发现自己的女朋友为了一些莫名其妙甚至可以说是无聊的人或事而冷落自己，这问题就激化了。一个觉得为朋友解决问题是很认真很神圣的事，一个认为别人的事你根本不该插手，结果如何？大家可自行想象。不和谐第四点：天蝎的专一，双鱼的暧昧。其实我一直都很奇怪，以专一出名的天蝎怎么会和暧昧大王的双鱼配！天蝎的专一在我看来很虚伪，他们的专一是洒网式的，我看中的，我都勾搭，等哪个上钩了，我就对哪个专一，天蝎的专一在于对方怎么做。而双鱼的暧昧则是专一权在于我，我选择了谁，就对谁专一。 又是完全相反的两个地方。而且在感情的坦白上，天蝎很狡猾，有人说过，如果天蝎想外遇，你是抓不到的。而双鱼就比较傻了，奉行爱就是彼此信任彼此坦白的双鱼们总是把大事小事该说的事不该说的事都告诉了天蝎，然后等着天蝎的判决。我估计哪怕双鱼外遇了，如果她还爱着天蝎，恐怕都会如实的报告，双鱼追求的一直是完美的爱情，哪怕遭受到惩罚，也要这份感情不留一点瑕疵。所以相对于天蝎的“专一”，双鱼的“暧昧”实在是太吃亏了。不和谐第五点：天蝎的被动，双鱼的缺乏勇气。记得关于爱与被爱的诠释里，双鱼中有这样一句话“因为被爱，双鱼才有爱人的勇气。”这是一句非常到位的话。或许可以这样说“因为感受到爱，双鱼才会去爱。” 很不巧，天蝎也是个喜欢被爱的，对于双鱼来说，她们永远不会在乎多付出一点，再多付出一点，但是如果她们的付出得不到她想要的回应，双鱼就会陷入不稳定状态，加上天蝎又根本不了解双鱼的不安，总是挂着得意的笑等待着她的靠近，一点都不试着去了解双鱼的情况。(天蝎是个非常相信直觉的人，换言之，他直觉认为你是什么样的人，你就是什么样的人。他不会再去了解，因为在他心里你已经定型了)时间一长，敏感的双鱼连最后那点勇气都磨没了。还能有什么好下场？而且还有一个很重要的关键问题，和双鱼座的人分手，大部分旧情人对她的印象还是很不错的。至于天蝎，不被人晚上扎小人就算好运的了。所以这两个星座破镜重圆的可能也不是那么大，因为双鱼已经把天蝎在心里画上了个大大的叉，还加个横批“不爱我，不珍惜我的人。”恋爱、还是在于自己的心。我想如果你是一个双鱼座的女生、那种喜欢另一个人的心情不会因为星座而抹灭吧？这一对人相识相爱往往在各自已成婚后。所以，他们的恋爱富于戏剧性，应了“好事多磨”这句老话。　　倒不是在这里鼓励离婚或偷情，只是想藉此提醒人们应力避这类事发生。而要少出现爱情悲剧，男男女女在择偶时就要小心慎重，这才不会有千古之恨。在现实生活中，许多人匆忙成家，当发现步入误区时已生米煮成熟饭。更令人痛苦的是还偏偏在这时又碰上彼此心仪的异性。　　为了孩子或其它一些问题，这对男女往往没有最终结合，但这只是出于理智。双方的感情痛苦绵绵无尽，往往伴其终身。如果没有上述障碍，也不意味着 他们结合后一定万事顺心。他们也会有琴瑟难和的时候，而且逢此类危机，双方都抗不住烟酒或毒品诱感，就能认真解决问题，阴影便会消除，生活也会有真正的幸 福欢乐。　　男方意志过强，又有些多疑，女方却不会因此生怨或苦恼。相反，女方会更信任和依赖男方。这正是女方聪明之处——以柔克刚，水滴石穿。女方用温顺 织成一条软绳束住男方，实际上是男方不知不觉事事依顺女方了。只是女方记住，千万别对男方唠唠叨叨地指责，这是男方最厌恶的，他往往会在这种情况下一变平 常的冷静为狂怒。　　最危害他们爱情的莫过双方对彼此的占有欲。一旦怀疑对方已不再爱自己，他们就会寻找解脱，以此伤害对方、报复对方。想到这对人当初几经波折才结 合，不禁瓴避外人也发出“早知今日，何必当初”之叹。要扭转这局面，办法只有一个，双方冷静地会到一起，手儿相握，共同回忆相识相恋的那些美好时光……　　对旧事的回忆，会唤起对对方的爱，会更珍视今天的婚姻和对方。　　的确，还有谁能像他们这样灵肉合一呢？为什么不珍视这一份幸福呢？双鱼和天蝎的99分速配婚姻秋萍是个又霸道，脾气又暴躁的女人。拿她自己的话来说，这就是特色，是属于天蝎座的她，最与众不同的地方。秋平的霸道，让所有了解她的人都头痛的要命。在我看来，却是很可爱的一个优点，秋萍的霸道不像别的女人不讲道理，胡搅蛮缠，她只是一种坚持己见的固执。我和她认识很多年了，从小学到高中，再到共同成人，然后拥有了各自的家庭。共同经历过每个少女时代所要经历的一切。也拥有属于只有我们两个人的秘密和甜美的回忆。闲来无事，我们便会如同八卦妇女般的，将那些，陈年往事一一搬出细数。秋萍最近很烦，究其原因是因为怀疑老公患了7年之痒。虽然只是怀疑，还没有什么具体的证据，但这对眼中容不下一粒沙，脾气固执又事事最求完美的她来说，这简直就是一种严重的挑衅。我对秋平的老公，还是有所了解的，那是个很老实的男人。稳重，顾家，当初我们还说过，秋萍找到了这样的男人真是三生有幸，我们都为那个男人感到遗憾。可是，秋萍却总是数落出，老公的种种不是，让我们为她鸣不平。她也总是念叨，老公找到她这样的女人，是如何如何的幸运。心情低落，脾气暴躁时，她最先找的出气筒就是她的老公，可是她的老公总是默默地不发一语。我这个将一切看在眼里的旁人，只能做到在适当的时候，善意的提醒她，好自为之。秋萍最近改变了不少，不再像从前那样的咄咄逼人了。和朋友家人相聚时，会当着旁人的面，夸自己的老公如何的有涵养，自己如何的幸运。我们甚至有幸在他老公的生日会上，听到了她当众的表白，感谢她的老公这么多年的包容和支持，为自己的一些行为抱歉。我们很是吃惊，看着那个不发一语的男人一脸的幸福，我们这些旁观者只能送上最诚挚的祝福。昨天接到了秋萍老公的电话，约我一起喝茶。认识这么多年我还是，第一次和她的老公单独的见面。直到茶凉，她的老公才对我说，他很爱秋萍，爱她的霸道和唠叨，爱她的任性和倔强。关于传说中的出轨，只不过是对秋萍的小小的惩罚，惩罚她这么多年的独裁专政。人吗！总会有脾气的，兔子急了还蹬鹰呢！晚上接到了秋萍的电话，问我是不是和她的老公一起喝茶了，我说是呀！对于我和她老公的谈话内容，秋萍未曾问起，只是很直接的对我说：“我知道，他所做的一切，但我就是这个脾气，咱敢说敢做。我也量他没这个胆，出去胡搞。毕竟要找到比我更优秀的女人，是很难的。失去我是他的损失，但是婚姻里不能总是，我强他弱。所以，如果他喜欢，我可以做回小女人”。放下电话，我走到桌边打开电脑，开始查询星座讯息。秋萍是天蝎座的，她的老公是双鱼，网上说般配率是99。我开心的笑了，我聪明的秋萍，你也许知道很多事情，但你永远不会知道命运与缘分的奇妙。</t>
  </si>
  <si>
    <t xml:space="preserve">租店面应该注意那些想在外面租个店面，但又怕遇到骗子，想知道租店面 </t>
  </si>
  <si>
    <t>看在哪个城市 ，多了解下 周边环境，如果在大城市 可以找中介公司 ，或者上网上查一宣要弄清楚房子和委托人的关系 然后在网上下一份专业的合同</t>
  </si>
  <si>
    <t xml:space="preserve">哪里有设计的素材啊？本人刚学设计，懂得不是太多所以想找个地方多学 </t>
  </si>
  <si>
    <t xml:space="preserve">您好！ 这里有您需要的．                                   </t>
  </si>
  <si>
    <t>实买单挂了!求44期对阵!01沃尔夫05</t>
  </si>
  <si>
    <t>相当不错！！！有希望！！！</t>
  </si>
  <si>
    <t xml:space="preserve">f\小刚每天早上7:50之前赶到离家1000米的学校上学,一天, </t>
  </si>
  <si>
    <t>1)5分钟后,小刚已经走了80*5 =400米爸爸追上小刚用了        400除以（180-80）         =400除以100        =4分钟2)追上小刚时，爸爸和小刚距离学校一样远  1000 -（180*4）  =1000 -720  =280米</t>
  </si>
  <si>
    <t xml:space="preserve">一道选择题大气中的臭氧层可吸收紫外线，对地球起保护作用，臭氧层由 </t>
  </si>
  <si>
    <t>选A臭氧是由一种元素组成的,化合物是由两种或两种元素以上组成的物质</t>
  </si>
  <si>
    <t xml:space="preserve">买爱丽舍？威驰？飞度？ </t>
  </si>
  <si>
    <t>这3款车价位都像差不多，从油耗上说当然是日本车更好，威驰是加速比较快，但后劲不足，飞度正相反，高速有后劲。而且这2款车保养维修费用劣高，爱丽舍我觉得更实用一点，因车重所以加速较慢，但后劲十足，安全性也很不错，因为爱丽舍比威驰飞度排气量要大，油耗比日本车略高一点。</t>
  </si>
  <si>
    <t xml:space="preserve">请教：4血/4功/4血4功/4功4敏/4血4功4敏/满D。。。。? </t>
  </si>
  <si>
    <t>由于血功敏都是减精神的.论精神,4血4功4敏的精神最高的,精神成长可达2.272.但这种神盾学极底只有13.75.神盾敏低,养神盾就不要看它的敏如何,功也一样.所以你的3功3敏的神盾是很不错的.但比满档精神只高一点,血却少了一点.我个人认为还是满档的好</t>
  </si>
  <si>
    <t xml:space="preserve">给我3TJ花妖估个价刚抓了个(天生技能)3TJ的极品花妖,帮我估 </t>
  </si>
  <si>
    <t>没有5000万那么高吧你这个花还是刚抓的 不是成品 一般在2000万到3000万左右漫天血舞这个技能是吸取怪物总血量的1%,比如它吸了100点血,那这个怪就是还有10000血.根据这个来估计怪还有多少血量.通常在杀BOSS时候使用,比如血魔等,血量较多,需要杀一段时间的怪,吸一下好知道怪还剩下多少血</t>
  </si>
  <si>
    <t xml:space="preserve">串口硬盘能否低格我的机器是160G串口硬盘问题是DM不能低格能分 </t>
  </si>
  <si>
    <t>谢谢楼上几位大虾 XP版本我已经换了5个了 第一次用的哪个也用过 不好我今天借了一块80G串口 可以在DM下低格 我自己的那块160G的不能用 等会我再设置一下BIOS看看</t>
  </si>
  <si>
    <t xml:space="preserve">为什么要韩国人当GM，这是对国人的歧视吗？新浪代理的游戏为什么要 </t>
  </si>
  <si>
    <t>就是好~挂中国人怎么这么多人挂~1挂有什么意思！看看日服和韩服在看看我们国服真没意思。希望以后开新服不但不能挂机。而且便当和LINEX也不能用最好。到时候天堂打仗的时候我们中国人都是高手而且人多。打小日本的玩家就是菜~哈哈哈</t>
  </si>
  <si>
    <t xml:space="preserve">怎样健康减肥？？？ </t>
  </si>
  <si>
    <t>1、一天三顿正常：“早餐要好，中餐要饱，晚饱七分饱”2、多喝水，没事做做运动3、绝对不可能吃零食，尤其是晚上。</t>
  </si>
  <si>
    <t xml:space="preserve">请给我选择几个可以中线关注的好股票我有几万元钱，想投资到股市中不 </t>
  </si>
  <si>
    <t xml:space="preserve">600717  天津港公司受益天津市政府经济发展巨大利好，未来将得到上百亿元的巨额投资，用于天津港扩大规模以及等级升级，建设成现代化深水大港和东北亚地区国际集装箱枢纽港；国际第二能源输出港；环渤海湾最大的自由港；受益于环渤海湾地区经济增长，成为区域经济龙头。二级市场上，该股成长性高、收益稳定、低市盈率等突出优势得到社保基金的重点关注，而随着短线回调二次买点已经来临，中长线投资价值凸现.600508  上海能源2004年度每股收益达0.91元，公司主营煤炭开采、洗选加工、煤炭销售，铁路运输(限管辖内的煤矿专用铁路)等。公司是国内唯一采取煤炭生产与运输联营的企业，产品具有明显的地域优势和质量优势，2003年煤炭产品产销率达102.79%，产品销量约占全国煤炭销量的0.5%。公司是家注册在上海浦东新区的煤炭生产企业，具有明显的地理优势，上海及长江三角洲经济的高速增长为它的发展带来了较好的机会。该股上市以来每年业绩均在0.40元以上，一直比较稳定，已经具备了蓝筹股的雏形。公司收购的江苏大屯铝业将充分利用其煤炭生产基地所处于徐州地区电力容量饱和的资源优势。而组建上海大屯铝箔公司将主要负责25KT/a超薄宽幅高精度铝箔生产线项目，该项目建成后将年新增销售收入4.8亿元，净利润5435万元，成为公司未来的一个主要利润增长点。二级市场上，该股上市以来一直保持箱体整理格局，主力波段运作迹象明显。在2002年3月最高见到14元后，股价一路震荡滑落至去年初启动时的平台附近整理，上市后均没有好的表现，为主力机构后市的运作打开了巨大的想向空间。该股在去年9月份创出上市以来的新高后出现了连续下跌的走势，中线调整已比较充分，可重点关注。 </t>
  </si>
  <si>
    <t xml:space="preserve">走出惠州中心医院的大门?惠州中心医院的医疗过程正规吗?上两个星期 </t>
  </si>
  <si>
    <t>总觉得医院是太黑了,几乎跟黑社会没有什么区别.</t>
  </si>
  <si>
    <t xml:space="preserve">猪蹄子为什么要分前后？我最近才知道，买猪蹄子有前后之分，价格还不 </t>
  </si>
  <si>
    <t>妮儿啊，一看你还真的不做饭，你老公对你照顾的真好啊。。。猪蹄的后踢比前提好吃，肉多，皮多。但后蹄不如前蹄上盘好看，所以前蹄要比后蹄贵些。一般饭店买前蹄居多，自己家里后蹄就可以了。另，每只后蹄还有一个副产品——嘎拉哈，这可是我们小时候的宝贝吖。</t>
  </si>
  <si>
    <t xml:space="preserve">重庆到泸洲的合江县需要多久？如果我5:30到重庆去合江还有车吗？? </t>
  </si>
  <si>
    <t>从重庆到泸州需要2.5-3个小时，然后从泸州到合江大概需要1.5个小时。如果你是早上5：30到重庆，那么肯定有到合江的车；但是如果是下午5：30到重庆，那么就没有到合江的车了。</t>
  </si>
  <si>
    <t xml:space="preserve">第一次会找不到女生的阴道口吗？跟女朋友做的时候有没有找不到在哪的 </t>
  </si>
  <si>
    <t>有,在这爱问提问过的就有不少.女性外生殖器位于肛门的前方，最外侧比较肥厚的是左右两片大阴唇，其表面皮肤和周围皮肤相似；其内为两片小阴唇，其表面覆盖的不是皮肤而是粘膜。左右小阴唇在前方的交汇处是阴蒂。小阴唇内侧，前方的小孔为尿道外口，尿道外口后方比较大的孔就是阴道外口了。有些没有经验的男士，连阴道口在那里都搞不清楚呢！愈紧张愈糟糕，到最后连勃起都有困难。为了寻找阴道口的正确位置，要先确认裂缝的部位，柔软的粘膜组织下方就是阴道的入口，这是最简单的方法。</t>
  </si>
  <si>
    <t xml:space="preserve">室内空间设计的空间类型？室内空间设计中，空间类型都有哪些？定义是 </t>
  </si>
  <si>
    <t>空间的类型或类别可以根据不同空间构成所具有的性质特点来加以区分,以利于在设计组织空间时选择和运用。一、类型如下：1。固定空间和可变空间固定空间常是一种经过深思熟虑的使用不变、功能明确、位置固定的空间，因此可以用固定不变的界面围隔而成。可变空间与其相反，常采用灵活可变的分隔方式（如：折叠门、活动墙面等），为了能适合不同使用功能的需要而改变其空间形式。2。静态空间和动态空间静态空间一般说来形式比较稳定，常采用对称式和垂直水平界面处理。空间比较封闭，构成比较单一，视觉常被引导在一个方位或落在一个点上，空间常表现非常清晰明确，一目了然。动态空间（又称流动空间）往往具有空间的开敞性和视觉的导向性的特点，界面（尤其是曲面）组织有连续和节奏性，空间构成形式富有变化和多样性，其感在于塑造空间形象的运动性上，如斜线、连续曲线等，更在于组织空间的节奏性上。3。开敞空间和封闭空间A：在空间感上：开敞空间是流动的，渗透的，它可提供更多的室外景观和扩大视眼；封闭空间是静止的、凝滞的，有利于隔绝外来的各种干扰；B：在使用上：开敞空间灵活性较大，便于经常改变室内布置；封闭空间提供了更多的墙面，容易布置家具，但看见变化受到限制。C：在心理效果上：开敞空间常表现为开朗的、活跃的；封闭空间则表现为严肃的、安静的或沉闷的，但富于安全感。D：在对景观关系上和空间性格上：开敞空间是收纳性的、开放性的；封闭空间是拒绝性的。因此，开敞空间表现为更带公共性和社会性；而封闭空间更带私密性和个体性。4。空间的肯定性和模糊性肯定空间是界面清晰、范围明确、具有领域感的空间，一般私密性较强的封闭空间常属于此类。在建筑中凡属似是而非、磨练两可，而无可名状的空间，通常称为模糊空间。在空间位置上常处于两部分空间之间而难于界定其所归属的空间，由此形成空间的模糊性、不定性、多义性、灰色性。。。从而富于含蓄性和含耐人寻味，常为设计室所宠爱，多用于空间的联系、过渡、引申等。5。虚拟空间和虚幻空间虚拟空间是指在界定的空间内，通过界定的局部变化而再次限定的空间，如局部升高或降低地坪或天棚，或以不同材质、色彩的平面变化来限定空间等等。虚幻空间，是指室内镜面反射的虚像，把人们的视觉带到镜面背后的虚幻空间去，于是产生空间扩大的视觉效果，有时还能通过几个镜面的折射，把原来平面的物体造成立体空间的幻觉，紧靠镜面的物体，还能把不完整的物体（如半圆桌）造成完整的物体（圆桌）的假象。除镜面外，有时还利用具有一顶景深的大幅画面，把人们的视觉引向远方，造成空间深远的意象。二、常见的基本空间形态1。下沉式空间（也称地坑）室内局部地面下沉，故其有一种隐秘感、保护感和宁静感，而下降高度少则一二阶，多则四五阶不等。2。地台式空间与下沉式空间相反。其用途适用于惹人注目的展示和陈列或眺望。3。凹室与外凸室空间凹室在室内局部退进的一种指内空间形态，特别在住宅建筑中运用比较普遍。大部分的外凸室空间希望将建筑更好地伸向自然、水面、达到三面临空，饱览风光，使室内外空间融合在一起，或是为了改变朝向方位，采取的锯齿形的外凸空间，这是外凸式空间的主要优点。住宅建筑中的挑阳台、日光室都属于这一类。4。回廊与挑台回廊常采用于门厅和休息厅，以增强其入口宏伟、壮观的第一印象和丰富垂直方向的空间层次。现代旅馆建筑中的中庭，许多是多层回廊挑台的集合体。5。交错、穿插空间现代室内设计在创作中也常把室外的城市立交模式引进室内，不但对于大量群众的集合常识如展览馆、俱乐部等建筑，在分散和组织人流上颇为相宜，而且在某些规模较大的住宅也有使用。赖特的流水别墅，其建筑主体部分成功地塑造出交错式空间构图起到了极其关键性的作用。交错、穿插空间形成的水平、垂直方向空间流通，具有扩大空间效果。6。母子空间即在大空间里围隔出小空间，在许多建筑类型中被广泛采用（如柏林爱乐音乐厅），现在有许多公共场所，厅虽大，但使用率极低，故应按具体情况灵活运用。7。共享空间波特曼首创的共享空间。从空间处理上来说，它是一个具有运用多种空间处理手法的综合体系。变则动，不变则静，但一的空间类型往往是静止的感觉，多样变化的空间形态就会形成动感。波特曼式的共享大厅其特点之一就在于此。8。虚拟和虚幻空间。</t>
  </si>
  <si>
    <t xml:space="preserve">有去看过奥林匹克运动会的么？你知道怎么去参加奥运会开幕式，门票多? </t>
  </si>
  <si>
    <t>门票一般不对外出售</t>
  </si>
  <si>
    <t xml:space="preserve">为什么辽宁的服没有为什么没有啊 </t>
  </si>
  <si>
    <t xml:space="preserve">能这样治自身免疫病吗?如果一个人得了自身免疫缺陷疾病,就是自身免 </t>
  </si>
  <si>
    <t>理论上我觉得可以!但是实际操作上不可以!因为AIDS很不好治,带来的伤害也比较大.</t>
  </si>
  <si>
    <t xml:space="preserve">宝宝为什么总是这么爱拉肚子呢？我家宝宝才一丁点大，老是喜欢拉肚子 </t>
  </si>
  <si>
    <t>刚出生或者是不到半岁的小宝宝都是很容易出现腹泻症状的，因为这个阶段他们的肠道系统发育还不健全，抵抗力比较弱就容易生病。平常多注意宝宝的饮食，可以给他们适当的吃点妈咪爱，它含有的数量高的益生菌有助于调节肠道菌群平衡，调理肠道健康，改善拉肚子的毛病。</t>
  </si>
  <si>
    <t xml:space="preserve">宫外孕最好是几个月检查.我怀孕一个多月了,在怀孕十几天的时候,有 </t>
  </si>
  <si>
    <t>您好：一般在停经四十天左右的时候可以测出是否为宫内孕，若检查正常建议做好定期产检,于孕14-19周做唐氏筛查，孕20周选择一家合适的建立孕检卡定期做好孕检（也有的在早一些有孕3个月时就开始建立孕检卡定期做检查了），建立孕检卡后一般于孕36周前每四周检查一次，孕36周后每周检查一次。在此过程中若有不适则可随时就诊增加检查次数。妊娠22-26周的时候需要做个四维彩超产前排畸，四维彩超可立体显示胎儿的颜色、面、各器官的发育情况，甚至胎儿在母体里的状态也可以观察到；对胎儿畸形，如唇裂、腭裂、骨骼发育异常、心血管畸形等能早期诊断。了解胎儿宫内动态的一个胎动过程，再者动态摄录胎儿宫内姿态，留作永久的纪念。若方便欢迎来我院产检及生产，我院产科目前开设水下分娩，腹膜外剖宫产，镇痛分娩等多种分娩方式，家属可全程陪产.另外于每月第三个周六下午两点开办孕妇课堂，若方便也可来免费参加了解孕期知识对您及宝宝均有好处。另外注意孕头三个月内及孕七月后最好禁同房避免因同房引起流产或早产。在孕头三个月内在医生指导下补充叶酸，孕16周后开始补钙，孕期多休息加强营养。祝您及宝宝一切顺利~</t>
  </si>
  <si>
    <t xml:space="preserve">现在怎么都说咒术野P厉害?咒术野P真的很厉害吗?怎么个厉害法? </t>
  </si>
  <si>
    <t>人物厉害是因为装备的修正，而咒能无视这些修正，一旦中了石化什么的，打对手就和打沙袋似的。当然也不是说无敌，咒也有克制的方法，比如抗装、抵抗技能、不带宠2动减少咒的约束时间、反咒咒术师等等</t>
  </si>
  <si>
    <t xml:space="preserve">JAY唱的歌，叫什么“二班”那全歌名叫什么呢？在白度总是搜不到 </t>
  </si>
  <si>
    <t>『三年二班 歌词』专辑：《叶惠美》    歌手：『周杰伦』曲：周杰伦 | 词：方文山 | 编：洪敬尧 眼睛你要擦亮 记住我的模样表情不用太紧张 我是 三年二班我专心打球的侧脸还满好看 黑板是吸收知识的地方 只是教室的阳光那颜色我不太喜欢 没有操场的自然为何比较漂亮的都是在隔壁班还有考卷的答案 我刚好都不会算没关系 再继续努力 没关系为什么上课时举手很难 为什么拿线上宝物简单为什么女生不喜欢太胖 为什么都别人在响正手发长球的打法只是初级乒乓 反手短打再狠狠杀球是高级乒乓回转技巧乒乓 前场速攻乒乓对墙壁 在练习 乒乓 乒乓这第一名到底要多强（不用问 一定有人向你挑战）到底还要过多少关 （不用怕 告诉他们谁是男子汉）可不可以不要这个奖（不想问 我只想要流一点汗）我当我自己的裁判（不想说 选择对手跟要打的仗）我不想 就这样一直走 每天都遇上充满敌意那种眼光 等机会就是要打倒对方 这种结果我不要这虚荣的骄傲 这目的很好笑 我其实都知道你只是想炫耀 我永远做不到 你永远赢不了我永远做不到 你永远赢不了 永远赢不了走乡下 寻找哪有花香（为什么 这么简单你做不到）坐车厢 朝着南下方向（为什么 这种速度你追不到）鸟飞翔 穿过了这条小巷 （为什么 这么简单你做不到）仔细想 这种生活安详（为什么这种速度你追不到）</t>
  </si>
  <si>
    <t xml:space="preserve">精工手表型号价格我的手表背面写着WATERRESISTANT5B </t>
  </si>
  <si>
    <t xml:space="preserve">WATER RESISTANT 5 BAR 防水 5 气压 （50米）ST. STEEL  不锈钢7T92-OJMO  型号SEIKO CHRONOGRAPH 50M  精工 计时器 50米（防水）同类精工表的市场价在￥500上下。 </t>
  </si>
  <si>
    <t xml:space="preserve">吹风赢不了我用吹风也赢不了啊！怎么办？前期顶不住 </t>
  </si>
  <si>
    <t>看moon的录像,酒知道吹风很厉害,英雄比较固定,dh,兽王,地精修补匠,前期射手,5,6个,dh初期不在于练级,防剑圣,兽王出来后,兽王练级,最少2级,鸟德大师级后无限补充,注意多带团补,前面三英雄顶,也主义保护,后面吹,dh一定要限制牛头魔法,这样胜算比较打,对了,二级刚生好,兽王出来时,可以骚扰,</t>
  </si>
  <si>
    <t xml:space="preserve">impk装备问题有人说JP的物品要升级，这升级怎么升呀？还有就是 </t>
  </si>
  <si>
    <t>符文02+1碎裂的宝石+低级武器-&gt;普通武器　　符文01+1碎裂的宝石+低级盔甲-&gt;普通盔甲　　符文08+符文12+完美的绿宝石+基本级暗金武器-&gt;扩展级暗金武器　　符文07+符文13+完美的转石+基本级暗金盔甲-&gt;扩展级暗金盔甲　　*符文17+符文21+完美的绿宝石+扩展级暗金武器-&gt;精英级暗金武器　　*符文18+符文20+完美的转石+扩展级暗金盔甲-&gt;精英级暗金盔甲　　以上2个公式之据说只在ladder或有效，有待验证　　符文09+符文11+完美的蓝宝石+基本级黄金武器-&gt;扩展级黄金武器　　符文08+符文10+完美的紫宝石+基本级黄金盔甲-&gt;扩展级黄金盔甲　　符文19+符文22+完美的蓝宝石+扩展级黄金武器-&gt;精英级黄金武器　　符文18+符文21+完美的紫宝石+扩展级黄金盔甲-&gt;精英级黄金盔甲一般在世界基石的三层(RUN BAAL路上),或RUN BAAL出JP装备概率高,在特拉文卡刷符文概率高.附件是所有85场景(也能出高级装备)</t>
  </si>
  <si>
    <t xml:space="preserve">胸前的疤痕疙瘩要怎么修复？胸前的疤痕疙瘩要怎么修复，治疗疤痕疙瘩 </t>
  </si>
  <si>
    <t>胸前的疤痕疙瘩要怎么祛除，我朋友胸前的疤痕疙瘩就是使用的是 疤痕之光 现在已经完全不见了。</t>
  </si>
  <si>
    <t>高等数学求通解求二阶常系数齐次线性微方程2Y’’+Y’</t>
  </si>
  <si>
    <t>对于非齐次方程 2y"+y'-y=2e^x①对应齐次方程的特征方程为2r^2+r-1=0，特征根为r1=-1，r2=1/2，齐次方程通解为Yc=C1*e^(-x)+C2*e^(x/2)；②设原非齐次方程的一个特解为 Yp=a*e^x，代入原非齐次方程，得a=1。即 Yp=e^x。【结论】所求非齐次方程的通解为 y=Yc+Yp=C1*e^(-x)+C2*e^(x/2)+e^x。</t>
  </si>
  <si>
    <t xml:space="preserve">求能通过录入记账凭证或丁字账，自动生成科目汇总表、账务报表的EX? </t>
  </si>
  <si>
    <t>给你发过去了，请接收。</t>
  </si>
  <si>
    <t>生财之道不外传</t>
  </si>
  <si>
    <t>发话限制。。。。。。。。。。</t>
  </si>
  <si>
    <t xml:space="preserve">反腐倡廉，人人有责[成语] </t>
  </si>
  <si>
    <t>义不容辞...........</t>
  </si>
  <si>
    <t xml:space="preserve">怎么能有效健康的减肥想减肥的人怎么样能健康，快速而有效的减肥成功 </t>
  </si>
  <si>
    <t>健康饮食（2个月减10-20斤）第一周   早餐：一个苹果               一只香蕉               一根黄瓜（生吃、可以凉拌）               贰个鸡蛋（水煮、或清蒸，不加糖或油）         中餐：一根黄瓜               贰个鸡蛋（水煮、或清蒸，不加糖或油）         晚餐：一根黄瓜                贰个鸡蛋（水煮、或清蒸，不加糖或油）第二周、第三周、第四周、第二个月早餐：          一个苹果                一只香蕉                一根黄瓜                贰个鸡蛋（水煮、或清蒸，不加糖或油）                一盒纯牛奶（250ml）（或自制豆浆不加糖）中餐：          一根黄瓜                贰个鸡蛋（水煮、或清蒸，不加糖或油）                青菜、豆腐、白木耳、黑木耳（水煮凉拌，每天选择吃其中一种，决不放油、糖，可以放其他的调料）晚餐：一根黄瓜                贰个鸡蛋（水煮、或清蒸，不加糖或油）加油吧，第一、二天会不适应，坚持，第三天就习惯了，加油哦！！（每天散步或慢跑1-2小时）</t>
  </si>
  <si>
    <t xml:space="preserve">辣算味道吗？ </t>
  </si>
  <si>
    <t xml:space="preserve">　　有意思的一个问题，感觉好像是，既然问了这样的问题，又应该不是。查了查资料，哦，原来——　　“辣”是辣椒碱引起的,它是刺激了神经末梢产生了疼痛的感觉,因此也可以说“辣”是触觉痛感而不是产生的味觉,但都习惯把”辣”称为五味中的一味。辣椒是辣味中的代表，是一种诱发食欲，增添养分的理想调味品，并深受潮湿低凹地区人们的喜爱。 </t>
  </si>
  <si>
    <t xml:space="preserve">篮球7号球直径多少？ </t>
  </si>
  <si>
    <t>男子篮球比赛用7号球，周长为0.749-0.780米，重量567-650克； 直径 24.6厘米  。。。。</t>
  </si>
  <si>
    <t xml:space="preserve">成人大学本科一年级可以报考大学英语4级嘛？专家回答下 </t>
  </si>
  <si>
    <t>一般要读完英语4级课程才可以报考看学校教务处的公告一般是2年级开始考英语4级</t>
  </si>
  <si>
    <t xml:space="preserve">GT4爱好者进啊ＧＴ４如何漂移呀？我在弯前手刹然后转向（转向中不 </t>
  </si>
  <si>
    <t>帮不了你了,因为我玩GT4从来没有去研究过漂移,一般想漂的时候都把山脊拿出来漂</t>
  </si>
  <si>
    <t xml:space="preserve">什么牌子的干鞋器好 </t>
  </si>
  <si>
    <t>01三惠02彩虹03超人SID04撷阳05人杰RENJIE</t>
  </si>
  <si>
    <t xml:space="preserve">鲁K是哪里的车 </t>
  </si>
  <si>
    <t>济南A;青岛B U;淄博C 枣庄D 东营E 烟台F 潍坊G V 济宁H 泰安J 威海K 日照L 滨州M 德州N 聊城P 临沂Q 荷泽R 莱芜S鲁k是威海</t>
  </si>
  <si>
    <t xml:space="preserve">手气怎么治本人有脚气，因用手经常抓脚，所以手上被传染了，本来一开 </t>
  </si>
  <si>
    <t>应该是"手癣",可用"达克宁霜"治疗,洗完手之后就涂抹,与脚癣同治,2-4周为一疗程.</t>
  </si>
  <si>
    <t xml:space="preserve">电脑双核是什么意思？ </t>
  </si>
  <si>
    <t xml:space="preserve">双核就是2个核心 核心（Die）又称为内核，是最重要的组成部分。CPU中心那块隆起的芯片就是核心，是由单晶硅以一定的生产工艺制造出来的，CPU所有的计算、接受/存储命令、处理数据都由核心执行。各种CPU核心都具有固定的逻辑结构，一级缓存、二级缓存、执行单元、指令级单元和总线接口等逻辑单元都会有科学的布局。 从双核技术本身来看，到底什么是双内核？毫无疑问双内核应该具备两个物理上的运算内核，而这两个内核的设计应用方式却大有文章可作。据现有的资料显示，AMD Opteron 处理器从一开始设计时就考虑到了添加第二个内核，两个CPU内核使用相同的系统请求接口SRI、HyperTransport技术和内存控制器，兼容90纳米单内核处理器所使用的940引脚接口。而英特尔的双核心却仅仅是使用两个完整的CPU封装在一起，连接到同一个前端总线上。可以说，AMD的解决方案是真正的“双核”，而英特尔的解决方案则是“双芯”。可以设想，这样的两个核心必然会产生总线争抢，影响性能。不仅如此，还对于未来更多核心的集成埋下了隐患，因为会加剧处理器争用前端总线带宽，成为提升系统性能的瓶颈，而这是由架构决定的。因此可以说，AMD的技术架构为实现双核和多核奠定了坚实的基础。AMD直连架构（也就是通过超传输技术让CPU内核直接跟外部I/O相连，不通过前端总线）和集成内存控制器技术，使得每个内核都自己的高速缓存可资遣用，都有自己的专用车道直通I/O，没有资源争抢的问题，实现双核和多核更容易。而Intel是多个核心共享二级缓存、共同使用前端总线的，当内核增多，核心的处理能力增强时，就像现在北京郊区开发的大型社区一样，多个社区利用同一条城市快速路，肯定要遇到堵车的问题。 HT技术是超线程技术，是造就了PENTIUM 4的一个辉煌时代的武器，尽管它被评为失败的技术，但是却对P4起一定推广作用，双核心处理器是全新推出的处理器类别；HT技术是在处理器实现2个逻辑处理器，是充分利用处理器资源，双核心处理器是集成2个物理核心，是实际意义上的双核心处理器。其实引用《现代计算机》杂志所比喻的HT技术好比是一个能用双手同时炒菜的厨师，并且一次一次把一碟菜放到桌面；而双核心处理器好比2个厨师炒两个菜，并同时把两个菜送到桌面。很显然双核心处理器性能要更优越。按照技术角度PENTIUM D 8XX系列不是实际意义上的双核心处理器，只是两个处理器集成，但是PENTIUM D 9XX就是实际意义上双核心处理器，而K8从一开始就是实际意义上双核心处理器。 双核处理器(Dual Core Processor)： 双核处理器是指在一个处理器上集成两个运算核心，从而提高计算能力。“双核”的概念最早是由IBM、HP、Sun等支持RISC架构的高端服务器厂商提出的，不过由于RISC架构的服务器价格高、应用面窄，没有引起广泛的注意。 最近逐渐热起来的“双核”概念，主要是指基于X86开放架构的双核技术。在这方面，起领导地位的厂商主要有AMD和Intel两家。其中，两家的思路又有不同。AMD从一开始设计时就考虑到了对多核心的支持。所有组件都直接连接到CPU，消除系统架构方面的挑战和瓶颈。两个处理器核心直接连接到同一个内核上，核心之间以芯片速度通信，进一步降低了处理器之间的延迟。而Intel采用多个核心共享前端总线的方式。专家认为，AMD的架构对于更容易实现双核以至多核，Intel的架构会遇到多个内核争用总线资源的瓶颈问题。 双核与双芯(Dual Core Vs. Dual CPU)： AMD和Intel的双核技术在物理结构上也有很大不同之处。AMD将两个内核做在一个Die（晶元）上，通过直连架构连接起来，集成度更高。Intel则是将放在不同Die（晶元）上的两个内核封装在一起，因此有人将Intel的方案称为“双芯”，认为AMD的方案才是真正的“双核”。从用户端的角度来看，AMD的方案能够使双核CPU的管脚、功耗等指标跟单核CPU保持一致，从单核升级到双核，不需要更换电源、芯片组、散热系统和主板，只需要刷新BIOS软件即可，这对于主板厂商、计算机厂商和最终用户的投资保护是非常有利的。客户可以利用其现有的90纳米基础设施，通过BIOS更改移植到基于双核心的系统。 计算机厂商可以轻松地提供同一硬件的单核心与双核心版本，使那些既想提高性能又想保持IT环境稳定性的客户能够在不中断业务的情况下升级到双核心。在一个机架密度较高的环境中，通过在保持电源与基础设施投资不变的情况下移植到双核心，客户的系统性能将得到巨大的提升。在同样的系统占地空间上，通过使用双核心处理器，客户将获得更高水平的计算能力和性能。 </t>
  </si>
  <si>
    <t xml:space="preserve">请问整容里面有拉长双手双腿吗？有没有做手部手指整容呢人比较矮，俗 </t>
  </si>
  <si>
    <t>这个我不是很清楚哦</t>
  </si>
  <si>
    <t xml:space="preserve">怎么样开发大脑潜能一个平常人，没有任何医疗手段的辅佐，仅靠生活的 </t>
  </si>
  <si>
    <t>你带着成为天才人物的潜力来到人世,你也带着幸福、健康、喜悦的种子来到人间,每个人都是如此。人脑与生俱来就有记忆、学习与创造的莫大潜力,你的大脑也一样,而且能力比你所能想象的还要大得多。 人类的大脑内部有千亿个神经细胞,这已是上不争的事实,然而,人脑的力量虽令人敬畏,却也难以捉摸。唯有先懂得如何去开发脑中的无限潜能,才能真正运用这份力量。我们必须先接受一个观念,那就是真心的相信自已与生俱来的潜力还没完全展现出来。 现代脑生理学的研究证实，人的大脑具有巨大的学习潜能。大脑储存知识的能力使我们目瞪口呆，一般人只使用了其思维能力的很小一部分。如果我们能迫使自己的大脑达到一半的工作能力，我们就可以轻而易举地学会数十所大学的课程。近年来我国开展的旨在开发大脑潜能的教改实验，也取得了显著成果，如北京幸福村小学的马芯兰老师用3年时间完成小学5年的教学内容，学生成绩普遍优秀，且负担不重。北京二十二中孙维刚老师，只用一个学期就使其所教的学生学完了初中数学六册书的全部内容。再如本市宁河县任凤乡大坨小学的史建昌老师参加了“中小学生智能开发与学习指导”课题实验，他从培养学生自学能力入手，班上有10名学生用半个学期就学完了一个学期的内容。 人的学习潜力是巨大的，但这一潜力需要积极开发，才能使潜力变成实际的能力。那么中小学生怎样开发自己的学习潜能呢? 第一、要树立远大志向。古人讲“非志无以成学”、“志不强者智不达”。所谓立志就是激励自己走向一条进取的、迎难而上的、智慧的人生之路。人有了志向，就会对自己严格要求，就会克服前进路上的任何困难，他的聪明才智才会发挥出来。正如高尔基所说：“我常常重复这样一句话，一个人追求的目标越高，他的才力就发展的越快，对社会就越有益，我确信这也是一个真理。”有些同学智商很高，但由于缺乏远大志向，现有的智力都不能得到彻底发挥，更谈不上开发潜能。 第二、要提高身心健康水平。健康的身体、充沛的精力、愉快的心情可使人的智力机能很好地发挥作用，反之，人的智力活动就会受到压抑。可见身心健康是开发潜能的基础。要提高身体健康水平，可以从饮食、睡眠、锻炼三方面进行调整。要提高心理健康水平，需要涵养自己的性格，建立和谐的人际关系。 第三、培养良好的心理品质。心理品质包括道德品质、意志品质、自信心、责任心等。有一位心理学工作者对1850年到1950年间的301位科学家进行研究，发现这些人不但智力水平高，而且在青少年时期就表现得十分坚强，有独立性，这些人充满自信心，有百折不挠的坚持精神。可见，培养良好的心理品质对开发人的学习潜能作用重大。 第四、学会学习。有人说过：“未来的文盲不是不识字的人，而是没有学会学习的人。”学会学习可以使人更有效地发挥出自己的学习潜能。学会学习包括全脑学习、全身心学习、科学地学习、创新学习等。我们将在以后系统介绍这些新的学习方式和科学的学习方法，以帮助同学们更好地开发自己的学习潜能。 上面我们重点从4个方面讲了怎样开发学习潜能，实际上主要是两大方面：一是学会做人，一是学会学习。这两方面也是密切联系在一起的，希望同学们在学会做人中体会学习的规律，在学会学习中领悟人生的道理。发掘孩子的大脑潜能 卢勤，这位教育工作者，对中国少年儿童的成长状态有着非常独到和深刻的理解，做了近20年的“知心姐姐”，孩子的“秘密”，家长的困惑、无奈与绝望，成功与快乐，都向这位充满爱心、可以信任与托付的人倾诉，她也是父母和孩子共同的知心朋友。卢勤尽其所有，救助、抚慰他们，与他们同喜同悲，并将因此而得到的切肤感受记述成书，引起巨大反响。 作为少儿出版界的资深人士，卢勤在继《写给年轻妈妈》发行260万册，《做人与做事》发行130万册，《告诉孩子，你真棒！》等在全国范围内的父母和孩子都极具影响力的作品之后，又于2006年新年伊始，由她主编，世界大脑开发专家李承宪博士著的《发掘孩子的大脑潜能》一书与天下的家长和孩子们见面了！ 据卢勤讲：“通过开发孩子的大脑潜能来帮助孩子健康成长，是我最近几年来一直想做的事情。这次通过与世界大脑开发专家李承宪博士的合作，也算是达成了我的这个心愿。” 为了让中国的家长和孩子们尽快了解、掌握并运用关于孩子大脑开发的方法，及早从中受益，卢勤老师用了大量的时间来对此书进行了精心整理和编辑，结合大脑潜能开发的知识，融入了她多年来的教育理念和观点，这也是她本人第一次针对孩子潜能开发方面，提出了大量的新观点和新主张。 《发掘孩子的大脑潜能》一书，汇集了卢勤30年来的家庭教育思想精华，结合如何通过HSP脑呼吸练习，围绕着“培养孩子的七大原则”，在孩子成长和大脑开发方面的诸多问题进行了系统全面地分析,阐述了教育孩子的艺术、孩子大脑开发的规律和对于如何培养孩子的好心态、责任感、爱心，如何提高孩子的意志力、集中力、耐力、创造力、想象力和记忆力等，培养少年儿童早期思想、品德、情感及良好行为习惯等给予了相应地具体指导，简单易学的方法，，并配有彩色的照片，指导我们通过这些简单的方法来达到意想不到的效果，相信此书一定会给我们的家长和孩子以更多、更新的帮助和效果的。 关于书里介绍的如何开发大脑潜能的脑呼吸HSP运动，是一种能够帮助孩子更好地使用和开发自己大脑非常好的项目。HSP是一种把大脑中的想法变成现实的能力，也就是把梦想变成现实的能力。可以开发并培养孩子的学习能力、自我管理能力及其社会交往能力，还能提高情绪控制能力和创造力，并通过脑干及大脑边缘体、神经皮层的综合训练提高知觉及感知力。这项成果正在逐渐向全世界普及和推广应用并使许多家长和孩子已经受益。现在美国的一些公立和私立学校已经把它作为一种辅助教学。 卢勤说：“对于此书里介绍的开发大脑潜能的脑呼吸HSP理论和方法，我觉得可以充分利用它，把它作为一种全新的教育理念来推广应用……逐步掌握它,一定对于孩子产生特别积极的影响。” 相信在今天这个科技高度不断发展和进步的社会,要求父母要努力发掘孩子的特有潜质和能力并应从新的视角来加以重点培养，来适应和创造这个日新月异的世界。 大脑是人身体中最重要的部分，但长期以来受到关注的程度却很少。大脑又是一个神秘的世界，人类对它的认识太少了。人的大脑具有无穷的潜能，而一般人在他的一生当中，也仅仅只是开发了其中的2---5%，连世界著名的科学家爱因斯坦也只是才开发了10%左右。没有人教过我们如何使用大脑的方法。我们往往总是羡慕那些头脑灵活的人，但却从来没有意识到，其实我们自己的大脑经过开发也可以达到那个程度。即使是平凡普通的人，只要正确开发使用，他们的也会发挥出无穷无尽的能力。所有的人都是带着天才的潜质而降生的，只不过由于在成长的过程中发现和培养这种能力的不同而产生截然不同的结果而已。相信本书会成为父母和孩子的“大脑使用说明书”。 对于教育来说，循序渐进很重要。用脑方法不当，学习就会成为一生的负担和无法逾越的障碍；但是如果方法得当，学习方面也会屡见成效。小学时期的用脑习惯会影响人的一生。 《发掘孩子的大脑潜能》一书，在韩国出版3个月内，销售就突破了50万册，一度居于畅销书排行榜榜首，也是韩国国内近1500所小学中学的教师推荐给学生的必读书目。 引用一句卢勤的原话：“大脑，就像一个‘沉睡的巨人’。帮助孩子开发大脑吧！巨人醒来之时，正是即将成功之日。我希望这本凝聚了国际著名的大脑潜能开发专家李承宪博士和‘知心姐姐’无限爱心的书，能给每一位爸爸妈妈带来一些新的启示，如果本书介绍的研究成果能被中国家长普遍地掌握与运用，并能有所收获，我将感到无比欣慰”。 也让我们对卢勤新作品的出版表示祝贺，并衷心祝愿我们的教育工作者们能创作出更多的好作品，我想，这正是所有天下父母和孩子所期待的。</t>
  </si>
  <si>
    <t xml:space="preserve">想咨询一下各种矿石的市场价格我是1区2服的，经常打到很多的金、银 </t>
  </si>
  <si>
    <t>我是六区的，个人而言，合理的市价应为：金2000-3000，银1000-2000，铜3000-4000，铁1000-2000，粘土1000-2000，玉5000-6000。你想了解行情其实很好办，多去几次大田市场，看别人什么价，多看几家，比照着卖就是了。</t>
  </si>
  <si>
    <t xml:space="preserve">“暗房”是什么意思？Photoshop处理图片时，经常听到说什么 </t>
  </si>
  <si>
    <t>这个名词的含义似乎快被人们忘记了。在有数字摄影之前，摄影是利用感光剂的光化学原理，当胶片拍摄感光后，其后续的显影、定影处理都必须在无光线的条件下进行，实际工作时难以实现。但由于实际上黑白感光剂对红色不敏感，彩色感光剂对蓝绿色不敏感，人们利用这些特性，在有红光的条件下处理黑白材料、在蓝绿光下处理彩色材料等。这种光线条件下的工作室，就是暗室/房。暗室操作是摄影技术的主要工作内容，当然，全自动的机器处理实际上也有暗室的。至于PS的“数字暗房”是指软件具有处理图片的一种能力，犹如一个设备齐全、技术全面、全能的暗室。</t>
  </si>
  <si>
    <t xml:space="preserve">绕字除了绞丝旁，这个字怎么读，什么意思？ </t>
  </si>
  <si>
    <t>尧??yáo&lt;形&gt;(会意。从??(yáo),从兀。“??”是土高,兀(wù)高耸突出,所以“尧”表示高。本义:高) 同本义 [high]尧,高也。——《说文》曰若稽古帝尧。——《·尧典》。马注:“翼善传圣曰尧。”尧亦美谥也。——《论衡·须颂》尧犹荛荛也,至高之貌。——《白虎通·号》尧者,高也,饶也。——《风俗通·皇霸》尧??Yáo&lt;名&gt;中国古代的皇帝陶唐氏之号。生于伊,嗣后耆,故称伊耆氏;初封陶,后徙唐,又称“伊唐氏” [Yao]长此戴尧天。——杜审言《蓬莱三殿传宴》运生世治,劫生世危,尧、舜、禹、汤…皆应运而生者。——《红楼梦》又如:??草名,相传当初生于尧的厨房,能自己摇动生风,防止食物变质);尧天(比喻太平盛世);尧封(疆域。传说尧舜时划定我国疆土为十二州,故称)姓尧舜Yáo-Shùn[Emperors Yao and Shun]∶尧和舜。据说都是上古的贤明君主[saint;sage]∶泛指圣人尧天舜日yáotiān-shùnrì[peacful times] 旧时用以称颂帝王的盛德。也比喻太平盛世</t>
  </si>
  <si>
    <t xml:space="preserve">在男人心中最重要的女人，是他第一个爱上的那个？还是和他第一个发生? </t>
  </si>
  <si>
    <t>我认为是他第一个付出真心的那个，男人表面坚强，实际上忘不了的是最初带给自己懵懂感觉的女孩，推荐看看日本电影情书。感觉很好</t>
  </si>
  <si>
    <t xml:space="preserve">有谁用过现代h808手机?现代h808手机到底能不能支持全屏播放 </t>
  </si>
  <si>
    <t>我有 这款手机   3.0高品质液晶屏 放电影时有黑边  上网速度很块 QQ是2009版本的</t>
  </si>
  <si>
    <t xml:space="preserve">仙剑一的问题,我要崩溃了灵儿见到她母亲后应该干什么，如何解决干旱 </t>
  </si>
  <si>
    <t>第一、 先进行对白答复，交流情感。其母给圣灵珠和圣灵披风以及天蛇仗与灵儿。第二、 先将圣灵珠放入石碑上的珠位，后在祭台上放入左上火灵珠，放入左下风灵珠，放下右上雷灵珠，放下右下土灵珠，中间放入水灵珠。当五珠和圣灵珠聚齐后，方位正确。灵儿念起女娲遗咒启动六颗灵珠，飞向天际，后风来、云来、雷来、雨来。这是甘霖普降人间，灵儿小喜。人类有救了。　</t>
  </si>
  <si>
    <t xml:space="preserve">做之前要做的事做那个事之前要做点什么尤其是第一次 </t>
  </si>
  <si>
    <t>具体要注意以下几点： 　　1、要注意外生殖器卫生　　你和丈夫在新婚之夜，都要用温开水和中性肥皂精洗外阴部。由于结婚购置物品以及招待亲朋好友，使新婚夫妇繁忙劳累，男子的包皮垢和女子的阴道分泌物增多，如果不清洗，十分不卫生，会影响男女双方的性欲和健康。　　2、做好避孕措施　　如果男女双方不想马上要孩子，又不吃避孕药，夫妇双方都有顾虑，女方更怕怀孕，因此思想不能高度集中，性会受到影响。如果女方及时服用避孕药，或男方戴上避孕套，双方便毫无顾虑，精力集中，性生活会取得满意的效果。　　3、密切配合，互相体贴　　在开始性生活时，双方都会有害羞感，尤其是女方更为明显，心理状态比较复杂，精神有些紧张。你要让丈夫动作轻柔，一次不成可以多试几次。女方也要主动配合，克服紧张和恐惧心理，精神主动放松，性兴奋唤起就快，阴道分泌液多，润滑作用好，可以减少性交时的疼痛，也可以减轻处女膜被擦伤所造成的痛苦。　　4、防止破损的处女膜发炎　　处女膜破裂后，有些轻微疼痛和少量出血，应该用消毒的纱布或药棉擦试，最好隔2—3天再性交，以防伤口发炎。如果处女膜破裂出血很多，疼痛难忍，应该就医。　　5、正确对待过早射精　　初次性交，男方可能由于缺乏性知识或过分激动，出现过早射精造成性交失败。对于这种情况你应该原谅，这不是早泄，随着婚后性知识增长和性经验的积累，双方默契配合，会很快恢复正常。</t>
  </si>
  <si>
    <t xml:space="preserve">高手来P图我想要飘逸的感觉车尾灯要红色车灯要亮有点想梦幻的感觉要 </t>
  </si>
  <si>
    <t>你好。闲着没事给你做了张。看下，喜欢吗？</t>
  </si>
  <si>
    <t xml:space="preserve">下列速度最快的是金枪鱼海豚鲨鱼 </t>
  </si>
  <si>
    <t>金枪鱼游的速度最快</t>
  </si>
  <si>
    <t xml:space="preserve">骄傲,立即,缘故和精美的同义词是什么 </t>
  </si>
  <si>
    <t>1.自大，高傲2.马上 立刻3.原因4.精致</t>
  </si>
  <si>
    <t xml:space="preserve">女友月经总是不断我朋友阴道总是出血有黑色血块，B超没有检查出子宫 </t>
  </si>
  <si>
    <t>请您参考下文施治：经来淋漓不断：按经来淋漓不断一证，有元气太虚，统摄失职者；有因冲任伏热，迫血妄行者。因元气太弱者，或由大吐、大泻伤中，或过服宣散克伐，或房劳忧思过度，种种不一，皆能如此。其人起居动静，脉息声音，一切无神，法宜温固，如附子理中95、黄芪建中146、香砂六君110之类。因冲任伏热，热动于中，血不能藏，其人起居动静，脉息声音，一切有神，法宜养阴清热，如黄莲泻心汤144，生地芩连汤58之类。总要握其阴阳，方不误事。【阐释】经水来淋漓不断，郑氏析为元气虚弱及血热妄行两种，分别用不同方药施治是正确的。余曾治一患者，月经差前错后，干净两三天又来，来即七、八日或半月淋漓不断。其人面色苍白，神疲嗜眠，饮食不多，脉沉细，诊断为阳气虚弱，不能统摄阴血所致。先以炮姜甘草汤加棕炭以止淋漓不断之经水；继用附子理中汤，连服四剂，经水未再来；最后合当归补血汤以善其后，而巩固疗效。自此之后，每次月经来时，四、五日却干净。详见“爱问知识人”上的《郑钦安医书阐释之1、2》，里面也有经来色紫成块的治法。</t>
  </si>
  <si>
    <t xml:space="preserve">云南艺术学院今年艺考的合格分数线是多少啊？ </t>
  </si>
  <si>
    <t xml:space="preserve">具体的不太清楚，你可以采取以下方式咨询一下：电话: 0871） 5353132、6249078、6249336、5511760   网址:    备注 Email：webmaster@ .c </t>
  </si>
  <si>
    <t xml:space="preserve">我身高176体重120斤人看起来很瘦，想要快速增肥，请给我一些具? </t>
  </si>
  <si>
    <t>专家指出，要想终生保持苗条，单靠计算热量是不够的，因为以节食方法来减肥的人有不少是减了而又复增的，形成了越减越肥的恶性循环。为此，在饮食减肥上，他们提出了以下的建议： 永不谈节食 减肥最成功的人并不提节食，而只是改变吃东西的习惯，戒吃高脂肪食物、甜品和零食。 要实事求是 希望把体重减到不可能的程度上的人是注定要失败的。正确的办法是，开始时即要制定一个切实可行的进程计划，使体重稳定地逐渐减轻，譬如每星期减0.25-0.5千克。 每次只戒吃一种食品 如果在同一时间戒食太多种食物，可能反而会使人在下餐美食面前忍不住大吃一顿。戒吃一种食品，比较容易做得到。 切不可戒餐 每日吃3餐的人，比不吃正餐的人多消耗10%的热量，因为人在每次进餐时，其新陈代谢会加速，也就是说，如果戒餐，身体会以降低新陈代谢率的方式代偿。 不要饿肚皮 如果在减肥中故意让自己挨饿，那么身体就会出现3种反应：积存水分，新陈代谢减慢，容易经受不住诱惑而产生大吃一顿的欲望。 吃东西要慢 要细嚼慢咽地享受每一口食物，要想减肥就要永远都做最迟吃完饭的人。狼吞虎咽的人，进食后不易产生饱腹感，会吃入更多的食物。 少吃脂肪 一克脂肪所含的热量，双倍于一克蛋白质或一克碳水化合物。脂肪食物所含的热量更可能贮存在人体内而成为脂肪。把要戒食的高脂肪食物列张“黑名单”，例如坚果、全脂牛奶、巧克力、奶油小甜饼、油炸食品和牛排等。 适量增加淀粉类食物的比例 复合碳水化合物只含少量脂肪、糖和热量，是控制体重的好食物。应该在膳食中增加马铃薯、大米、面粉和玉米等复合碳水化合物成分的比例。提醒注意：在这里增加的概念是指每日食物配比，并非增加食入量。 慎选零食 要选择吃不加糖的爆玉米、米粉饼、蔬菜和水果等等。 明智地吸收糖分 如果你在麦片粥里加一茶匙糖，那并不要紧。但要切记不要吃隐藏着大量糖分和脂肪的食品。 不要完全戒绝爱吃的东西 找个适当的方法来享受你喜欢吃的食物。假如你爱吃炸薯条，不妨用烤炉烤几条只涂了少量油的薯条来吃。 失败乃成功之母 要记住，减肥很少能够一蹴而就。从减肥最成功者的经验看，都是通过不懈努力才找到一种对自己最有效的减肥方法的，要有坚定不移的打持久战的信念。</t>
  </si>
  <si>
    <t xml:space="preserve">用气步枪在5米的距离对一只蝗虫瞄准射击，能不能打死蝗虫 </t>
  </si>
  <si>
    <t>哈哈，不好意思，那得看你的射击水平！如果从正常角度来看，5米距离绝对可以。不过，还是以保护动物为主吧！</t>
  </si>
  <si>
    <t xml:space="preserve">知道韦应物的请进听说他的诗很淡雅。请推荐他的有名的句子。 </t>
  </si>
  <si>
    <t>秋夜寄邱员外怀君属秋夜，散步咏凉天。空山松子落，幽人应未眠。答李瀚 林中观易罢， 溪上对鸥闲。楚俗饶词客， 何人最往还。寄全椒山中道士 今朝郡斋冷，忽念山中客。 涧底束荆薪，归来煮白石。欲持一瓢，远慰风雨夕。 落叶满空山，何处寻行迹。淮上喜会梁州故人江汉曾为客，相逢每醉还。 浮云一别后，流水十年间。欢笑情如旧，萧疏鬓已斑。 何因不归去？淮上有秋山。初发扬子寄元大校书凄凄去亲爱，泛泛入烟雾。 归棹洛阳人，残钟广陵树。今朝为此别，何处还相遇。 世事波上舟，沿洄安得住。长安遇冯著客从东方来，衣上灞陵雨。 问客何为来，采山因买斧。冥冥花正开，扬扬燕新乳。 昨别今已春，鬓丝生几缕。夕次盱眙县落帆逗淮镇，停舫临孤驿。 浩浩风起波，冥冥日沈夕。人归山郭暗，雁下芦洲白。 独夜忆秦关，听钟未眠客。寺居独夜寄崔主簿幽人寂无寐，木叶纷纷落。 寒雨暗深更，流萤渡高阁。坐使青灯晓，还伤夏衣薄。 宁知岁方晏，离居更萧索。东郊吏舍局终年，出郊旷清曙。 杨柳散和风，青山澹吾虑。依丛适自憩，缘涧还复去。 微雨霭芳原，春鸠鸣何处？乐幽心屡止，遵事迹犹遽。 终罢斯结庐，慕陶真可庶。赋得暮雨送李曹楚江微雨里，建业暮钟时。 漠漠帆来重，冥冥鸟去迟。海门深不见，浦树远含滋。 相送情无限，沾襟比散丝。寄李儋元锡去年花里逢君别，今日花开又一年。世事茫茫难自料，春愁黯黯独成眠。身多疾病思田里，邑有流亡愧俸钱。闻道欲来相问讯，西楼望月几回圆？　滁州西涧独怜幽草涧边生，上有黄鹂深树鸣。春潮带雨晚来急，野渡无人舟自横。郡斋雨中与诸文士燕集兵卫森画戟，宴寝凝清香。 海上风雨至，逍遥池阁凉。烦疴近消散，嘉宾复满堂。 自惭居处崇，未睹斯民康。理会是非遣，性达形迹忘。 鲜肥属时禁，蔬果幸见尝。俯饮一杯酒，仰聆金玉章。 神欢体自轻，意欲凌风翔。吴中盛文史，群彦今汪洋。 方知大蕃地，岂曰财赋强。送杨氏女永日方戚戚，出行复悠悠。 女子今有行，大江溯轻舟。尔辈苦无恃，抚念益慈柔。 幼为长所育，两别泣不休。对此结中肠，义往难复留！ 自小阙内训，事姑贻我忧。赖兹托令门，仁恤庶无尤。 贫俭诚所尚，资从岂待周？孝恭遵妇道，容止顺其猷。 别离在今晨，见尔当何秋。居闲始自遣，临感忽难收。 归来视幼女，零泪缘缨流</t>
  </si>
  <si>
    <t xml:space="preserve">给国外的朋友写一封问候信用英语好久没有收到朋友的e_mail，十 </t>
  </si>
  <si>
    <t>好久没有收到朋友的e_mail，十分牵挂，希望尽快能联系上.I have not hear from you for a long time, and I miss you very much, hope to contact you soon.</t>
  </si>
  <si>
    <t xml:space="preserve">股票的价与量的关系都说量增价涨那我想问一下这个价格上升成交量从哪 </t>
  </si>
  <si>
    <t>这个价格上升成交量从哪里增加的 ？股价处在一个平台随着大盘走势时，它的成交量就是保持一般的现象，如果主力突然进场，成交量就会比平时增大1至2倍，股价也随着上涨。股票的买卖肯定是有人卖才能买到，看好的人就买，认为涨多了就会调整的人就卖了。股票的流通股才可以买卖，限售股没有解禁不准上市。庄家不可能把全部流通盘全部吃光，一般持有20%的流通股算是重仓。机构也不是一个的，其中很多主力一起进场，也有很多散户参与其中。每天的成交量占流通股10%以上的算是大量，很多人今天买入明天卖，所以不可能没人卖股票。股票的每天成交量不断放大、股价持续上涨，就是在流通盘范围内的股票不断买卖的情况下往上推进的。</t>
  </si>
  <si>
    <t xml:space="preserve">都死了，哈哈。大家都睡觉吧。下周再见了。 </t>
  </si>
  <si>
    <t>冷的没法，呵呵。</t>
  </si>
  <si>
    <t>北单五串一！！帕多瓦</t>
  </si>
  <si>
    <t>啊尔比-----阿斯=====3 这场是意乙吗？估计和局两场挪甲补0吧</t>
  </si>
  <si>
    <t xml:space="preserve">合肥哪家眼科激光治疗眼睛好? </t>
  </si>
  <si>
    <t>*……我去年做的是intralase飞秒激光近 视手术，是目前最好的，合肥也就一家在普*瑞*眼*科，到现在我的视力也跟手术后一样，效果不错，不过这个价格比较高</t>
  </si>
  <si>
    <t xml:space="preserve">本人想找一部前两年的大学生原创动漫，我看了上下两部，是描写一个中? </t>
  </si>
  <si>
    <t>算了，我不是想打击中国动画，但是你要知道，就那么一部雷锋。我的心灵就被动漫吓死了，再说，你要是到，大学生的作品，有几个是好的，绝对是一厢情愿，自己的完美主义！如果，你想牛点还是得练练！我妹妹在上海完美动力，我看他的作品就比一些大学生强，他是个女生哎，岁数还不大！理论化和实际就是差距大！你们有机会到上海完美动力看看！WWW.SH-CGP.COM</t>
  </si>
  <si>
    <t xml:space="preserve">能推荐几部好看的电影吗能不能给我推荐几部好看的电影。谢谢 </t>
  </si>
  <si>
    <t>战争片：拯救大兵瑞恩，珍珠港，兵临城下，风语者，野战排科幻片：终结者，侏罗纪公园，魔戒，蜘蛛侠，星球大战，哈里．波特X战警，木乃伊动作片：007系列，第一滴血，石破惊天，太阳泪历史片：特洛伊，天国王朝，勇敢的心，亚瑟王，亚历山得大帝非常好看，快去一一目睹吧！！！！</t>
  </si>
  <si>
    <t xml:space="preserve">我是69级的试道号，快升70了感觉跟郁闷，怎么能让我掉经验（除了? </t>
  </si>
  <si>
    <t>出了自杀,没别的办法了.升到70了,继续刷道,在70当王不就行了.</t>
  </si>
  <si>
    <t xml:space="preserve">二手车评估师有用吗？ </t>
  </si>
  <si>
    <t>有用，现在汽车行业发展迅速，二手车评估师更是急需的人才北京卓杰行目前就在招聘二手车评估师</t>
  </si>
  <si>
    <t xml:space="preserve">不带小号刷19fb能爆装备吗 </t>
  </si>
  <si>
    <t xml:space="preserve">不行  因为你几高了   为什么呢  因为FB你是看你们对的平均等级的拉   组个小号可以拉底你的等级还有经验拿还可以做一次好人带他升级为什么不带小好啊   </t>
  </si>
  <si>
    <t xml:space="preserve">我孩子八岁了，孩子晚上睡觉咬牙、磨牙怎么办？ </t>
  </si>
  <si>
    <t>　　 　　 　　 　　 　　 　　相关新闻/资料： 　　小儿睡觉磨牙是怎么回事? 　　有少数孩子睡觉的时候咬牙(也称磨牙)，持续时间长短不一，发出声音可高可低。有的孩子不仅磨牙，还说梦话。按老年人的说法，这样的孩子肚子里一定有虫子了。其实，这种说法并不准确。 　　磨牙是由于咀嚼肌反复收缩，上下牙齿相互碰撞发出声响引起的。我们知道，咀嚼肌收缩受三叉神经控制，三叉神经兴奋后，会导致咀嚼肌收缩，于是，就出现了磨牙现象。 　　哪些原因能引起三叉神经兴奋呢?目前，还不很清楚。但孩子睡觉前过度兴奋，晚饭吃得过饱，口腔内有残留食物，常是磨牙的原因。另外，肠道寄生虫、牙颌畸形等疾病因素也能引起磨牙。所以仅凭磨牙不能判断孩子肚里有虫，还需要参考其他伴随症状，如有排虫、吐虫、大便内有虫卵，这样才能确定小儿患了肠道寄生虫病，驱虫时才有针对性。切不可孩子一出现磨牙现象，家长就用上驱虫药。 　　 　　小儿睡觉磨牙是怎么回事，如何防治? 　　睡觉磨牙是由于咀嚼肌的持续收缩引起的，而咀嚼肌的又是受三叉神经支配的，所以，凡是能影响到三叉神经和咀嚼肌的因素，都可以引起睡觉磨牙。本病多见于儿童，其发病原因一般认为与下列因素有关： 　　(1)小儿白天玩得太兴奋，过于激动或疲劳，或受了惊吓，或白天学习紧张，使其大脑皮层的兴奋和抑制过程失去平衡，诱发咀嚼肌的运动发生一时性不规则的痉挛或收缩，产生了夜间磨牙。 　　(2)小儿肠道寄生虫病。目前认为肠道寄生虫是引起幼儿夜间磨牙的最主要原因。蛔虫最喜欢在孩子睡着了以后在肠子里活动，并且分泌多种毒素。这些都刺激肠壁，通过神经系统的作用，会不断地刺激熟睡中孩子的大脑皮层，使之出现咀嚼肌的痉挛而磨牙。 　　(3)积食。比如睡前吃得过饱，大量食物充斥胃肠而刺激了消化道，神经把这些刺激传到大脑，使管理消化的脑细胞兴奋起来，通过反射作用，引起咀嚼。但由于嘴里没有食物，上牙和下牙就直接磨起来，产生了咯吱咯吱的咬牙声。 　　(4)儿童替牙期牙齿的咬合障碍、慢性牙周炎，精神运动性癫痫，癔病，或做梦吃东西等均可以造成夜间磨牙。 　　夜间磨牙和白天吃饭时咀嚼食物牙齿的摩擦不一样。咀嚼食物时，牙齿间有食物垫的缓冲，并不断得到水分、唾液的润滑，从而可以减少其磨损。而夜间磨牙一般是在熟睡后，这时口腔内既无食物，唾液分泌也很少，牙齿得不到润滑，只能像推空磨盘一样“干磨”，使牙齿磨耗严重，可使前牙变得短缺而影响美观。后牙咬合面磨成平板状，使牙齿的咀嚼功能降低，引起咀嚼肌疲劳。时间一长，还会引起牙周病，牙本质过敏症，严重的还可引起牙髓炎、颞下颌关节病。而且，日久天长，在大脑皮层一旦形成了固定的条件反射之后，再治疗起来也比较困难了。所以必须抓紧治疗。 　　首先，要注意白天不要让小儿玩得过于疲劳、兴奋，指导他们玩得愉快又轻松，尤其在睡觉前1～2个小时，不要开展紧张剧烈的活动。精神过度紧张，情绪不稳定的，应注意消除紧张情绪，必要时可应用小剂量镇静药物。 　　其次，应化验一下大便是否有寄生虫卵，以便进行驱虫治疗。有些小儿虽然大便化验没有虫卵，也不能肯定就是没有虫子，如果在半年之内从未进行过驱虫治疗的也可给予驱虫治疗。有的人驱虫治疗后仍磨牙，可能由于驱虫不彻底，可以间隔数月后再行驱虫。 　　另外，注意调节好小儿的日常饮食，吃一些容易消化、营养丰富的食品，吃饭不要过饱。如有牙齿咬合障碍，慢性牙周炎等，则应去口腔科检查治疗。对于顽固性小儿磨牙症，可特制一个夜磨牙矫治器，让小儿晚上睡觉时戴上，防止夜间磨牙，保护牙齿。 　　 　　成人磨牙多是心理受挫 南方日报 　　人在入睡后磨牙，医学上称为“磨牙症”。磨牙症多见于儿童，但成年人也不少见。 　　国内外许多学者对磨牙症的发病机理进行了大量研究，认为成人磨牙比儿童及青少年磨牙的发病机理更为复杂，其危害也同样不可小视。其中精神因素引起的磨牙症尤其受到学者们的关注。北京大学口腔医院曾对８０位１６～４５岁的磨牙症患者和８０位无磨牙症的人作了对照研究，结果表明：性格内向、压抑，特别是情绪不稳定、易紧张等个性是磨牙症发病的重要因素。他们认为，当人为逃避潜意识的心理压力时，在梦中或睡眠中会磨牙。 　　偶尔磨牙对健康影响很小，但长期磨牙，或每次入睡后磨牙的时间太长，则可导致心理及生理上的障碍。因此，有磨牙症的成年人应积极就医。在排除生理疾病引起磨牙后，应注意考虑是否存在心理障碍。如果存在心理障碍，则应该进行自我调适，或找心理医生治疗。 　　 　</t>
  </si>
  <si>
    <t xml:space="preserve">雅培的奶源和产地在哪里？我准备买雅培，好像雅培几个系列的奶粉奶源 </t>
  </si>
  <si>
    <t>我们家也是用雅培的，在买之前我特意去咨询过的。雅培智护的奶源都是来自新西兰和欧洲国家，产地新加坡是说工厂在新加坡。产地在新加坡，花园城市，而且我看百度百科上面说新加坡工厂是有黄金级认证的，生产卫生什么的肯定过关的。再加上雅培有制药背景的，奶粉质量更有保证了。宝宝的口粮，我们做父母的当然要细心弄清楚，相信靠得住的品牌啊。</t>
  </si>
  <si>
    <t xml:space="preserve">救命啊中病毒杀不掉.问重组系统病毒还在吗 </t>
  </si>
  <si>
    <t>　　建议先用U盘下载专杀杀毒工具：落雪专杀工具和熊猫烧香专杀工具，然后，重启到安全模式，插入U盘，直接打开U盘，双击专杀工具，这样，就可以清除病毒了。　　遇到系统严重错误，请格式化C盘，安装WINXP系统后，不要打开任何分区，直接插入U盘，双击运行专杀工具杀毒即可完全清除。　　　　　　　　　　　　　　　　　　　　　　　-,'''╭⌒╮⌒╮. 　　　　　　　　　　　　　　　╱????''.''. 爱问才知道，不问不知道！　　　　　　　　　　　　　　　︱田︱田田| '',,.爱问就会红，敢答才会赢！　　　　　　　　　　　　　　　╬╬╬╬╬╬╬╬╬╬╬╬╬╬╬╬╬╬</t>
  </si>
  <si>
    <t xml:space="preserve">收到相亲女孩短信，这是什么意思呢？我们相亲认识的，在认识几天后， </t>
  </si>
  <si>
    <t>就是说要悠着点呀.耐心点.先都要观察好了.才能确定下来嘛.看来她是稳重的.谨慎的女生咯.8错昵~能和你做朋友先.绝对不讨厌你吧.只是时间太短.了解还不够.希望自然而然的发展.那才是她想要的.慢慢来咯~她希望能:日久见人心了.看你是不是真心喜欢她呗~平时多沟通吧.打打电话.发发短信了.Q聊呀.视频了.反正多关心她吧.祝你好运喽.加油~~</t>
  </si>
  <si>
    <t xml:space="preserve">忘了锁的密码怎么办？？？我把背包锁的密码忘记了，怎么办呢？ </t>
  </si>
  <si>
    <t>你可以点机哪个 客服服务 点饥哪个克服传真 下载传真表 来找回</t>
  </si>
  <si>
    <t xml:space="preserve">[单机110KCD]单机110版本如何Kcd?单机110版本的暗 </t>
  </si>
  <si>
    <t xml:space="preserve"> 暗黑工具－－plugy专区，注意版本，有使用说明 。安装插件后进游戏会提示？？？乔丹之石卖给商人，先不去管他，等提示到：‘暗黑破坏神出现在地面’的字，你就会遇到超级大菠萝（超级暗黑破坏神）打死他就会掉毁灭，超级暗黑破坏神一般是你出去遇到的第一个金色怪自己去看看就知道了。1.10版本新增的隐藏BOSS。</t>
  </si>
  <si>
    <t xml:space="preserve">请问上海上菱冰箱质量如何？上菱冰箱厂的网址是什么？ </t>
  </si>
  <si>
    <t xml:space="preserve">上海上菱电器股份有限公司, 公司网址,  </t>
  </si>
  <si>
    <t xml:space="preserve">大家帮我看下到底是什么病？我星期一的时候就感觉头晕，四肢无力，我 </t>
  </si>
  <si>
    <t>那个及时雨不要乱讲话好不好？亏了你没得是吧？？一楼的楼主，你这个情况极有可能是你的月经引起的。但是医生说毒性心肌炎的话。我不这么认为，真要那样你早躺医院去了。你有检查过你的肾脏吗？看看那情况怎么样。另外如果都正常的话，建议到妇科去诊断一下。</t>
  </si>
  <si>
    <t xml:space="preserve">宝宝爱存食怎么办我儿子现在3周2个月，总爱存食，吃饭没饱，总也管 </t>
  </si>
  <si>
    <t>吃点妈咪爱，调理肠胃的</t>
  </si>
  <si>
    <t xml:space="preserve">治疗眼肌麻痹的方法有哪些？ </t>
  </si>
  <si>
    <t>眼肌麻痹尽早的治疗有利于尽快的恢复健康，减小病痛的折磨。在3个月之内是最佳治疗期(并且越早越好)。从中医角度来讲，脾主肌肉，所以这病和脾也有关系。也应该加强脾的功能，可以加服归脾丸一丸。还可以采用现代细胞修复医学的产品，通过修复大脑细胞提高功能的，建议服用，细胞源，和珍珠明目胶囊眼肌麻痹就是单一肌肉或同一神经支配的肌肉运动障碍、自主运动及反射运动均有障碍，极少伴有其他神经症状。临床特点为发病前多有感染/脑血管病基础，糖尿病、肿瘤、周围神经病变等诱因，可急性、亚急性、慢性或复发起病，临床表现有复视，瞳孔散大或缩小，眼睑或眼球活动障碍</t>
  </si>
  <si>
    <t xml:space="preserve">金字塔南通道的第二层石门打开了吗？？07年了不是说06年就打开吗 </t>
  </si>
  <si>
    <t>这个……2002年的9月，家曾经利用机器人，深入埃及最大的胡夫金字塔，但是并没有带来令人惊喜的发现。三年后的今天，埃及考古学家又计划重返胡夫金字塔，再次借助机器人的力量，一探究竟。　　1872年，考古学家在胡夫金字塔中发现了一条宽20厘米左右的通道，这个通道是从一个还没有修建完成的房间向上延伸的。考古学家相信，在通道尽头的石板后，就隐藏着迄今为止都没有被找到的法老胡夫的墓穴。　　2002年9月，科学家就尝试着把机器人送入胡夫金字塔内的秘密通道，希望能够找到隐藏在通道石板后面的真正墓穴。当时肩负探索任务的机器人在金字塔内一个通道行走了大约61米后，在一堵石门上钻了一个孔。然而这个历史性的时刻并没有带来令人兴奋的发现。通过机器人的摄像头，人们看到的是一间空无一物的小房间，而在房间的另一头，是另外一扇密封的石门。　　这次，埃及首席考古学家扎希·哈瓦斯基教授宣布，他将借助机器人的力量，打开第二道石门，揭开胡夫金字塔的秘密。目前，哈瓦斯基正在对由中国香港和新加坡分别研制的两个机器人进行最后的性能研究。在选定机器人之后，将在近期展开探索活动。　　哈瓦斯基表示，如果进展顺利，胡夫金字塔的秘密将有望在2006年被揭开。如果找到法老胡夫的木乃伊，那么长期以来围绕胡夫金字塔的一系列谜团都将被最终破解。埃及最高文物委员会秘书长扎希·哈瓦斯23日宣布，埃及和美国的考古学家在胡夫金字塔内发现了第三个石门，地点位于塔内“王后殡室”的北通道深处。　　哈瓦斯在记者招待会上介绍说，经过“金字塔漫游者”初步探测，和陡峭笔直向上的南通道不同，目前探明的北通道成不规则的几何结构曲折攀升：洞口往里不远处即出现向左侧弯曲的陡峭坡道，延伸大约20米后右拐，前行十几米再次左转并挺进大约30米，机器人在这个位置发现新的石门。“王后殡室”南北通道1872年首先由英国工程师伟恩曼·狄克森挖掘出，1993年德国考古学家鲁道夫·甘登贝林操纵机器人在南通道行进至64米时，被一扇石门挡住去路。　　哈瓦斯表示，北通道这道石门和南通道的第一道石门都距离洞口64米，而且外形十分相像。“在北通道新发现的石门上同样有两个铜制的把手，在机器人光纤镜头以及其他配备仪器的仔细辨认和探测下，这两个把手并非像南通道石门把手呈普通的手握形状，而是两根贯通石门、直径两厘米的铜棒，其中东面的把手还是内陷型”，哈瓦斯解释说。此外，“金字塔漫游者”还在石门最上方和通道顶部发现一条大约1厘米宽的缝隙。“我们在今后的探测中会从这里看到石门后的世界，它也许又是一道石门”，哈瓦斯说。　　对于北通道令人费解的几何结构，哈瓦斯分析说，从通道形状上可以明显看出北通道的设计有意避开了“王后殡室”上方的“国王殡室”，由此可以推测北通道是在胡夫金字塔落成以后挖掘成形的。哈瓦斯认为，金字塔内部修建如此复杂的通道包含丰富的宗教含义：古埃及法老王们希望死后灵魂能够升天，狭窄的通道就是带领这些灵魂通往“极乐世界”的道路。但是，要想抵达目的地就必须克服路途上的艰难险阻方能“修成正果”，如愿打开“天堂之门”。　　由美国科学家设计制造的“金字塔漫游者”17日凌晨3时对南通道进行了近两个小时的探测。美国国家地理频道通过卫星向全球观众全程直播了此次探秘之旅。然而，探测的结果却大大出乎世人的预料：石门后面又显现出另一道石门。</t>
  </si>
  <si>
    <t xml:space="preserve">怎样做好卫生间和厨房的防渗漏？ </t>
  </si>
  <si>
    <t>厨房卫生间装修时，开发商都做过防水，但是装修时必须再做一遍，因为装修时的管道安装很有可能会破坏掉原来的防水层。一般四周侧墙防水层高500mm，有浴缸的部位，防水层超过浴缸顶部200mm。有淋浴器且无其他防水措施时，防水层应做到淋浴所能喷淋到所有部位，可以做2米高，也可以选择满做。我们家装修时的防水是找长沙天工防水公司做的，还签订了五年保修的合同，不漏水而且有地方可以找，心里还是感觉蛮踏实的。</t>
  </si>
  <si>
    <t xml:space="preserve">000001如何股评有几个是好东西？？？？？他们什么时间能死光？ </t>
  </si>
  <si>
    <t>没办法，股市里上当是难免的，生活中有些人你也只有打过交道之后才知道他的为人。</t>
  </si>
  <si>
    <t xml:space="preserve">请问胆囊结石要应该怎么治疗？请问胆囊结石要如何治疗？最近不舒服，? </t>
  </si>
  <si>
    <t>治疗　　（一）手术治疗作胆囊切除术，治疗效果良好。由于有同时存在继发性胆管结石的可能，因此有下列指征时应在术中探查胆总管。绝对探查指征：①胆总管内扪及结石；②手术时有胆管炎和黄疸表现。③术中胆管造影显示有胆管结石；胆总管扩张，直径超过12mm，但有少见病人胆管有扩张而无结石存在。此点在胆总管探查时的阳性率仅 35%左右。此外，还有一些相对探查指征：①过去有黄疸病史；②胆囊内为小结石；③胆囊呈慢性萎缩性改变；④有慢性复发性胰腺炎病史。　　（二）溶石治疗形成胆囊结石的主要机理是胆汁理化成分的改变，胆汁酸池的缩小和胆固醇浓度的升高。通过实验发现予口服鹅去氧胆酸后，胆汁酸池便能扩大，肝脏分泌胆固醇减少，从而可使胆囊内胆汁中胆固醇转为非饱和状态，胆囊内胆固醇结石有可能得到溶解消失。1972年Danjinger首先应用鹅去氧胆酸成功地使4例胆囊胆固醇结石溶解消失。但此药对肝脏有一定的毒性反应，如谷丙转氨酶有升高等，并可刺激结肠引起腹泻。目前溶石治疗的药物主要是鹅去氧胆酸和其衍生物熊去氧胆酸。治疗适应证：①胆囊结石直径在2cm以下；②胆囊结石为含钙少的X线能透过的结石；③胆囊管通畅，即口服胆囊造影片上能显示有功能的胆囊；④病人的肝脏功能正常；⑤无明显的慢性腹泻史。治疗剂量为每日15mg/g，疗程为6～24个月。溶解结石的有效率一般为30～70%。治疗期间每半年作B超或口服胆囊造影1次，以了解结石的溶解情况。由于此种溶石治疗的药物价值昂贵，且有一定的副作用和毒性反应，又必须终生服药，如停药后3个月，胆汁中胆固醇又将重新变为过饱和状态，结石便将复发，据统计3年复发率可达25%，目前此种溶石治疗还有一定的限制。此外，一些新的药物，如Rowachol，甲硝唑（metronidazole）也有一定的溶石作用。苯巴比妥与鹅去氧胆酸联合应用常能增加溶石效果。1985年更有人报告应用经皮肝穿刺胆囊插管注入辛酸甘油单脂或甲基叔丁醚，直接在胆囊内溶石，取得一定的疗效。　　（三）体外震波碎石 1984年Lauerbwch首先采用体外冲击波治疗胆石症（extracorporeal shock wave-lithotripsy，简称ESWL）。常用的震波碎石机为EDAP LT-01型，该机由镶嵌在一个抛物面圆盘上的320枚压电晶体，同步发出震波，形成宽4mm、长75mm的聚集区，声压为9×107PZ。一般采用 1.25～2.5次/sec的冲击频率，100%的治疗功率，历时60～75分钟，胆囊内结石便可粉碎。此外，还采用B型超声实时成象，对结石定位，并监控碎石的过程。　　用震波碎石方法治疗胆囊结石的主要适应证为胆囊内胆固醇结石，口服胆囊造影显示为阴性结石，结石直径在12～15mm者不超过3枚，直径在15～20mm者仅1枚，并要求有一个正常的胆囊收缩功能。上海医科大学附属中山医院自1988年1月起已应用EDAP-LT 01型震波碎石机治疗687例胆囊结石病例，结石粉碎率为98%。一震波治疗后1、2、3、4和6个月胆囊结石的消失率分别为27%、33%、40%、 45%和50%。治疗后的副作用轻微，如右上腹隐痛不适（45%）、胆绞痛（16%）和乏力等，未发现肝、胆、胰和胃肠道等脏器损害的并发症。　　为提高结石粉碎后的消失率，在震波前后服用熊去氧胆酸（UDCA）8mg/kg/d，以达到碎石和溶石的协同作用。结石消失后为巩固疗效，可继续服用半年。此法安全有效，仍有约11.2%结石复发率，治疗费用昂贵，治疗适应范围严格，均属不足之处。    非手术治疗方法　　(1)口服溶石疗法。现在临床上使用的口服溶石药物主要有两种：鹅去氧胆酸(CDCA)和熊去氧胆酸(VDCA)。这两种药物通过降低胆汁胆固醇的分泌使胆汁去饱和，不饱和胆汁则具有溶解胆固醇的作用，使胆石表面的胆固醇分子不断地被溶解，胆石体积逐渐缩小以至完全溶解。　　(2)灌注溶石法。早在上个世纪末已有人胆总管探查术后残留结石的溶解问题，以后有不少学者做了大量的研究，发现了一些具有溶石作用的药物，将溶石药物注入到胆囊，取得了较好的疗效，但其溶石的确切效果尚待大量临床实践来证明。直到目前为止，尚未发现一种既能有效地溶解结石而又较为安全、副作用小的药物。　　(3)体外震波碎石(ESWL)。1983年布伦德尔(Brendel)和恩德斯 (Enders)经动物实验体外震波对胆囊结石碎石成功，证实无严重副作用，并提出ESWL辅以溶石治疗，可以使胆囊结石病人免行胆囊切除手术。1985 年索尔布奇(Sauer Bruch)等首先将ESWL应用于临床，8例胆囊结石和1例胆总管结石经治疗后都获得了满意的效果。近几年来国内亦有一些医院对此开展了研究和应用，并迅速积累了相当数量的病例和经验。当然，ESWL不是对每一个胆囊结石病人都能适用，它具有一定的适应症。　　(4)经皮胆囊镜超声波碎石术。在超声波引导下先作经皮胆囊穿刺，然后再扩大穿刺针道并插入胆囊镜至胆囊，在胆囊镜直视下用超声波将结石粉碎，并将粉碎的结石吸出。术后胆囊内置入气囊引流管。因本方法在临床应用时间较短，其确切效果尚待进一步观察。　　(5)经皮经肝胆道镜胆囊取石。本方法是先在超声波引导下经皮经肝胆囊穿刺置管引流术，待1～2周后开始扩张至胆囊的肝内窦道，并逐步增粗引流导管至4～5mm，约3～5周后，坚实的窦道已经形成。此时经过该窦道可行胆囊胆道镜检查，并可用胆道镜将胆囊结石取出。　　(6)其他，如耳压疗法排石、中草药排石及耳针排石等。中医治疗方法 中医学认为胆结石其形成与胆肝相关，胆依附于肝，胆与肝气的运行和脾胃吸收食物精华，有排泄浊物功能。由于饮食不节，或暴饮暴食，损伤脾胃、脾失健运，水湿不化，积湿成痰，痰混内生，阻碍气机，气机郁滞胆汁疏泄失常，郁久化热化火，痰湿生热，湿热与痰互结，痰热互结湿热蕴结石久成胆结石。另外，平时过食肥甘厚味，或饮酒过度，或过食辛辣，使中焦湿热内生，土反侮木，湿热薰蒸于肝胆，肝胆失于疏泄，胆汁郁积被湿热蕴蒸也会形成胆结石。中药胆石化瘀方以诸药合用，共奏清热解毒、疏肝行气、利胆排石、攻下通胆腑之效，可强效修复胆道受损内皮细胞，控制胆囊感染，有效阻止结石再生长。通过药物持续作用，增加胆汁分泌，肝胆开始恢复正常的疏导功能，起到溶石排石的作用。同时调节体内微循环，促进新陈代谢，从而达到标本兼治，彻底治愈胆囊结石的疗效！中药胆石溶消汤精选贵州雷公山九头狮子草、乌梅、化石草、虎杖等多味珍稀野生药材，专门针对胆囊结石之病机配伍，疏肝理气、消炎利胆、活血化瘀、通淋排石，使大石化小，小石化了，无痛排石。</t>
  </si>
  <si>
    <t xml:space="preserve">下载工具？？？？？？？？？？？新手求助请问常用的下载工具有多少种 </t>
  </si>
  <si>
    <t>用bitcomet 软件下载,简称BT下载;还有电驴也可以下载</t>
  </si>
  <si>
    <t xml:space="preserve">赌英格兰不败！！！不服的进来留名我就不信英格兰会对克罗地亚三连败 </t>
  </si>
  <si>
    <t>克罗地亚近年的攻击火力有所减弱（前场有实力的球员不多），英格兰安下心来防守克罗地亚还真进不了球，如果客队前锋能把握好反击的机会，英格兰确实是个客场不败的格局。</t>
  </si>
  <si>
    <t xml:space="preserve">月经问题我26岁了，没有上怀，一个月来一次，每次都提前2,3天。 </t>
  </si>
  <si>
    <t>月经时间长 ， 一般都是黄体功能不足， 子宫内膜得不到良好修复。 可以在月经的第3-4天口服止血药物， 比如宫血宁胶囊， 或者其它止血药。 也可以在月经之前7-8天， 补充一些孕酮类药物， 这个需要去医院， 由大夫开药。</t>
  </si>
  <si>
    <t xml:space="preserve">一天休息多少时间最好? </t>
  </si>
  <si>
    <t xml:space="preserve">成年人一天睡７小时最好超过１０小时比少于４小时还有害 在人们越来越讲究生命质量的今天，睡眠质量开始引起专家关注。据世界卫生组织对１４个国家的２万多人进行调查，发现有２７％的人存在睡眠问题，其中中老年人的睡眠问题最严重。华中科技大学同济医学院社会医学研究所所长卢祖洵教授指出，睡眠问题不仅仅是失眠，还包括睡眠时间过长。失眠——老少通杀“躺在床上，不停地告诉自己快睡着、快睡着，可是最后只能听着表的滴答声，失望地看着天渐渐亮起来。”长期失眠，让年近５０的孙女士一筹莫展。经神经科医生诊断：她患了中老年人常见的失眠症。卢祖洵说，睡眠障碍已成为一种流行病，越来越多的人为睡不好觉发愁。卢教授曾对武汉市１６００多位市民做过一次有关睡眠障碍的问卷调查。结果发现，有４５％左右的中年人经常失眠或早醒；其次为老年人，约占４０％；再次为青年、少年，占１０％－１５％。分析发现，中老年人常常因为心理压力而出现失眠；年轻人则因为应酬、娱乐、加班等原因让睡眠时间一减再减，久而久之成为失眠一族。华中科技大学同济医学院病理生理系副主任王小川博士介绍，失眠症或睡眠质量不好的主要表现是：入睡困难，夜间多次觉醒后不能再入睡，早上早醒，睡醒以后不能恢复精力。失眠症一般可分三类：一是偶尔发生、发生后停止的一过性失眠，常由应激或环境因素改变所引起；二是一晚至数天的短期失眠，常由各种心理创伤、结婚、搬家、工作环境刺激、疼痛等引起；三是连续一个月每周失眠３个晚上以上，常与躯体或心理疾病相关。王博士说，引起失眠症的原因很多，不同类型的失眠症有不同的原因。疾病、药物的副作用、不良的睡眠习惯、昼夜轮班工作、紧张和压力、抑郁、焦虑，以及个人和家庭的重大变化都可能导致睡眠不好。失眠严重影响患者生活质量，包括工作和学习效率低，身体状况不佳，加快皮肤衰老，抑郁，情绪失控，以及疲劳相关的意外事故（如车祸等）发生率升高等。贪睡——隐疾作祟保证充足的睡眠时间，并不是要人们大量地延长睡眠时间，睡得过多如同吃得太饱一样，也有害于健康。卢祖洵介绍，最近国外的一些医学研究发现，有不少常感到疲倦的人，并非感到有病或是睡眠不足，反而是睡眠过多引起！因为在睡眠时，血液循环减慢，养分和氧气对脑的供应大为减少。睡眠过长，脑细胞就得不到足够的氧气和养分，因而活动能力减弱。睡眠过多，又使肌肉、筋络组织的活动减少，肌肉从血液得到的氧气和养分也少，所以就变得松弛无力，自然就感到疲倦。王小川认为，睡眠过多还会加重脑睡眠中枢的负担，使各种生理代谢活动降到最低水平，且使人的各种感受功能减退和骨骼肌张力下降。一旦人体免疫功能降低，易引起一系列疾病，特别是血液循环缓慢会造成心脏病突然发作或中风。长时间睡眠还会因呼吸的减慢而使进入人体的氧减少。这就意味着心脏、血液循环和肺的负担加重，导致已有的疾病在睡眠中可能“出轨”。王小川说，睡眠过多，还可能是身体隐匿的疾病在作祟，睡眠过多可发生于很多脑部疾病，如脑血管疾病、脑外伤、脑炎、脑瘤等，也可见于尿中毒、糖尿病、镇静剂过多等。每天睡７小时——最利健康人一生中的不同阶段，睡眠时间也不一样。刚出生的婴儿每日需睡１６小时以上；随着时光推移，小孩睡眠时间逐渐减少；青年期约需８小时，比成年人相对长一些；成年人阶段，每个人稳定在其特有的睡眠习惯上；一般进入老年期后，睡眠时间逐渐减少。卢祖洵告诉记者，最近日本和美国学者通过大量调查后指出，成年人一天睡７小时最有利健康，睡眠过多或过少均不利健康。日本研究者历时１０年，研究了４５个社区１１万人的睡眠和死亡的关系，结果发现，睡眠时间不足４小时，男性死亡危险性比睡７个小时的人高６２％，女性高６０％；睡眠时间超过１０小时，男性死亡危险性增高７３％，女性增高９２％。美国通过大规模的研究也得出了一天７小时睡眠最有利健康，过多或过少危险均上升的结论。研究人员认为，睡眠时间短，表明休息保养不充分，引发高血压和糖尿病等慢性疾病的危险增高。睡眠时间过长，则可能是某些隐匿性疾病所致，也可能与睡眠暂停综合征有关，从而导致死亡危险性增高。 </t>
  </si>
  <si>
    <t xml:space="preserve">超人归来？？请问，电影里的小男孩是谁的孩子，为什么超人在结束时会 </t>
  </si>
  <si>
    <t>超人的孩子  女记者曾经写过1片采访叫“我和超人过夜”（大概叫这个名字）  虽然记者不承认事实  但是那孩子就是超人的</t>
  </si>
  <si>
    <t xml:space="preserve">幼稚的问题BB的武学值有什么用呀? </t>
  </si>
  <si>
    <t>BB的武学值有什么用呀?答：宠物的武学。相当于人物的道行。宠物武学越高。别人用障碍技能时，宠物就越不容易被障碍技能影响。同理，如果你宠物有TJ，并且也是障碍技能的话（如漫天血舞、神圣之光）等。对敌方使用时，你武学也要比别人高。别人才会被你的障碍技能所影响到。</t>
  </si>
  <si>
    <t xml:space="preserve">正确合理的增肥应该多久长一斤?如何让肉不会只长在肚子上?我的一个 </t>
  </si>
  <si>
    <t>24岁，身高1.53米，体重60斤。亚洲女子成年的体重计算方法：身高1.53米-105x2=标准体重96（斤）瘦36斤。应该增肥。增肥应该多久长一斤，这就要看实际情况而定，不是多久长一斤的问题，要因人而异，适可而止。如何让肉不会只长在肚子上?这就要在适当增肥的同时，做些适当的，如下蹲、仰卧起座等。首先，应增加膳食的摄入量，增加体重，就必须向机体提供合成组织所需要的各种营养素，膳食内容应丰富多样，不挑食，不偏食，饭菜要尽量做到美味可口。在摄入足够蛋白质的情况下，宜多进食一些含脂肪、碳水化合物（即淀粉、糖类等）较丰富的食物。这样，多余的能量就可以转化为脂肪储存于皮下，使瘦弱者丰富起来。其次，应保持充足而良好的睡眠。人的睡眠若比较充足，胃口就比较好，而且也有利于对食物的消化和吸收。第三，适当运动。特别是对于那些长期坐办公室的人来说，每天应抽出一定的时间来锻炼，这不仅有利于改善食欲，也能使肌肉更强壮、体魄更健美，人体的肌肉如果长期得不到锻炼，就会“用进废退”，肌纤维相对萎缩，变得薄弱无力，人也就显得瘦弱。知识分子多为此类体型，应注意加强锻炼。　　此外，那些长期重度瘦弱的人，在采取加强营养、多做锻炼等措施的同时，应去医院作体格检查，以排除机体可能存在的疾病。导致消瘦的常见疾病有肠道寄生虫、长期活动性结核病、贫血、糖尿病、甲亢、恶性肿瘤、垂体功能减弱症和某些代谢性疾病等。</t>
  </si>
  <si>
    <t xml:space="preserve">AMD和奔腾处理器性能有什么差别？ </t>
  </si>
  <si>
    <t>就处理速度上奔腾远远高于AMD,不过由于奔腾的散热做的不好,所以运行的温度会比AMD要高20度,所以如果机箱散热不好,就会导致死机现象</t>
  </si>
  <si>
    <t xml:space="preserve">我很喜欢你dido姐啊，最早认识你就是那个高露洁牙膏啊，呵呵～ </t>
  </si>
  <si>
    <t>呵呵 谢谢你的支持，也欢迎你来收听我的节目的啊~~嘿嘿</t>
  </si>
  <si>
    <t xml:space="preserve">可以用淋浴液替代洗手液吗？单位发的淋浴液用不完，正好洗手液用完了 </t>
  </si>
  <si>
    <t>理论上可以，不过洗手液里面有消毒杀菌的成分。</t>
  </si>
  <si>
    <t xml:space="preserve">35法师的烦恼....到了35级了,好多书都没有,什么法之魄啊, </t>
  </si>
  <si>
    <t>如果是在家上网的话可以去楼上说的地方打, 或打尸王, 白蛇, 都可以得到圣言术! 法之魄可以用铁血令换一两块就换到了! 兽灵术在魔境沼泽也出. 但如果你在网吧玩你就充元宝买吧, 守着打网费都还比较贵呢!</t>
  </si>
  <si>
    <t xml:space="preserve">急急急有七枚棋子,二人轮流取,每人每次至少取1枚,最多取3枚,直 </t>
  </si>
  <si>
    <t>解：第一次应取2枚，对方若接着取3枚，你取1枚即可；若对方取2枚或1枚，你都取3枚。</t>
  </si>
  <si>
    <t xml:space="preserve">兰州兴隆山莲花峰海拨高度多少? </t>
  </si>
  <si>
    <t>兴隆山是距兰州市最近的国家级自然森林保护区,位于兰州市榆中县城西南五公里处,距兰州市60公里,海拔2400米</t>
  </si>
  <si>
    <t xml:space="preserve">怎样能用比较文雅一点的方式问某人是从事什么工作的？多谢~好答案则 </t>
  </si>
  <si>
    <t>如果对方工作很体面，同时也很有地位，往往不用问，或者稍微一问，对方就能痛快说出来；如果对方不是什么高级工作或高级人物，地位很低，就不愿意提及工作。所以谈话时尽量使对方心情好，问一下“在哪上班”或“现在干什么了”就行了，说多说少随对方的便，对方不愿多说的不往深处问。</t>
  </si>
  <si>
    <t xml:space="preserve">爱问的审核（包括编辑）给您的感觉?爱问的审核，让我时常想起在后台 </t>
  </si>
  <si>
    <t>您可以看爱问的既往公告。客服人员 职位要求：工作职责：负责“请问我”[爱问]的内容审核工作。基本要求： 1、一年以上工作经验；男性； 2、熟悉电脑和互联网的使用； 3、可长期上晚班； 4、工作认真细致；能够承受足够的工作压力。他/她们是什么样的人呢——初出茅庐的“新手”？还是久历风霜的资深“学者”？大概都是25岁左右的朋友。请相互体谅。有三位审核编辑的照片——您可以到“小龙”的博客上看看。[不算广告吧]</t>
  </si>
  <si>
    <t xml:space="preserve">我的电脑连接不上某些服务器是怎么回事？我的电脑可以上网，但是升级 </t>
  </si>
  <si>
    <t>所谓的能上网,应该是指可以用浏览器看网页吧.如果你的浏览器用了代理服务器，那么后面的那些状况就可以解释了,可能你的杀毒软件不能自动通过你的代理跟外面连接.同样的,很多游戏也没有使用代理的功能.如果你没有用代理服务器,那么就要看你通过什么方式连接到外面.如果是局隅网,很可能你的那些软件不支持这种连接方式,或者需要具体的设置. 如果是直接连接的,可以注意电信\网通\教育网之间互相连接的高延迟,如果你的网络速度比较慢,又是不是比如电信内部的互连,很可能因为超时导致连接不上. 这种情况最好选择跟你的网络属性相同的游戏服务器.当然还有情况就是病毒防火墙的设置,不过我觉得你问这个问题,应该没有自己修改过防火墙. 最好能够请懂的人在防火墙中将相关的端口打开. 或者你可以关闭防火墙看看效果,如果效果好了,就说明是它的问题.如果要更详细的回答,需要说明你的具体情况</t>
  </si>
  <si>
    <t xml:space="preserve">水痘发病年龄及治疗　　专家您好:请问三个月的婴儿是否能传染上水痘 </t>
  </si>
  <si>
    <t>　　一般不会，6个月内还有从妈妈体内带来的抗体，可以预防水痘。1岁以后可以注射水痘疫苗预防患水痘。如果没有注射疫苗，1岁以后的儿童期接触水痘病人都容易患病。1岁以内也有患病的，但比较少。</t>
  </si>
  <si>
    <t xml:space="preserve">如何给孩子上户口？？你好：我是一名在校研究生（西安），应该是集体 </t>
  </si>
  <si>
    <t>这个问题建议您去你目前户口所在的派出所去问问,或者打电话到有关的户籍管理部门问问都可以的,因为现在有的城市有各个的规定,您最好去问问.</t>
  </si>
  <si>
    <t xml:space="preserve">检验对象的忠诚度！！如果你老婆或老公经常上网聊天！你会不会换个马 </t>
  </si>
  <si>
    <t>不要试图检验谁的忠诚度！在你想检验他时，你已经在怀疑他了，你就已经不忠诚于他了~</t>
  </si>
  <si>
    <t xml:space="preserve">申请改笔名作品链接:改为墨染纸白谢谢有劳了通行证号：13 </t>
  </si>
  <si>
    <t>你好已修改</t>
  </si>
  <si>
    <t xml:space="preserve">朝鲜、韩国、越南的人名为什么和中国相似？日本的人名是用汉字书写的 </t>
  </si>
  <si>
    <t>西汉未年，汉字开始传人越南，并且逐步扩大了影响。 越南上层社会把汉语文字视为高贵的语言文字。朝廷的谕旨、公文、科举考试，以至经营的账单、货单都用汉字书写，小孩读书也像当时中国一样先从《三字经）开始，接着读“四书”、‘五经”，学习写作古汉语文章诗词。因此，当时越南的文学作品也是以汉文、汉诗的形式记录留存。12世纪（公元1174年起），汉字成为越南国家的正式文字。 到公元13世纪，出现了越南文字。它是以汉字为基础，运用形声、会意、假借等造字方法，创造出的一种新型文字。往往用两个汉字拼成一个新字，；即借用一个同越南语音相近的汉字和一个同越南语义相近的双字，把二者结合起来成为一个新字。例如，越有语中的‘二’，音为“hai”，这种新字写作“台二”；越南语中“三”，音为“ba”，新字就写作“巴三’；越南语中的“手”，音为“tay”，这个音又同“西”字的音相近，因而新字就写作‘手西”，又如新字‘鸩”，读作“公’字音，意为孔雀，因为越南语 中孔雀音为“cong”。新字“圣”，读作“崖”，意为天上。也有单表音不表“的。例如，“一”字在越南语中读音为“mot”，新字写作“没’；“有”字在越南语中为“co”，新字写作“固”。这就是喃字，用以区别儒字（即汉字）。喃字同直接借用的汉语字词（仍用原来的汉字书写）混合使用。 陈朝的阮诠第一次用喃字书写《祭鳄鱼文》。此举得到陈朝皇帝的赏识，皇帝赐阮诠姓韩，称为韩诠。从此，喃字得以逐步推广，喃字的文学作品也随之出现。阮鹰是以撰写汉字诗文著称的。他也著有喃字的《国音诗集》。 阅读喃字书籍，可以明显看出用喃字记录越南语的原则。相当多的是根据汉越音对应的规律直接借用汉字，特别是文学、哲学等方面的词语；有的是借用与越南语同音的汉字，但字义不同：有的是借用汉字字形，但读音稍有不同，或者有汉字有上角加两撇，表示该字可能读音偏差或字义不同；有的用汉字再加部首偏旁，或将两个汉字拼成一个新字，原则上一部分指音，一部分指义，这就是前面提到的组字方式。此外，还创造若干新喃字，也使用汉字的笔划偏旁，但这些新喃字是汉语中所没有的，而且这些新字还可以再加部首而成为另一个新字。 由于哺字的上述组合情况，所以长期借用的汉语汉字仍然大量保留下来。而且喃字也只是在胡朝（公元1400～1407年）和西山阮朝（公元1788～1802年）作为国家正式文字，其他朝代汉字仍占统治地位。实际上在越南汉字汉文一直延用到法国统治越南的整个时期。不过近百年来汉字是跟拼音文字并行的，二者同时合法存在。 1945年8月革命胜利后，汉字才最后退出历史舞台，代之以完全的拼音文、越南语中称这种新的拼音文字为“国语字”。 现今通用的越南语“国语字”，是17世纪葡萄牙、西匝班牙，法国等国到越南的传教士开始创造的。不过他们当初拟定的讲音方案和读物，现在在越南已经见不到了，现今能见到的越南文字拉丁化的最早的文献，是法国人Rhodes编的《越南文～葡萄牙文拉丁文词典》。葡萄牙人草拟了越南文字拉丁化的方案，法国人Rhodes进行了加工整理，后来又有几个人（包括越南人张永纪、阮长祚）对方案进行了修改。如此这番之后，现行的越南语国语字事实际早已不是葡萄牙人的原来的方案了。 在当今越南语中，汉语借词约占越南语全部词汇的70％左右。这些汉语借词的发音，完全按照汉越音对照的规律，受着越南语的影响。在越南语中，除其他外语借词外，词的构成都来自单音节词根，这同汉语有特殊的相似之处。越语、汉语音节有对应的形式，每个汉字在越文中都有固定的拼写法。同时，越语和汉语又都是以声调区别词意的语言。汉语普通话四个声调，越南语有六个声调。越南语同汉语一样，其语法功能都是靠词汇来完成的，所不同的是，汉语的修饰语在前，而越语的修饰语则放在后面。 韩国、朝鲜人使用中国汉字有1000多年的历史，绝对是中华文化的后裔，可是为什么后来 废除了中国汉字呢？首先因为朝鲜的语言属于阿尔泰语系，与中国的汉藏语系不太一样， 但是古代朝鲜文化落后，一直没有发明自己的文字，所以只能沿用中国汉字。但是汉字还 是无法充分的表现韩语的发音和朝鲜民众的思想感情，普通朝鲜平民根本不识汉字，只有 朝鲜贵族、官员会使用汉字，称为“吏读文字”，而普通朝鲜平民只能以口头方式进行文 化交流，他们的生活知识和年积月累的农业耕种经验和农耕方法也都无法长久的流传下去 。 到了1446年的朝鲜世宗大王时期，就是中国的明朝时期，作为中国附庸国的朝鲜在政治、 经济、文化、科技、军事上都得到一定的发展，因而朝鲜民众对拥有自己民族文字的愿望 比较强烈了，世宗非常同情国民的处境，作为一个想要发展民族文化，推进国家独立的朝 鲜君王，世宗开始苦思冥想，梦想创造出一种独特而易学易懂的朝鲜本土文字，让普通的 朝鲜庶民也可以轻松驾驭朝鲜的语言。 世宗在发明朝鲜文字时，受到音乐和北方游牧民族拼音文字的启发，了解到简单的音乐符 号（1 2 3 4 5 6 7）就能够记录世界上所有的音乐，那么，相对简单的拼音字符也应该可 以记录全部的朝鲜语音，从而拼写出朝鲜的文字。所以世宗组织起当时包括他本人在内的 许多朝鲜“集贤殿”的优秀学者，还特意派遣一位朝鲜知名学者，前后十几次到中国来学 习、研究汉字精髓，历时达三十年之久，才最终在1446年发明创造了朝鲜文字，于是朝鲜 在使用了近千年的中国汉字以后，终于有了自己的民族文字。 世宗大王（1418-1450年），他精通儒家学问，极力提倡儒学价值观念以外的哲学观念，博 学多闻，政治手段高明，能够对付朝鲜的两班学者（两班：指的是集‘贵族’与‘官吏’ 于一身的朝鲜学者们，他们享有极高的政治文化权利，甚至可以晔映使酰K谕?治期间，对国家管理、语音学、民族文字、经济学、科学、音乐、医学和人文学研究方面 都表现出积极的思想。他建立了集贤殿，以促进传统和政治经济方面的研究，最著名的成 就之一是创立了韩文字母。 《训民正音》就是在此背景下应运而生的。世宗大王在公告序言中写道：“中国文字是基 于中国历史应运而生的，因此无法清楚的表达朝鲜韩语特有的语境，无法充分表现庶民的 想法和感情。考虑到我国子民的实际情况，我创立了这28个字母（注：经过字母的演化与 合并，现代朝韩社会只使用24个字母，比26个英文字母还少2个，是欧美学者比较公认的简 化拼音），这些文字简单易学，希望能提高每位朝鲜国民的生活质量”。从这篇序言中可 以看出世宗大王对朝鲜文化的独立、国民的繁荣所持的执着和献身精神。 创造韩文表音字母的世宗大王和集贤殿的学士们认为人类的发音不仅仅是单纯的生理现象 ，还有一股虽然人们看不到，但实际上更强大的力量在支配着这一行为。他们认为人类的 发音和文字的笔画，以及所有的宇宙现象均与中国道教的阴阳、五行密不可分，并由此推 测声音与季节变化以及音乐是必然相通的。韩语的音节分为3个部分，分别是辅音、元音、 尾音，这是世宗大王和集贤殿的学士们创造韩文字的基础。尾音不是单独创建的，而是根 据辅音的重复而创，因此韩语是充分有效地结合元音和辅音而成的，应该说是不错的拼音 文字。 朝鲜的“谚文”与“谚语”一样是民间的语言文字，由于政治文化地位的低下，谚文属于 二流文字。只有贵族和官吏使用的“吏读文字”属于朝鲜一流文字。早期的朝鲜拼音文字 就是“谚文”，而现在的“谚文”却是中国汉字了。古代朝鲜的文字实际上有三种：1、纯 汉字：完全使用中国的文法规则。2、吏读文字：用汉字拼写朝鲜语言，但是保留汉字的意 义与基本文法。3、纯朝鲜字：就是朝鲜世宗创造的拼音字，古代朝鲜的“谚文”。 虽然1446年意味着朝鲜韩文的正式诞生，但是并不意味朝鲜拼音文字的真正使用，由于中 国汉字在朝鲜的强大文化影响力，朝鲜拼音文字一直作为“韩语拼音” 而存在，被朝鲜妇 女和没受过良好教育的朝鲜人使用，被称为二流文字的“谚文”，而朝鲜的贵族、官员还 是继续使用汉字“吏读文字”。朝鲜拼音文字的广泛使用是从二十世纪初才开始的，比世 宗颁布“训民正音”晚了450年，为什么？ 这当然不符合世宗450年前的本愿，也是一个对历史的疑问：朝鲜拼音文字一直到十九世纪 末都被视为“谚文”，与“谚语”一样是民间的语言，直到十九世纪末，拼音文字在朝鲜 都被看成二流文字。是什么原因使朝鲜人在450年后，突然将妇女和平民使用的拼音文字的 地位大力提高，在短短的几十年中将其地位扶正，成为官方语言？而且将使用了千年之久 的高雅的官方文字――中国汉字几乎干净彻底地清除出南北朝鲜，使汉字的地位从母体文 字被贬为“谚文”的呢？ 其实很简单，原因就在于中国自身的衰落！ 朝鲜世宗450年以后的1896年，中国清朝被日本击败，二十世纪中国清朝被欧美列强瓜分， 已经自身难保的中华文明古国自然不再是被朝鲜、日本尊敬的国家，甚至成为日本欺侮的 对象......皮之不存，毛将焉附？中国的文化和文字也就自然而然的在朝鲜走下神坛，被 降格为朝鲜“谚文”的二流文字了，朝鲜世宗十五世纪苦心创造的韩文在使用汉字的母国 中国强大之时得不到实质性的应用，却在中国衰败，朝鲜被日本人占领之时得以通行，曾 经的二流拼音文字却成为朝鲜一流的官方文字，实在是讽刺啊。 朝鲜半岛在1945年被苏联、美国分割成为两个国家：朝鲜和韩国，也叫南北朝鲜，西方社 会称为南北高丽（Korea）。所以世宗450年前创造的拼音文字在朝鲜被称为“朝鲜文”， 在韩国被称为“韩文”，其实都是一样的。区别是：韩国的“韩文”至今还允许少量夹用 汉字；而“朝鲜文”在1948年和1954年两次‘废除’汉字，不允许夹用汉字，现在的朝鲜 文已经是纯朝鲜文了，而且中国东北吉林省的朝鲜族自治区的学校也使用纯朝鲜文。 可是到了2005年，历史文化又发生了有趣的逆转。2005年2月9日，韩国政府宣布：在所有 公务文件和交通标志等领域，全面恢复使用已经消失多年的中国汉字和汉字标记，以适应 世界化的时代潮流。并且提出了《推动汉字并用方案》，为了发展韩国的传统文化，促进 与东亚汉字文化圈国家的积极交流和推动韩国观光事业的大力发展，将目前完全使用韩国 文字的公务文件改为韩、汉两种文字并用，以解决韩文难以清楚的表明汉字含义的历史难 题。 方案指出：凡地名、人名、历史用语等不写汉字就容易发生混乱的语汇，均在韩文后面注 明汉字。为了给中国和日本的观光者提供方便，将逐步在道路交通标志上实行汉字和英语 双重标记。此外，还将同教育部门协调改善汉字教育体制，前韩国总统金大中说：“韩国 的各种历史古典文章和史料仍以中国汉字书写，如果无视中国汉字，将难以理解我们的古 典文化和历史传统，有必要实行韩、汉两种文字同时并用”。而且韩国的许多专家、学者 和居民都强烈呼吁加强汉字教育，要求全面恢复使用中国汉字。 为什么韩文难以清楚的表明中国汉字的含义呢？ 因为朝鲜拼音文字虽然是象征着朝鲜民族的独立，显示出他们是区别于中华汉民族的朝鲜 本土民族，但是，朝鲜拼音文字根本还是脱离不开汉字。它们归根到底是汉语的拼音化文 字——除了语法结构不同之外，无论韩文的词汇如何变形，它们的发音却接近于它们曾经 的母体——汉语，于是就有了中国人听起来十分熟悉的“大宇”、“现代”、“三星”等 词的韩语发音。他们语音区别并不比中国的广东话、上海话等地方语言与中国标准普通话 之间的区别大！除了语法结构不同之外，韩文可以被理解为汉语的旁系，或者是一种遥远 的、异化的大中华方言，韩文字母中最大的创意大概就是圆圈了，中国汉字里面没有圆圈 的写法。 中国汉语拼音有四声，也不能完全解决中国汉字同音字的问题，而韩语中没有四声，所以 用韩文表注汉字的发音就是一件十分费力而且头痛的工作，很难做到准确。一个韩文发（ Kang）的字，既表示“姜”字，又表示“康”字、“江”字，到底是什么字？要根据前后 文的意思而定，要望前后文才能生义，而且要先理解母体汉字的中文语义才可能得到正确 的结论。于是就只能请母体文字---中国汉字出来解决问题了，所以就有了目前汉字占四分 之一的大韩民国《宪法》。 由于汉字是朝鲜语的古老载体，所以学习韩语时必须先充分掌握汉字，必须知道所要标记 的原中国文字的意义，否则就要去按约定的意思去理解，去猜测。那当然不可能做到非常 准确，也不可能成其为准确、高雅的朝鲜语言。所以一直到六十年代汉语汉字都是韩国学 校中学生的必修课，但是到了七、八十年代以后，政府逐渐 ‘废除’了中国汉字，现在韩 国政府又要求全面恢复汉字，累不累？ 中国人几千年的文明是韩国、朝鲜，甚至是日本的母体文明，他们传播融合以后成为东亚 的亚文明，子体的亚文明必然与母体形似，但是文化上的‘废除’行为，却使他们逐渐失 去了母体文明的灵魂！如果不与中国母体文明再次联接，韩文、朝鲜文、甚至日本文，都 将成为风干的、没有灵魂的文化‘木乃伊’，所以韩国政府全面恢复使用中国汉字是必然 和明智的历史抉择，其实也别无选择！ 汉字在日本 中国的汉字很早就传到了日本，据《日本书纪》应神天皇十六年条记载，百济的王仁初到日本时，带去了《论语》、《千字文》。从奈良的平城京、藤原京遗址实际出土的写有《千字文》语句的木简看，日本很早就使用《千字文》学习汉字了。在日本庆云四年（武则天去世的第二年）抄写的唐代诗人王勃的诗文集里，我们也可看到相当于“天”、“月”的则天新字。由此可知，汉字与日本文化的渊源之深，只是后来，日本把部分汉字作为表音文字，进而又利用汉字字形的一部分创造了假名。 虽然现在日本仍然在使用汉字，但是，战后不久，日本国语审议会就制定了《当用汉字表》，在撰写公文、学校教育等场合，对使用汉字做出了一定限制。日本东京大学教授阿哲次说：“40年前读小学，老师说：‘你们现在好好学汉字；等你们儿子、孙子辈，就不用学了。’结果呢，目前日本的外语学院中，选中文作为第二外语的学生占1/3，超过德文、法文。”现在人们学汉字除了实际应用的需求，还是一种流行。如今日本政府每年举办的汉字检定考试，参加的受测人数已超过200万。阿哲次说，日本有8000万部手机，其中2/3可传输汉字短信，“现在年轻人，为了写短信拼命学汉字。”因而，他认为，汉字与日本人的日常生活越来越密不可分。</t>
  </si>
  <si>
    <t xml:space="preserve">我想考资格证书，秘书资格证书，人力资源师。。。。我毕业两年，在工 </t>
  </si>
  <si>
    <t>关键是做好自己的职业定位，看你做什么工作。再找适合这份工作的充电方法。    像我学文秘专业的。就考了个中级文秘资格证和普通话证。假如你做导购就考导购资格证，工商管理的可以读个MBA，你懂了没？如果你对职业还没定位的话就先想想自己适合做什么。。现在紧俏的无非还是做网络的，IT业，心理咨询和营养师等等</t>
  </si>
  <si>
    <t xml:space="preserve">紧急！如果发现女友已经怀孕快满一个月了，怎么办？不知道为什么一不 </t>
  </si>
  <si>
    <t>快满一个月~那还可以做药流啊~药流比人流要好得多的.你们现在发现得比较早,真的不想要孩子就早点流掉吧...而且~最重要的哦~!一定要去正规的大医院!或者专门的妇科医院~!以后要多注意啊~做好安全措施~</t>
  </si>
  <si>
    <t xml:space="preserve">每天早上起来都很头疼[晕]谁有好办法？ </t>
  </si>
  <si>
    <t>临睡前喝杯牛奶、保持卧房空气清新、选择合适的床垫和枕头</t>
  </si>
  <si>
    <t xml:space="preserve">我家在四楼，乳胶漆需要用底漆吗？准备用来威来雅士乳胶漆，如果用底? </t>
  </si>
  <si>
    <t xml:space="preserve">   （1）常规来说，腻子是首先刮的，主要是找平，其次起到打底的作用。一般两遍就差不多了。下边就是刷漆，底漆跟面漆是搭配使用的，所以，可以少刷一遍面漆，但是一遍底漆，一遍面漆，是必须要有的。    最好刷抗碱底漆，只要是水泥沙浆粉刷的墙体都有不同程度的碱含量，碱会使乳胶漆过早花黄老化；    （2）根据测算抗碱底漆和面漆兑上合理的水稀释分别是底漆一遍约两元，面漆一遍约一块五，基层腻子根据原墙面的平整度而定，披成功约两元（包括刷一遍普通胶水固底）。水刷纸、披刀、毛刷、纱布、牛皮纸、分色纸等采用优质的约一元/平方，人工费精工六元、细工五元、普工四元。再加上装饰企业的毛利润。底好面好,一切都好!</t>
  </si>
  <si>
    <t xml:space="preserve">2月龄宝宝照了头部CT有多大损伤?事后很担心2月龄男宝宝做了头部 </t>
  </si>
  <si>
    <t>没关系,我家的也做了,影响是微乎其微的,不过最好是做核磁,对孩子没有影响的</t>
  </si>
  <si>
    <t xml:space="preserve">为什么帐号登不上去啊？密码帐号都正确，为什么登不上去啊？ </t>
  </si>
  <si>
    <t>您好，请您提供您无法登陆的账号及错误提示。谢谢。</t>
  </si>
  <si>
    <t xml:space="preserve">我要还是不要我和我男朋友再一起已经一年多了，我现在有了小孩，但是 </t>
  </si>
  <si>
    <t>如果你们非常相爱，就一同来面对当前的难题吧！在条件不允许的情况下，要采取措施以免再次怀孕。要多多注意和保护自己的身体。祝你健康开心！</t>
  </si>
  <si>
    <t xml:space="preserve">专升本大学英语是否分AB卷往年升本大学英语试卷分AB卷么，请知道 </t>
  </si>
  <si>
    <t>专升本?哪个专升本?成人的?考试时不分,B作为备用试卷.</t>
  </si>
  <si>
    <t xml:space="preserve">是不是所有老人都喜欢教训孩子而且每次都很长时间？我母亲已69岁了 </t>
  </si>
  <si>
    <t>　　善待老人的唠叨作为子女一定要善待老人的唠叨，这是保证老人快乐长寿、增进亲情的重要方式。如今老人的吃穿不成问题，孩子们尽孝主要体现在精神上，要让老人们觉得，自己说话有人听，这比吃一些营养保健品要有意义得多。其中善于听老人唠叨，是对老人心理上一种莫大的安慰。</t>
  </si>
  <si>
    <t>电视墙设计</t>
  </si>
  <si>
    <t>地板浅灰色，墙壁白色，电视墙准备贴黄色壁纸，边框用白颜色搭配好；壁纸用浅绿色，边框用明黄色颜色，灰一定要浅；壁纸用紫色，如深紫用浅粉紫边框，如浅紫用还是白边框好点。</t>
  </si>
  <si>
    <t xml:space="preserve">麻烦介绍几个电影，越多越好 </t>
  </si>
  <si>
    <t xml:space="preserve">憨豆先生的假期 主 演： 罗温·艾金森 威廉·达福 导 演： 史蒂夫·班德莱克 地 区： 欧美 语言说明： 英语 影片类型： 喜剧 上映时间： 2007 简介 最新一集电影版“憨豆先生”依然由罗温·艾特金森饰演，故事讲述的是他前往法国南部度假的故事。结果在一路上引发出很多搞笑的故事。其中最搞笑的是憨豆先生最终竟然来到戛纳电影节上，并放映了自己的系列片。而且他还当上了导演，引得无数女演员的青睐。 1997年的《憨豆先生》电影版在全球总共取得了2亿4千万美元的不俗票房。因此《憨豆先生2》（Mr. Bean's Holiday）也就顺理成章的提上日程，该片仍然由罗温·艾特金森主演，导演是执导过处女作《绅士的启示联盟》The League of Gentlemen's Apocalypse (2005)的史蒂夫·班德莱克。 沉寂十年之后，憨豆先生“归来”了。“憨豆先生”系列第二部电影《憨豆先生的假期》讲述的是憨豆先生在一次抽奖中“意外”中了大奖，获得了到法国南部的里维埃拉度假的机会。之所以说“意外”，是因为中奖号码应该是“919”，可憨豆先生的号码是“616”，不过这次“意外”让我们的憨豆先生不仅可以免费前往戛纳，还获赠2000英镑的零花钱和一台摄像机，开始了一场欧洲的电影之旅，甚至还受到一位热情的女演员青睐。 事实上，憨豆先生早已厌倦伦敦潮湿沉闷的天气，在意外中奖之后他马上带着他的行李和摄像机前往梦想已久的有着阳光、沙滩的法国南部。是的，憨豆先生开始度假了，但是他的假期并没有想象中那么顺利。在一连串的灾祸、突发事件里，憨豆先生又在一次次搞笑搞怪中展示他的“一根筋”。乘坐欧洲之星列车抵达巴黎后，憨豆先生遇上了戛纳电影节的评审团成员、一名来自俄罗斯的电影摄制者。憨豆先生希望能拍一部有关自己的电影，他想做一个电影摄影者，在法国小镇拍摄先锋派电影。他偷偷带着这位电影人的儿子跳上火车，两人假扮一对父子，却因为言语不通和花光了钱而陷入窘境。他还以“绑架者”的身份遭到警察的追捕。片中的他，依然是穿着整齐，头脑简单，常常闯了祸就落荒而逃。最终我们的憨豆先生是被当做“绑匪”被警察抓走还是凭借影片赢得金棕榄奖，答案就在这部充满罗温·艾金森经典搞笑镜头的喜剧《憨豆先生的假期》中。 下载地址:  街舞少年 主 演： 哥伦布·肖特 梅根·古德 莱约 导 演： 塞尔文·怀特 地 区： 欧美 语言说明： 英语 影片类型： 爱情 上映时间： 2007 电影简介 街头少年DJ来自洛杉矶，是乔治亚洲亚特兰大一所大学新入学的学生。在新环境里感到非常不适应的他，自从加入了一个街舞爱好者同盟会之后，生活开始有了翻天覆地的变化。他的出众舞技在这里得到施展，同盟的人在景仰之余，都期待他能帮助同盟会夺取大家垂涎已久的全国街舞大赛冠军。然而他们不知道的事，纵然有出神入化的舞技，在成为同盟会最有竞争力的主心骨之前，DJ必须面对的是如何抛开残酷的往事带给他的种种阴影。在身边好兄弟和所爱女孩的支持下，DJ是否能够重新站起身来，正视前方的道路，在这条自己曾经深深热爱的街舞道路上勇往直前呢？ 下载地址:  我个人觉得是最全的了 1.Spider-Man 3 (蜘蛛侠3) 导 演：萨姆·莱米(Sam Raimi) 主 演：托比·马圭尔(Tobey Maguire) Thomas Haden Church 柯尔斯滕·邓斯特(Kirsten Dunst) 类 型：动作(Action) 科幻(Sci-Fi) 发行公司：哥伦比亚(Columbia) 索尼娱乐 首映日期：2007年5月4日 制作成本：$250,000,000 MPAA定级：PG-13 级 2.Pirates of the Caribbean: At World's End (加勒比海盗3:世界尽头) 导 演：戈尔·维宾斯基(Gore Verbinski) 主 演：约翰尼·德普(Johnny Depp) 奥兰多·布鲁姆(Orlando Bloom) 凯拉·奈特利(Keira Knightley) 周润发(Yun-Fat Chow) 类 型：动作(Action) 冒险(Adventure) 发行公司：博伟(Buena Vista) 迪斯尼出品 首映日期：2007年5月25日 制作成本：$200,000,000 MPAA定级：PG-13 级 3.Transformers (变形金刚) 制 片：史蒂文·斯皮尔伯格(Steven Spielberg) 导 演：迈克尔·贝(Michael Bay) 编 剧：John Rogers Roberto Orci 主 演：Don Murphy Tom De Santo Lorenzo di Bonaventura 类 型：动作(Action) 冒险(Adventure) 科幻(Sci-Fi) 发行公司：梦工厂(DreamWorks) (派拉蒙) 首映日期：2007年7月4日 制作成本：$150,000,000 MPAA定级：Unknown 4. Ghost Rider (恶灵骑士) 导 演：马克·斯蒂文·约翰森(Mark Steven Johnson) 编 剧：马克·斯蒂文·约翰森(Mark Steven Johnson) 主 演：尼古拉斯·凯奇(Nicolas Cage) 伊娃·曼德丝(Eva Mendes) Sam Elliott 类 型：动作(Action) 犯罪(Crime) 恐怖(Horror) 科幻(Sci-Fi) 惊悚(Thriller) 发行公司：哥伦比亚(Columbia)索尼娱乐 MPAA定级：N/A 制作成本： $120 million 首映日期：2007年2月16日 5.Hannibal Rising (少年汉尼拔) 导 演：Peter Webber (皮特·韦伯) 编 剧：Thomas Harris 主 演：Gong Li Gaspard Ulliel Ivan Marevich Aaron Thomas Rhys Ifans 类 型：剧情(Drama) 惊悚(Thriller) 发行公司：米高梅(MGM) 首映日期：2007年2月9日 制作成本：N/A MPAA定级：R 级 影片简介： 继《迈阿密风云》后，又一部巩俐担纲女主角的好莱坞电影，描述汉尼拔博士几十年前的少年犯心路历程，巩俐则扮演启发他走上歧途的关键人物——紫夫人(传闻可能与汉尼拔有床戏……) 6.Zodiac (十二宫) 导 演：大卫·芬奇(David Fincher) 主 演：Robert Downey Jr. 杰克·吉伦希尔(Jake Gyllenhaal) Anthony Edwards 加里·奥德曼(Gary Oldman) Chloe Sevigny 类 型：惊悚(Thriller) 犯罪(Crime) Gangster 发行公司：博伟(Buena Vista) 派拉蒙(Paramount) 华纳(Warner Bros.) 首映日期：2007年3月2日 制作成本：$85,000,000 影片简介： 大卫芬奇回复《七宗罪》风格的《十二宫杀手》(Zodiac)根据真实事件改编。讲述上世纪一个被称为“十二宫杀手”的神秘罪犯在洛杉矶制造了一系列血案，使他成为美国历史上最可怕、最难以捉摸的连环杀手之一。 7.300(三百斯巴达勇士) 导 演：扎克·辛德(Zack Snyder) 主 演：Gerard Butler Lena Headey Vincent Regan Dominic West 类 型：动作(Action) 冒险(Adventure) 剧情(Drama) 发行公司：华纳(Warner Bros.) 首映日期：2007年3月9日 MPAA定级：R 级 制作成本：N/A (有一家北美网站报道预算是:6000万美元，但我估计应该不止这个数) 影片简介： 漫画大师Frank Miller(《罪恶都市》原作者)的短篇系列漫画力作《300》(斯巴达三百勇士)被电影化。影片主要讲述了赛莫皮莱之战，在这场严酷厮杀，血雨腥风的战斗中，国王列奥尼达斯和他的300名斯巴达战士视死如归，与来势汹汹的波斯入侵者进行顽强的抵抗，最终撒下了民主的种子。 8.Teenage Mutant Ninja Turtles (新忍者神龟) 导 演：Kevin Munroe 类 型：卡通(Animation) 动作(Action) 冒险(Adventure) 喜剧(Comedy) 奇幻(Fantasy) 发行公司：华纳(Warner Bros.) 首映日期：2007年3月23日 制作成本：N/A MPAA定级：N/A 9.Pathfinder (探险号) 导 演：Marcus Nispel 主 演：卡尔·厄本(Karl Urban) Moon Bloodgood Russell Means Clancy Brown Nathaniel Arcand 类 型：动作(Action) 冒险(Adventure) 剧情(Drama) 战争(War) 发行公司：福克斯(20th Century Fox) MPAA定级：N/A 制作成本： N/A 首映日期：2007年4月27日 影片简介： 结合民族、史诗、冒险、动作元素的英雄故事，背景在哥伦布发现新大陆前，印地安原住民抵御维京人的传奇故 10.Last Legion, The (最后的兵团) 导 演：Doug Lefler 主 演：Colin Firth Ben Kingsley 类 型：Action Adventure War 首映日期：2007年4月27日 11.Resident Evil: Extinction (生化危机 3: 灭绝) 发行公司：哥伦比亚(Columbia)索尼娱乐 首映日期：2007年9月21日 12.Dead Silence (寂静) 导 演：詹姆斯·温(James Wan) 编 剧：詹姆斯·温(James Wan) 雷·沃纳尔(Leigh Whannell) 主 演：Steve Adams Cody Arens Jason Deline Michael Fairman 类 型：恐怖(Horror) 惊悚(Thriller) 发行公司：环球(Universal) 首映日期：2007年3月23日 13.Sin City 2 (罪恶之城2) 导 演：Frank Miller 罗伯特·洛治基斯(Robert Rodriguez) 编 剧：Frank Miller 罗伯特·洛治基斯(Robert Rodriguez) 主 演：Mickey Rourke 克里夫·欧文(Clive Owen) 布坦妮·梅菲(Brittany Murphy) 罗莎里奥·唐森(Rosario Dawson) 迈克尔·克拉克·邓肯(Michael Clarke Duncan) 类 型：动作(Action) 剧情(Drama) 首映日期：N/A 14.Live Free or Die Hard (虎胆龙威4) 导 演：Len Wiseman 主 演：布鲁斯·威利斯(Bruce Willis) Justin Long Maggie Q(Maggie Q) Timothy Olyphant Mary Elizabeth Winstead 类 型：动作(Action) 惊悚(Thriller) 发行公司：福克斯(20th Century Fox) 首映日期：2007年6月29日 制作成本：N/A MPAA定级：N/A 15.Battle Angel (铳梦) 十年后,伟大的传奇巨导詹姆斯·卡梅隆(James Cameron)重出江湖: 等了你老詹十年了,应该不会再让我们等下去了吧! 导 演：詹姆斯·卡梅隆(James Cameron) 主 演：女主角好像还在征集中 类 型：动作(Action) 科幻(Sci-Fi) 发行公司：福克斯(20th Century Fox) 首映日期：2007年12月31日 制作成本：N/A (可以肯定至少在2亿美元以上) MPAA定级：N/A 16.I Am Legend (我是传奇) 导 演：Francis Lawrence 编 剧：Akiva Goldsman Richard Matheson 主 演：约翰尼·德普(Johnny Depp) 威尔·史密斯(Will Smith) 类 型：动作(Action) 剧情(Drama) 科幻(Sci-Fi) 战争(War) 发行公司：华纳(Warner Bros.) 首映日期： 2007年12月14日 制作成本：N/A (华纳明年扛鼎大作,银子还会少吗) MPAA定级：N/A 简介： 两大天王巨星强强联手主打,加上20世纪伟大作家理查德·马瑟森的名作改编,还有什么理由不值得期待呢? 17.Alien vs. Predator (异形大战铁血战士:适者生存) 发行公司：福克斯(20th Century Fox) 首映日期：2007年12月21日 18.Soul Calibur (刀魂) 影片简介： 据悉，著名制片人Warren Zide(《美国派》系列)的电影公司Anthem Pictures已经从BANDAI NAMCO 公司得到了3D格斗游戏《刀魂》系列的电影化权利，并已经开始了电影的制作。 19.Harry Potter and the Order of the Phoenix (哈利波特5:凤凰社) 导 演：大卫·耶特 ( David Yates) 编 剧：Michael Goldenberg 动作指导：Warner Bros. 主 演：丹尼尔·雷德克里弗(Daniel Radcliffe) 埃玛·沃森(Emma Watson) 鲁珀特·格林特(Rupert Grint) 拉尔夫·费因斯(Ralph Fiennes) David Bradley John Cleese Robbie Coltrane Alfie Enoch Tom Felton 类 型：动作(Action) 浪漫/传奇(Romance) 奇幻(Fantasy) 首映日期：2007年7月13日 《哈利波特5》最新剧照曝光，扮演哈利波特的英国童星丹尼尔·雷德克里夫献上了银幕初吻，我们的小魔法师终于长大了。 20.His Dark Materials: The Golden Compass (黑暗物质三部曲之金罗盘) 导 演：Chris Weitz 编 剧：Philip Pullman 主 演：妮可·基德曼 (Nicole Kidman ) 类 型：动作 / 幻想 / 惊悚 / 剧情 / 冒险 首映日期：2007年12月7日 21.Stardust (星尘) 导 演：Matthew Vaughn 主 演：Robert De Niro Claire Danes Sienna Miller 类 型：科幻(Sci-Fi) 发行公司：Paramount 首映日期： 2007年7月27日 制作成本：$70,000,000 MPAA定级：Not Yet Rated 22.Fantastic Four: Rise Of The Silver Surfer (神奇四侠2) 导 演：蒂姆·斯道瑞( Tim Story ) 主 演：迈克尔·奇克尔斯Michael Chiklis 杰西卡.阿尔巴 Ioan Gruffudd 谢瑞丝.伊万斯Chris Evans 类 型：动作 冒险 科幻 发行公司：福克斯(20th Century Fox) 首映日期： 2007年6月15日 制作成本：N/A MPAA定级：Not Yet Rated 影片简介： 《神奇四侠2》仍然由蒂姆·斯道瑞(Tim Story)执导，片中将会出现一个新的主角——“银影侠”(The Silver Surfer)，这个角色将完全由电脑制作。“银影侠”踏着冲浪板飞翔于天空，全身都镀着一层银色，能够反射任何光束武器。 23.Ocean's 13 (十三罗汉) 发行公司：Warner Bros 华纳兄弟影业 导演：斯蒂文索德伯格 主演：乔治-克鲁尼 布拉德·皮特 马特·达蒙 艾伦·巴金 伯尼·麦克 类型：喜剧 犯罪 剧情 惊悚 首映日期：2007.6.8 影片简介： 这一次的“罗汉阵容”更加巨星云集，除前两集中的布莱德·皮特、乔治·克鲁尼和马特·戴蒙如期归来外，出演过《教父》三部曲和《疤面人》等经典犯罪片的艾尔·帕西诺(Al Pacino)、《飞跃情海》女主角艾伦·巴金都将在片中露面。 24.10,000 B.C. 导演： 罗兰·埃默里希(Roland Emmerich) 编剧：罗兰·埃默里希(Roland Emmerich) 类型：冒险 / 剧情 发行公司：Warner Bros 华纳兄弟影业 首映日期：2007.12.14 影片简介： 一个史前原始人为了他那已逐渐凋落的族群，进入一片未知的地域中探索的历险记 25.Beowulf (贝奥武夫) 导 演：罗伯特·泽米基斯(Robert Zemeckis) 主 演：John Malkovich Anthony Hopkins(安东尼·霍普金斯) Alan Ritchson Ray Winstone Angelina Jolie(安吉利娜·茱丽) 类 型：冒险 / 剧情 / 幻想 发行公司：华纳(Warner Bros) 派拉蒙(Paramount) 首映日期：2007年11月16日 制作成本：$150,000,000 MPAA定级：PG-13 级 26.Wonder Woman (神力女超人) 导演：乔斯·温登 Joss Whedon (萤火虫的导演) 编剧：Joss Whedon 类型：动作 / 冒险 / 幻想 / 科幻 发行公司：Warner Bros 华纳兄弟影业 首映日期：N/A Production Budget: N/A 简介： 《神力女超人》原是1941年至1954年风行全美的系列漫画。1976年曾被拍成电视剧，可谓风靡一时，这次华纳投资将会搬上大屏幕。 27.Sunshine (太阳危机) 导演：Danny Boyle 丹尼·鲍伊(28天后的导演) 编剧：Alex Garland(28天后的编剧 主演：Rose Byrne Chris Evans 真田广之 杨紫琼 类型：科幻(Sci-Fi) 惊悚(Thriller) 发行公司：福斯探照灯 Fox Searchlight Pictures 首映日期：2007年3月16日 Production Budget: 1000万英镑 简介： 五十年后，太阳能源正衰竭，人类面临浩劫，一组人马被送往太空准备替太阳重燃生机，然而航程中却与地球失去联系，一波三折，并意外接获失踪七年的太空船求救讯号。他们才发现，他们不仅要为生存搏斗，更要时刻保持神智清醒。 28.Shrek The Third (史莱克3) 导演：Chris Miller, Raman Hui 配音：迈克.迈尔斯Mlke Myers，卡梅隆,迪亚兹Cameron Diaz，埃迪.莫菲Eddie Murphy，安东尼奥.班德拉斯Antonio Banderas 类型：喜剧、动画 发行公司：DreamWorks SKG 首映日期：2007年5月18日 Production Budget: N/A 简介： 当上国王和王后的史莱克和公主对宫廷生活感到不适，为了重获自由前往‘遥远国度’寻找王位继承人… 29.亚瑟与毫发人 导演/编剧：吕克·贝松(Luc Besson) 主演：米娅·法罗 弗莱迪·海默 类型：动画、奇幻 发行公司：The Weinstein Company 法国上映日期 2006年12月13日 北美上映日期 2007年1月12日 Production Budget: $80,000,000 剧情介绍: 《阿瑟与毫发人》是导演卢贝松第一次创作的奇幻小说并搬上大屏幕。内容描述一个十岁的少年阿瑟，从失踪的外公留下的照片中，发现了一个秘密，那就是进入小人国毫发人国度的方法。他的外公四年前就是在去寻找毫发人的时候失踪，如今他们的家面临被迫迁走的危机，为了找回外公和拯救这个家园，他依着外公当年留下的秘密指示，打开了月光之门，进入了毫发国，遇见了小人贝达麦许，和他心仪的公主赛蕾妮亚…… 30.Lions for Lambs (送给羊群的狮子) 导演：罗伯特·雷德福(Robert Redford) 编剧：马修·卡纳翰(Matthew Carnahan) 主演：汤姆·克鲁斯(Tom Cruise) 梅丽尔·斯特里普(Meryl Streep) 类型：政治、剧情、战争 发行公司：联艺公司(United Artists) 首映日期：N/A Production Budget: N/A 简介： 《送给羊群的狮子》是一部有三条故事线索交织的影片：其一，汤姆·克鲁斯扮演的国会议员和梅丽尔·斯特里普扮演的新闻记者之间的故事；其二，罗伯特·雷德福扮演的理想主义的教授启发一个落后生的故事；其三，两个美国士兵在反恐战争中受伤的故事，其中一个士兵曾经是罗伯特·雷德福的学 </t>
  </si>
  <si>
    <t xml:space="preserve">请问财富通密保丢失`申诉N次都申不回来该怎么办 </t>
  </si>
  <si>
    <t>只  有用人工申诉了，打腾讯公司客户电话，祝你好运，要帮请  要不留下QQ号</t>
  </si>
  <si>
    <t xml:space="preserve">关于&lt;这个杀手不太冷&gt;的一些问题?影片中哪个最后被列昂炸死的人, </t>
  </si>
  <si>
    <t>镇静药或本身就是毒品垂帘听政的主儿.东尼只是黑社会出面维持的人,老头是主事.就象教父一样.莱昂作为一个杀手,本来是畸形的,那盆花是他人性的另一面.莱昂死了,人也回复了正常,就象植物终将在大自然中生产一样.没关系,开始他实际上已经杀了女孩一家,包括小孩和女人,因此绝不是不杀女人，不碰小孩”的原则.他的"死神真是反复无常”实际上已经为这个行为做了解释.他以为自己是上帝,自己可以随便左右一个人的生命!</t>
  </si>
  <si>
    <t xml:space="preserve">求高人解答当作用在质点系上外力系的主矢在某坐标轴上的投影为零时， </t>
  </si>
  <si>
    <t xml:space="preserve">B．速度在该轴上的投影保持不变 </t>
  </si>
  <si>
    <t xml:space="preserve">解析国际米兰主场对AC米兰！国际米兰最近风头很劲，联赛5连胜而且 </t>
  </si>
  <si>
    <t>最近我一直在研究足彩，对于国米VS AC！本人以为本赛季AC虽然联赛战绩不佳，但他的客场成绩一直很好，而主场还没有赢过球！而国米联赛领先分数较多，马上就要到东歇期,他们未必会尽全力。而AC刚拿下世俱杯，且卡卡状态巅峰。这场客场对国米AC至少会是平局。如果卡卡进球，拿下比赛是机会很大的！！</t>
  </si>
  <si>
    <t xml:space="preserve">静脉注射阿奇霉素可以兑盐水吗？ </t>
  </si>
  <si>
    <t>你如果使用的是阿奇霉素粉针剂,一般多用葡萄糖溶解,比例为1:1,如0.125克阿奇霉素就需用125毫升葡萄糖液体溶解后静脉滴如.盐水使用较少.</t>
  </si>
  <si>
    <t xml:space="preserve">急！新浪博客主页控制面板被FLASH特效挡住无法登陆 </t>
  </si>
  <si>
    <t>在使用代码之前先要将代码修改为适合你模板的长/宽/高，新浪的博客模板头图部分只有300*/，如果你选择的代码高度超过这个数字，那么就会将以下的模块覆盖住，造成无法点击。拨打客服电话：95105670/试试可否修正，如果已经无法修改，那么只能是初始化了。博客已经改版升级了，不采取如百度CSS代码形式的模版已经避免了类似的问题产生。我在百度分享里制作了多个模版，其实代码形式修改模版也挺麻烦的。现在新浪的模版不是挺清爽的嘛。</t>
  </si>
  <si>
    <t xml:space="preserve">我的六级估分出来了，听力15分，阅读28，词汇11，改错太烂，才? </t>
  </si>
  <si>
    <t>估分如准确,作文又高于6分,有可能</t>
  </si>
  <si>
    <t xml:space="preserve">一片荒草，一堵残墙，一进小院，一座祠堂，一次从北方草原到滇西小城? </t>
  </si>
  <si>
    <t>莫不是在讲述契丹的故事？</t>
  </si>
  <si>
    <t xml:space="preserve">求顺子"DearFriend"的歌词 </t>
  </si>
  <si>
    <t xml:space="preserve">Dear Friend (亲爱的朋友) - 顺子跟夏天才告别   转眼满地落叶 远远地白云依旧无言   像我心底感觉 还有增无减 跟去年说再见 转眼又是冬天 才一年 看这世界变迁  有种沧海桑田 无偿的感觉 oh friend  我对你的想念   此刻特别强烈 我们如此遥远 朋友孩子的脸  说着神秘喜悦 如果说我们依然想念  说不定在眼前是 另外情节 oh friend  我对你的想念 此刻特别强烈  这么多年 oh friend  我对你的想念  此刻特别强烈  如此遥远  friend </t>
  </si>
  <si>
    <t xml:space="preserve">饭秘书的最给力、最坑爹饭故事大赛什么时间结束？ </t>
  </si>
  <si>
    <t>饭秘书正在举办的最给力、最坑爹饭故事大赛正在征集故事中，公告显示活动到5.16日结束。想参与的要抓紧时间了。</t>
  </si>
  <si>
    <t xml:space="preserve">血色十字军徽章最近还出吗?今天去刷了许久不见啊~怕是给和谐了``? </t>
  </si>
  <si>
    <t>出~ 前些天我还拿了个 估计是你RP问题~ 所以.......</t>
  </si>
  <si>
    <t xml:space="preserve">男光棍想女人太多会老得快或影响寿命吗？ </t>
  </si>
  <si>
    <t>想多太也会有点影响的！凡事想开点，活得开心点就好了！</t>
  </si>
  <si>
    <t xml:space="preserve">求ＭＳ冲级地点有６０的贼全程陪练，可以如何最快冲级？请写出练的地 </t>
  </si>
  <si>
    <t>1-10 提瑞森林|奥格瑞马周边(这两个地方的新手村特别适合新手练级,都做了,肯定能到10级)11-25 十字路口|银松森林(这两个地方的任务超级的多,而且面积比较广.)◎如果实在做任务做腻了,可以去去哀嚎洞穴FB20-27 石爪山脉(这里的任务还算就呼,不过到了就要稍微小心点联盟了,地图最上面是联盟的飞行点.这里有几个任务就是在联盟的飞行点旁边杀,不建议自己做任务.我上次在那做任务,被小D偷袭三次.好在他是个菜鸟,后两次被我虐了)◎如果实在做任务做腻了,可以去影牙FB◎24-29 灰谷(灰谷的任务较之前来说是稍微难了一点,有一个任务是去一个树塔里杀一个29级的怪,那个怪会召唤17级树人.)如果实在做任务做腻了,可以去联盟的领炉堡旁边的 诺莫瑞根 FB 俗称矮人FB24-30 千针石林(这里可是说是部落的领地了,完全没有联盟的飞行点,顶多也就是联盟路过的.一般很少见到联盟.任务也比较不错.容易做)22-35 塔伦米尔（这个地方,在我刚开始玩的时候经常有联盟和部落在这里团队野P,不过现在好多了.不过较之来说,还是联盟稍微占上风,经常有联盟往那里做任务）33-38 阿拉希高地 (这里联盟和部落也都有飞行点,但是联盟的飞行点在地图中间,对部落来说还是占下风,经常有联盟的人来做任务,要小心)◎35-40 可以去血色修道院FB 好东西不少35-42 荆棘谷（这里是联盟和部落杀的最多的时候,在这里经常是做这一半任务就开始杀.很容易被偷袭,要提高警惕）荒芜之地(可是说是部落的地盘,一般情况下联盟较少,那里的任务也比较少.但是有一个任务:灵巧秒表,装饰品 使用:提高移动速度40%持续 10 秒 追杀必备)沉泥沼泽 任务较少,环境阴暗.= =! 很少有人...闪光平原 任务少，人也少.完全是一个路过的地图,不过有一个任务也可以做做.凄凉之地 任务还不错,有十几个 而且有一个叫你亲近半驴子的长任务,好几部.那么就看着做吧.42-47 菲拉斯 加基森 这两个地方的任务都不少,可以做做.主要还是做加基森的任务.那里任务.◎加基森的祖尔法拉克 ZR FB ,里面好东西不少,可以一直刷.47-51 辛特兰 这里虽然没有FB,但是大多数的怪都是精英怪. 那里的任务也都是精英任务居多.同时ZR FB里隐藏BOSS需要的锤子也是在辛特兰做的.51-53 艾萨拉 (地图面大,任务较少.可以做做)费伍德森林(联盟和部落比较多的地方,有的时候为了都做这一个任务,可能就杀起来.)◎ 53开始可以刷神庙FB了,里面的BOSS掉的东西也不错53-55 灼热峡谷|燃烧平原 (这两个地图就挨着,任务也比较多,但是那里挨着黑石塔 所有经常有行会去那里.难免会被路过的敌对阵营的人虐.小心. 好象是从50多级,就可以做黑龙门任务了.先提前做几步吧.)56-60 冬泉谷 西瘟疫之地 东瘟疫之地 希利苏斯 这四个地方的任务可以从55一直做到60,做不到管换.任务超级多而且难.</t>
  </si>
  <si>
    <t xml:space="preserve">有没有世界末日？ </t>
  </si>
  <si>
    <t>11月9日，美国宇航局(NASA)在官方网站上公开声明：2012年12月21日不是“世界末日”。NASA此举是无奈辟谣。由于对未知灾难的恐惧，许多网民认为《2012》关于世界末日的故事是真的，纷纷在网站留言谴责NASA隐瞒真相。正在全球各地热映的灾难片《2012》，讲述了一个关于世界末日的故事。根据玛雅文明的记载，2012年12月21日是“世界末日”，这一天当黑暗降临后，黎明便永远不会到来。影片中更是援引了NASA的种种“科学说法”,证实末日说。科学家认为X行星不存在，不可能在2012年撞地球不少人相信2012末日说，认为2012年12月21日是地球末日由于对影片中的灾难场景感同身受，再加上玛雅文明的神秘性，一些观众开始相信影片中的故事，他们纷纷登陆各大网站留言，谴责NASA隐瞒第十大行星Nibiru即将与地球相撞的真相。 11月9日，NASA被迫做出公开声明，表示《2012》中宣传的“世界末日”根本不存在。而日前，美国宇航局天体生物学研究所资深科学家大卫·莫里森等人针对神秘的玛雅预言为普通大众一一进行了科学的解读，对某些荒诞的言论进行了批驳。神秘预言 1“世界末日”“世界末日”预言中提到，根据玛雅文明记载，2012年将是第五个“太阳纪”结束的时候，12月21日末日将会到来。科学批驳：是重新计时开始新时代玛 雅历法并没有结束于2012年，玛雅人自己也没有把这一年当作是世界的末日。玛雅文化研究专家、美国科尔盖特大学考古天文学家安东尼·阿维尼看来，玛雅预 言中关于2012年12月21日是“世界末日”的说法是一种被误解的说法。那一天是玛雅历法中重新计时的“零天”，表示一个轮回结束，一个新的时代的开 始，而并非指“世界末日”。阿维尼表示，“在玛雅历法中，1872000天算是一个轮回，即5125.37年。”根据“长历法”，到2012年冬至时，就 意味着当前时代的时间结束，即完成了5125.37年的一个轮回。长历法于是重新开始从“零天”计算，又开始一个新的轮回。阿维尼认为，“这仅仅是一个重 新计时的思想，与我们每年元旦或周一早上重新开始一年或一周生活完全一样。”神秘预言2两极倒转某些“世界末日论”的预言者声称，到2012年，地球将会两极倒转，地球外壳和表面将会突然分离，地心内部的岩浆将会喷涌而出。分离的大陆会将整个人类填入大海，地震、海啸、火山以及其他灾难一起出现。科学批驳：持续百万年过程很缓慢美国普林斯顿大学地质学家马尔卢夫认为，岩石中的某些磁性迹象表明，地球可能发生过这样剧烈的磁场变化，但是这一过程是一个持续数百万年的缓慢过程，缓慢至人类根本感觉不到这种变化。神秘预言3天体重叠一些星象学家认为，2012年将可能会出现“天体重叠”，太阳在天空中的线路将会穿过银河系的最中央，将会让地球处于更为强大的未知宇宙力量的牵引之下，会加速地球的毁灭。科学批驳：是正常天体现象毫无威胁莫 里森解释说，“2012年绝对不会出现这种可怕的‘天体重叠’现象，或者说只会出现一些正常的天体现象。比如每年冬至时，从地球上看太阳，太阳看起来就像 是处于银河系的中央。一些星象学家或许会对这种现象很兴奋，但对于科学家来说，这种现象毫无特别之处。它不会造成地球引力、太阳辐射、行星轨道等事物的变 化，也不会对地球上的生命造成任何影响。没有任何奇怪之处。只有认为世界即将面临末日的人才会把这些普通的天文现象看作是一种威胁。”神秘预言4X行星撞地球有些人预测，一颗神秘的X行星（即Nibiru行星）正在向地球的方向飞来，如果行星正面撞上地球，地球将会因此而消失。即使只是轻轻擦过，也会造成地球引力变化，引起大量小行星撞击地球。科学批驳：这个天体不存在莫 里森批驳：“不可能。可以最直接地讲，本来就没有这个天体存在。”这个关于未知行星撞击地球的预言最早出现于2003年，一位妇女声称她收到了来自宇宙某 行星的信息。莫里森强调，“从2003年到现在已经好几年了。如果在太阳系内确实存在这样一颗行星的话，天文学家肯定在过去十年中就已经开始研究它了，我 们肉眼也应该能看到了。”神秘预言5太阳风暴袭击在许多灾难预言中有这么一种说法，太阳将会于2012年产生致命的太阳耀斑，将地球上的人类烤焦。科学批驳：它不足以烤焦地球事 实上，太阳耀斑是有规律可循的，其爆发周期大约为11年。剧烈的太阳耀斑可能会破坏地球上的通讯设施以及其他一些地面事物，但是科学家们从来没有说过太阳 会释放出强大的太阳风暴足以烤焦整个地球，至少是短期内不会出现这种现象。莫里森解释说，“除非是太阳已明显不遵循其活跃周期。我们预计，太阳耀斑这个周 期的最顶峰并不是2012年，而在之后的一两年。”末日预言千奇百怪：1910年哈雷彗星毁灭地球1881年，一名天文学家发现，哈雷彗星的彗尾包含致命气体氰。人们在美国媒体的渲染下，意识到地球将在1910年穿过哈雷彗星彗尾时，恐怖的阴云吹遍整个美国。1919年太阳风暴摧毁地球1919年12月17日，气象学家艾伯特·波尔塔断言称，行星出现罕见的连接将建立强大的重力或磁通流量，使得巨大的太阳耀斑冲向地球，摧毁地球大气层。千年虫危机20世纪70年初，人们第一次意识到千年虫问题。很多人认为包括大面积断电和核屠杀在内的一系列灾难将因为这只可怕的虫子出现。很多人开始疯狂购买枪支，活命主义者则准备躲进掩体内避难。2000年5月5日人类灭绝理查德·诺纳在1997年著作《2000年5月5日：终极灾难》预言，人类将在这一天迎来大灾难，南极冰层厚度将在5月5日达到3英里（约4.8公里），行星将在这一天排成一线，引发全球性冰冻灾难，人类将面临灭绝危险。2008年对撞机2008年，欧洲粒子物理研究所启动了大型强子对撞机，拉开探索宇宙起源之谜的序幕。然而，外界遍布各种危言耸听的“世界末日论”，有的说实验可能产生黑洞，倾刻间吞噬地球。</t>
  </si>
  <si>
    <t xml:space="preserve">请高手回答下，到底是C的板强还是PF？跪求！！！请高手回答下，到 </t>
  </si>
  <si>
    <t xml:space="preserve">没有强不强的一说~那要看怎么卡位,起跳的时间,和找点我给你一点卡位的经验 3分卡位:卡位要看后卫行事,后卫如果站在左右45度角...那么C最好还是站在中间外侧（尽量把你的对手C卡在里面）然后看见球弹出来的话大多数都是往45度或者中间弹,这也就是说为什么要你站中间外侧的原因!然后看见对手C肯定开始往两边绕.然后他往哪里绕.你就往那里卡他,卡的同时就往前按住方向,在按D，哈哈！篮板你的了!同样后卫在中间90度投,这个是最好判断的,先同样站好正中外侧,在后卫出手的时候,你可以木测一下.绝对可以目测出来球是落在篮筐哪边,绝对了的!然后注意节奏！球在左边弹到篮筐或者右边弹出来的时候, 只要往左右挪一步往前走一点,注意时间！这个没办法说,要自己领悟!然后按好方向键在按D绝对蓝板你的了!如果后卫在0度角.左右一起说啊~~节约时间!投出来如果抛物线不高,而且很直,那么这个球肯定0度角直线走,那么你就直接提前卡好篮框的反面,等球往你这边走吧！哈哈~~然后同样按好方向键,按D,篮板你的了，哈!如果看到抛物线很高（几乎出了屏幕）,站在球的落点那里表动!球可能会在次弹一下进去,或者直接进了!但是这个位置你要卡住!.......同样抛物线很高,（但是没有出屏幕）那么就是站在篮板的正中间,球回往中间弹.....卡好自? 旱腃,然后同样抓好时间,.篮板你的了!现在说下2分卡位:2分相比3分来说要难一点!因为2分总是乱跑,没个定性,所以大家会很苦恼一点2分卡位的问题!两分有几个落点我跟大家说一下!...第一站在发分线两侧45度角投,那么没进球肯定百分百走向75度这个位置!!..相反也一样,我就不多说了!....正面投篮两分...没进的话!这个要看反映了,最好把你对手C卡在里面因为球将会两边跑!全神贯注球一出来往那边跑,你就第一时间往球的方向走,只要你比对手C快走那么0.几秒,将会把这个篮板奖励给你!呵呵!侧面0度角2分,通常有3个走向,1是晃两下回路45度出来,2是直接弹出90度角!3是很轻的弹一下,呵呵，你不用怕,左边投的话你就站在篮框又边正下面不要动!等球下来的时候直接按D不要按方向键,要是按了的话,篮板可能没有或者是被别人冲抢的人拿走了  盖冒：篮下常规上篮:这个不用我多介绍,最常见的得分手段,贴身加反应快,盖下来应该没问题.但是有种情况就不一样了,那就是篮框2侧45度角的位置,这2个地方是比较难盖的,除了正面贴身外最好使用需侧盖. 三步上篮:前锋常用的上篮方法,上篮位置大约在3秒区边附近,这种上篮让人头疼不是没有道理,应该这个上篮里有个膝盖? 岸サ亩?防守人会被顶倒在地.其实,3步上篮和篮下上篮的防守是不一样的,它不需要贴身,3步上篮的前蓄很慢,所以可以离开上篮人1步到2步的距离,等他动作做出来了再盖.但是对手要是已经把球举过头顶了,那这个球是肯定盖不到了. 转身上篮;这个动作其实就是在篮下不按方向键就按A后马上上篮,也是一种常见的上篮方法,它的防守相当的麻烦,因为对手按A后,防守他的人会被靠一下,身位向后移了一步,所以盖不到.要防住,我简单的用时间顺序来解释一下.1秒对手按A,2秒上篮.防守人1秒迅速向左或右侧移动一步再回防守位置,不要移动的太大,只要左右动一下就可以,为的就是不让对手靠一下,2秒盖冒.但是因为这里牵涉到2个动作,所以对手按A后可能不会直接上篮,会先带个假动作什么的,这里就需要你的经验来判断了. 空中转体540度上篮:这个是前锋才有的技能,有人会出先判断失误跳的太早的毛病.要判断准确不能说很容易,但也不难,那是因为,做这个动作它的上篮距离比一般的上篮距离要远,3秒区内要做出这个动作有点难度,除非上篮的人的位置在靠近罚球线的位置,不然距离不够.所以你要是看到前锋在2侧没进3秒区里就起身上篮了,那肯定是转体540度上篮,你只要等他转好,再起身盖冒就可以了 . 篮下2次上篮:这个动作就是先上篮,结果球没出手而是在手上转了一圈再上篮.也是前锋的技能,这个上篮让人很难判断,不过只要仔细点你就会发现,一般的上篮都是单脚向前跨一步的,但是这个上篮动作是双脚起跳的,没有向前跨一步.起身后的样子也和别的上篮不一样,是双手把球举过头顶,身体倾斜的角度较大,再加上是双脚起跳,姿态明显和别的上篮不一样.只要判断对了,接下来只要等他做好转球动作出手时盖他就可以了. 篮下霸王步:这个其实就是按左右键来使人往前走一步再上篮,还有喜欢左右不停的动来撞开防守人.不是没有防住的可能,只是有点难度,首先你要按住W做出卡位动作,并使自己保持在对手前方,不要离他太远,因为霸王步移动时,会拉开你和他之间的距离,所以要快速做出反应,调整自己的位置.霸王步其实也有2种,一种是左右开步,防这个,你可以离开他一步远的距离,因为他会向前走一步后上篮.还有一种就是左右转身,步伐动的相当大和第一种很好分别,这个就需要你近身.因为这个动作是让上篮的人左右移动,所以最后上篮时是不会往前再走一步的,是原地起跳.防守这个动作的难度就在,如果你贴的太近就会被霸王步撞开. 其他的上篮动作就大相晋同了,没什么好说的了.最后告诉你? 木褪?技术别人可以教你,但实战经验没人能给你,对手也不会等着给你盖,大家都在学习进步中. PS:低线侧身投篮,我想大家都看见过吧,做出这个动作其实是想做上篮动作失败后的产物,刚看到有人写贴说这个动作盖不掉,真是小孩子气.什么动作盖不掉?只是没掌握好而已.盖这个帽子其实和盖一般的投篮一样,你只要站在他的正前方就可以,对手做出侧身动作的时候就可以跳起来盖了,唯一不一样的就是加个方向键(对手侧跳的方向).要是这个球已经出手了,那就盖不掉了. </t>
  </si>
  <si>
    <t xml:space="preserve">我真是笨，还是搞不懂，大家帮帮我别人告诉我：股票买卖都要同样比例 </t>
  </si>
  <si>
    <t xml:space="preserve">股票买卖是都要同样比例的手续费,简单的方法是在你买入价上加1.2%涨幅之上卖出就能保本。 </t>
  </si>
  <si>
    <t xml:space="preserve">北京奥运会志愿者招募,有没有幽幽参加了？我也想参加，但是在广东而? </t>
  </si>
  <si>
    <t>当然可以了，能为奥运中国服务，是每一个人的荣誉和自豪不一定都要英语很好到时候，需要几百万的志愿者工作在北京以外的的地方，你可以在你的城市做服务工作</t>
  </si>
  <si>
    <t xml:space="preserve">两年前受过伤，但忘了治疗。现在复发，还能好吗？两年前溜冰速度太快 </t>
  </si>
  <si>
    <t>可以的，去正骨医院检查下吧。</t>
  </si>
  <si>
    <t>SPR</t>
  </si>
  <si>
    <t>看你玩什么模式了SPR-SP优点：起步时卡秒优势明显，转弯时降速相对较少，比较好控制，缺点：弯道大时，极易产生侧翻，不适宜直线竞速类的赛道，最高时速相对较低优势模式：山路模式，那么建议你买辆，毕竟当时他出世时，就是为山路而生的，其他模式就算了CTR-LEO优点：稳重的地盘，转弯时一般情况不侧翻，最高时速较快，综合实力较强缺点：起步较新车来比相对慢了不少，不适宜弯道类的赛道，对直线竞速较多的赛道有一定优势优势模式：锦标、飞车党、优势比较明显，驾驶他的感觉就是踏实，但个人感觉车身较重Poseidon（菠菜）优点：拉风的外形曾经是我的最爱，转弯时一般情况不侧翻，最高时速较快，虽然较LEO来说感觉车体轻了不少，但仍然很易操控缺点：起步较新车来比相对慢了不少，车速快时易离地发飘，过弯时速度降低明显优势模式：锦标、飞车党、优势比较明显，但较LEO来说有一定差距总之，就这三款车来说，他们出生的时间都差不多，所以在性能上不会有特别大的差距，但TZ出车的意图不同，SPR-SP只适宜跑山路，CTR-LEO和菠菜是多功能用车，如果你追求山路技术，那么你买SPR-SP，如果你想开车拉风，只为了好看，那么建议你买Poseidon（菠菜），如果你是个新手，对飚车不很专业，那么建议你买CTR-LEO，另外多说一句，飚车是个很专业的，用好一辆车很难，但只要你多多练习，相信今后一定可以在排榜上看到你！祝你游戏愉快！                                                                                       ——网通最低调的车王：99itm 敬上</t>
  </si>
  <si>
    <t xml:space="preserve">传染性软疣怎么治九月份到现在陆陆续续脖子出了好多白色的小疙瘩，去 </t>
  </si>
  <si>
    <t>您好！#传染性软疣#是一种病毒感染性疾病，只要把皮损里白色的软有小体夹出来就会好的，一般不要用药预防。由于位置深，结痂后得慢慢愈合！</t>
  </si>
  <si>
    <t xml:space="preserve">我公司不签合同、不投保我有车辆罚款、工作服怎么告公司 </t>
  </si>
  <si>
    <t>1、没有签订劳动合同用人单位应从第二个月起支付双倍工资。补交社保，2、如果你因此辞职的，还可以要求经济补偿金。3、协商不成可以申请劳动仲裁，很简单：携带劳动仲裁申请书、身份证复印件、相关证据，然后去当地仲裁委申请立案就可以。3、关键就是需要你和用人单位有劳动关系的证据。比如有公司名称的工装、工作证或工作牌（最好盖有公章）、工资卡、工资条、考勤记录、社会缴纳记录、同事证言（离职在职的都可以）、录音录像或者其它有你名字和公章的文件等（其中有公章的工作证、社会保险缴费记录、有你名字和公章的文件，有一个足以证明劳动关系）4、以上是你的权利，建议先和公司协商，能签合同、补缴社保就好。参见《劳动合同法》第十条　建立劳动关系，应当订立书面劳动合同。已建立劳动关系，未同时订立书面劳动合同的，应当自用工之日起一个月内订立书面劳动合同。用人单位与劳动者在用工前订立劳动合同的，劳动关系自用工之日起建立。第八十二条　用人单位自用工之日起超过一个月不满一年未与劳动者订立书面劳动合同的，应当向劳动者每月支付二倍的工资。。第四十七条 经济补偿按劳动者在本单位工作的年限，每满一年支付一个月工资的标准向劳动者支付。六个月以上不满一年的，按一年计算；不满六个月的，向劳动者支付半个月工资的经济补偿。（诚心回答你的问题，给好评啊。谢谢。）</t>
  </si>
  <si>
    <t xml:space="preserve">上海治疗银屑病医院哪家方法效果最好 </t>
  </si>
  <si>
    <t xml:space="preserve">牛皮癣在治疗时，要注意避免使用激素或免疫抑制剂类药物。其次是，尽量选择外用药而避免过度口服药物，以下降对身体的毒副作用。再来目前中医治疗效果较西医好，所以治疗时尽量选择中医，可以用中药垉浴。牛皮癣是一种常见的具有特征性皮损的慢性易于复发性疾病，病因和遗传，感染，你在用药上要避免盲目求成，切忌心急，尤其是初发和患病时间不是太长的朋友，用药选择一定要谨慎。患者在用药上要避免盲目求成，切忌心急，尤其是初发和患病时间不是太长的朋友，用药选择一定要谨慎。银屑病治疗不能求速成，过分求治心理会适得其反，目前虽尚无根治银屑病的药物，但也并不是无治愈的可能性，患者不要相信什么根治，相信一些江湖骗子的话，结果上当受骗。患者需要到的就是日常的保健，寻求银屑病的临床治愈，减小复发。 </t>
  </si>
  <si>
    <t xml:space="preserve">美国企业的进口渠道是什么? </t>
  </si>
  <si>
    <t>不一样的。有通过进口商的，也有直接进口的。有通过代理公司的，也有不通过的。</t>
  </si>
  <si>
    <t xml:space="preserve">懂法,懂合同的请进.有关出国劳务签署的合同这是中国劳工与中国中介 </t>
  </si>
  <si>
    <t>……条件看似合理合法，实则过于含糊、过于苛刻。行为人责任自担，应当没有异议。但，以上条款，没有具体的说明，保证人出于被动局面，到时候不会说清楚的，既是说得清楚，他们也会“鸡蛋里面挑骨头”，故意刁难、强词夺理，败诉的还是自己。　　总得观点－－－－靠不住。</t>
  </si>
  <si>
    <t xml:space="preserve">还没有交房的按揭房怎么买卖?我于去年年底买了一套房,套内面积在7 </t>
  </si>
  <si>
    <t>无产证的房子国家规定是不能买卖的，但一般在底下也有几种操作模式:一，改底，也就是在开发商换名，大修和契税你也可以向买方要过来，我建议你还是直接加在房价里。 二，你找找人，有些人能到房管局抽件的，也就是把你所有的档案拿出来，然后到建委去办理加急房本，但你还要在交一次大修和契税（你办完房本后可以去开发商把你以前交的退回来）。费用也就是人情费，一般二三千就搞定了。 三，你直接出售，然后向买方要百分之二十的定金，等房本下来在过户。如果是开发商大产已经下来了，只不过在做析产，那么就是买方违约的话，法院也会支持的，呵，前一阵子我就打过这种官司，法院支持了。 你有按揭的话,叫买方给你解贷(也就是说叫买方给你首付,一定要够你还贷的).然后去办理房产手续就行</t>
  </si>
  <si>
    <t xml:space="preserve">NG是什么意思NG游戏是什么意思啊？ </t>
  </si>
  <si>
    <t>可以在N-Gage手机上用的游戏。这是nokia的一系列游戏手机。</t>
  </si>
  <si>
    <t xml:space="preserve">对牛皮癣治疗有什么方法？急！我的父亲是一位多年的牛皮癣患者，去医 </t>
  </si>
  <si>
    <t>你好,主要是看和什么中药在一起配5的,是有一定作用的.你好，该病属于慢性皮肤病，现代医学揭示属于基因缺陷，所以治疗比较棘手，一般建议采用中药综合防治，同时加强锻炼，提高自身免疫抵抗机能，这样才可以有效减少和降低其复发几率.相关防治方法可以参考我个人诊室学术精粹里的资料.[原创]走出牛皮癣防治误区牛皮癣是日常中最常见的慢性皮肤病之一,由于对其认识不足,往往会造成反复发作,迁延难愈,严重影响患者的身心健康.该病是一种良性疾病,无传染性,经过合理治疗,一般不损害患者的整体健康.并非是绝症,也不是所谓的“不死的癌”.在治疗中应选用疗效确切,副作用小,且已证明疗效理想的中草药制剂.在目前现代医学治疗不理想的情况下,祖国传统医药治疗还是比较令人满意的.不可盲目采用某些见效迅速,短期即愈的治疗方案.临床大多数患者都是由于初期治疗不当而致反复发作,形成痼疾.饮食忌口是长期困饶医患两家有待揭示的错误认识,据《中华皮肤科杂志》01年4月第2期肖青林等（不同饮食结构对银屑病患者病情转归的影响）一文中有关试验数据表明:不忌口的患者疗效及预后比忌口的要好的多.提示从长远和辨证的观点看不忌口对于该病的转归是利大于弊.结合医疗机构的临床实践,由此揭示牛皮癣的愈合,与是否忌食鱼虾,牛羊肉等辛辣刺激性食物关系并不大,有力驳斥了本病治疗必须忌口之说.总之,牛皮癣虽然是皮肤顽疾,但只要走出误区,正确认识,合理治疗.该病是可以得到有效控制的,尤其是我国每年150000余人初发患者,更应该懂得这一点,为自己的健康负责！</t>
  </si>
  <si>
    <t xml:space="preserve">今年情人节的任务一样吗看去年的帖子,在暴风银行门口接的任务,最后 </t>
  </si>
  <si>
    <t>一样的很没意思``丑死了哈</t>
  </si>
  <si>
    <t xml:space="preserve">酒精可以装在塑料瓶中吗?黄酒之类的.... </t>
  </si>
  <si>
    <t>一般不可以，因为酒精对塑料 有腐蚀性。。</t>
  </si>
  <si>
    <t xml:space="preserve">靠自己，也能中奖！！！还是老生常谈的话，靠天，靠地，不如靠自己！ </t>
  </si>
  <si>
    <t>自己买彩确实是靠自己运气，来这里看看可以，可千万别让人忽悠进去了。。上期说卡塔尼无胜的，有几个是传实图上来的？</t>
  </si>
  <si>
    <t xml:space="preserve">一个小白的资料片问题什么时候才出资料片？是不是出了资料片就会有新 </t>
  </si>
  <si>
    <t>具体什么时间还说不准。还要看9C磨迹到什么时候，有个说法是4月底开，开的好象是资料片的前一个版本，用来作为目前版本和资料片的中介。叫：“风暴前夕”。到时候会开出新荣誉系统，也就是传说中的“大元帅平民化”的时代~具体可以去网上查~但是只要放出 “风暴前夕”了，那距离：“燃烧远征”也就不远了。要等 “燃烧远征” ~~国内估计还有一阵子啊...</t>
  </si>
  <si>
    <t xml:space="preserve">打屁股时怎样打才能更重加点什么辅助工具会使孩子感到更疼 </t>
  </si>
  <si>
    <t>　　用竹条子抽！附着面越小越疼。不过要尽量以说服教育为主，少使用武力。我们教育孩子的方针是：说服教育为主，但决不承诺放弃使用武力！</t>
  </si>
  <si>
    <t xml:space="preserve">特鲁克岛的地理位置 </t>
  </si>
  <si>
    <t xml:space="preserve">特鲁克岛曾是二战太平洋战争期间，日海军联合舰队司令部所在地。 "特鲁克"一词，在马来语中的本意是"耸入高空的山"。这里的岛屿兼有珊瑚、火山两种特点，特鲁克岛是特鲁克群岛中最大的岛屿，呈三角形，每边长６０多公里，中间是一个直径３０至４０海里的礁湖，真可说是一个天然的舰船停泊港。特鲁克不仅位于加罗林群岛的核心，而且还雄居南太平洋日本"内防卫圈"的心脏。 　　特鲁克群岛扼美军从中太平洋进攻的咽喉，处于进可攻、退可守的有利地位。东可支援吉尔伯特和马绍尔群岛；南可威胁新几内亚和所罗门群岛；西可皮护帛琉至菲律宾群岛一线；北可成为小笠原群岛、马里亚纳群岛以至日本本土的屏障。另外，它还是日本所谓"绝对国防圈"链条上最重要的一环。岛上还建有大型飞机场，有数百架日机构成强大的攻击力量， 因此，战略地位十分重要，素有"永不沉没的航空母舰"和"太平洋上的直布罗陀"的美称。 参考文献： </t>
  </si>
  <si>
    <t xml:space="preserve">柏林赫塔德甲第一伪强队,这场一定要防0十分看好科特布斯迎来联赛首 </t>
  </si>
  <si>
    <t>两支是仅剩的两支东德球队，可能会打一场默契球</t>
  </si>
  <si>
    <t xml:space="preserve">离婚后房产怎么分配？我们结婚三年后，因性格不合面临离婚，婚后我们 </t>
  </si>
  <si>
    <t>这种情况下，如果他要房子，他就应该把你从父母那里借来的首期和装修费用还给你。虽然他还房贷，但你的工资用于二人生活费用，这就等于是你们二人共同还贷，你可以要已还贷款额的一半，当然你也可以不要，毕竟你也在这房子里生活了一段时间了。</t>
  </si>
  <si>
    <t xml:space="preserve">EXCEL公式问题sheet2调用sheet1进行相加，为什么用 </t>
  </si>
  <si>
    <t>嗯你这个还要借助别的文档里的数据进行计算吗？比如D1的内容显示的是：=消费统计!I1+消费统计!O1+消费统计!U1+'E:\Documents and Settings\Administrator\My Documents\[福州会员消费统计(鼓楼)2006年7月21日.xls]消费统计'!AA184+消费统计!AG1你给的文件打开之后D列和K列都变成#REF!了。我把D列的“'E:\Documents and Settings\Administrator\My Documents\[福州会员消费统计(鼓楼)2006年7月21日.xls]消费统计'”手动改成了“消费统计”之后，显示的都是10，而不是19呀。。还以D1为例，再看公式，是：=消费统计!I1+消费统计!O1+消费统计!U1+消费统计!AA184+消费统计!AG1看上去，“消费统计!AA184”还是奇怪？！如果改成“消费统计!AA1”的话，D1的值就是20了，数值就对了。如此看来，你去查一下“'E:\Documents and Settings\Administrator\My Documents\[福州会员消费统计(鼓楼)2006年7月21日.xls”这个文档里，“消费统计”这个Sheet里的AA184是不是值为9？要是9的话就是这个原因了。</t>
  </si>
  <si>
    <t xml:space="preserve">双手上的穴位对应的高血压穴位在那里 </t>
  </si>
  <si>
    <t>建议：1，内关穴，位于前臂正中,腕横纹上2寸,大约三个指头的地方。在两个筋之间取穴。不只是对血压，对改善你的心功能都很好，如果走路累一点就胸闷、喘不上气来。立即按压这个穴位，使劲按，可以明显减轻。2，涌泉穴，在脚心的地方，每天可以坚持烫脚，烫完脚之后按揉脚心，可以补肾阴，从而达到降血压的效果。3，曲池穴，这个在肘横纹外侧端，屈肘，当尺泽与肱骨外上髁连线中点。这个不好说，你从网上找图片看吧。平时注意保持好心情，这个对血压很重要，多喝水，不要熬夜，坚持锻炼身体，慢慢就会好起来的。，内关穴，位于前臂正中,腕横纹上2寸,大约三个指头的地方。在两个筋之间取穴。不只是对血压，对改善你的心功能都很好，如果走路累一点就胸闷、喘不上气来。立即按压这个穴位，使劲按，可以明显减轻。2，涌泉穴，在脚心的地方，每天可以坚持烫脚，烫完脚之后按揉脚心，可以补肾阴，从而达到降血压的效果。3，曲池穴，这个在肘横纹外侧端，屈肘，当尺泽与肱骨外上髁连线中点。这个不好说，你从网上找图片看吧。平时注意保持好心情，这个对血压很重要，多喝水，不要熬夜，坚持锻炼身体，慢慢就会好起来的。</t>
  </si>
  <si>
    <t xml:space="preserve">攻2的男重盔能换啥子啊?!我打了件攻2的重盔,在60区能换什么啊 </t>
  </si>
  <si>
    <t>运气好换绿色，着急能换菜刀，不行就自己穿吧，呵呵~~我说的好象是大家说的集合，不过情况的确如此。</t>
  </si>
  <si>
    <t xml:space="preserve">大灰狼老师:看看我的股现在怎么操作?600210成本9.0060 </t>
  </si>
  <si>
    <t>600210成本9.00 601006成本17.3. 000881成本14.3 之前观点不变。已经提示出局的位置了</t>
  </si>
  <si>
    <t xml:space="preserve">请教大家现在怀孕四个半月，睡觉休息的时候我都遵循尽量左侧睡，不过 </t>
  </si>
  <si>
    <t xml:space="preserve">    那应该是因为结肠长时间被压迫而引起的。只要不时的变换一下姿势，应该就可以获得改善。</t>
  </si>
  <si>
    <t>11c130FC首尔VS鹿岛鹿角0胜×35扎巴汉VS阿尔纳斯</t>
  </si>
  <si>
    <t xml:space="preserve">69 米迪兰特VS兰德斯 0 胜 × 71 艾斯堡VS霍森斯 0 胜 × 72 布隆德比VS洛斯查兰 -1 胜,平 × </t>
  </si>
  <si>
    <t xml:space="preserve">眼皮跳怎么办？我的左下眼皮和右上眼皮已经陆续跳了大约有一周时间了 </t>
  </si>
  <si>
    <t>疲劳过度紧张缺少睡眠最有可能的是慢性感染性疾病----看一下你的舌苔是不是很白很厚、喉咙是不是干、痛。</t>
  </si>
  <si>
    <t xml:space="preserve">什么情况下可刨腹产?怀孕41周了还没动静,急死人,是等呢,还是刨 </t>
  </si>
  <si>
    <t>剖腹产一般有以下情况：1、臀位2、羊水少、胎盘老化3、母亲是高龄产妇，有高危妊娠的可能性3、母亲身体的原因现在的孕妇因为吃的好，锻炼的相对来说比较少，所以都会向后推迟生产，这也是正常的。但是你已经41周了，那么最好赶紧去医院咨询下医生，如果一切正常，那么可以打催产素来帮助顺产，如果发现羊水少，胎盘老化的情况，那么最好赶紧选择剖宫产。</t>
  </si>
  <si>
    <t xml:space="preserve">合同这样签行吗？现买了一投资性质的房子　开发商要求买后一定要租给 </t>
  </si>
  <si>
    <t>一定要慎重哦，因为一旦签了合同就意味着你认可了全部的合同条款。如果你对某部分条款有异议（现在你的权利与义务就不对等），就一定要跟他们事先协商、取得一致，并且签署书面的补充协议，这样才能保证你的权益；如果协商不成，就干脆别签（没什么可惜的）。</t>
  </si>
  <si>
    <t xml:space="preserve">翻译,谢谢请提供收件人（包裹取货人）电话，这样当包裹到了当地，邮 </t>
  </si>
  <si>
    <t>可译如下：Please vide the telephone number of the recipient (parcel collector) so that when the parcel arrives at the destination, a post officer will contact the recipient to collect the goods by telephone.又者或者：Please provide the telephone number of the recipient (parcel recipient). Hence a post officer will contact the recipient to collect the goods by telephone when the parcel arrives at the destination.我比较喜欢后者。备注：包裹取货人可译为parcel recipient或parcel collector。当地可译为destination。邮政可译为a post officer或a post official。他可译为the recipient，或him，又或them。取货可译为collect the goods或collect the parcel。</t>
  </si>
  <si>
    <t xml:space="preserve">想把头发染成灰白色的?但是打听了多家美发厅都说要先漂白了,但那样? </t>
  </si>
  <si>
    <t>有白染料的吧？原来有个同学把最中间的那溜染成白色的。确实很眨眼。学校一走跟个信天翁似的。可有一天晚上他上厕所的时候看了一眼镜子，被镜子里面的自己吓到了。于是第二天就弄回来了。即使他在有心标新立异，但内心深处也是有传统的审美观念，最后他的小性格战胜不了他的内心。只好作罢。</t>
  </si>
  <si>
    <t xml:space="preserve">我的左胸疼是怎么回事我的左胸很疼，象是内面有一块肉在撕破一样疼！ </t>
  </si>
  <si>
    <t>我在高考前的一段时间也出现过这样的情况，不过后来就慢慢好了。也许是你的思想压力太大了，好好休息好好放松一下，如果状况越来越严重，建议你最好还是到医院照个心电图检查一下哈。</t>
  </si>
  <si>
    <t xml:space="preserve">我喜欢闻女人的味道，尤其是内裤缓和乳罩，这正常吗 </t>
  </si>
  <si>
    <t>很正常，任何动物[当然包括人在内]都有接受异性气味而产生性冲动的本能。许多动物到现在仍靠特殊性腺气味来传布性信息，招唤异性。只是人在这方面已退化了，不灵敏罢了。但每个人或多或少会受香水气味影响自已性欲就是一个例证。而异性特有的体味能引起性冲动的现像就源于此。据传曰：杨贵妃有狐腋，玄宗独爱之，每临幸曰："娘娘腋下有异香。"</t>
  </si>
  <si>
    <t xml:space="preserve">谁能帮我解开这个小学二年级的题目啊？？求解...……求解 </t>
  </si>
  <si>
    <t>06  11   1013  09   0508  07   12</t>
  </si>
  <si>
    <t xml:space="preserve">请问一下四川师范大学文理学院的地址！谢谢！听说文理学院是在龙泉， </t>
  </si>
  <si>
    <t>四川省成都市龙泉驿洪河中路2号   川师大东区  文理学院       邮政编码  610110  电话  028—82854374  82854721  82959860</t>
  </si>
  <si>
    <t xml:space="preserve">成考的学位在工作中有什么重要的意义吗 </t>
  </si>
  <si>
    <t>一、在绝大多数的单位应聘都是要求学历，就是所谓的学历敲门砖；二、学位是学识的证明，但是在生活中，说白了是和你主修的外语成绩挂钩的，基本上外语没有达到国家要求的都是不能有学位证书的，只有毕业证；三、有的单位会要求有学位，不过这样的很少，一般的都是比较有名的大公司；四、在事业单位，学历是和职称、工资等等挂钩的，没有学位的要求。以上是我的一点小见解，希望能让你明白一点，祝你好运！</t>
  </si>
  <si>
    <t xml:space="preserve">有谁能告诉我现在北京到底冷不冷啊？ </t>
  </si>
  <si>
    <t>冷 要穿薄的羽绒服或厚点的风衣  刮风的时候更冷 差不多13度左右</t>
  </si>
  <si>
    <t xml:space="preserve">赛后会被称为最神的彩票。。。两种情况1，认为楼主太牛叉了。2，认 </t>
  </si>
  <si>
    <t>没有证明到什么 错了就错了 54场已挂</t>
  </si>
  <si>
    <t xml:space="preserve">中国干部行政级别有哪些？ </t>
  </si>
  <si>
    <t>第十五条 国家根据公务员职位类别设置公务员职务序列。　　第十六条 公务员职务分为领导职务和非领导职务。　　领导职务层次分为：国家级正职、国家级副职、省部级正职、省部级副职、厅局级正职、厅局级副职、县处级正职、县处级副职、乡科级正职、乡科级副职。　　非领导职务层次在厅局级以下设置。　　第十七条 综合管理类的领导职务根据宪法、有关法律、职务层次和机构规格设置确定。　　综合管理类的非领导职务分为：巡视员、副巡视员、调研员、副调研员、主任科员、副主任科员、科员、办事员。　　综合管理类以外其他职位类别公务员的职务序列，根据本法由国家另行规定。</t>
  </si>
  <si>
    <t xml:space="preserve">GM我的帐号为什么上不去是网一玉风的从维护的头一天到现在还没上去? </t>
  </si>
  <si>
    <t>那是你卡号了 ======吧卡号的有好多啊</t>
  </si>
  <si>
    <t xml:space="preserve">13032期足彩两平胆！13032期足彩竞猜欧洲五大联赛，因为下 </t>
  </si>
  <si>
    <t xml:space="preserve">   只能看马拉加打平了.</t>
  </si>
  <si>
    <t xml:space="preserve">英语选择题目___theheroiceffortsofthefi </t>
  </si>
  <si>
    <t>3</t>
  </si>
  <si>
    <t xml:space="preserve">富士通笔记本硬盘可否与台式机通用我的台式机硬盘坏了，原来的硬盘接 </t>
  </si>
  <si>
    <t>到电子市场买一个转换成台式机IDE的接口，问一问，肯定有人知道。肯定可以和台式机硬盘一样用。我用过。</t>
  </si>
  <si>
    <t xml:space="preserve">助学贷款有哪几种形式？ </t>
  </si>
  <si>
    <t>助学贷款是以帮助高校中经济确实困难的学生支付在校期间的学费、住宿费和日常生活费为目的，运用金融手段支持教育、资助经济困难学生完成学业的重要形式。目前，助学贷款主要有两种形式：一种是国家助学贷款，另一种是一般商业性助学贷款。 国家助学贷款是金融机构采用信用形式发放，财政给予一定贴息的贷款。家庭经济困难的学生在新学年开学后，凭有效证件及相关证明向学校指定的部门提出贷款申请，填写有关表格。学校对申请材料审核后，报送经办银行。经办银行对借款学生申请资料的完整性、真实性、合法性和有效性进行审核，符合贷款条件的，银行和学生签订贷款合同，并按合同约定发放助学贷款。一般商业性助学贷款是指金融机构（商业银行、城市信用社、农村信用社等）对学生或学生家长以担保或信用方式发放的助学贷款，一般商业性助学贷款由学生或其家长在家庭所在地金融机构直接申请，通常称为生源地贷款。</t>
  </si>
  <si>
    <t xml:space="preserve">中国民航采购了哪些型号的飞机？中国民航飞机采购了哪些型号的飞机？ </t>
  </si>
  <si>
    <t xml:space="preserve">运输飞机数量（截止2001年底）机型                          飞机数量 合计 562 B747                              17 B777                              19 B757/B767                      69 B737                              198 A340                              11 A300/A310                      21 A321/A320/A319              75 IL－86                             3 MD11                               6 MD-82                              27 MD-90                              22 Bae-146                           14 ATR-72                             5 Dash-8                              6 运7                                  22 CRJ-200                           14 EMB-145                           5 SAAB-340                         5 Donier-328                       19 运8                                 5 </t>
  </si>
  <si>
    <t xml:space="preserve">元朝有哪些著名的汉人？元朝时期有哪些著名的汉人？帮忙列十来个。 </t>
  </si>
  <si>
    <t>汪元量、赵孟頫、黄公望、元好问、刘秉忠、马致远、黄道婆、郝经、廉希宪、马端临、王祯、张养浩、虞集、朱震亨、周达观、关汉卿，白朴，郭守敬，欧阳贞、周德清、出光育、张柔、施耐庵、王保保</t>
  </si>
  <si>
    <t xml:space="preserve">通风怎么治疗脚肿疼痛 </t>
  </si>
  <si>
    <t>首先祝你早日恢复！我来给你谈谈“痛风”的食疗问题。多饮水，多吃蔬菜，少喝汤。痛风患者要多喝白开水，少喝肉汤、鱼汤、鸡汤、火锅汤等。因为多饮水也是一种治疗手段，它可以稀释尿酸，加速排泄，使尿酸水平下降。饮水要饮白开水，因白开水的渗透压最有利于溶解体内各种有害物质。多吃菜，有利于减少嘌呤摄入量，增加维生素C和纤维素。汤中含有大量嘌呤成分，饮后不但不能稀释尿酸，反而因肉食中核蛋白含量高，导致尿酸增高。痛风患者可以吃煮过的肉而不喝汤，因汤中可能已经溶入了50％的嘌呤。　　多吃碱性食物，少吃酸性食物。痛风患者本身有嘌呤代谢紊乱，尿酸异常，如果过多吃酸性食品，会加重病情，不利患者康复。而多吃碱性食物，能帮助补充钾、钠、氯等，维持酸碱平衡。以下给你介绍几则成功治愈“痛风”的食疗秘方：1）取乌龟壳15克，黑木耳10克，煎成一碗汤一次服下，一日二次，连服5--7天，忌动物内脏、鲤鱼、酸物。2）用鲜竹叶、白茅根各10克。鲜竹叶和白茅根洗净后，放入保温杯中，以沸水冲泡30分钟，代茶饮，利尿，防痛风合并症肾结石。3）取鲜玉米须100克。鲜玉米须加水适量，煎煮1小时滤出药汁，小火浓缩至100毫升，停火待冷，加白糖搅拌吸尽药汁，冷却后晒干压粉装瓶。每日3次，每日10克，用开水冲服。防止肾结石，具有利尿作用。4）用独活60克，大豆500克，当归10克，白酒1000毫升。将独活去芦头后，与当归同捣碎，置于净器中，以白酒浸泡一宿后，将大豆炒至青烟出锅，投入酒中密封，候冷，去渣备用。每日3次，每次温饮10毫升。5）取独活45克，白藓皮15克，羌活30克，人参20克，酒适量。将独活、羌活分别去芦头，上4味药，捣为粗末备用。每用10克药末，同水7分，酒3分，煎至7分，去渣温服。不拘时候。6）用黑豆、僵蚕各250克，白酒1000毫升。将黑豆炒焦，以酒淋之，绞去渣，贮于净器中，将僵蚕也投入净器中，以酒浸泡之。经5日去渣备用。不拘时候，每次温服1小杯。以上回答如果满意，请不要辜负我的一片好意，及时点击“采纳为答案”。</t>
  </si>
  <si>
    <t xml:space="preserve">常吃21金维他对皮肤真的有改善吗？效果怎么样？有谁能告诉我。谢谢? </t>
  </si>
  <si>
    <t>我是个在药房工作的人，21金维它的别名叫作，多维元素片21，而他是用于预防和治疗维生素与矿物质缺乏所引起的各种疾病。而黄金搭档只是保健品，并不起了多大的作用只能起一些保健的作用啦，但21金可以提高免疫力并可以从体内改变一些因素啦，你试试吧我是一直都在吃呀，21金也只有民生的最好，而且好象最近还在搞活动购3瓶送一瓶花露水哦，如果长期吃是不错的活动.至于价格的问题嘛，不同的地区，有着不同的价格啦，不过我们这边最近是在提价哦，</t>
  </si>
  <si>
    <t xml:space="preserve">一般云层在什么高度？ </t>
  </si>
  <si>
    <t>根据云的常见云底高度，云被分为高云、中云和低云三族。此外，世界气象组织1956年公布的国际云图分类体系又将云分为十属。其中低云有积云(Cu)、积雨云(Cb)、层积云(Sc)、层云(St)和雨层云(Ns)，中云有高积云(Ac) 和高层云(As), 高云则有卷云(Ci)、卷层云(Cs)、卷积云(Cc)。　　一般来说，高云都在4.5 -10公里以上，中云云底在2.5-4.5 公里， 低云云底为 0.1-2.5 公里。需要指出的是，有些云属经常会伸展至其它层，如属于中云族的高层云可能伸展至高云族所在的层次，积云和积雨云能伸展至中云族和高云族所在的层次。　　此外，在云物理学上还有其它分类方法，如根据云的微结构分类(水云、冰云和冰水混合云)；根据云体温度分类(暖云和冷云); 根据云的动力学特征分类(层状云、对流云和波状云)等</t>
  </si>
  <si>
    <t xml:space="preserve">关于健康我的右眼常常充血,不知道什么原因.我未熬夜 </t>
  </si>
  <si>
    <t xml:space="preserve">眼睛发红是充血的表现。眼睛为什么会充血？怎样对待充血的眼睛？下面就谈一谈这个问题。 健康人的口唇和面颊，颜色总是红扑扑的。这是因为口唇、面颊部的毛细血管非常丰富的缘故。然而我们眼睛的白眼珠（医学上称为“巩膜” ）上面覆盖着的一层结膜，虽然毛细血管也十分稠密，但它却呈现出洁净的瓷白色，好像一丝血管也没有。如果用手指撑开眼皮仔细观察，黑眼珠（角膜）的周边部球结膜上，也稀疏地分布着少数毛细血管，其数目仅占整个球结膜血管的1％左右。 奇怪的是，一旦眼睛遭到某种刺激，巩膜马上变得通红，待刺激因素消除后，通红的眼球又变得洁白。那么这种魔术般的变换是怎样形成的呢？ 原来正常情况下，球结膜的血管都是瘪着的，处于“沉睡”状态，血管内并没有血液通过，因而巩膜总是显得那样洁白无瑕。当遇到细菌、病毒等入侵时，“沉睡”着的血管会马上被“惊醒”，继而扩张。于是红色的血液从四面八方蜂拥面至，巩膜也就红起来了。发炎的眼睛最醒目的症状就是眼红，如患有急、慢性结膜炎、各种角膜炎、虹膜睫状体炎、巩膜炎、青光眼、眼部烧伤等，都可有不同程度的眼充血。 眼球充血分为浅层和深层两种。前者呈鲜红色，称为“结膜充血”；后者是暗红色，称为“睫状充血”。二者兼有的，称为“混合性充血”。这些情况不同的充血，在医生检查与诊断时很有意义，也是判断眼病轻重的重要依据之一，可是一般外行人很难分得清楚。 有人认为，眼睛红得越厉害，病情也就越重。还有些人对眼红不重就不大在意。其实不然。例如急性结膜炎，发病急，充血重，但是却算不上什么大病，如果没有特殊情况，一般也不会引起大问题，比较容易治愈。但是，对慢性虹膜睫状体炎、巩膜炎、青光眼等病，充血症状并不太明显，但是却是不可忽视的重症眼病。绝大多数内眼病，外表上并没有充血，但却可能导致失明。所以不要单从红眼的轻重，或有无眼睛充血去判断眼病的轻重。 您好，建议就诊医院检查，看是否与结膜炎有关。 本病虽不严重，但为难治之病。宜中西医结合治疗。 1．对于有细菌感染因素者，町用抗生素眼药水，每日3～4次。对于非感染因素，不可滥用，更不可常规作为安慰剂。 2．可试点皮质类固醇类眼药水，但不可长点，且应观测眼压。 3．珍珠明目液，每日3～4次。 4.针对病因进行治疗。 5．口服汤药难以坚持，可在辨证的基础上选服滋阴降火丸、知柏地黄丸、银翘解毒丸等。 </t>
  </si>
  <si>
    <t xml:space="preserve">上海哪里有卖misssixty牌子的衣服啊？？？？我想买miss </t>
  </si>
  <si>
    <t>人民广场那里的来福士有的.</t>
  </si>
  <si>
    <t xml:space="preserve">遗憾三场！！！14场和九场错的都一样，郁闷，而且九场还都是双选， </t>
  </si>
  <si>
    <t>还是运气不好吧</t>
  </si>
  <si>
    <t xml:space="preserve">怀孕27周，请问对喝水有什么样的要求？？谢谢了能多喝水吗？？ </t>
  </si>
  <si>
    <t>跟平时一样,不要刻意多喝水,尤其是不要一次喝很多水,以免加重心脏的负担或造成下肢浮肿.可以采用少量多次的办法喝水.</t>
  </si>
  <si>
    <t xml:space="preserve">炎玉、玛瑙各种石头打什么爆？？？我想知道炎玉、玛瑙等等各种石头是 </t>
  </si>
  <si>
    <t>暴不出的   要一元包或挖宝才可以得到</t>
  </si>
  <si>
    <t xml:space="preserve">做恶梦怎么办？我一点也不害怕，为什么呢？那是梦啊！管他怎么样跟我 </t>
  </si>
  <si>
    <t>我?男【妥?簦灰凰??簦晕医?常在?糁兄雷约涸谧?簟Ｔ?粞e我最不喜?g?梯，不喜?g在夜晚中的封閉的室?龋会岽坝需F?诨蛘呔o閉的，在這?r候我就?舻侥切┛植赖?|西，即使知道自己在做?粑乙?ε?疵胩与x。我?常看科幻片，或者犯罪片，看?影主角如何逃離?碾y現?鋈绾蚊?離魔鬼的爪子。在?粞e我就?媚切┓椒āＳ?r?艟撤浅Ｕ??，我?昝?出第一???艟秤值羧氲诙??艟场？?之做噩?舻?r候要??快想像自己呆在另??安全的空間，這??空間是什麽?拥模缬?嘏年?光，美?的沙??w什麽的。</t>
  </si>
  <si>
    <t xml:space="preserve">“青出于蓝而胜于蓝”的典故来源及含义 </t>
  </si>
  <si>
    <t>青出于蓝而胜于蓝，冰生于水而寒于水。”这句《贤文》出自的典故是后魏人李谧和他的孔璠及《荀子·劝学篇》。李谧学习很用功，少年时代就读了很多书，他的老师孔璠学问本来也不错，可是几年以后，李谧就胜过了老师。那时，孔璠反过来要向李谧请教了。同学们作了一首歌谣道：青成蓝，蓝谢青；师何常，在明经。青，比喻学生；蓝，比喻老师。歌谣的大意是说：学生成了老师，老师请教学生；究竟谁是老师何尝有一定，问题在于谁更精通学问。为什么青比喻学生，蓝比喻老师呢？原来“蓝”是一种草，它的叶子可作青色染料。《荀子·劝学篇》说：“学不可以已。青，取之于蓝，而青于蓝；冰，水为之，而寒于水。”意思就是说学习永远没有止境，后代一定超过前辈。青色本是从蓝草中取得的，可是从蓝取得的青色，比蓝更青；冰，本是由水凝结成的，可是由水凝成的冰，比水更凉。由于以上的一段话，我们比喻学生超过老师，青年超过老一辈，就叫作“青出于蓝而胜于蓝”。由于“冰生于水而寒于水”意思和“青出于蓝而胜于蓝”相似，人们常常把两句连用。这句《贤文》蕴含的哲理是，许多新生事物会优于旧事物，不断创新是事物发展的客观规律。小资料：早在秦汉之前，人们尚不知道靛蓝染料的还原染色机理。只是在菘蓝收获的季节，将蓝草割下后切碎浸泡出色液之后，尽快将此染液用于染色，以利游离出的色素在布面上缩合生成不溶与水的靛蓝染料，形成蓝色。这个过程一般很短，时间稍长后，染液中的吲哚酚一旦全部缩合，就会变成蓝色的沉淀而不再有利用价值。因此，当时在蓝草收获季节里，染匠们是十分繁忙的，要连天加夜地加紧染色，否则染液就要报废。有一次，一个染坊的两位染匠忙累了一天，还是没有把要染的布染完，而池子里的染液却眼看要全部变成蓝色的泥浆了，二人又气又累，吃饭时多喝了几杯，结果喝得酩酊大醉，其中一人竟然趴在染池边上呕吐起来，吐完之后二人就在池边呼呼大睡。第二天，本打算接受老板惩罚的两位师傅一看：染池上面浮着许多泡沫，用染棒一搅，昨天沉淀的蓝泥不见了！二人十分惊奇，连忙用一块白布放进去浸泡，结果拿出来一看，不是原来的蓝色而是黄褐色，正在失望之际，那黄褐色的布却慢慢地变成了蓝色！嘿！这可是没有料到的好事，有了这种办法，再也用不着担心蓝草染液沉淀了，而且正可以利用它生成沉淀的原理来长期保存这种染料。由于是蓝色染料生成的沉淀，因此这种染料被称为“蓝淀”——后来专门造了一个字供它使用：靛。意为青色（蓝）的沉淀。</t>
  </si>
  <si>
    <t xml:space="preserve">知识产权的基本概念知识产权的分类 </t>
  </si>
  <si>
    <t>　　知识产权,概括的说,是指公民、法人或其他组织对其在科学技术和文学艺术等领域内,主要基于脑力劳动创造完成的智力成果所依法享有的专有权利。 　　广义概念上的知识产权包括下列客体的权利：文学艺术和科学作品，表演艺术家的表演以及唱片和广播节目，人类一切领域的发明，科学发现，工业品外观设计，商标，服务标记以及商品名称和标志，制止不正当竞争，以及在工业、科学、文学和艺术领域内由于智力活动而产生成果的一切权利。　　狭义概念上的知识产权只包括著作权、专利权、商标权、名称标记权、制止不正当竞争，而不包括科学发现权、发明和其他科技成果权。</t>
  </si>
  <si>
    <t xml:space="preserve">燃烧勇士怎么用那个哥哥姐姐给说下急用 </t>
  </si>
  <si>
    <t>先开勇士挂 再开丝路 然后就会自动跳出外挂 按照里边的设置好点开始挂机就可以了</t>
  </si>
  <si>
    <t xml:space="preserve">什么叫“欺不如窃，窃不如偷，偷不如偷不着”？ </t>
  </si>
  <si>
    <t>哈哈 N多年就想问这个问题了，今天终于让你问了。</t>
  </si>
  <si>
    <t xml:space="preserve">阿朱为什么没有嫁给乔峰？ </t>
  </si>
  <si>
    <t>康敏设计让乔峰以为段正淳是害死自己父母的带头大哥，阿朱为了救自己的父亲段正淳易容成段正淳的模样去见乔峰，被乔峰亲手打死，后来乔峰才发现是康敏骗他的，后悔不已</t>
  </si>
  <si>
    <t xml:space="preserve">今天拉肚子了怎么办呀？我怀孕6个月了，今天拉肚子了，就在刚刚，今 </t>
  </si>
  <si>
    <t>我有几次吃了梨然后又吃的菠萝，也拉肚子，我感觉菠萝不能太近时间的与其它凉性水果一起吃</t>
  </si>
  <si>
    <t xml:space="preserve">为什么我下载下来不能玩，打不开。我下载到桌面上，双击却打不开。 </t>
  </si>
  <si>
    <t xml:space="preserve">去官网下在了最新版本安装就好了，我以前也是，不能在新浪等网站下，那里不是最新的。安装Direct9.0c </t>
  </si>
  <si>
    <t xml:space="preserve">总分361，政治77，英语54，专业西方哲学，希望调剂到任何学校? </t>
  </si>
  <si>
    <t>调剂的各个学校都不一样你在这里问作用肯定不容易得到你想要的结果。一般的招生负责人怎么会这么巧来到这个地方呢，你如果想得到更好的结果我建议你按下面的方法作。我建议你把你所能搜到的学校,特别是西部院校,普通院校,研究所等上他们网站,这个一般你上google或者baidu，搜这个学校的名字就可以了。然后得到他们招生办电话,一个个的打,不要怕麻烦，不要怕失败，一个个的问，会得到调配资格的 上面也登记了很多学校调配信息阿， 上也登记了很多调配信息一个个的打一边电话吧，命运掌握在你自己手上的。我同学当年就是这样,后来居然有一个学校一个研究所都愿意接收他的调配加油下面的是我一个在学校研究生办公室工作过的朋友说的一般说来，在3月中旬，各学校的成绩陆续出来了，调剂名额也就差不多了,在这个时候各个学校都会把自己接受调剂的专业和联系电话发布出来,按照他的电话,你就给接受调剂的学校打电话，问他如何把自己的材料给他.一般情况下都是传真,这是最有效也是最快捷的方式.同时出现自己报考的相近专业和相同的专业接受调剂考生的情况以后，你就打电话联系，发传真给他.要向许多学校发传真.把材料传过去之后，每隔三天两天的就打电话问国家线出来了没有,和老师客气一些,多打电话。如果是34所自己订线的学校，咱们学校（北理工）就是，可能更好办一些</t>
  </si>
  <si>
    <t xml:space="preserve">螳螂的基本数据一般好点的螳螂一级的数据是多少 </t>
  </si>
  <si>
    <t xml:space="preserve">解释下档次  区别同一种宠物的好坏方式是计算宠物的"档次" 宠物分0档(即满档)至20档  档次越大.宠越垃圾.    宠能力表现在  攻 防 血 敏 魔 5个部分上。每个部分可以掉0-4档 单项能力相差1档的两只宠~~~在这能力上每升1级所相差的BP大约为 0.042~~  </t>
  </si>
  <si>
    <t xml:space="preserve">高朋团购餐饮预计春节期间团一桌年中饭，看网上评价，高朋网的餐饮团 </t>
  </si>
  <si>
    <t>高朋团购的餐饮及本地化服务的确出色。春节期间，高朋网城市频道上线了多款高端餐饮团购项目。例如与北京励骏酒店的独家合作。包含传奇海鲜龙虾盛宴，葡式西餐等新春美食节特色项目。龙虾、海参、澳洲蜘蛛蟹等百余款美味一应俱全。除励骏酒店外，还包含了鹏润国际大酒店、花木兰餐厅、扇子餐厅、美成轩食府等高端合作餐厅。此外，建议楼主春节期间团年中饭就不要团西餐、泰国菜啥的了，中国人的节日还是中国化的美食更具节日气氛。</t>
  </si>
  <si>
    <t xml:space="preserve">文言文翻译然陈涉瓮牖绳枢之子，氓隶之人，而迁徙之徒也。 </t>
  </si>
  <si>
    <t>然而阵涉是一个用破瓮做窗户，用绳子系门轴的穷苦人家的子弟，是一个耕田作奴隶的人，而且是一个被征调往渔阳守边的人原文：        秦孝公据?ズ蹋涤褐葜兀脊淌匾钥苁遥邢硖煜拢儆钅冢依ㄋ暮Ｖ猓⑼贪嘶闹摹５笔鞘币玻叹糁诹⒎ǘ龋窀奘卣街撸饬舛分詈睢Ｓ谑乔厝斯笆侄∥骱又狻?    孝公既没，惠文、武、昭襄蒙故业，因遗策，南取汉中，西举巴、蜀，东割膏腴之地，北收要害之郡。诸侯恐惧，会盟而谋弱秦，珍器重宝肥饶之地，以致天下之士，合从缔交，相与为一。当此之时，齐有孟尝，赵有平原，楚有春申，魏有信陵。此四君者皆明智而忠信，宽厚而爱人，尊贤而重士，约从离衡，兼韩、魏、燕、楚、齐、赵、宋、卫、中山之众。于是六国之士，有宁越、徐尚、苏秦、杜赫之属为之谋；齐明、周最、陈轸、召滑、楼缓、翟景、苏厉、乐毅之徒通其意；吴起、孙膑、带佗、倪良、王廖、田忌、廉颇、赵奢之伦制其兵。尝以十倍之地，百万之师，叩关而攻秦。秦人开关延敌，九国之师，逡巡而不敢进。秦无亡矢遗镞之费，而天下诸侯已困矣。于是从散约败，争割地而赂秦。秦有余力而制其弊，追亡逐北，伏尸百万，流血漂橹；因利乘便，宰割天下，分裂山河。强国请服，弱国入朝。    延及孝文王、庄襄王，享国之日浅，国家无事。及至始皇，奋六世之余烈，振长策而御宇内，吞二周而亡诸侯，履至尊而制六合，执敲扑而鞭笞天下，威振四海。南取百越之地，以为桂林、象郡，百越之君，?a首系颈，委命下吏。乃使蒙恬北筑长城而守藩篱，却匈奴七百余里；胡人不敢南下而牧马，士不敢弯弓而报怨。    于是废先王之道，焚百家之言，以愚黔首；隳名城，杀豪杰；收天下之兵，聚之咸阳，销锋镝，铸以为金人十二，以弱天下之民。然后践华为城，因河为池，据亿丈之城，临不测之渊以为固。良将劲弩守要害之处，信臣精卒陈利兵而谁何。天下已定，始皇之心，自以为关中之固，金城千里，子孙帝王万世之业也。    秦王既没，余威震于殊俗。陈涉，瓮牖绳枢之子，甿隶之人，而迁徙之徒也，才能不及中人，非有仲尼，墨翟贤，陶朱、猗顿之富；蹑足行伍之间，而倔起阡陌之中，率疲弊之卒，将数百之众，转而攻秦；斩木为兵，揭竿为旗，天下云集响应，赢粮而景从。山东豪俊遂并起而亡秦族矣。    且夫天下非小弱也，雍州之地，?ズ蹋匀粢病３律嬷唬亲鹩谄搿⒊⒀唷⒄浴⒑⑽骸⑺巍⑽馈⒅猩街玻汇I耰棘矜，非?于钩戟长铩也；谪戍之众，非抗于九国之师也；深谋远虑，行军用兵之道，非及向时之士也。然而成败异变，功业相反也。试使山东之国与陈涉度长絜大，比权量力，则不可同年而语矣。然秦以区区之地，致万乘之势，序八州而朝同列，百有余年矣；然后以六合之家，?ズ伲灰环蜃髂讯呙磴模硭廊耸郑煜滦φ撸我玻咳室宀皇┒ナ刂埔煲病?译文：    秦孝公占据?ド剑裙啬茄展痰牡胤剑ü匕涤杏褐菀淮茄衫牡胤剑ㄇ毓模┕甲永喂叹菔乩矗ǹ剑┲芡醭ㄏ缶硐兆幽茄砥穑笥貌及谎┯胁⑼烫煜拢剂旌Ｄ冢刂迫囊馔迹滩朔降囊靶摹Ｔ谡馐保眺备ㄗ羟匦⒐诠诮⒎芍贫龋铝τ诟址闹拊旆朗亟サ奈淦鳎酝馐敌辛幔词怪詈罡鞴喽贰Ｓ谑乔毓撕敛环蚜Φ厝〉昧嘶坪右晕鞯拇笃恋亍?    秦孝公死了以后，惠文王、武王、昭襄王继承先辈的旧业，沿袭前人留下的策略，向南占领了汉中，向西攻取了巴蜀一带，向东割取了肥沃的土地，向北收取了险要的城池和地区。各诸侯国惊恐害怕，集会结盟来想方法削弱秦国，不惜珍贵的器物、贵重的宝贝、肥沃富饶的土地，来招纳天下的志士能人，采用合纵的策略缔结盟约，互相援助结为一个整体。在这个时期，齐国有孟尝君，赵国有平原君，楚国有春申君，魏国有信陵君，这四位君子，都既聪明智慧又忠诚守信，既宽厚道又友爱待人，既能尊敬能人，又能器重谋士，共同约为合纵，离散了秦国的连横，聚集了韩、魏、燕、楚、齐、赵、宋、卫、中山的力量。于是六国的谋士，有宁越、徐尚、苏秦、杜赫这一班人替他们谋划；有齐明、周最、陈轸、召滑、楼缓、翟景、苏厉、乐毅这一类人沟通他们的意见；有吴起、孙膑、带佗、倪良、王廖、田忌、廉颇、赵奢这一些人统率他们的军队。他们曾经凭着十倍大的土地，上百万的军队，直逼函谷关去进攻秦国。秦国人敞开关口迎敌，九国的军队，徘徊着不敢前进。秦国没有耕费一支箭，一个箭头，可是天下的各诸侯国已经十分困窘了。于是合纵解散盟约破坏，各国争着割让土地去贿赔秦国。秦国有充足的力量利用他们的弱点，追逐败逃的军队，使无数尸体横卧，流淌的血可以使盾牌漂浮起来；趁着有利的形势和方便的条件，侵略诸侯各国，分割天下的土地。因而强国请求归服，弱国前来朝拜。    传到孝文王、庄襄王，他们在位的时间很短，国家没有大事。到了秦始皇，发扬六代祖先遗留下来的功业，像挥动长鞭赶马那样来驾御天下，吞并了西周、东周，灭掉了诸侯国，登上了尊贵的皇位而统治全中国，用残酷的刑罚来奴役天下的百姓，威势震慑四海。向南方夺取了越族各部落的土地，把它改设为桂林郡和象郡；越族各部落的头领，俯首投降，听众秦国小官吏的摆布。秦始皇就派大将军蒙恬在北方筑起长城守卫边防，击退匈奴七百多里。胡人不敢到南方来牧马，已亡六国的遗民不敢拿起武器仇雪恨。    于是秦始皇废除古代帝王的治国方法，焚烧各学派的著作，企图使百姓愚蠢糊涂；毁坏著名的城堡，杀害杰出的人物；收缴天下的兵器，集中到都城咸阳，销熔这些刀箭，用它铸造成十二个铜人，来削弱天下的老百姓。然后凭借华山作为城墙，就着黄河作为护城河，依靠亿大高的华山，对着深不可测的黄河，把这作为坚固的屏障。优秀的将领，强劲有力的弓弩，把它险要的地方；忠实的臣子，精壮的士兵，投置了锐利的兵器，而谁敢把他怎么样。天下已经平定，秦始皇的心中以为函谷关中这样坚固，象是千里的铜墙铁壁，真是子子孙孙称帝称王的万世不朽的基业。    秦始皇死后，遗留下来的威望还震慑着边远的地方。然而阵涉是一个用破瓮做窗户，用绳子系门轴的穷苦人家的子弟，是一个耕田作奴隶的人，而且是一个被征调往渔阳守边的人；他的才能比不上平常人，没有孔子、墨子那样的才能德行和陶朱、猗顿那样的财富；他出身于军队之中，却在田野里突然起义，率领疲惫困乏的士卒，带领几百人，转过头来，攻打秦朝；他们砍下树木做武器，高举竹竿当旗帜，天下的百姓象云那样集合拢来，象回声那样应声而起，担着粮食，如影随形体那样紧紧跟着。?ド揭远挠⑿酆澜埽谑且黄鹦卸鹄淳桶亚爻耐持瓮品恕?    要说这时秦朝的统治力量，并没有缩小减弱啊。雍州的土地，?ド胶裙氐募峁滔找匀幌蟠忧澳茄　３律娴牡匚唬槐绕搿⒊⒀唷⒄浴⒑⑽骸⑺巍⑽馈⒅猩骄殴木踝鸸螅慌┚吣竟饕焕嗟亩鳎槐裙酬っ胬槐徽鞣⑹匚辣呷氖洌槐染殴木忧浚钤兜哪被芯髡降牟呗裕膊蝗绱忧暗哪切┠笔俊５浅晒褪О苋从胁煌ㄊ乱狄睬∏∠喾础Ｊ阅?ド揭远母鞴氤律姹缺瘸ざ毯痛笮。冉弦幌氯ㄊ坪土α浚歉荒芟嗵岵⒙哿恕５乔毓坎淮蟮牡胤剑玫降弁醯娜ㄊ疲诚桨酥荩雇鹊牧闯荩丫辛艘话俣嗄炅耍蝗缓蟀烟煜伦魑遥?ド胶裙刈魑诠蝗欢桓鋈朔⒍鹨澹弁趸稻突倜鹆耍实鬯涝诒鹑耸掷铮惶煜氯思バΓ馐俏裁茨兀渴怯捎诿挥惺凳┤室澹ト√煜率刈√煜碌男问凭筒煌　?</t>
  </si>
  <si>
    <t xml:space="preserve">没学历没技术没人脉，都不知道该学什么技术了，25了好怕入错行！ </t>
  </si>
  <si>
    <t>你好，很高兴为你解答，现在很多毕业大学生毕业后都找不到工作的，绝大部分会放弃自己的理想，干起了销售，还有一部分认为人生不能就这么的荒废，会参加一个培训班，Java软件开发，现在社会的主流行业，薪资高，提升空间大。你好，你的现状很能理解的，现在很多大学生毕业后找不到够工作，这是一个正常的想象，现在唯一能做的就是找准一个目标，给自己下一个动力去学习成长。Java软件开发现在市场需求非常的广，尤其是一些大中型企业，就业薪资高，待遇好，现在很多女性毕业生都开始往这方面转了，南京有很多培训机构，其中有的规模大，但就业成问题，有的刚刚起步，但是就业薪资非常的高，希望我的回答能够帮到你！！！！你好，很高兴为你解答，我之前学的船舶电气与维修的，一开始认为这个专业非常好的，不过最后全国的造船业下滑。最终自己找的工作不理想，我后来就参加了培训，希望我的经理能够帮到你。我学的是Java软件开发，四个月的学习时间，我有零基础到有案例的老鸟，最后是7600元的薪资就业的，家里的人高兴坏了，以前的同学非常的羡慕我，不过他们又不敢舍弃已有的，我只能说，只要认准对你有用的，那就加油吧！</t>
  </si>
  <si>
    <t xml:space="preserve">刺客的问题刺客拿匕首！是一把匕首还是2把匕首！那拳刃是2把么！那 </t>
  </si>
  <si>
    <t>这个就看你自己的爱好了它们和别的差不多你看那个好就用那个呗没有最强的职业只有最狠的玩家</t>
  </si>
  <si>
    <t xml:space="preserve">为什么我一点小事也会一直想个不停我今年上初二，我觉的很不舒服，比 </t>
  </si>
  <si>
    <t>看到你这样说，我好象看见了自己，其实我也是这样的。怎么说呢，我担心自己的形象不够完美，担心自己有没有说错话，担心自己得罪了别人，担心....说白了，就是无数个担心，其实没有那么紧张的啊，我就是我，你就是你，不要为因为担心别人对自己的看法而焦虑。把你的想法告诉给自己最亲的人吧，大哭一场也不错啊。做完一件事后，一定要记得对自己说“很棒”，增强自信，勇敢面对，一天会比一天好！加油哦~~~~~也许我的方法没那么管用，但是不能因为这样而对自己发脾气，或是不喜欢自己，自己是最棒的，因为没有人能取代你！</t>
  </si>
  <si>
    <t xml:space="preserve">理由和借口有什么区别？ </t>
  </si>
  <si>
    <t>理由,事情为什么这样做或那样做的道理.借口,非真正的理由,假托的理由.一个是合情合理 一个是强词夺理</t>
  </si>
  <si>
    <t xml:space="preserve">大家一起抗议鄙视他们为什么不能注册不能注册又为什么还公测啊 </t>
  </si>
  <si>
    <t>抗议</t>
  </si>
  <si>
    <t xml:space="preserve">为什么不好的主意叫馊主意？ </t>
  </si>
  <si>
    <t>“不好的主意”这个形容词是不是太俗了？所以用馊主意，不光不好，还代表又酸又臭的，多生动啊。</t>
  </si>
  <si>
    <t xml:space="preserve">请问中国工商银行范家胡同所具体在哪？有几路车到？ </t>
  </si>
  <si>
    <t>工商银行 宣武 范家胡同储蓄所     槐柏树街7号  乘车路线"槐柏树街"站下车10路38路六里桥—莲花池—湾子—甘石桥—达官营—广安门—牛街—宣武医院—槐柏树街—长椿街—新文化街—民族文化宫—太平桥—辟才胡同—灵境胡同—甘石桥—缸瓦市—西四—平安里—护国寺—新街口—新街口豁口—小西天—师范大学—铁狮子坟—北太平庄—牡丹园小区626路翠林小区—右安门外大街—右安门—右安门内大街—南樱桃园—牛街南口—礼拜寺—牛街—宣武医院—槐柏树街—长椿街—新文化街—民族文化宫—西单—商场—甘石桥—缸瓦市—西四—报子胡同—平安里—护国寺—新街口—新街口豁口—小西天—师范大学—铁狮子坟—北太平庄—北太平庄西站—学院路—大钟寺—金五星三环电子市场</t>
  </si>
  <si>
    <t xml:space="preserve">怎么修改以前的QQ密码保护我QQ是几年前申请的,那时候没太在意密 </t>
  </si>
  <si>
    <t xml:space="preserve">你好不知道你是否记得曾经用过的3次密码,如果不记得就修改三次密码,每一次都要不同.然后在服务专区填写申诉表。(网址  号码申诉应尽量提供以下资料： 1、你使用过的3个历史密码 (更改密码的原因)2、好友QQ号码列表：(5个) 3、最后一次上线时间 4、发现密码丢失的时间5、最后一次上线地点 6、其他详细证明材料7、留下你的联系方式 呵呵!如果申诉成功就可以更改密保资料.祝你好运 </t>
  </si>
  <si>
    <t xml:space="preserve">老师们请指点~一直诸事不顺~事业、爱情....唉！我是新历198 </t>
  </si>
  <si>
    <t>公历：1984年12月17日18时50分　　农历：甲子年[海中金]十月廿五日大雪：1984年12月07日06时28分　　小寒：1985年01月05日17时35分　起运：命主于出生后3年6个月1天20小时开始起运交运：命主于公历1988年6月19日14时交运　　　　　劫财　　　 伤官　　　 日主　　　 比肩　　　 　坤造：　　甲　　　　 丙　　　　 乙　　　　 乙　　　　 (午未空)　　　　　　子　　　　 子　　　　 酉　　　　 酉　　　　 　　　　　　癸枭神　　 癸枭神　　 辛七杀　　 辛七杀　　 　　　　　　　　　　 　　　　　 　　　　　 　　　　　 　　　　　　　　　　 　　　　　 　　　　　 　　　　　 旺衰：　　病　　　　 病　　　　 绝　　　　 绝　　　　 纳音：　 [海中金]　 [涧下水]　 [泉中水]　 [泉中水]　 这个八字比较特别！最好问问妈妈是晚上七点前还是七点后出生的！</t>
  </si>
  <si>
    <t xml:space="preserve">我老公太优秀了,我想他变丑.这种想法变态吗?我老公以前曾经是全国 </t>
  </si>
  <si>
    <t>你的想法不算变态，还算正常。女人对自己的心爱之人都是自私的。老公太优秀，自己当然时刻警惕着。不过你老公不是很爱你吗，你可千万不要要求他穿丑点,别洒香水,别老对女生放生电,别健身，那样老公会觉得你不信任他。可以把自己的担心轻描淡写地说给他听，让他知道你在意他，紧张他，让他多和宝宝接触，爱这个家，女人只能凭本事留住男人的心。不过，我的老公如果优秀，有那么多的人爱他，我从心底里还是高兴的。</t>
  </si>
  <si>
    <t xml:space="preserve">头发有油怎么去掉 </t>
  </si>
  <si>
    <t xml:space="preserve">        头发又细又软，最要命的是总是油腻腻的，明明昨天刚洗过头发，别人还会善意地提醒你：嗨，你是不是该洗头了———真没面子！天天洗发很重要，但是改变一下发型，头发立刻清爽很多，这样的改变你不会不想尝试吧。        很多人以为用热水洗头可去油脂，事后用冷水冲更可收缩毛孔，这样来保持头发干爽。  　　热水的确较易去污，但会刺激头皮，在洗去油脂同时，亦令头皮自动分泌油分，若再用冷水冲洗，油分便停留在头皮层上冲不掉。所以洗头时应用温水冲洗！ 　　洗头原意是清洁，同时亦是刺激头皮的行为，清洁过后头皮会分泌一层油脂作保护，洗得越多，分泌次数亦多。所以一日最多只可以洗一至两次头。 　　护发素放发尾上可免油腻。 　　许多人的头发都有一个共通问题，就是头发发根多油，发身则干燥。所以用护发素时，应只放在发尾部分，避免放在头皮表层。</t>
  </si>
  <si>
    <t xml:space="preserve">男公历1981年5月1日生女公历1985年11月14日生求结婚好 </t>
  </si>
  <si>
    <t>办酒席最好是家人及亲朋好友都方便的日子。如节假日，双休日。 10月2日,大家都为你祝贺！</t>
  </si>
  <si>
    <t xml:space="preserve">请问行测一与行测二的难度哪个大?有何区别?另:06年版的参考书有? </t>
  </si>
  <si>
    <t>应该二难,因为二为行政执法类考试的,就相当于前几年只考这一门的B类公务员,所以肯定是二难!</t>
  </si>
  <si>
    <t xml:space="preserve">小儿先天双目失明我家孩子5岁了，先天双目失明，眼球很小，几乎没有 </t>
  </si>
  <si>
    <t>抱歉，现在尚无眼球移植提高视力的办法</t>
  </si>
  <si>
    <t xml:space="preserve">为什么我申请找回密码，没人答复我我忘了密码，申请找回已好几天，据 </t>
  </si>
  <si>
    <t xml:space="preserve">你好！可能你理解错了，应该是马上找回密码。输入用户名——点击忘记密码——输入用户名——输入验证码——下一步——按提示填写——输入新密码。祝你生活快乐！我的BLOG地址:  感谢和欢迎你光临! </t>
  </si>
  <si>
    <t xml:space="preserve">发表文章是不是都要交发表费？本人写了一篇小说，投去传统的期刊。编 </t>
  </si>
  <si>
    <t>1、上网查一查这家杂志，看是否有CN刊号，邮发代号，以确定是否正规刊物。2、发表小说应不存在交费发表的问题，知名刊物更加如此，可能稿费更高更多。3、改投他处，或修改后改投他处。4、要交钱才发表的刊物，就是评职称其含金量也大打折扣。5、坚决抵制这种交钱发表文章的做法，宁愿拿钱买书自学或参加培训，切实提高自己的写作水平，为今后更好发展做准备。6、同意“我手写我口 ”的观点。</t>
  </si>
  <si>
    <t xml:space="preserve">。。。办公室的冷气坏了两个星期每天大热天气在礼堂彩排两个小时以上 </t>
  </si>
  <si>
    <t>哎呀妈呀！俺们这里都上霜了，toto还要吹什么空调…这鬼天气真没天理了！toto，要不你带着孩纸们到黑瞎子岛来彩排吧……楼上工疯，痱子粉得王爷特批吖…</t>
  </si>
  <si>
    <t xml:space="preserve">看看这把80NBF枪值多少高手进技能10的忽视抗异常20忽视抗性 </t>
  </si>
  <si>
    <t>既然是封枪要抗性20做什么?抗性是打手才用==!加了这个属性就降低这个武器价值了 总体是不错的封手武器卖个10卡应该没什么问题 ~~~主要是有个忽视抗性 要是换成全5或火5就能多卖点~~~</t>
  </si>
  <si>
    <t xml:space="preserve">这次要怎么哄老婆、、、、昨晚在家里电脑跟一旧恋人聊天，那女孩问我 </t>
  </si>
  <si>
    <t>呵呵 下次一定说话要动动大脑哦  尤其和旧恋人说这样话 老婆能不生气么  反过来你老婆这样和她以前恋人说 你会怎么想呢？你一定会生气吧？那你会希望你老婆怎么做来取得你的原谅呢？这样站在对方的立场上想想 或许就有答案了旧恋人还联系什么哦 照我说直接当着老婆的面拉黑 已表明你的心意 是老婆最重要！那样她即使面上还对你可能凶 心里肯定已经软啦   你在表现的好一些 没过几天肯定没事啦</t>
  </si>
  <si>
    <t xml:space="preserve">暴雨唐为什么要加那么多身法啊。起了什么作用？高手解答 </t>
  </si>
  <si>
    <t>因为唐门是靠身法加攻击的</t>
  </si>
  <si>
    <t xml:space="preserve">调整分区后,用GHOST还原系统变慢!由于C盘比较小,所以用PM </t>
  </si>
  <si>
    <t xml:space="preserve">    一般不可能这么慢的，你是不是动了硬件的什么东西了，比如你拔插硬盘了。    根据我的经验，有些板子，你的硬盘线插错地方，会造成速度的大降。一定要把sata硬盘线插到主板的sata1上，而不要在什么sata5、stat6上。    如果你从未动过硬件，首先你要保证硬盘线是否插紧，是否有松动的迹象（最好重新插一遍），然后这样：先花20分钟恢复系统，然后再次备份系统，这样，你的备份就是最新的了，然后再恢复看看。速度如何。</t>
  </si>
  <si>
    <t xml:space="preserve">法师怎么加点? </t>
  </si>
  <si>
    <t xml:space="preserve">+智力~纯智力=高攻法师.(基本攻击力高,初期练级比+精神快) +精神~纯精神=爆击法师.(基本攻击力低,初期练级比+智力慢,但是练到级高之后爆击率增长明显,会频繁出现爆击,比如打3下中就有1下是爆的.以这样的比例的话伤害输出要比+智力的高) PS:总结,+智力相当于放弃最大伤害值,追求稳定的伤害输出.+精神的相当于放弃稳定的伤害,会出现最小伤害与最大伤害值(看RP)就和你选武器似的你是选择40-70 AP的武器还是选择20-100 AP的武器 另外如果你能不+精神光穿25的衣服和带武器~爆击上50%的话那就+智力好勒~毕竟高攻加上也不错的爆击率~也不错~~但是你要是达不到50%~还是+精神比较好~毕竟25的衣服是要钱的(会不会出还不一定)~武器也是需要大量投资和运气的~所以装备不是光想想就有的~但是属性点的话完全可以自主发展~尤其是现在工会战远远多余单独PK的时候~一个人的极品力量所能体现的不是很明显~在强的1个100级FS~人家有2个100级的~也打不过啊~ </t>
  </si>
  <si>
    <t xml:space="preserve">请您点评下面的作文这就是我一张充满了稚气的瓜子脸，一双乌黑发亮的 </t>
  </si>
  <si>
    <t>描述得自己还是绘声绘色的，写出了自己的特点。但是短短的一篇小作文中，借用的一个故事占用了80%的内容，有点喧宾夺主，不知道文章的侧重点在哪里，是写自己，还是叙述故事？</t>
  </si>
  <si>
    <t xml:space="preserve">祁福法杖的任务怎么做啊我现在60的牧师已有神圣之眼和暗影之眼,请 </t>
  </si>
  <si>
    <t>获得神圣之眼后，牧师必须装备上神圣之眼以获得一条线索。这条线索称：当亡灵天灾入侵时，有一个牧师试图拯救一些农民逃走，但是在亡灵天灾的猛攻下，他失败了。你必须去完成他未尽的事业。 　　首先，到斯坦索姆地域去找这个NPC，他在斯坦索姆西北方向的一个洞里，坐标为(22，18)。这个牧师只有在你装备上神圣之眼后才能看见，听他讲完关于他自己的故事，如果你同意帮助他，你就可以接到一个只许成功，不许失败的任务——保护农民逃离。 　　注意：在整个任务的过程中，你必须始终佩戴着神圣之眼！ 　　你必须在15个农民死掉之前保护50个农民成功的逃离。这些农民会以每10个一组的方式刷新在洞的附近然后向东进发，这些农民走近任务NPC就算成功。当这些农民走向NPC的时候，会受到一些亡灵奥术魔法师的攻击，这些亡灵奥术魔法师无法被杀死，你只能不断的治疗那些农民以保证他们的存活。此外，还会刷新一些近身攻击的亡灵战士，这些亡灵战士除了攻击农民之外，还会攻击你。除了亡灵奥术魔法师和亡灵战士外，农民们行走的路上还会出现一些毒云，你必须不断治疗那些中毒的农民，否则毒将很快夺走那些农民的生命。 　　怎么完成这个极其艰难的任务呢？ 　　首先我建议你们组成一个5人组，除你之外，还需要两个圣骑士，一个术士和一个法师。这些帮助你的玩家必须站在NPC的上方并且不能做丝毫的移动，否则你的任务将会失败。但是，只要站在指定的地点不动，圣骑士的光环将依然能作用在你身上且为你提供相当大的帮助。 　　请做好以下准备，虽然这些准备都不是绝对必须的，但是一旦任务失败就要等2个小时才能重新接任务，相比之下，充分的准备总比反复的等待来的好。 　　天赋最好重新洗一次，不要舍不得几十G，对于整个任务来说这点钱已经微不足道了。 　　buff方面： 　　真言术：韧 　　心灵之火 　　奥术智慧 　　野性印记 　　环形山水晶塔任务的3种BUFF 　　神圣之灵 　　夜鳞鱼汤等有buff效果的食品(能吃多少就吃多少) 　　当然，我们并不只限于这些buff，有些任务完成后会有一些buff的奖励，一些任务奖励物品也可以提供不错的buff。只要你能弄到手，我建议你们全部都加上。 　　物品方面： 　　从斯坦索姆的补给箱里开出来的圣水 　　有限无敌药水 　　血瓶和魔法瓶 　　恶魔符文(吃了以后扣血加魔法值的那东西) 　　在费伍德森林可以采到的那些植物的果实 　　诅咒之地任务得到的＋50智力的物品(使用后效果持续一小时) 　　以上这些东西将在整个任务过程中给你带来很大的帮助，所以你最好将它们全部备齐再前往东瘟疫之地。 　　在任务开始前，你最好先按一下“V”键，让血条在那些农民的头上显示出来，这样你只要点到血条就可锁定某一个农民，而不需要去点到它们的身体。 　　当那些农民刷新出来时是非常脆弱的，他们的血很少，如果你不马上开始为他们治疗，他们将很快死去。第一次做这个任务的牧师很容易在一开始因为没有及时的治疗那些刷新的农民而失败。 　　当第一波农民抵达安全点后，第二波紧跟着就会刷新。所以你必须尽快跑到刷新点开始为第二波的农民开始进行治疗。要注意的是，第二波农民刷新出来后，会有一些近身攻击的亡灵战士刷新出来。我发现最好是用心灵尖啸将他们吓走(是的，这些亡灵战士不会免疫惊吓效果)。当这些亡灵战士出现后，如果你为农民加血会引起仇恨，亡灵战士便会转头攻击你，这样你能保证他们不去攻击那些孱弱的农民。每次刷新亡灵战士的时候我都是这么做的。当那些亡灵靠近你时，立刻以自己为中心使用圣水，你会发现这一招非常有效！ 　　注意节约你的魔法值，你的每一点魔法值都决定着你和你保护的农民能否存活。好钢一定要用在刀刃上。 　　将治疗法术放在称手的快捷键上是个好主意，9级真言术·盾、7级快速治疗、9级恢复、渐隐术分别放在1、2、3、4的键位，在整个任务过程中，你只需要使用这4个魔法就是了，群体加血是没有用的，因为这些农民和你不是一个队伍里的。 　　当那些农民快要抵达安全点时，给那些血低于50%的农民加个恢复，然后你就可以回头跑向刷新点等待下一波农民刷新了。 　　使用血瓶、魔法瓶、恢复给自己加血，不要使用快速治疗和强效治疗以免耽误你的时间，不然将使你保护农民的任务显得更为艰难。 　　总的来说，你至少得护送6波农民到达安全点，别想一个农民都不死就能完成任务。在完成这个任务后，你将得到诺达希尔的碎片然后你将三件东西组合得到你的法杖</t>
  </si>
  <si>
    <t xml:space="preserve">沈阳哪里有买玫琳凯化妆品的? </t>
  </si>
  <si>
    <t>有，在北中街，296路、257路终点站往回走一点就是，中街那儿有个安利店你知道吗，顺着那个楼拐过来就是，很好找的</t>
  </si>
  <si>
    <t xml:space="preserve">怎么让小孩的左手也动起来.你好,最近我发现2岁小孩在玩的时候左手 </t>
  </si>
  <si>
    <t>先问问宝宝为什么不动左手是不是有什么不舒服排除疾病的原因就可以考虑让宝宝玩些需要两手配合的玩具和游戏比如双手挥动的舞蹈之类</t>
  </si>
  <si>
    <t xml:space="preserve">为什么自定义模板上传照片老说网络超时试了好几次了！始终不好使！怎? </t>
  </si>
  <si>
    <t>这个是您的照片太大了、在ps或美图秀秀里面改变一下图片的大小即可。如果我的回答有帮到您、那请您采纳我的回答。谢谢！</t>
  </si>
  <si>
    <t xml:space="preserve">我该怎么去处理这个棘手的问题啊我和女友异地几年，今年我过来女友的 </t>
  </si>
  <si>
    <t>女独立，有自己的思想，还有点偏事业型，一般这样的女孩会选择比较晚婚一些，她也许觉得你们的感情还不够成熟，没有达到要谈婚论嫁的地步，虽然你们相恋好几年了，但都是异地相处，比起面对面了解的感情相对来说缺乏一些成熟，她也是对婚姻的慎重和对彼此的负责吧！也是需要你去理解她的，反过来她也没有完全站在你的立场去想过你的难处和面对家庭方面的压力，才导致你们关系变差，你们之间有着各自的理由，却找不到一个折中的办法去达成共识，首先你愿意为了这份感情离开自己所在的城市，也是证明你真的很爱这个女孩，想要一辈子跟对方在一起的初衷，有些人是怕自己不够去承担婚姻，所以会选择缓一缓或暂时不想，你们之间还真的不能吵，吵架只会伤了感情，最好的办法还是沟通，或许可以问问对方，如果结婚需要哪些方面的条件，女孩的父母又有什么样的要求，这点是必须去尊重的，你不能因为你的母亲身体不好着急，对方的父母又是否愿意成全呢？爱情是两个人之间的事情，婚姻是两个家庭之间的事情，是不是目前你所做到的还没有达到对方的理想程度呢？或者也可以选择先结婚，等以后自己觉得可以了才要孩子，那样也不影响你们在事业上的拼搏，好好谈，谈不拢也别发火，如果一段婚姻变得有点勉强，那你们之间都不会感到幸福。祝福你吧！</t>
  </si>
  <si>
    <t xml:space="preserve">电信一区，1D噩梦鼠估价~~~~97级噩梦鼠,一级数据(535) </t>
  </si>
  <si>
    <t>不错的噩梦鼠啊掉得太可惜 了点啊追求极品的玩家是不会买的！这只价值是可以上３００Ｗ以上！不过野兽系的ＰＫ不太好罢了如果是自己的最好不要卖掉！</t>
  </si>
  <si>
    <t xml:space="preserve">请教工字型零件的小问题在这个图中，右上角标注的19和18这两个尺 </t>
  </si>
  <si>
    <t>　　它是一种表示槽钢边厚的表示方法，由于槽钢断面厚度有不同的规格，国家标准规定了各种规格的断面厚度，要求在侧边的中点（即去除底厚后的中点，在图中即１９ＭＭ尺寸处）的厚度，此例为１８ＭＭ．槽钢边的斜度也有要求，此例中已标注出，但上述尺寸与斜度无关．</t>
  </si>
  <si>
    <t xml:space="preserve">宝宝2岁4个月胆子比较小不爱吃蔬菜怎么办？我家宝宝2岁4个月，胆 </t>
  </si>
  <si>
    <t xml:space="preserve">  宝宝的性格与他的成长环境有关联也和父母的性格有关联，如果父母比较内向、谦让，孩子也会自然习得。当然谦让是没有错的，我理解家长对孩子不敢争取自己利益的担心。不要强调他的内向，你可以通过带领、鼓励影响孩子，在孩子有所进步时及时给予认可和赞赏。</t>
  </si>
  <si>
    <t xml:space="preserve">高考成绩不好，以后该选什么专业？今年的六月我就要高考了，可是我的 </t>
  </si>
  <si>
    <t>高考成绩不好，以后该选什么专业？认真学好现在学的，以后再通过成人高考升本，。</t>
  </si>
  <si>
    <t xml:space="preserve">请教做兰州浆水，用来做浆水面的一种水就是用来做面条的一种水 </t>
  </si>
  <si>
    <t>制作浆水的方法，用小缸或坛子，放在温度较高的地方。小缸内放入莲花菜或芹菜，之后，倒入不沾油渍的纯净面汤，需在三十度以上的高温中发酵三五天，其味变酸，口感纯正无怪味，就成浆水。</t>
  </si>
  <si>
    <t xml:space="preserve">人为什么爱伸懒腰有什么好处？ </t>
  </si>
  <si>
    <t xml:space="preserve">人为什么爱伸懒腰，这是因为：伸懒腰，以及打哈欠，都是人类身体的一种有益的生理性反应，是人类在自然生活中形成的一种保护性生理反射。当人体长时间不运动或疲乏时，通过伸懒腰可缓解疲乏、恢复精神。伸懒腰是把手臂的肘部向上抬高超过胸部的一种运动。当身体长时间处于某种姿势时，肌肉组织内的静脉血管就会松弛、扩张，并淤积很多血液，使循环血量减少，胸腹内脏的血液也流动不畅，使大脑及内脏器官的功能受到限制，新鲜血液供不应求，产生的废物不能及时排掉，这样便产生了疲劳现象。此时伸个懒腰，进行一次深呼吸运动，使血中氧气增加，头部尽量后仰，两臂向后伸，流入头部的血液增多，供应大脑的营养物质更加充分；同时伸懒腰会使全身大部分肌肉产生强烈收缩，让淤积的血液回到心脏，各组织的血液流动加快，便可增加循环血容量，改善血液循环，使肌肉的一些废物得以带走，从而消除了人的疲劳。 </t>
  </si>
  <si>
    <t xml:space="preserve">点击INTERENT出来的是星空极速？上次杀毒后，开机就提示找不 </t>
  </si>
  <si>
    <t>注册表被改了，用雅虎助手可以修复解决，雅虎助手可以上网下或在线修复</t>
  </si>
  <si>
    <t xml:space="preserve">大学什么时候开学，听说有的是9月十几才开学的 </t>
  </si>
  <si>
    <t>北方的大概8月末到九月，南方的大概九月中旬。我是去年的高考生，今年也应该差不多。很少数还有10月开学的</t>
  </si>
  <si>
    <t xml:space="preserve">更换轮胎哈佛配套的佳通轮胎235/75R15,想找佳通的正规代理? </t>
  </si>
  <si>
    <t>车界汽车用品中心，0311-85321000</t>
  </si>
  <si>
    <t xml:space="preserve">请教衣服搭配的问题我有一件深紫色的羽绒服平时穿着显得太暗请教各位 </t>
  </si>
  <si>
    <t>如果觉得暗,建议你可以在里面穿件亮一点的衣服</t>
  </si>
  <si>
    <t xml:space="preserve">前列腺增生的治疗方法有哪些？ </t>
  </si>
  <si>
    <t>前列腺肥大是影响中老年人身体健康的一种慢性疾病，很多男性对前列腺肥大的治疗感到摸不着头脑，目前对于前列腺肥大，临床上的传统治疗思路是：随访性观察、药物治疗、手术治疗。前列腺肥大又称良性前列腺增生症是一种前列腺明显增大而影响老年男性健康的常见病。多吃蔬菜水果预防便秘。适当的体育锻炼等。</t>
  </si>
  <si>
    <t xml:space="preserve">手消毒器杀菌管用不？那个牌子的好？? </t>
  </si>
  <si>
    <t>我们酒店原来也为到底用什么样的消毒器烦恼，后来听说洁博士的手消毒器效果最好，就尝试了一下，果然很不错，使我们用过的最好的消毒器了。</t>
  </si>
  <si>
    <t xml:space="preserve">QQ中毒了怎么办,为什么会QQ中毒了呢？QQ中毒了怎么办啊？我上 </t>
  </si>
  <si>
    <t>QQ中毒 了怎么办 呢？你可以先在迅影V3里面安装一个QQ，然后把你原来QQ的聊天记录导进到迅影V3虚拟系统里面，看能不能运行，很多人都不知道 QQ中毒 了怎么办，我的有些朋友也经常问我 QQ中毒 了怎么办，我就是这样说的，百试百灵，你试一下看看吧，不行不要怪我哦，哈哈，解决了，以后就不用问别人 QQ中毒 了怎么办 了啦！！</t>
  </si>
  <si>
    <t xml:space="preserve">上班每天坐在电脑前,这样对胎儿有什么影响?我现在怀孕快5个月了, </t>
  </si>
  <si>
    <t>怀孕之后的前3个月，孕妇尽量不要接触电脑，因为这3个月是胎儿发育最敏感的阶段，器官发育尚未成形，稍有不慎便会抱憾终身。建议那些无法停止与电脑打交道的孕妇穿上防辐射背心或防辐射围裙，并给电脑加上一个视保屏。上述产品一般大商店有售</t>
  </si>
  <si>
    <t xml:space="preserve">“气质性病变”是什么意思？ </t>
  </si>
  <si>
    <t xml:space="preserve"> 简单通俗的说：功能性病变－－机器（内脏器官）本身没有问题，只是工作不正常，通过调整可以恢复。器质性病变－－机器（内脏器官）本身有问题了，导致工作不正常，可通过修理使其恢复工作能力，继续使用。假如大部分工作能力无法恢复了或没有修复的必要了，就只能更换零件，或将这一部分功能删除不用。</t>
  </si>
  <si>
    <t xml:space="preserve">纪75,特31,特37邮票请问这样的邮票现在的市场价值是多少?谢 </t>
  </si>
  <si>
    <t xml:space="preserve">  1.  你以上郵品??]有 紀75 郵票   2.  特31 :   中央自然博物館               1958年4月1日發行 ?盗?750萬套               全套2枚  ?o膠               新票?r 60 元新台??  3.  特37 :   全?r民展覽館             1960年1月20日發行 ?盗?250萬套              全套4枚  ?o膠             新票?r 90 元新台?? </t>
  </si>
  <si>
    <t xml:space="preserve">侠客无双游戏的故事背景是什么？ </t>
  </si>
  <si>
    <t>你好～的故事背景好长哦！【 什么是"天启大爆炸"？ 】    "天启大爆炸"，是公元1626年5月30日（明朝天启六年五月初六）端午节次日上午9时，北京西南隅的王恭厂火药库附近区域发生的离奇爆炸事件。这次爆炸范围半径大约750米，面积达到2.25平方公里。共造成约2万余人死伤。王恭厂大爆炸与印度"死丘"事件、1908年6月30日俄罗斯西伯利亚通古斯大爆炸并称为世界三大自然灾难之谜。【 史书记载是否可信？ 】    《天变邸抄》记载：天启丙寅五月初六日巳时，天色皎洁，忽有声如吼，从东北方渐至京城西南角，灰气涌起，屋宇动荡。须臾大震一声，天崩地塌，昏黑如夜，万室平沉。东自顺城（应作"承"）门大街，北至刑部街（今西长安街），长三、四里，周围十三里尽为齑粉，屋以数万计，人以万计。王恭厂一带，糜烂尤甚，僵尸层叠，秽气熏天，瓦砾盈空，而下无从辨别街道门户。伤心惨目，笔所难述。震声南自河西务，东自通州，北自密云、昌平，告变相同城中。即不被害者，屋宇无不震裂，狂奔肆行之状，举国如狂。象房倾圮，象俱逸出。遥望云气，有如乱丝者，有五色者，有如灵芝黑色者，冲天而起，经时方散。合科道意火药局失火，缉拿奸细而报，伤甚多，此真天变大可畏也。【 "天启大爆炸"的影响 】    王恭厂灾变规模之大，据说连苏州城东角亦震，坍坏房屋数百间。事发时的明朝正值内外交困、风雨飘摇之际，国家政治腐败，宦官专权，忠奸不分。灾难的消息迅速传遍全国后，朝野震惊，中外骇然，人心惶惶。天启年间各种天灾人祸都比不上王恭厂大爆炸的破坏程度，故沈国元于《两朝从信录》中称此灾变"乃古今未有之变也"。很多大臣认为这场大爆炸是上天对皇帝的警告，纷纷上书，要求明熹宗匡正时弊，重振朝纲。皇帝不得不下了一道"罪己诏"，表示要痛加省醒，并告诫大小臣工"务要竭虑洗心办事，痛加反省"，希望借此能使大明江山长治久安，万事消弭，且下旨发府库万两黄金赈灾。此事亦被御笔太监记载于明朝正史。【 百年来众说纷纭…… 】    对于王恭厂大爆炸，几百年来一直众说纷纭，有人认为是地震引起的，有人说是火药自爆、也有人认为陨星坠落，还有人认为是由地震、火药及可燃气体静电爆炸同时作用亦有之，更有甚者，认为是外星人入侵、UFO降临等。但每一个观点都没有摆出无可辩驳的证据，使人完全信服。【 内忧外困，武林骤变 】    明万历47年，与后金萨尔浒一战大败，督师经略杨镐引咎下台，东林党重臣熊廷弼接任辽东经略，深受万历天子器重，东林一脉权势渐涨。因并非所有朝臣都是东林一伙，朋党之争愈演愈烈。争端从朝堂之上逐渐转到了江湖之中。【 野心勃勃，门派纷争 】    在古城西安，锦衣卫的势力不像江南那般猖獗，东林人士也比较少，却一样的不太平。一个名为天雄帮的借地利之便在此划分势力范围，野心勃勃，网罗天下英雄；对外则打着兴国安邦的口号蒙骗世人。    虽然厂卫机构和以天下为己任的东林党都不能容忍有第三方势力出来搅局，但因双方都在尽力内斗，对陕西一地颇为鞭长莫及，因此需要假手江湖中人来解决此患。其中武林正道之一的华山派首当其冲，成为对抗天雄帮攻势的主力；现任华山掌门岳中齐，更是六扇门八大捕头之一。借助六扇门/厂卫的情报力量终于在渑池将天雄帮打压下去，但随即发现背后内幕并不仅仅是一个野心帮会那么简单，其帮主陆天雄乃是来自关外的黑道高手，并非中原人士，却能在中原腹地建立起浩大声势，个中必有隐情。但都没有料到，锦衣卫南镇抚使杨寰居然被收买叛变，投靠了天雄帮。因此无论是对东林党还是厂卫，杨寰都必须除去。【 阉党肆虐，丑闻败露 】    随着魏忠贤一脉的阉党已渐渐崛起，自不甘心坐看东林党势大。此时掌管厂卫的还不是魏忠贤，而是万历的顾命太监王安。因有传闻说锦衣卫南镇抚使勾结江湖败类意图谋反，魏忠贤便借机将王安打倒，执掌了司礼监大权。并随即派出了东厂四大档头中的"铁笔判官"贾廷与"追风双刀"曹天前往渑池，既剿灭天雄帮，同时打击东林党；六扇门则第一次为外人所知，大捕头"擒魂手"戚雄辉、二捕头华山掌门岳中齐相继出场。【 水落石出，武林血战 】    被看穿的所谓隐情只是表象，真相则是目前东林党万万没有想到的。天雄帮作乱，杨寰叛变等事件都是一个阴谋，属于魏忠贤一个人的阴谋。其目的仅仅是为了搞掉顶头上司王安，堂而皇之地执掌厂卫。杨寰并没有死，死在渑池的只是一个替身；天雄帮则是随时可以牺牲的棋子。魏忠贤心机极深，早已逐步布置好了一张大网，欲将东林党及其朝野中的势力尽数剪除，正邪的江湖大战便由此地开始。.    明光宗朱常洛长子，父亲光宗在位仅29天便因"红丸案"而暴毙，朱由校经过"移宫案"的风波，为群臣拥立继位，年号天启（1621—1627年）。明熹宗即位后令东林党人主掌内阁、都察院及六部，东林党势力较大，众正盈朝。因此，天启帝对东林党人非常信任，言听计从。然后在后宫中，魏忠贤等宦官也在不遗余力的结党营私。他们一方面讨好皇帝，一方面排除异己，逐渐完成了对后宫政权的掌握。    天启五、六年间，魏忠贤屡兴大狱，诬杀东林党人杨涟、左光斗、魏大中等，并毁天下东林书院。凡正直的大臣，都被以东林党的罪名惨遭横祸，东林党人被贬、被杀不计其数，其中最著名的当属杨涟、左光斗为首的东林六君子。天启六年，天启帝还命顾秉谦等人修《三朝要典》，为魏忠贤等歌功颂德。    以魏忠贤为首的阉党不仅残酷地排除异己，而且加深了对百姓的盘剥，使得民不聊生，政治极度黑暗，其时，国内土地兼并剧烈，苛捐杂税繁重，各种社会矛盾激化，这必然导致了人民的反抗。于是，坊间开始流传起"无双降世 铲除阉党"的民谣……【 你就是"无双英雄" 】    随着魏忠贤对势力壮大的渴望，他开始笼络武林中的门派。"顺我者昌 逆我者亡"，魏忠贤的铁腕手段迅速收罗了一批武功高强人士，甚至一些不世出的高手都归到他的麾下。一时间，魏忠贤的爪牙遍布中华。然而，却有武林中却有一股庞大的"反魏"势力涌动着。少林、华山、昆仑等诸多名门正派暗中达成一致，为恢复世间的道义、公正战斗到底。你作为这些名门正派中的一份子，将会和门派中的兄弟一起与魏忠贤的邪恶势力进行对抗。杀奸贼，惩贪官，你逐渐会发现更多的责任开始落到你的肩上，更多期待世间正道的眼神开始随你而动！【 解密前朝 历史因你改变 】    在诸多艰难的考验面前，你没有退却，反而越战越勇，逐渐发了天启年间更多不为史书记载的秘密，而此时，改变历史的钥匙也落在的你的手中。让历史重复，还是改变历史？一切由你决定！祝好运～猛龙祝你天天好心情！</t>
  </si>
  <si>
    <t xml:space="preserve">脸部皮肤又黄又油，而且还有一些小痘痘，有什么好的面膜推荐？ </t>
  </si>
  <si>
    <t>看到你的问题，我就回想到以前那段噩梦般的日子，不过现在已经好了，有好东西当让要拿出来分享。我强烈向你推荐牛尔娜露可绿花茶树雪耳净化晚安冻膜，这款冻膜虽然不是万能的，但是对于控油祛痘的效果可以说是相当不错，而且还具有净白肌肤的效果。使用1周以后脸上的油感已经明显减少了一大半，痘痘也差不多没有了，连续使用2——3周我以前原本蜡黄的皮肤也已经恢复到正常水平，而脸上的有感和痘痘都已经消失不见。前两天去牛尔娜露可官网再次购买的时候，居然现在买一瓶还送一瓶，价格也是打折过的更亲民，有空去看看吧，希望能帮到你。</t>
  </si>
  <si>
    <t>如何取舍这三把剑？拉文霍德切割者拾取后绑定单手剑83</t>
  </si>
  <si>
    <t>拉文霍德切割者拾取后绑定  单手 剑 83 - 156伤害 速度 2.80 （每秒伤害42.7）  +6 耐力  装备： +26 攻击强度过渡性武器看武器属性这个，更高DPS，更高DPH，邪恶有更大输出26强度差不多等于主手增加2点DPS再为副手1点DPS还送6耐力。。。。。雷德主手只是在于DPH高，不过也比不上上者而且1％爆击绝对不如26强度</t>
  </si>
  <si>
    <t xml:space="preserve">大家都害怕开家长会吗? </t>
  </si>
  <si>
    <t>学习好的当然不怕了 学习差的就怕了有的家长不 知道应该怎么教育孩子，老是责骂，所以造成了这个局势，再者老师也只会大声说学生的不是，造成家长的尴尬，想 当初我因为不适应高一的课程，刚开始差，我爸问 “我女儿 成绩怎样？”老师当场就沉下脸来  大声的说“你女儿文科不行，理科不行，还读什么书！”当时大家都在看我们，我当时就觉的让爸太尴尬，即使考的差也不该这样 说话啊 说的那么冲，怎么当老师的</t>
  </si>
  <si>
    <t xml:space="preserve">数码照像机设置成摄像头后，如何与QQ视频聊天共用？我有一数码照像 </t>
  </si>
  <si>
    <t>数码照像机设置成摄像头后可以作为QQ摄像头使用，一是要是要设置成此功能，二是要驱动程序正确，三是要与对方进行实地检验，四要注意摄像头功能只能被一个驱动程序调用，不能二个程序同是调用，否则不行。</t>
  </si>
  <si>
    <t xml:space="preserve">大龄女找不到男朋友该如何自违法行为救？都29岁了，还没遇到心仪的 </t>
  </si>
  <si>
    <t>我很理解你的心情.越是这样越不能难为自己.我建议你:还是多和朋友谈谈,让他们知道你的心事,才能帮助你啊!至于父母,都会为儿女着急,他们的心情你要理解,所以就要多和父母沟通.告诉他们你是因为没有合适的对象,缘分未到,难道要凑合吗?可以让父母发动你们的亲友给你介绍男朋友,创造接触的机会,才能发现目标啊!平时注意打扮自己让心情充满阳光才能吸引别人的目光啊!你也不愿意和一个整天愁眉苦脸的人打交道吧?平时多参加一些大型的活动最好有朋友参加的我不建议你上网和征友因为你的性格不适合单独跟陌生人接触否则只是徒添.如果你平时有时间上网,你还可以多来爱问,看看还有许多需要帮助的朋友,人在这世上哪能没有烦恼呢?家家都有一本难念的经.所以你也不要自怨自哀.可以试着去为一些朋友解答问题当你真心的帮助了一个朋友你会感觉欣慰的就像我们大家现在希望你能从烦恼中走出来一样真诚的去爱你身边的每一个人吧,因为他们同样会给你真诚当你从中走出时,我相信你已经很成熟了没有人是天生成熟的,上天眷顾你,才提早给你苦难让你在痛苦中寻找通道让你在苦难中学会思索不要辜负上天的一片美意啊!祝你早日找到幸福!</t>
  </si>
  <si>
    <t xml:space="preserve">请推荐74期双色球号码！最好为单注号或者是7+1、6+2 </t>
  </si>
  <si>
    <t>推荐74期双色球号码:06  07  08  15  21  23  25 + 03  11</t>
  </si>
  <si>
    <t xml:space="preserve">介绍楚巫文化的起源和特点? </t>
  </si>
  <si>
    <t xml:space="preserve">“楚巫”的词条：赶尸...【赶尸简介】赶尸是苗族蛊术的一种，是楚巫文化的一部分。蛊有黑巫术和白巫术之分，赶尸属于白巫术。 赶尸的人是一个身穿道袍的法师，无论尸体数量有多少，都由他一人赶。法师不在尸后，而在尸前带路，不打灯笼，手中摇着一个摄魂铃，一面走一面敲...3352字 2007-04-14 zicheng794  落花洞女...落花洞女湘西的“落花洞女”则是部落中有一些未婚的女子，能将树叶哭下来；到山洞不吃不喝，几天不死，回来后也不饮不吃，几天后就死去。部落人们认为她去和树神、井神结婚了，因而这些女孩生前没有结婚，但人死后，别人去办丧礼，而落花洞女的家人给他们...674字 2007-02-27 flyingship  仙娘...仙娘是楚巫文化的一部分, 指的是能言善辩的妇人，先发狂病，后成女巫，进行行巫。 行巫不必学习，无从传授，只设一神坛，放一平斗，斗内装满谷子，插上一把剪刀。 有的什么也不用，就可正式营业。执行巫术的方式，是在神前设一座位，行巫者坐定，用...692字 2007-02-27 flyingship  放盅... 放蛊是一种古老的黑巫术，是楚巫文化的一部分。两千多年以前的《春秋左传》中就有关于蛊的记载。宋人郑樵所著《通志六书》里甚至记录了制造蛊毒的方法，大意是说，将各种毒虫集中在同一器皿之中，任其互相袭击与吞食，最后存活下来的就是蛊，即毒虫之... 参考:  </t>
  </si>
  <si>
    <t xml:space="preserve">手脚容易发麻是怎么回事 </t>
  </si>
  <si>
    <t>各种原因,主要有:血液不通畅(心血管方面的问题); 经脉受伤(寒),神经受损等.</t>
  </si>
  <si>
    <t xml:space="preserve">请问108KW的功率配用什么电缆请给出具体型号及参数，最好带有品? </t>
  </si>
  <si>
    <t>你的问题有几个不确切的问题。1.负载的性质？如果是和日光灯，是电感性负载。如果是白炽灯照明，那就是电阻性负载。它们的功率因素不同。一般电机功率因素为0.75；没有电容的日光灯为0.5；白炽灯是1。2.使用性质？如果是一个108千瓦的大电动机，一启动，就是全负荷。并且启动电流很大，常常是额定电流的4到7倍。那么导线截面积就要大很多了。如果是小电机，大家也不是同时启动，导线上电流就小些。第一个问题常常决定取功率因素的多少；第二个问题常常决定启动电流的系数和使用系数的大小。我我不了解你的具体情况，只能试着计算给你看，如果和你的情况不符，你就更正。首先要计算108KW负荷的线电流。对于三相平衡电路而言，三相电路功率的计算公式是：P=1.732IUcosφ。由三相电路功率公式可推出线电流公式：I=P/1.732Ucosφ式中：P为电路功率U为线电压，三相是380Vcosφ是感性负载功率因素，一般综合取0.8你的108KW负载的线电流：I=P/1.732Ucosφ=108000/1.732*380*0.8=108000/526.53=205A还要根据负载的性质和数量修正电流值。如果负载中大电机机多，由于电机的启动电流很大，是工作电流的4到7倍，所以还要考虑电机的启动电流，但启动电流的时间不是很长，一般在选择导线时只按1.3到1.7的系数考虑。你这取1.5，那么电流就是308A。如果小负载中数量多，大家不是同时使用，可以取使用系数为0.5到0.8，这里取0.8，电流就为246A。就可以按这个电流选择导线、空开、接触器、热继电器等设备。所以计算电流的步骤是不能省略。导线选择：首先要选择适合你的电器工作环境的电线或者电缆。再要选择电线电缆截面积大小：根据某电线厂家的电线允许载流量表，选用95平方的铜芯橡皮电缆，或者选95平方的铜芯塑料电缆。</t>
  </si>
  <si>
    <t xml:space="preserve">女朋友网恋了怎么办女朋友网恋了该怎么办啊，是在游戏里的，我想把她 </t>
  </si>
  <si>
    <t>很难选择,那是个虚拟的人物,可以被无限的美化,尽管他不如你.你女朋友觉得对不起你,却并没有接着做对得起你的事,是不是你们之间出了除游戏以外的问题.反思之后,再决定取舍.最好别给她时间,因为她是犹豫不定的人,给她时间,她多数是会选择游戏.</t>
  </si>
  <si>
    <t xml:space="preserve">招投标房地产项目是否可以转让?请问,政府的招投标项目,由房地产开 </t>
  </si>
  <si>
    <t>你好不可以!根据招标法,除非招标文件许可,否则任何转让或转包都属于违法---这等于是投标方不能履约的行为,也是对正常能履约单位竟标的不公.只要有人告,那就会有麻烦.但事实上大家都在这样做,房地产商往往就是一个证照齐全的空壳公司,因此转包协议做得秘密一点吧,现场还是派上自己公司的项目部负责与甲方联络,但具体做就由转包单位了.至于工程税票,只要有代扣代缴凭证就不会有重复收税的.</t>
  </si>
  <si>
    <t xml:space="preserve">如何修改小米的预定地址与收货地址不同，可以发货么 </t>
  </si>
  <si>
    <t>你好，这个是可以的，到时可以更改的。希望能帮到您,给个好评吧亲，谢谢啦可以发货的。送人玫瑰，余香留己，请您点击好评，谢谢！</t>
  </si>
  <si>
    <t>想知道CR</t>
  </si>
  <si>
    <t>这个我可以告诉你，CR-V的innovator的地位是在新款上市之时提出来的，以前还真没有摆在台面上来说。但是熟悉cr-v的都知道他做出的成绩，也一直在心里认同这么一种感觉。就我来说吧，决定选车的时候我就第一时间锁定了新款CR-V，cr-v的大空间和高通过性是我一直渴望的，老款停产之后，新款应运而生，在原有的基础上加装了不少的配置，还有提升的性能，果然是一代新颜换旧颜哈，性价比要高很多。他的七个第一的成绩，还有始终占据第一的销量和保有量，一直让我对这款车子充满信心。能够有这么多人关注，说明这款车子真是符合大家需求的。我也特意了解了车子的相关性能，比如空间、油耗、动力、外观等，觉得他的性能比较均衡，很符合一般人选车的需求，这也许就是他一直销量如此之好的原因吧。</t>
  </si>
  <si>
    <t xml:space="preserve">跪求请问达人，招商银行福州的那些支行也开有国际业务吗?还是只有一 </t>
  </si>
  <si>
    <t>国际业务每个网点都可以办理，你在汇款的时候是提供这家网点的地址和代码的。</t>
  </si>
  <si>
    <t xml:space="preserve">我喜欢一个男孩子，可是他已经有女朋友了，我忘记不了他怎么办？我以 </t>
  </si>
  <si>
    <t>那就默默的祝福他吧.这也是一种爱.如果他现在还没有回答你,那就等待他的回答吧.因为他也不确定到底更爱谁.多给他点时间考虑,对谁都有好处.两个女孩爱一个男孩,爱的深的会先放弃;两个男孩爱一个女孩,爱的不深的先放弃;祝你好运!当你拥有他的时间,那就好好的珍惜这来之不易的爱情吧!当你要选择放弃的时候,你也不用伤心,只能说明那不是你的幸福,强拗的瓜不甜也许就是这个道吧.祝你快乐!要快乐哟^_^!</t>
  </si>
  <si>
    <t>错误~!!!!请问你们大家进去后还是</t>
  </si>
  <si>
    <t>下载2.0000-2.1000的补丁,之后尝试进一下,如果出现错误代码-01就等吧,每个游戏刚升级完都有缓冲的,缓冲时间自己看个电影听个歌吧,缓冲时间一般都很短!稳定了就能进游戏了!</t>
  </si>
  <si>
    <t xml:space="preserve">预备党员要不要交党费 </t>
  </si>
  <si>
    <t>预备党员要缴纳党费,也要参加党的组织生活,预备党员没有选举权和被选举权.</t>
  </si>
  <si>
    <t xml:space="preserve">帮个忙每次逛超市,在出口处总会有两个人在对单(自己结帐时的清单) </t>
  </si>
  <si>
    <t>这可能是和学生考试一样,填完了还得再检查一遍,我想另一个目地就是防止被盗.</t>
  </si>
  <si>
    <t xml:space="preserve">硬盘格式问题请问大师硬盘在什么样的情况下需要转换格式 </t>
  </si>
  <si>
    <t>每种硬盘分区的格式都有不同的容量大小，fat32分区格式最大只能分32GB超过32的分区就只能转成ntfs</t>
  </si>
  <si>
    <t xml:space="preserve">大家说今天能准时开吗?我现在在公司上班,不知道开了没有.但我现在 </t>
  </si>
  <si>
    <t>希望19：00能开 上次更新等的我都无语。。那帮技术人员不知道竟忙什么 不能开别就给个准确时间 害的大伙一起陪他们受罪</t>
  </si>
  <si>
    <t xml:space="preserve">中考完了,等成绩已经一个多星期,该玩的也都玩了,外面这么热待在家? </t>
  </si>
  <si>
    <t>首先查查分,看自己是否能进重点高中,然后休息10几天,接着借几本高一的课本看看.有必要我还会去辅导班上几天课.</t>
  </si>
  <si>
    <t xml:space="preserve">古域这游戏好不好玩？ </t>
  </si>
  <si>
    <t xml:space="preserve">呃,推荐你去玩下51新炫舞.是一款新出的舞蹈类型游戏里面精致的画面,可爱的loli,浪漫的婚礼殿堂,绝对能给你带来许多惊喜哦! </t>
  </si>
  <si>
    <t xml:space="preserve">我已经和男朋友分手了，可是他却还是把我当他的女友，我该怎么办？在 </t>
  </si>
  <si>
    <t>其实他是在自己骗自己，你就不用强求他了，让他一个人去幻想好了另外你可能在意别人对你的看法了！我想你周围肯定有很多的朋友、同学、家人，你会一个个都去向他们澄清事实吗？我想那有点不现实吧，嘿嘿，做人想开点好了，潇洒一点哟！</t>
  </si>
  <si>
    <t xml:space="preserve">现在是不是什么服务器都更新不了额??怎么我老素更新不了呢!~我的 </t>
  </si>
  <si>
    <t>前2天我刚下了游戏也一直更新不了 我以为是我的问题今天中午却进去了  然后我吃了个饭在来上游戏进入帐号后就一直停留在画面进不了人物界面想玩个游戏这么难吗？希望官方能把游戏做的优化点我现在已经进了N次了 都一直是在画面进不了人物状态这游戏还能继续玩？</t>
  </si>
  <si>
    <t xml:space="preserve">谁吃过螺旋藻啊？对身体效果真的那么好吗？螺旋藻有什么好外啊？谁吃 </t>
  </si>
  <si>
    <t>螺旋藻是可以养胃，还可以解酒！的话，是因为它含有丰富的营养，1G螺旋藻相当1000克蔬菜水果的营养总和，在饭前15分钟，服用15-20粒，可增强饱腹感，减少进食量，但它所含丰富的营养和元素能全面补充人体所需的营养，而且能补充进食所不一定能补充了的微量元素，而且有助于消化！饭后食用可增肥，也就是它丰富的营养充分补充人体的营养需要！而且它全面和均衡的营养能让身体各机能调节到最佳状态！螺旋藻是一类低等值物，在分类上属于蓝藻门（Cyanophyta）、段殖藻目（Oscilatoriales）、颤藻科（Oscilatoriaceae）螺旋藻属(Spirulina)，目前全世界已知螺旋藻有50余种，但目前国内外工厂化生产的螺旋藻只有钝顶螺旋藻（Spirulina Platensis）和极大螺旋藻（Spirulina maxima）两种。它们原产于中美洲和非洲的碱性湖泊中。螺旋藻是一种多细胞的原核藻类，细胞中没有真正的细胞核。因藻丝呈螺旋形而得名，钝顶螺旋藻呈蓝绿色，多细胞型，细胞近方形，细胞宽6-8微米，长2-6微米，螺旋疏松弯曲，螺旋宽26-36微米，螺间距43-57微米。藻丝长200-500微米，末端不尖细或略尖细，末端细胞宽圆形。 螺旋藻享有的众多殊荣: （1）联合国粮农组织（FAO）推荐：“21世纪最理想的食品。” （2）联合国科教文组织推荐：“明天最理想和最完善的食品。” （3）联合国世界食品协会称誉：“21世纪最理想的营养源”。 （4）世界卫生组织（WHO）确定：“人类21世纪的最佳保健品”。 （5）1972年第二次国际微生物蛋白质会议上认定：“未来的超级营养食品”。 （6）1974年联合国世界粮食会议公认：“超级营养食品”。 （7）1981年美国粮食及药物管理局（FDA）确认：“最佳蛋白质来源之一”。 （8）日本健康食品协会议定：“优秀健康食品”。 （9）日本保健协会公布：“三十八种保健品之一”。 （10）中国卫生部认定：“新资源营养食品”。 （11）中国国家科委确定：“国家级星火项目”。 （12）中国国家教委推荐：“中小学生的午餐食品”。 （13）美国“全美癌症研究所”确认为防癌、抗癌新药。 （14）美国全美医疗保健中心，认定为防癌、抗癌、防止心脑血管病的最新保健品。 螺旋藻又名蓝藻,是一种螺旋形的藻类植物.在全球生物资源中,其营养成分和生理活性物质最丰富、最全面,最均衡,被誉为"生命营养库". 螺旋藻可分为那几类？ 螺旋藻的用途已由原来单纯动物饲料迅速转为人类的营养食品、医疗和保健食品.目前，全球已有60多个国家认定其为人类营养食品。主要分为以下几种： 一、原料类 1、螺旋藻干粉：螺旋藻收获后,经干燥、杀菌等工艺,即可制成食品级或药品级粉剂。如只经脱水自然干燥则为饲料级。 2、螺旋藻原生液：由螺旋藻干粉加工而成,均为食品级或药品级。 3、螺旋藻原生粉：由螺旋藻原生液再加工而成,亦为食品级或药品级.目前,国内仅见天藻公司有些类产品报导. 二、 固体食品类 1、螺旋藻小食品:以食品级螺旋藻干粉或原生粉为添加剂、采用科学配方精制面成。目前国内外较为流行的有：螺旋藻营养米粉、螺旋藻营养面包、螺旋藻饼干、螺旋藻软糖、螺旋藻果冻、螺旋藻巧克力、螺旋藻曲奇饼、螺旋藻保健盐以及植物肉松等。 2、螺旋藻片剂（块剂）:方便人们的食用，国内外螺旋藻加工厂都常将螺旋藻粉加工成片剂(丸剂、块剂)。 3、螺旋藻胶囊：螺旋藻胶囊具有类似紫菜的风味，气味清香，食用方便安全，易被消化吸收。 4、螺旋藻速溶冲剂:此类产品采用特殊去腥工艺后,不仅味道清新,而且速溶性好,营养成分保存率高。 5、螺旋藻添加剂:如蛋白质营养强化添加剂、天然蓝色色素添加剂等。 三、 饮料类 1、原味饮料:如液体饮料、饮料冲剂等。 2、氨基酸饮料：如复合氨基酸饮料、比较单纯的氨基酸饮料等。 3、果味类混合型饮料: 如螺旋藻芒果汁饮料、螺旋藻西瓜汁饮料、螺旋藻葡萄汁饮料,螺旋藻西番莲饮料等。 4、多种液汁混合型饮料:主要有螺旋藻天然饮料、螺旋藻彩色珍珠粒饮料螺旋藻与多种蔬液汁混合型饮料、螺旋藻与多种动植物液汁混合型饮料等。 5、功能性饮料:如螺旋藻茶叶饮料螺旋藻西洋参饮料、螺旋藻枸杞饮料等 6、白酒与啤酒：如螺旋藻营养型白酒、开藻螺旋藻啤酒、健康啤酒、超级营养保健啤酒等。 四、 化工、保健、药品类 1、化工产品：如藻胆体、藻胆蛋白、叶绿素铜钠盐，玉米黄质(黄色)、蓝溪藻黄素乙(橙红色)、β-胡萝卜素γ-亚麻酸、核酸内切酶等。 2、保健品：如钝顶螺旋藻营养酸奶、藻维典、藻维钙泡腾片等。 3、美容品:法国、德国等将螺旋藻药片或粉剂,用于减肥美容。我国也已生产出螺旋藻面膜粉、螺旋藻健美块等 4、药品:如荧光分子探针、螺旋藻脂灵、抗糖尿病制剂4高科技防癌新产品-螺旋藻多糖、螺旋藻蓝蛋白等。 五、 饲料类 1、配合饲料:以饲料级螺旋藻干粉为添加剂，采用科学配方,制成配混饲料,饲喂虾苗、蟹苗、鳗鲡苗等,或在蛋鸡、肉鸡饮料中添加1-2%螺旋藻干粉均取得显著效果。 2、饲料添加剂：如高效营养型饲料添加剂蓝藻精等。国内最好的螺旋藻是来自云南程海湖，而正宗的程海湖螺旋藻叫绿A牌的，它也是国际上最负盛名的螺旋藻产品。下次可以试着找找这个牌子。参考资料：  在那里会有更多更好的答案。螺旋藻的功用 物质平衡有个规律，我简单介绍一下。初生到5个月婴儿吃母乳最好，超过5个月母乳也不行了，需要42种以上的食品。人到老年就更难了。幸亏有法国一个医生叫科里门特，他到非洲去旅游时看到非洲大泽湖地人比我们健康长寿。他们吃什么？吃海藻，把它晒干了包包子吃，然后喝海藻汤。医生拿到巴黎一实验，原来是海藻，而且是螺旋状的，起名叫螺旋藻。这螺旋藻是1962年发现的，这一发现轰动了全世界。为什么？它1克等于1000克各种蔬菜的综合。当时只有皇帝皇后、奥林匹克冠军吃，别人吃不着。很多年后发现这东西特别好，营养特别丰富，最全面，营养分布最平衡，而且是碱性食品。我告诉大家，日本为什么是长寿世界冠军，他们一年消耗500吨螺旋藻，他们到中国旅游每人都带它。我们问他们，为什么带螺旋藻？他们说，8克螺旋藻就可以维持生命40天。现在的太空食品，没有带包子大饼的，全都是螺旋藻。螺旋藻在世界上很驰名了，所以你如果营养不好，别忘了这东西，它能平衡饮食的。它对几个病特别重要，第一是心脑血管病，它能降血压、降血脂；第二是糖尿病，这病是缺少蛋白、维生素，很难治愈，螺旋藻能补充维生素，而且螺旋藻的最大优点是使糖尿病人不得合并症，能跟正常人饮食一样。糖尿病人缺少能量，又不能吃糖，螺旋藻是干糖，摄入干糖后就有能量了。糖尿病人血糖不稳定，用螺旋藻后可以逐渐停药，然后逐渐停螺旋藻，最后拿饮食控制。欧洲已经完全战胜糖尿病，我们也是完全可以的，但必须配合治疗。第三是胃炎、胃溃疡，螺旋藻有叶绿素，对胃粘膜有恢复作用。第四是肝炎，国际上没有肝炎，为什么？人家分餐了。上海易学院做了调查，家里有一个人转胺酶高，其他人转胺酶也高。我们拿筷子捅在一个碗里。所以呼吁每个家庭要注意，最好分餐。注意，很多人看起来是健康的，你看不出他是带菌者。螺旋藻能使病毒不复制，而且大量氨基酸能使肝细胞恢复。它有胆碱，能使肝功能恢复，提高免疫功能。螺旋藻还有防辐射作用。苏联核电站爆炸时，日本专家去抢救，拿的就是螺旋藻，它抗辐射作用很强。现在很多女性做IT工作，在电脑前工作的怀孕女子有的4个月后流产，有的生出来的婴儿象青蛙一样，北京市妇产医院的报告还有带尾巴的。辐射带给人的影响很大。最近报纸登载，哈尔滨去年一年发现了1500例白血病，10月份又发现36例。初步判定原因是房屋装修，而且是甲醛。房屋装修危险很大，国际上规定，装修后的房屋一定要半年后才能入住。哈尔滨的报告中多是4～5岁的儿童。房屋装修对老年人、孕妇、儿童危害最大。各位不要低估辐射。螺旋藻提纯后，很纯很小一点叫藻复康，它能抗辐射。它经过医科大学、军事医学院鉴定，卫生部批准，现在已经出口了。唯一抗辐射的就是藻复康。所以在电脑前工作的人，可以滴一点藻复康抹上，也可以吃藻复康。它抗辐射、抗肿瘤、抗病毒、抗氧化，而且提高免疫功能。 我再总结一下，辐射对我们影响很大，但有几个方法可以预防：第一喝绿茶，第二吃青菜、萝卜，第三吃螺旋藻，第四吃藻复康。藻复康是最好的。根据自己的经济条件选择一种，实在不行就吃青菜萝卜。辐射是每个人都会接触到的。国际上提出了警告：千万不要把电器放在卧室内。尤其是微波炉对我们危害最大，它7米内对我们都有辐射。而且各种电器不要同时开着。又有电视，又有冰箱，又有微波炉，你就在旁边做菜，得了癌症很冤枉啊。</t>
  </si>
  <si>
    <t xml:space="preserve">2007中超竞猜（9）2007年中超第九轮竞猜大家好！欢迎参与2 </t>
  </si>
  <si>
    <t>5月5日 辽宁15:35上海  2:15月5日 浙江19:00河南  1:05月5日 大连19:00武汉  1:15月5日 山东19:35陕西  3:15月6日 长春15:35天津  3:25月6日 青岛15:35北京  1:25月6日 厦门19:30深圳  1:0</t>
  </si>
  <si>
    <t xml:space="preserve">再来一单====图图图拜仁===3比1===4比2阿森纳==== </t>
  </si>
  <si>
    <t xml:space="preserve">高手的帖子无论如何都得顶一个。。。 </t>
  </si>
  <si>
    <t xml:space="preserve">汉字究竟是不是方块字 </t>
  </si>
  <si>
    <t>大家一致认为 是</t>
  </si>
  <si>
    <t xml:space="preserve">女,1983年正月十八丑时出生,出生地点:福建泉州我的八字是不是? </t>
  </si>
  <si>
    <t xml:space="preserve">起运：命主于出生后1年5个月18天10小时开始起运交运：命主于公历1984年8月20日12时交运　　　　　偏财　　　 正官　　　 日主　　　 七杀　　　 　女命：　　癸　　　　 甲　　　　 己　　　　 乙　　　　 　　　　　　亥　　　　 寅　　　　 丑　　　　 丑　　　　 　　　　　　壬正财　　 甲正官　　 癸偏财　　 癸偏财　　 　　　　　甲正官　　 丙正印　　 辛食神　　 辛食神　　 　　　　　　　　　　 戊劫财　　 己比肩　　 己比肩　　 旺衰：　　胎　　　　 死　　　　 墓　　　　 墓　　　　 纳音：　 [大海水命]　　　　　大运：乙卯　　丙辰　　丁巳　　戊午　　己未　　　　　　　　 1岁　　11岁　　21岁　　31岁　　41岁　........　简析;        1.八字缺金与火。取名补上“火”。缺金不忌。        2.日主偏弱。        3.用神为比劫及印星。          比劫;忌讳未土。其余不忌。          印星：忌讳巳火。其余不忌。八字简解：     1.  生于中等家庭，经济不错，父母为人正派。     2.  命主学业挺好，但官运不佳。如若经商，必得天财。衣         食无忧的富裕之命！     3.  命主 性格严肃重义，责任心强，擅理事务。缺点：懒         惰，办事刻板，墨守成规。     4.  命主相貌端庄大方，脸型呈圆形或方形，有气质。     5.  婚姻不够完美。爱情问题谨慎处理！     6.  晚年富贵，子女孝顺，且外貌威严。     你的八字是中等或中上等的八字，一生衣食无忧，没有奇怪的现象。纵观大运，现在运气可以，只是不利父母。31岁以后大吉，事事顺心！                    祝你好运 </t>
  </si>
  <si>
    <t xml:space="preserve">单片机双机通信是一道单片机C51程序设计题：设计一个双机通信系统 </t>
  </si>
  <si>
    <t>ORG0000HAJMPSTARTORG0023HLJMPACTNT;串口中断入口地址ORG0000H;------主程序-------- ,#20H;置定时器/计数器1工作方式2MOVTH1,#0FDH;预置初值(按照波特率9600BPS预置初值)MOVTL1,#0FDH;预置初值(按照波特率9600BPS预置初值)SETBEA;开中断CLRES;禁止串行中断MOVPCON,#00H;波特率不倍增SETBTR1;启动定时器1MOVDPTR,#TABMOVR7,#08H;数据个数;SETBES;允许串口中断SJMP$;等待发送;------中断服务程序--------ORG0023 读数据CLRTI;清发送中断MOVSBUF,A;发送字符DJNZR7,AEND;没发送完转AENDCLRES;禁止串行中断CLRTR1;定时器1停止计数 中断返回 'A','B','C','D'END</t>
  </si>
  <si>
    <t xml:space="preserve">苏大北校区附近哪些小区比较好？？想在苏大北校区附近租个房子，昨天 </t>
  </si>
  <si>
    <t>教工小区 紧邻干将东路苏大北校区站台,且不靠马路,出脚方便,又是将来轻轨沿线.周边配套齐全,步行至观前街和中央公园均只需十分钟,小区环境整洁、封闭管理</t>
  </si>
  <si>
    <t xml:space="preserve">C进`请教高手`C需要多少级弹跳能到45多级弹跳到50`` </t>
  </si>
  <si>
    <t xml:space="preserve">正如上面说的 满级弹跳40 训练3满是43我有个33的190CM女C 没训练3 弹跳是37 做算术很头疼 楼主参考下上面的数据 +上衣服和角的能力就可以知道了大概的技术了大概33级的时候弹跳就可以到50了 +衣服10的弹跳+3对友的角（31级32级C是不加弹跳的 30级又不可以训练3） </t>
  </si>
  <si>
    <t xml:space="preserve">请大家给我推荐几本书~~关于为人处世的~最好有实际的例子~谢谢啦 </t>
  </si>
  <si>
    <t>关于为人处世的:《戴尔·卡耐基成功智慧全集》《为人处世的博弈术》《为人处世36计》三十六计》是我国传统兵家百花园中一朵久艳不衰的眩目奇葩，是兵家谋略中最具实用性、启迪性和指导性者之一，它对谋策智术较高层次的逻辑性演绎，成为中国传统智道文化发展过程中的一个典型建树。因此，它对中国传统文化横断与纵深的影响已经大大超乎军事范畴，而对中国古代的政治价值、文化精神、人生涵养、处世态度都无不构成了深层的熏染的扩散。在阐释、讲解各种计谋、引用事例的时候，我们结合时代特点，进行了大胆的发挥和引申，极大地增强了本书的实用性和趣味性，给人以耳目一新、豁然开朗的感受。关于餐桌礼仪，宴请礼仪的：（一）就座和离席 １、应等长者坐定后，方可入坐。 ２、席上如有女士，应等女士座定后，方可入座。如女士座位在隔邻，应招 呼女士。 ３、用餐后，须等男、女主人离席后，其他宾客方可离席。 ４、坐姿要端正，与餐桌的距离保持得宜。 ５、在饭店用餐，应由服务生领台入座。 ６、离席时，应帮助隔座长者或女上拖拉座椅。 （二）香巾的使用 １、餐巾主要防止弄脏衣服，兼做擦嘴及手上的油渍。 ２、必须等到大家坐定后，才可使用餐巾。 ３、餐巾应摊开后，放在双膝上端的大腿上，切勿系人腰带，或挂在西装领 口。４、切忌用餐巾擦拭餐具。 （三）餐桌上的一般礼仪 　１、入座后姿式端正，脚踏在本人座位下，不可任意伸直，手肘不得靠桌缘，或将手放在邻座椅背上。２、用餐时须温文而雅，从容安静，不能急躁。 　　３、用餐后，须等男、女主人离席后，其他宾客方可离席。４、口内有食物，应避免说话。 ５、自用餐具不可伸入公用餐盘夹取菜肴。 　　 ６、必须小口进食，不要大口的塞，食物末咽下，不能再塞入口。 ７、取菜舀汤，应使用公筷公匙。８、吃进口的东西，不能吐出来，如系滚烫的食物，可喝水或果汁冲凉。 　　９、送食物入口时，两肘应向内靠，不直向两旁张开，碰及邻座。１０、自己手上持刀叉，或他人在咀嚼食物时，均应避免跟人说话或敬酒。 　　１１、好的吃相是食物就口，不可将口就食物。食物带计，不能匆忙送入口， 否则汤汁滴在桌布上，极为不雅。 　　１２、切忌用手指掏牙，应用牙签，并以手或手帕遮掩。 　　１３、避免在餐桌上咳嗽、打喷嚏、呕气。万一不禁，应说声“对不起”。 　　１４、喝酒宜各随意，敬酒以礼到为止，切忌劝酒、猜拳、吆喝。　　１５、如餐具坠地，可请侍者拾起。 　　１６、遇有意外，如不慎将酒、水、汤计溅到他人衣服，表示歉意即可，不 必恐慌赔罪，反使对方难为情。 　　１７、如欲取用摆在同桌其他客人面前之调味品，应请邻座客人帮忙传递， 不可伸手横越，长驱取物。 　　１８、如系主人亲自烹调食物，勿忘予主人赞赏。 　　１９、如吃到不洁或异味，不可吞入，应将入口食物，轻巧的用拇指和食指取出，放入盘中。倘发现尚未吃食，仍在盘中的菜肴有昆虫和碎石，不要大惊小 怪，宜侯侍者走近，轻声告知侍者更换。 　　２０、食毕，餐具务必摆放整齐，不可凌乱放置。餐巾亦应折好，放在桌上。 　　２１、主食进行中，不宜抽烟，如需抽烟，必须先征得邻座的同意。 　　２２、在餐厅进餐，不能抢着付帐，推拉争付，至为不雅。倘系作客，不能 抢付帐。未征得朋友同意，亦不宜代友付帐。 　　２３、进餐的速度，宜与男女主人同步，不宜太快，亦不宜太慢。 　　２４、餐桌上不能谈悲戚之事，否则会破坏欢愉的气氛。</t>
  </si>
  <si>
    <t xml:space="preserve">最喜欢哪个NBA球星？ </t>
  </si>
  <si>
    <t>阿伦·艾弗森</t>
  </si>
  <si>
    <t xml:space="preserve">请问农村老人保健注意事项，推荐几本适合书看看 </t>
  </si>
  <si>
    <t>一忌外出过早 冬季的早晨，室外是一天温度最低的时候，所以外出最易引起感冒，甚至诱发心脑血管病，因此老人最好选择上午10点以后到室外锻炼。   二忌日晒过长 日晒过长会损伤皮肤，破坏人体的自然屏障，使大气中有害的物质、微生物侵袭人体，造成感染，还可引起视力减退。   三忌洗浴过长 冬季空气干燥寒冷，许多老年皮肤干燥脱屑、瘙痒，误以为是由于不清洁所致，于是每天洗浴一次，结果越洗皮肤越干燥脱屑更多。其实老人冬季5、6天洗浴一次最宜。   四忌活动过剧 适当的体育运动是强身健体、防病抗老的重要手段，但老人不宜做剧烈运动，要选择合适的运动项目，如慢跑、骑自行车、打太极拳等。若运动后头晕、头疼、四肢乏力、胸闷气短、失眠多梦，那就说明运动量过大，要注意减少运动量，甚至暂时停止运动。   五忌取暖失度 冬季天寒地冻，老人怕冷，喜欢用热水袋贴身而卧，这样会引起皮肤红斑或烫伤，所以只要室温达到18～25摄氏度即可。   六忌蒙头睡觉 有些老人冬季喜欢捂头睡觉，以为这样可以暖和些，殊不知这样一来被窝内的氧气含量会逐渐减少，而二氧化碳等废气逐渐增加，使正常的呼吸运动受到影响，甚至造成窒息，或因缺氧诱发心脑血管病。因此正确的睡眠方法是：右侧卧位，低枕，头露被外，双腿屈伸。   七忌嗜烟好酒 冬季老人喜欢边吸烟边聊天边看电视，由于冬季关门闭户，烟雾不易外散，对人体十分有害。长期烟雾蓄积对人体影响更大。有的老年人喜欢喝酒御寒，往往贪杯成瘾，经常酩酊大醉。由于冬季室内外温差较大，酒后体虚，外寒之邪乘袭，寒热错杂，给心、脑、肺造成损害。   八忌“小疾”不治 老年人如遇感冒、咳嗽、头疼、心慌等“小疾”，又是在冬季，必须及时治疗，以防患于未然。</t>
  </si>
  <si>
    <t xml:space="preserve">我想开家自己的彩妆工作室，大家说说选什么样的彩妆品牌最好？专线产? </t>
  </si>
  <si>
    <t>这个工作室就是要不不开,要开就要高档,因为能够经常参加PTY的MM都是有闲又有钱的,追求的是品位和价值,如果产品不够高档,地段不够黄金,设备不够齐全,就只有倒闭的命运,我曾经看到过很多路上的小型工作室都门庭清淡,最后就是关门的命运,需要资金不是很多,主要是黄金地段的租金、水电费、设备（如重新装修、购买必备的器材----特别是做发型的需要等）、人员费用和产品等，大概一次性投入在50~200万左右不等（主要看设备的选择，和是否聘请较知名彩妆师），我经常在东田和易茗工作室做造型，所以觉得应选择专业品牌（但不是国产的）彩妆较好，如：M A C的眼影和粉底膏、闪粉等，MAKE UP FOR EVER的眼影和口红，植村秀的产品和工具，KP的彩妆工具和眼影，RMK的粉底，BOBBI BROWM的自然棕色系列口红和五色胭脂，这些都是不错的…另外可混合些非专业的高档品牌，如：夏奈尔的眼影、口红、腮红，娇兰的散粉、口红、睫毛膏，DIOR的经典五色眼影系列、唇彩和甲油，兰蔻的睫毛膏，HR的睫毛膏，YSL的粉前修饰乳、睫毛膏和闪粉等等~~~大概这些产品投入在5~30万元间（因为颜色一定要齐全，牌子一定要硬，才能保证妆容的色彩还原度和延展性、持久性等高要求）……当然，如果办个神秘的ANNA SUI风格形象工作室也不错，专用ANNA SUI产品搭配植村秀产品，我算了一下，大概在15~20多万的产品投入资金，还算可以，而且风格就会吸引很多想要颠倒众生的美女哦，一定要独特要有品位才能吸引顾客*＾＿＾*</t>
  </si>
  <si>
    <t xml:space="preserve">法律问题有一公司已取得营业执照，但有超经营范围的经营行为。1；超 </t>
  </si>
  <si>
    <t>此案应遵照“上位法效力优于下位法”的原则适用法律。是“专门法效力优于普通法”，不是“基本法应遵从专门法”，此案不存在“专门法效力优于普通法”的问题，专门法与普通法的效力差别只能发生于同位阶的法律文件之间，不同位阶的法律文件不适用。</t>
  </si>
  <si>
    <t xml:space="preserve">怀孕多少后才有症状？上次和老公做后，进去了！之后3天就来月经了， </t>
  </si>
  <si>
    <t xml:space="preserve">从问题叙述分析你应该没有怀孕，因为你们做后来月经了。之所以该来的没来，可能是别的原因。女性的月事常因心情紧张，精神压抑，工作劳累，环境改变，身体不适，服用某些药物如避孕药，不当，营养不良，疾病等情况偶尔早来或迟后是正常的。若不放心就用早孕试纸测试一下就是。要想知道自己是否已怀孕，只需用早孕试纸一试便知, ML后最多10天就可以检查出来，而且这种检查自己在家里就可以做。比医院的B超还来得快。 B超必须有相当的时日让胚胎长到肉眼能看见了的一团才能可得出来。早孕试纸的原理是：当成熟女性怀孕后，在胚胎发育成长为胎儿的过程中，胎盘合体滋养层细胞产生大量的绒毛膜促性腺激素(HCG)。这些激素会通过孕妇的血液循环而排泄到尿中，因此检测育龄妇女受孕后尿中的HCG就可以判断是否怀孕，快速准确。按说明操作检测方法简便，自己在家里就可以做的检查。收集尿液(第一次晨尿最佳)标本，插入试纸条，5分钟内观察结果。阳性：试纸条上端和下端均有色带出现，表示怀孕。阴性：只在试纸条上端出现一条紫红色带而下端无色带出现，表示未怀孕。十分的方便、快捷和准确。若是“中招”又不想要，则处理越早对身体的伤害也小一点。仅供参考 </t>
  </si>
  <si>
    <t xml:space="preserve">王中军信箱希望和华谊公司王中军总裁通过信箱联系.沈阳张 </t>
  </si>
  <si>
    <t>要是和《夜宴》有关的问题可以找我。王中军的电话我这也有但不方便在这上面告诉你。</t>
  </si>
  <si>
    <t xml:space="preserve">一万个理由的歌词是怎样的一万个理由的歌词是什么 </t>
  </si>
  <si>
    <t>就在感情到了无法挽留而你又决意离开的时候你要我找个理由让你回头最后还是让你走你说分手的时候就不要泪流就在聚散到了最后关头而你有决意忘记的时候我也想找个借口改变结局可最后还是放了手你说分手了以后就不要让自己难受如果你真的需要什么理由一万个够不够早知道你把这份感情看得太重当初说什么也不让你走如果我真的需要什么借口一万个都不够早知道我对这份感情难分难舍当初说什么也不让自己放手 就在聚散到了最后关头而你有决意忘记的时候我也想找个借口改变结局可最后还是放了手你说分手了以后就不要让自己难受如果你真的需要什么理由一万个够不够早知道你把这份感情看得太重当初说什么也不让你走如果我真的需要什么借口一万个都不够早知道我对这份感情难分难舍当初说什么也不让自己放手如果你真的需要什么理由一万个够不够早知道你把这份感情看得太重当初说什么也不让你走真的需要什么借口一万个都不够早知道我对这份感情难分难舍当初说什么也不让自己放手</t>
  </si>
  <si>
    <t xml:space="preserve">看攻略上梭子头砸结晶砸出来的是C晶是这样吗？我们是雷欧纳的一个黑 </t>
  </si>
  <si>
    <t>一些级别高的装备是可以砸出下一级的结晶的，但砸结晶的矮人必须也的会高级一点的物品制作，就像你的这个锁子盔就是D级的高级物品，就可以砸到C结晶，但如果想砸C结晶的话，砸他的矮人必须会4级物品制作，否则只能出D结晶。</t>
  </si>
  <si>
    <t xml:space="preserve">我要怎么办男朋友说年底我们结婚，但是他现在想在虎门买房，想买个5 </t>
  </si>
  <si>
    <t>你们在一起多久了？你很了解他吗?你见过他的父母吗？你已经做好嫁给他的准备了吗？还要看你家里的条件怎么样，如果他要借的数目对于你家来说不是问题，那借又何妨？何况你那么爱他。如果你家对于他要借的钱数目拿出了很费劲，那你可以和他说一下，如果他爱你，怎么也能理解，也许他说的都是气话。不过现在都是2家一起拿钱买房子了，但是如果你借他钱，买了房子更名时也要写你的名字，因为现在新婚姻法改了，不是说还没结婚就想离婚的事，而是给自己一份保障。</t>
  </si>
  <si>
    <t xml:space="preserve">曾见上联求下联；樟树临江临江樟树鱼游枝头鸟宿浪 </t>
  </si>
  <si>
    <t>樟树临江 临江樟树 鱼游枝头鸟宿浪莲花入帘 入帘莲花 雨润瓣缘露湿巾</t>
  </si>
  <si>
    <t xml:space="preserve">两个月的宝宝鼻塞怎么办？我的宝宝两个月了，经常鼻塞，家里有吸鼻器 </t>
  </si>
  <si>
    <t>可以用湿的热毛巾放在宝宝鼻子下熏一熏或给宝宝洗热水澡用水气熏一熏,等鼻涕软了,用宝宝专用的吸鼻器,就可以把鼻涕吸出来.</t>
  </si>
  <si>
    <t xml:space="preserve">寒气重要怎么处理,有没有什么方子可以自已弄来吃的!喉咙里多是泡泡 </t>
  </si>
  <si>
    <t>多喝红糖和姜汤</t>
  </si>
  <si>
    <t xml:space="preserve">贫困家庭子女上大学的贷款问题关于贫困家庭子女上大学贷款的条件与申 </t>
  </si>
  <si>
    <t>国家助学贷款政策问答1.国家助学贷款由哪些银行负责承办？其贷款的性质是什么？ 　　答：中国工商银行、中国农业银行、中国银行、中国建设银行为中国人民银行批准的国家助学贷款经办银行，负责办理国家助学贷款的审核、发放和回收等项工作。其贷款性质属于性贷款，纳入正常的银行贷款业务管理。 　　2.国家助学贷款发放的对象、范围和规模如何？ 　　答：国家助学贷款适用于中华人民共和国(不含香港特别行政区、澳门特别行政区和台湾地区)高等学校中经济确实困难的全日制本、专科学生和研究生。 　　为使国家对经济困难学生的助学贷款工作顺利进行，1999年先在北京、上海、天津、重庆、武汉、沈阳、西安、南京等八个城市进行了试点；从2000年9月1日起，国家助学贷款在全国范围内全面推行，所有普通高等学校均能申办国家助学贷款。 　　各地区所属普通高等学校的国家助学贷款发放规模由各地区根据地方财政贴息情况制定，中央部委所属高校国家助学贷款发放规模由教育部按照国家财政贴息经费确定。 　　3.申请国家助学贷款应符合什么条件？ 　　答：　　(1)具有完全的民事行为能力(未成年人须由其法定监护人书面同意)； 　　(2)诚实守信、遵纪守法，无违法违纪行为； 　　(3)学习成绩较好，能够正常完成学业； 　　(4)在校期间所获得的收入不足以支付完成学业所需基本费用(包括学费、基本生活费)； 　　(5)严格遵守国家、经办银行以及国家助学贷款的各项规定，承诺正确使用所贷款项并按规定履行还贷义务； 　　(6)符合中国人民银行公布的《贷款通则》规定的其他条件。4.学生个人可获得的国家助学贷款的金额是多少？　　答：学生贷款金额主要根据以下公式确定：　　学生贷款金额=所在学校收取学费+所在城市规定基本生活费-个人可得收入(包括家庭提供的收入、社会等其他方面资助的收入)。　　其中，学费的贷款金额最高不超过借款学生所在学校的学费收取标准，生活费的贷款金额最高不超过学校所在地区的基本生活费标准。　　由于各学校学费收取标准和各地区基本生活费标准不同，学生贷款的最高数额也不完全相同。一般情况下，学生通过申请国家助学贷款，每年可得到8000元左右的贷款。　　5.国家助学贷款期限是多少？　　答：国家助学贷款的期限一般不超过八年，是否展期由贷款人与借款人商定。贷款学生本科毕业后继续攻读研究生及第二学位的，在读期间贷款期限相应延长，贷款本息在研究生及第二学位毕业后四年内还清。经办银行根据学生申请，具体确定每笔贷款的期限。　　6.国家助学贷款利率是多少？　　答：国家助学贷款利率按中国人民银行规定的同期限贷款利率执行，不上浮。现行年利率为：　　(1)六个月(含)以内：5.58%　　(2)六个月至一年：5.85%　　(3)一年至三年(含)：5.94%　　(4)三年至五年(含)：6.03%　　(5)五年以上：6.21%　　7.国家助学贷款的贴息是怎么回事？　　答：为体现国家对经济困难学生的优惠政策，减轻学生还贷负担，财政部门对接受国家助学贷款的学生给予还款利息补贴。学生所贷款利息的50%由财政贴息，其余50%由个人负担。8.学生到哪里申请国家助学贷款？ 　　答：银行不直接受理在校学生的贷款申请。贷款银行原则上每年集中受理一次国家助学贷款申请，借款学生须在新学年开学前后10天内凭本人有效证件向学校的指定部门(一般为学生处)提出贷款申请，领取并如实填写《国家助学贷款申请表》、《申请国家助学贷款承诺书》等有关材料。 　　9.国家助学贷款有几种担保形式？ 　　答：国家助学贷款的担保可以是保证担保、抵押担保、质押担保和信用助学贷款四种形式。 　　10.什么是保证担保？ 　　答：保证担保是指保证人和债务人的约定，当债务人不履行债务时，保证人按照约定履行债务或承担责任的行为。具有代为清偿债务能力的法人及其他组织或者公民(自然人)可以做保证人。 　　11.保证担保中自然人担保有什么要求？ 　　答：担保人年龄原则上：女50岁以下，男55岁以下。 　　经办银行还要求，每笔贷款额不能超过担保额。担保人丧失担保能力或担保能力不足时，应及时通知银行，并提供新的担保措施。 　　12.保证担保中自然人担保需要提供哪些材料？ 　　答：(1)提供本人有效身份证(军人可提供军官证)及复印件； 　　(2)提供同意担保的书面证明； 　　(3)有稳定的工作和收入及充足的代偿能力。提供单位财务或人事部门出具的收入证明或工资条，个体户可出具个人所得税完税证明； 　　(4)提供家庭成员有经济收入成员收入证明，且家庭人均收入应在500元以上； 　　(5)担保人所在地必须有经办银行分支机构，以便于核保，提供所在地经办银行分支机构的联系地址及电话； 　　(6)贷款申请表中本次愿意保证的总额应超过贷款总额的10%。13.保证担保中法人担保有什么要求？ 　　答：(1)国家机关不得为保证人； 　　(2)学校、幼儿园、医疗等以公益为目的的事业单位，社会团体不得为保证人； 　　(3)企业法人的分支机构，职能部门不得为保证人。企业法人的分支机构有法人书面授权的，可在授权范围内提供保证； 　　(4)企业须具备经行政管理机关核准登记并办理年检手续。独立核算，自负盈亏，有健全的管理机构和财务管理制度。在银行开立基本账户或一般账户，有代偿能力，无重大债权债务纠纷，可按照约定时间向贷款人提供经营状况说明。企业信用等级为BBB(含)以上； 　　(5)法人担保应提供：营业执照及复印件，法人有效身份证件及复印件，贷款证。财务部门及会计(审计)事务所核准的上半年财务报告，以及申请贷款前一期的财务报告。 　　14.学生本人、担保人身份证丢失如何办理？ 　　答：申请贷款学生本人的身份证丢失，则需到所在学校户口管理部门办理身份证号码证明；担保人身份证丢失，则需到当地公安部门补开证明，证明上写明补办原因及身份证号码。 　　15.什么是抵押担保？ 　　答：抵押担保指债务人或第三人不转移对财产的占有，将财产作为债权的担保。债务人不履行债务时，债权人有权依法以财产折价或拍卖，变卖财产的价款优先受偿。 　　16.抵押担保的条件是什么？ 　　答：抵押担保的抵押物只限于房产。范围包括：担保人有权支配的短期不会拆迁的私房及商品房；抵押担保的金额不超过房屋评估价值的70%。17.什么样的房屋不能抵押？　　答：农村的房产不能抵押；城市的公房、个人购买的不完全产权住房、用银行住房贷款购买的住房不能抵押；产权有争议的、已被列为拆迁范围的房产、被依法查封、扣押、监管的或其他形式限制的房产不能抵押。　　18.抵押担保需要提供哪些资料？　　答：抵押担保需要提供：　　(1)抵押清单及有权人同意的书面证明(包括房产为共有财产的，应有共有人的书面同意证明)；　　(2)房屋所有权证；　　(3)房管部门指定的房地产评估机构的评估报告。　　19.什么是质押(权利)担保？　　答：质押(权利)担保指债务人或第三人将其权利交债权人占有，将该权利作为债权的担保。债务人不履行债务时，债权人有权依法以该权利进行处置后的价款优先受偿。　　20.质押(权利)担保的范围和要求是什么？　　答：(1)质押(权利)的范围有：商业银行出具的本、外币定期储蓄存单(折)及凭证式国债；　　(2)以第三人权利出质的应有第三人权利同意出质的书面证明及第三人有效身份证件及复印件；　　(3)权利质押的担保金额不超过质物价值的90%。　　21.异地担保的怎么办？　　答：异地担保的所在地必须有经办银行的分支机构，如该地没有该经办银行的分支机构，贷款人无法核保，则担保不能成立。22.什么是无担保(信用)助学贷款(简称信用助学贷款)？　　答：指在校大学生通过所在学校提供贷款介绍人和借款学生自行提供见证人，以信用方式向银行申请发放的助学贷款。　　23.信用助学贷款与保证担保、抵押担保、质押担保的贷款方式相比，有何优点？　　答：学生办理保证担保贷款需要提供保证人担保，办理抵押和质押担保贷款需要以房产或有价证券作为抵押物进行担保；学生办理信用助学贷款则不需要担保，只需要提供贷款介绍人和见证人，以个人信用向银行申请助学贷款，且介绍人和见证人不承担连带责任。　　24.什么人可申请信用助学贷款？　　答：对年满18周岁以上的在校大学生一般发放无担保的信用助学贷款；对其直系亲属既可以发放信用助学贷款，也可以发放担保助学贷款；对法定监护人一般发放担保助学贷款。　　25.对在校大学生发放信用助学贷款有何要求？　　答：对在校大学生发放信用助学贷款，学生所在学校必须提供贷款介绍人，借款学生必须提供两名贷款见证人。　　26.信用助学贷款中的介绍人是指什么？　　答：介绍人指学校负责助学贷款的部门(如学生处等)，其职责是：为借款学生联系、介绍贷款银行；向贷款银行集中推荐借款学生的贷款申请；根据贷款银行的要求，负责了解借款学生的有关情况；负责建立、更新和管理借款学生的地址和有效联系方式等有关信用档案；银行与学校协议中约定的其他有关事宜。27.信用助学贷款中的见证人是指什么？ 　　答：见证人是指与借款学生关系密切的自然人(如借款学生的班主任、专职辅导员、系主任或同班同学)，不必为借款人提供担保，其职责是：协助介绍人和贷款银行全面了解借款学生的有关情况；在借款学生毕业后与其保持联系，向贷款银行提供借款学生的最新有效通讯方式。 　　28.在校大学生申请信用助学贷款须具备什么条件？ 　　答：在校大学生申请信用助学贷款须具备以下条件：提供入学通知书或学生证、有效居民身份证；有两名同班同学或老师对其身份提供证明；在校期间学习认真、品德优良。 　　29.信用助学贷款合同包含什么内容？ 　　答：信用助学贷款应依法签订贷款合同，合同中应明确借款人的身份证号码、有效联系方式。 　　30.借款学生违约时，贷款银行采取什么处罚措施？ 　　答：建立个人信用登记制度是有效防止借款人违约的重要措施。贷款银行对违约的借款人有权按合同约定采取停止发放贷款、提前收回贷款本息等措施。借款学生不能按期偿还贷款本息的，按中国人民银行有关规定计收罚息。贷款银行定期在公开报刊及有关信息上公布助学贷款违约比例和违约借款人姓名、身份证号及违约行为，同时公布其担保人姓名；依法追究违约借款人及担保人的法律责任。介绍人、见证人不负连带责任。 　　31.学生在借款期间，需要调整贷款数额或中止贷款，应该如何解决？ 　　答：借款学生的贷款金额一经确定后，在贷款期限内一般保持不变。中途要求中止贷款，可通过学校向经办银行申请中止贷款发放。如遇特殊情况需要追加贷款金额的，可另行办理追加贷款及担保手续。32.借款学生所在学校如何协助贷款银行做好国家助学贷款工作？ 　　答：高等学校应对在读学生申请助学贷款和贷款银行发放、收回助学贷款的管理工作予以协助。如借款人在校期间发生转学、休学、退学、出国、被开除、伤亡等情况，借款学生所在学校有义务及时通知贷款银行。 　　33.国家助学贷款的审批程序是怎样的？ 　　答：(1)各学校指定专门机构统一管理本校国家助学贷款工作，负责对申请贷款的学生进行初审。 　　(2)学校按期向学生贷款管理中心(全国学生贷款管理中心设在教育部，负责中央部委所属高校的国家助学贷款事务管理工作；各省、自治区、直辖市学生贷款管理中心设在各省、自治区、直辖市教育行政部门，负责本地区所属高校的国家助学贷款事务管理工作)报送全校年度贷款申请报告。 　　(3)根据学生贷款管理中心核准贷款申请额度，报送经办银行。 　　(4)经办银行对借款学生申请资料的完整性、真实性及贷款担保的合法性和有效性进行调查核实。并将审查后同意发放贷款的学生名单及金额通知借款学生所在学校，由学校统一组织借款学生办理填写借款合同文本，借款凭证等有关手续。 　　(5)经办银行对收到借款学生办妥的借款手续审查无误后，根据贷款审批程序予以审批，对审批后的贷款编制放款通知书，通知借款学生所在学校。34.国家助学贷款是如何领取发放的？ 　　答：国家助学贷款实行一次申请、一次授信、分期发放的管理方式。所贷学费贷款分年发放、基本生活费贷款每年发放12个月，可采取按年一次发放或按月发放的办法。学费贷款由经办银行按学年直接划入学校指定的账户，基本生活费贷款由经办银行直接划入借款学生在贷款银行发放的银行卡或在储蓄所开立的活期账户。 　　35.国家助学贷款的还款方式、还款时间有何规定？ 　　答：借款学生和经办银行应在签定借款合同时约定还款方式和还款时间。采取灵活的还本付息方式，可提前还贷，或利随本清，或分次偿还(接年、按季或按月)，具体方式由贷款人和借款人商定并载入合同。还款时间最迟在毕业后第一年开始。学生所借贷款本息应当在毕业后4年内还清。36.国家助学贷款是否可以办理展期？ 　　答：经贷款银行同意，国家助学贷款可以办理展期(展期是指：贷款到期后，本金不能归还，又申请续贷)，但逾期部分国家不再给予贴息。 　　37.贷款银行如何收回借款学生偿还的贷款？ 　　答：为保证国家助学贷款的回收，借款学生毕业前必须与经办银行重新确认或变更借款合同，并根据贷款银行的要求重新办理相应的担保手续。如借款学生不办理确认手续，学校暂缓为其办理毕业手续。 　　借款学生应在约定的还款日期前，将贷款本金和利息存入原开设的活期储蓄账户内，贷款银行在约定的还款日主动从账户中扣收。如借款学生未按合同约定偿还贷款本息，贷款银行将向借款学生发出催款通知书，依法追究违约责任，并计收罚息。 　　38.逾期未还清国家助学贷款怎么办？ 　　答：对逾期未还清国家助学贷款本息的毕业生，其接受单位或工作单位负有协助经办银行催收贷款的义务，并在其工作变动时，提前告知经办银行；经办银行有权向其现工作单位和原工作单位追索所欠贷款。39.借款学生毕业后，贷款银行、借款学生及其所在学校应办理哪些手续？ 　　答：借款学生毕业后，学校将借款学生去向、变动情况、联系地址等书面通报经办银行。借款学生也应按照借款合同中的承诺，及时向经办银行通报变动后的单位、联系地址、还款方式及贷款担保的变化情况。借款学生蓄意逃脱银行债务，不按借款合同中的要求及时向经办银行通报变动后的单位、联系地址、还款方式及贷款担保的变化情况，使银行贷款形成风险的，银行将会同有关部门采取债权保护措施，必要时向社会公布，依法追偿贷款。 　　40.借款学生毕业后到外地如何还款？ 　　答：借款学生毕业后到异地工作的，可采取通过经办银行异地分支机构汇款到贷款银行的方式归还贷款；贷款银行也可与借款学生工作所在地的分支机构协商，办理贷款转移手续。 　　41.什么情况下，国家助学贷款的贷款银行可停止发放贷款？ 　　答：借款学生有下列行为之一，贷款银行可停止发放贷款。要求借款学生和保证人偿还学生借款本息，或依法处理抵押品、质物，清偿贷款本息： 　　(1)借款学生未按合同规定的用途使用贷款的；(2)借款学生有违法乱纪行为，受校方行政处分或有关部门刑事处罚的；(3)借款学生未按计划偿还学生贷款本息的；(4)借款学生中途退学、被校方开除或取消学籍的；(5)学习成绩差，无法完成学业的；(6)出国留学或定居的；(7)担保人丧失担保能力，没有及时通知贷款银行，需重新提供担保措施的。 　　42.国家助学贷款政策出台后，原学生贷款制度是否继续执行？ 　　答：根据教育部、财政部有关文件规定：普通高等学校在宣传、组织实施新的国家助学贷款制度的同时，仍要继续执行原国家教育和财政部共同发布的有关学生贷款制度的规定。43.为什么说信用是当代大学生的立身之本？ 　　答：国家助学贷款是家庭经济困难学生凭借自己的信用申请的贷款。国家助学贷款是大学生跨入社会的第一笔信用记录，国家积极鼓励大学生使用信用贷款完成学业，同时也通过国家助学贷款的实施教育大学生维护个人信用。在维护个人信用的基础上，今天的大学生还肩负着改善整个国家信用状况的历史使命，大学生的信用意识和信用知识将直接影响中国信用体系的实施和发展。因此，强化当代大学生的信用教育，无论对于大学生个人还是对于整个国家的经济建设和社会发展，都具有深远的意义。信用是当代大学生的立身之本。因此，大学生要增强法制观念，充分认识到背信违约的危害，做诚实守信的模范。 　　44.现行政策都采取了哪些防范国家助学贷款风险的措施？ 　　答：(1)利用高等学校毕业生学历查询系统，收集国家助学贷款借款学生的有关信息，接受经办银行对贷款学生个人情况的查询；    (2)逐步建立高等学校学生个人信用征询系统；    (3)公安部门将首先为全国普通高等学校在校学生换发第二代公民身份证，实现身份证号码终身惟一化，并协助银行查找违约借款学生工作和居住地址；    (4)各国有独资商业银行建立国家助学贷款学生的个人信用档案，并纳入电子化系统管理，实现学校、银行间联网；    (5)在媒体上公布违约人姓名等信息； 　　(6)各用人单位和银行、海关、出入境管理等单位在录用、发展新金融业务、出入境验放等业务时，应查验银行、教育系统发布的国家助学贷款信息。 　　45.“四定”、“三考核”的主要内容是什么？　　答：中国人民银行、教育部和财政部为落实国家科技教育领导小组第十次会议提出的“要大力推进国家助学贷款工作，研究完善有关政策和办法，加大工作力度，积极向符合条件的经济困难学生发放贷款”的要求，在总结国家助学贷款开办以来工作经验的基础上，经国务院同意，于2002年2月出台了“四定”、“三考核”政策。 　　(1)定学校。由省级教育行政部门确定本辖区内申请国家助学贷款的普通高等院校(以下简称贷款学校)。申请贷款学校限于全日制本专科生(高职生)、研究生和第二学位学生所在的普通高等院校。 　　(2)定范围。国家助学贷款范围限于申请贷款学校经济困难的全日制本专科生(高职生)、研究生和第二学位学生的学费、住宿费和生活费。 　　(3)定额度。全国普通高等院校经济困难学生申请贷款的比例原则上不超过全日制在校学生总数的20%，各地区具体比例，由省级教育部门、银行、财政部门根据本地经济水平和学生申请贷款情况研究确定。教育行政部门和申请贷款学校按照本地区确定的比例和每人每年最高不超过6000元的贷款数额，根据经济困难学生的实际经济状况和贷款需求，具体测算确定各申请贷款学校的国家助学贷款需求额度，并及时通知贷款经办银行。 　　(4)定银行。由各申请贷款学校自主选定一家国有独资商业银行的基层行作为国家助学贷款经办银行。目前已签订国家助学贷款银校协议的银行原则上不再变动；尚未选择经办银行的申请贷款学校要按照就近、方便的原则确定经办银行，“承担国家助学贷款的城市的商业银行要有专门的机构负责这项工作。” 　　“三考核”。中国人民银行及各分支行与教育行政部门要按月考核经办银行国家助学贷款的申请人数和申请金额，考核已审批贷款人数和贷款合同金额、考核实际发放贷款人数和发放金额，对考核情况要按月分折，发现问题，及时督促，协调解决。 教育部副部长解读国家助学贷款新规定 2004年09月01日来源: 人民网-人民日报 　　解读人：教育部副部长 张保庆　　今年秋季，新的国家助学贷款规定开始在全国普通高校全面实施。较之原有的国家助学贷款政策，新规定新在何处？记者为此采访了教育部副部长张保庆。　　延长还款年限：4年内还清改为6年内还清　　新规定延长了学生贷款的还款年限：改变目前自学生毕业之日起开始偿还本金、4年内还清的做法，实行借款学生毕业后视就业情况，在1至2年内开始还贷、6年内还清的做法。　　另外，如果借款学生毕业后自愿到国家需要的艰苦地区、艰苦行业工作，服务期达到一定年限后，经批准可以奖学金方式代偿其贷款本息。　　贴息方式有变化:在校期间利息由财政补贴，毕业后开始计付利息　　国家助学贷款的财政贴息方式有变化，改变目前在整个贷款合同期间，对学生贷款利息给予50%财政补助的做法，实行借款学生在校期间的贷款利息全部由财政补贴，毕业后全部自付的办法，借款学生毕业后开始计付利息。借款学生办理毕业或终止学业手续时，应当与经办银行确认还款计划，还款期限由借贷双方协商确定。若借款学生继续攻读学位，要及时向经办银行提供继续攻读学位的书面证明，财政部门继续按在校学生实施贴息。借款学生毕业或终止学业后1年内，可以向银行提出一次调整还款计划的申请，经办银行应予受理并根据实际情况和有关规定进行合理调整。贷款还本付息可以采取多种方式，可以一次或分次提前还贷。提前还贷的，经办银行要按实际期限计算利息，不得加收除应付利息之外的其他任何费用。　　经办银行的确定采用新方式:由国家指定商业银行改为招标　　经办国家助学贷款的银行原来由国家指定商业银行办理，以后将改为由政府按隶属关系委托全国和各省级国家助学贷款管理中心通过招标方式确定经办银行。目前，中央部门所属高校国家助学贷款经办银行的招标工作已顺利完成。　　建立风险补偿机制:风险补偿专项资金由财政和高校各承担一半　　建立国家助学贷款风险补偿机制。为鼓励银行积极开展国家助学贷款业务，按照“风险分担”原则，建立国家助学贷款风险补偿机制。按隶属关系，由财政和普通高校按贷款当年发生额的一定比例建立国家助学贷款风险补偿专项资金，给予经办银行适当补偿，具体比例在招投标时确定。国家助学贷款风险补偿专项资金由财政和普通高校各承担50%；每所普通高校承担的部分与该校毕业学生的还款情况挂钩。风险补偿专项资金由各级国家助学贷款管理中心负责管理。财政部门每年将应承担的资金及时足额安排预算；各普通高校承担的资金，按照普通高校隶属关系和财政部门有关规定，在每年向普通高校返还按“收支两条线”管理的学费收入时，由财政部门直接拨给教育主管部门。各级国家助学贷款管理中心在确认经办银行年度贷款实际发放额后，将风险补偿资金统一支付给经办银行。　　加强贷后跟踪管理:在享受政策优惠的同时，借款学生将受到更严格的还款约束　　对普通高校实行借款总额包干办法。普通高校每年的借款总额原则上按全日制普通本专科生(含高职学生)、研究生以及第二学士学位在校生总数20%的比例、每人每年6000元的标准计算确定。国家助学贷款管理中心以国家助学贷款学生个人信息查询系统为依托，进一步完善对借款学生的信息管理，对借款学生的基本信息、贷款和还款情况等及时进行记录，加强对借款学生的贷后跟踪管理，接受经办银行对借款学生有关信息的查询；并将经办银行提供的违约借款学生名单在新闻媒体及全国高等学校毕业生学历查询系统网站公布。　　在享受政策优惠的同时，借款学生将受到更为严格的还款约束：连续拖欠贷款超过一年且不与经办银行主动联系的借款学生姓名及公民身份证号码、毕业学校、违约行为等按隶属关系提供给国家助学贷款管理中心，经办银行将不再为其办理新的贷款和其他授信业务。借款学生毕业时，学校应在组织学生与经办银行办理还款确认手续后，方可为借款学生办理毕业手续，并将其贷款情况载入学生个人档案；积极配合经办银行催收贷款，负责在1年内向经办银行提供借款学生第一次就业的有效联系地址；学生没有就业的，提供其家庭的有效联系地址。</t>
  </si>
  <si>
    <t xml:space="preserve">过河拆桥生活中很多人喜爱这种破坏工作，不过都是偷偷的干完了往脸上 </t>
  </si>
  <si>
    <t>你是一个真正意义的探讨者。</t>
  </si>
  <si>
    <t xml:space="preserve">夜叉的来历和出处？ </t>
  </si>
  <si>
    <t xml:space="preserve">「夜叉」梵语，又译为“药叉”。译成中文是能啖、捷疾、勇健。是印度神话中一种半神的小神灵。据《毗湿奴往世书》所述，夜叉与罗刹同时由大梵天的脚掌中生出，双方通常相互敌对。夜叉与罗刹不同，对人类持友善态度，因而被称为“真诚者”。其形象有时被描述为美貌健壮的青年，有时又被描述为腹部下垂的侏儒。《大日疏经》卷一说；“西方谓夜叉为秘密，以其身口意速疾隐秘，难可了知，故旧翻或为密迹。若浅略明义，秘密主即是夜叉王也。”“密迹”是因其能听到一切诸佛秘要密迹之事。在佛教世界，他成了护法“八部众”之一，北方毗沙门天王即率领夜叉八大将，护众生界。有“夜叉八大将”、“十六大夜叉将”等名词。“夜叉”是能吃鬼的神，又有敏捷、勇健、轻灵、秘密等意思。“维摩经”注：“什曰：‘夜叉有三种：一、在地，二、在空虚，三、天夜叉也。’”现在我们说到“夜叉”都是指恶鬼，能飞行，能食人、伤人。 </t>
  </si>
  <si>
    <t xml:space="preserve">这个结了小红果的植物是什么？我们北方马路的两旁种植了一些结小红果 </t>
  </si>
  <si>
    <t>叫南天竹，属小檗科南天竹属常绿灌木。别名： 天竺，南天竺，竺竹，南烛，南竹叶，红杷子、蓝天竹、木兰竺，又名红杷子（王玷桂《不药良方》），天烛子（《三奇方》），红枸子（《现代实用中药》），钻石黄（《上海常用中草药》），天竹、兰竹。常见栽培变种有：玉果南天竹，浆果成熟时为白色；绵丝南天竹，叶色细如丝；紫果南天竹，果实成熟时呈淡紫色；圆叶南天竹，叶圆形，且有光泽。因其形态优越清雅，常被用以制作盆景或盆栽来装饰窗台、门厅、会场等。株高约2m。直立，少分枝。老茎浅褐色，幼枝红色。叶对生，2-3回太复叶，小叶椭圆状披针形。圆锥花序顶生；花小，白色；浆果球形，鲜红色，宿存至翌年2月。常绿灌木，高约200厘米。茎直立，少分枝，幼枝常为红色。叶互生，常集于叶鞘；小叶3～5片，椭圆披针形，长3～10厘米。夏季开白色花，大形圆锥花序顶生。浆果球形，熟时鲜红色，偶有黄色，直径0.6～0．7厘米，含种子2粒，种子扁圆形。花期5～6月，果熟期十～来年一月。南天竹性喜温暖、湿润、的环境，也耐寒。喜半荫，在强光直射下生长不良，叶色变红，难于结实。但环境过于荫蔽，则茎细叶长，株丛松散，长势不佳。容易养护。栽培土要求肥沃、排水良好的沙质壤土。对水分要求不甚严格，既能耐湿也能耐旱。比较喜肥，可多施磷、钾肥。生长期每月施1—2次液肥。盆栽植株观赏几年后，枝叶老化脱落，可整型修剪，一般主茎留15cm左右便可，4月修剪，秋后可恢复到lm高，并且树冠丰满。民间传说南天竹枝干挺拔如竹，羽叶开展而秀美，秋冬时节转为红色， 异常绚丽，穗状果序上红果累累，鲜艳夺目。宋代杨巽斋诗云：“花发朱明雨后天，结成红颗更轻圆，人间热恼谁医得，只要轻香净业缘。”形容夏日雨后盛开的小白花，枝头结满可爱的小圆果，使人忘却了夏日酷暑，小花的馨香解除了，带来了快乐。 南天竹果实含南天宁碱，原阿片碱、异紫堇定碱，南天竹种碱。南天竹碱，药根碱，此外尚含脂肪酸，翠菊甙，蹄纹天竺素木糖葡萄糖甙。N-去甲南天宁碱，去氢南天宁碱，4，5-二氧代去氢南天宁碱，1，2-二甲氧基-9，10-亚甲二氧基代二苯喹啉。繁殖方法　　（1）种子繁殖　　秋季采种，采后即播。在整好的苗床上，按行距33厘米开沟，深约10厘米，均匀撒种，每公顷播种量为90-120千克。播后，盖草木灰及细土，压紧。第二年幼苗生长较慢，要经常除草，松土，并施清淡人畜粪尿。以后每年要注意中耕除草。追肥，培育3年后可出圃定植。移栽宜在春天雨后进行。株行距各为100厘米。栽前，带土挖起幼苗，如不能带士，必须用稀泥浆根，栽后才易成活。　　（2）分株繁殖南天竺果实　　在冬季挖根时，把老株蔸部有根的小苗剪下栽种，栽培方法与种子繁殖法相同。　　（3）田间管理　　栽后第一年内在春、夏、冬三季各中耕除草、追肥1次，同时还要补栽缺苗。以后每年只在春季或冬季中耕除草，追肥1次。　　（4）采收加工　　南天竹栽后4～5年，冬季可砍收部分老茎干。6～7年后可全株挖起，抖去泥土，除去叶片，把茎干和根破成薄片，晒干备用。10～11月果实变红或黄白色时采收晒干备用。南天竹 - 常用配方1.治小儿天哮：经霜天烛子、蜡梅花各三钱，水蜒蚰一条。俱预收，临用水煎服。（《三奇方》）2.治百日咳：南天竹干果实三至五钱。水煎调冰糖服。（《福建中草药》）3.治三阴疟：南天竹隔年陈子，蒸熟。每岁一粒，每早晨白汤下。（《文堂集验方》）4.治下疳久而溃烂，名蜡烛疳：红把子烧存性一钱，梅花冰片五厘。麻油调搽。（王玷桂《不药良方》）5.解砒毒，食砒垂死者：南天竹子四两，擂水服之。如无鲜者，即用于子一、二两煎汤服亦可。（《纲目拾遗》）6.治八角虱：红杷子同水银捣烂擦之。亦可浸酒，去风痹。（《纲目拾遗》）[2]</t>
  </si>
  <si>
    <t xml:space="preserve">我可以在这里砸碎“穿梭时空”的幻想吗？如果人与自然只是宇宙导演录 </t>
  </si>
  <si>
    <t>不要再提高了。穿越时空根本就是一种理论界的梦想。根据爱因斯坦的质能公式，要消耗多大的能量才能达到光速？达到光速的人以什么状态存在？如何让光速中的人停止运动并转化为人的正常状态？</t>
  </si>
  <si>
    <t xml:space="preserve">问：一个很菜鸟的DOS窗口滚动问题在Windows下DOS窗口只? </t>
  </si>
  <si>
    <t>在dos命令后面加上"/P"不包括引号.</t>
  </si>
  <si>
    <t xml:space="preserve">冰糖有什么功效？ </t>
  </si>
  <si>
    <t xml:space="preserve">作用：(1)冰糖的作用：补中益气，和胃润肺，止咳化痰。——大辞典上册953页(2)性味：甘、平、无毒。归经：入肺、脾。(3)功效：养阴生津，润肺止咳。(4)主治：肺燥咳嗽，干咳无痰，咯痰带血。冰糖土法制作技术 冰糖既可食用，又可以入药，治疗多种病症，现在介绍一种土法制冰糖的方法。 （一）糖液的配制 选择白砂糖50kg，加清洁水1搅匀，使糖充分溶解于水。 （二）熬制方法 熬制前在夹层锅中夹层内，加入植物油，然后将配制好的糖液倒入上层锅内，用火熬制，当糖液煮开5—6分仲时，再加入常温下的饱和白矾溶液0.5kg边加边搅拌使其充分混合，用温度计测量，当糖液内温度升高到150℃停火降温出锅。出锅时，温度以115-120℃为最好。 （三）结晶方法 将出锅的糖液，盛入盘内放在土坑上用干净棉被盖实，当天盘内温度保持在90℃左右，以后每天降温10℃，降到第七天为止。如温度不够，可加火升高坑温，一般情况下，糖液在结晶过程中，怕冷不怕热。 </t>
  </si>
  <si>
    <t xml:space="preserve">2004年成人高考我们是潍坊海化的考生，今年的成人高考成绩是29 </t>
  </si>
  <si>
    <t>先打个电话给山东大学，看一下他们有没有录取你们。如果录取了的话，就可以放心了，如果是潍坊的学校录取了你们是不是分数的原因或者是别的什么原因。还有你是不是在潍坊某个学校报的名啊，因为这个学校很可能就是山东大学在潍坊的函授站。弄清楚之后就可以放心了。</t>
  </si>
  <si>
    <t xml:space="preserve">玩不了说我没有显示驱动程序。但我有的。为什么上不了 </t>
  </si>
  <si>
    <t xml:space="preserve">假如您在进入时出现以下情况：GAME.EXE、无法找到openGL最新显卡程序、游戏黑屏，弹回桌面，重起电脑等错误而导致无法进入游戏，请下载更新显卡驱动，尝试解决此类问题！·玩家可以自行登陆相应显卡官网下载最新驱动；·或者可以根据我们提示步骤完成：1.首先判断您的显卡芯片型号：右键单击我的电脑→属性→硬件→设备管理器→显示卡2.根据你的显卡芯片型号根据以下地址下载最新相应驱动3.下载完后运行setup.exe，安装完成后重起电脑，尝试登陆游戏假如还未能解决问题请联系官方 请求远程协助！--------------------------------------------------------------------------------nVIDIA系列显卡：适用：GeForce2/Quadro2/Geforce3/Geforce4/Quadro4/GeForceFX/QuadroFX/GeForce6/GeForce7系列ForceWare驱动84.20 Beta多语言版For Win2000/XP（2006年3月10日发布） 请您选择相对最快速的下载地点来下载驱动：电信主力下载1 网通主力下载1电信主力下载2 网通主力下载2ForceWare驱动81.98官方正式多语言版For Win98SE/ME（2005年12月23日发布） 请您选择相对最快速的下载地点来下载驱动：电信主力下载1 网通主力下载1电信主力下载2 网通主力下载2ForceWare驱动83.40 Beta版For WinXP-64 Edition系统（2006年2月1日发布）请您选择相对最快速的下载地点来下载驱动： 电信主力下载1 网通主力下载1电信主力下载2 网通主力下载2--------------------------------------------------------------------------------ATi系列显卡适用：ATi冶天Radeon7000/7200/7500/8500/9000/9200/9500/9550/9600/9700/9800/X300/X550/X600/X800/X850系列显卡最新催化剂驱动6.3官方正式完整(控制中心)版For Win2000/XP（2006年3月9日发布） 　 请您选择相对最快速的下载地点来下载驱动： 电信主力下载1 网通主力下载1电信主力下载2 网通主力下载2最新催化剂驱动6.2官方正式版For Win98SE/ME（2006年3月10日发布） 请您选择相对最快速的下载地点来下载驱动：电信主力下载1 网通主力下载1电信主力下载2 网通主力下载2最新64位催化剂驱动6.3官方正式完整(控制中心)版For WinXP-64 Edition系统（2006年3月9日发布）请您选择相对最快速的下载地点来下载驱动：　 电信主力下载1 网通主力下载1电信主力下载2 网通主力下载2ATi冶天Mobility Radeon 9600/9700/9800/X300/X600/X700/X800系列移动显卡最新催化剂驱动6.3版For Win2000/XP 适用于笔记本显卡（2006年3月11日发布）请您选择相对最快速的下载地点来下载驱动：　 电信主力下载1 网通主力下载1电信主力下载2 网通主力下载2以上显卡驱动链接来自驱动之家（ </t>
  </si>
  <si>
    <t xml:space="preserve">文件格式转换其他视频格式转换为AMV格式.我需要软件名称，在哪里 </t>
  </si>
  <si>
    <t>AMV精灵是国内第一款最小巧的AMV格式视频转换工具，它支持 AVI ASF WMV MPG MPEG MOV DAT RM VOB 等多种视频格式转换为AMV格式。AMV精灵(AMVFairy) 2.5完美版下载地址： 祝你好运！</t>
  </si>
  <si>
    <t xml:space="preserve">请问大家早晚喝牛奶可以吗？早晚喝会不会发胖，牛奶与酸奶哪个更适合 </t>
  </si>
  <si>
    <t xml:space="preserve">　通常，人们习惯于早晨喝牛奶，但从充分发挥牛奶的营养作用、获得最大的效益来说，这却不是最佳的摄食时间。因为，对人体生长发育影响最大的生长激素，特别对青少年儿童来说，生长素对发育起着决定性的作用。从定时检测血浆里生 长激素浓度的实验发现，一天24小时除饭后3—4小时含量略高外，大部分时间浓度都较低，但是深睡1小时后，无论儿童或是成人，都会出现一个浓度高峰期：生长激素含量最高，这种现象在青少年时期特别明显。此时，身体合成代谢旺盛，骨骼、肌肉、内脏生长迅速，所以青少年儿童喝牛奶的最佳时间是晚上临睡前。 　　因此，把早晨的牛奶放到晚上临睡前喝，以充分利用牛奶的营养价值，使青年儿童发育得更好、更健美。对青年人及中老年人则有润肌肤、驻颜的功效。因人体皮肤细胞分裂的时间很特殊，它只限定在夜间进行，也就是说，人体细胞的更新产生新世界细胞是在人睡眠中进行的。 　　所以临睡前喝牛奶即保证皮肤足够的营养物质，也有利于皮肤的新陈代谢，制造出更多的新细胞，使皮肤显得健美、有光泽、富于弹性，就可以延缓衰老，青春常驻。 酸奶的营养价值与保健功能 :    1、酸奶具有显著的整肠止泻和消食化滞的作用。　　2、酸奶具有抗衰老和延年益寿的作用。　　3、促进消化道的蠕动、减少便秘的发生。　　4、酸奶比鲜牛奶更易消化吸收，而且能克服乳糖不耐症的发生。　　5、增强机体的免疫力，预防与控制肿瘤的发生。　　6、食用酸奶可降低血清的胆固醇含量，减少老年人心血管病的发病率。 </t>
  </si>
  <si>
    <t xml:space="preserve">西洋古典家具怎样？ </t>
  </si>
  <si>
    <t>西洋古典家具种类繁多，像在老巴黎古董家具店就有多个国家的。意大利家具是尊贵与奢华的艺术。意式家具的特点是强调奢侈、豪华的皇家装饰，运用曲线曲面，追求动态变化，并在家具表面涂金装饰，来表现无限辉煌，展现财富和能力。法国家具以优美线条著称。带有浓郁贵族宫廷色彩，并富含艺术气息。强调手工雕刻及优雅复古的风格。西班牙家具的特色是温馨亲切、热情洋溢、真材实料、表里如一。家具中的雕刻装饰深受哥特式建筑的影响。</t>
  </si>
  <si>
    <t xml:space="preserve">有关‘百’的成语 </t>
  </si>
  <si>
    <t>百八真珠 念珠。因念珠每串一百零八颗，故称 百宝万货 指大量珍宝财物 百不当一 一百个抵挡不住一个 百不失一 犹言万无一失。形容绝不会失误 百不为多，一不为少 谓难得的好人或好东西 百不一贷 犹言无一宽免 百不一遇 一百次中遇不到一次。形容极其难得 百步穿杨 《史记·周本纪》：“楚有养由基者，善射者也。去柳叶百步而射之，百发而百中之。左右观者数千人，皆曰善射。”后因以“百步穿杨”形容射术非常高明 百尺竿头 ①桅杆及杂技长竿的顶端。②喻极高的官位和功名。③喻学问、事业有很高的成就。④佛教语。比喻道行达到极高的境界 百尺无枝 汉枚乘《七发》：“龙门之桐，高百尺而无枝。”后因以“百尺无枝”比喻罕见的大而有用之材 百川朝海 众水奔流趋向大海。多比喻无数分散的事物都汇集到一处 百川归海 见“百川朝海” 百代文宗 永为后世宗仰的文人 百读不厌 诵读多遍，不感厌倦。语出宋苏轼《送安敦秀才失解西归》诗：“旧书不厌百回读，熟读深思子自知。”后因以“百读不厌”形容文章高超 百端待举 见“百凡待举” 百堕俱举 同“百废俱兴” 百二关河 同“百二山河” 百二金瓯 同“百二山河” 百二山川 同“百二山河” 百二山河 喻山河险固之地 百发百中 ①形容射术高明，百不失一。②比喻料事和打算极有把握 百凡待举 无数事情都等待兴办 百废待举 见“百废待兴” 百废待兴 谓许多被废置的事业都等着兴办 百废具举 见“百废俱举” 百废具兴 见“百废俱兴” 百废具作 同“百废俱兴” 百废俱举 同“百废俱兴” 百废俱兴 谓一切废置的事都兴办起来 百废咸举 同“百废俱兴” 百感交集 种种感触交织在一起。形容感慨无比 百怪千奇 形容花样繁多 百鬼众魅 各种妖魔鬼怪 百花齐放 ①谓千百种花同时开放，争奇斗艳。后借喻事物繁茂纷呈。②比喻上的不同形式和风格自由地发展。参见“百花齐放，百家争鸣” 百花齐放，百家争鸣 比喻艺术上不同的形式和风格的自由发展，科学上不同学派的自由争论。是中国共产党1956年提出的文艺方针 百喙如一 犹言众口一辞 百喙一词 见“百喙如一” 百计千方 谓想尽或用尽所有办法 百家争鸣 原指我国战国时期学术界互相辩争的风气。当时学术派别很多，著名的有儒、法、道、墨、名、阴阳、纵横、农、杂等家。他们著书立说，游说争辩，形成“百家争鸣”的局面。这种局面，对当时思想、文化、学术的发展有很大的推动作用。后用以称学术研究中各抒己见以求发展的方法 百结愁肠 谓愁绪如结无法解开 百结悬鹑 比喻衣衫破烂。鹑鸟尾秃，像补缀百结，故云 百举百捷 见“百举百全” 百举百全 做一百件事，成功一百件。谓办事万无一失 百孔千疮 亦作“百孔千创”。①比喻残破缺漏非常严重。②比喻弊病弱点很多。③比喻困苦不堪 百孔千创 见“百孔千疮” 百口莫辩 谓纵有众多的嘴也不能辩解 百里挑一 ①形容不可多得。②谓挑选严格 百里之命 指国君的政令。百里，指诸侯国 百炼成钢 铁经过多次锻炼，能炼成钢。比喻久经斗争生活的考验，变得非常坚强 百虑一致 谓使各种不同的思想归于一致。语出《易·系辞下》：“天下何思何虑，天下同归而殊涂，一致而百虑。” 百媚千娇 极言娇媚动人 百密一疏 在极周密的考虑中偶然出现了一点疏忽 百年不遇 形容很少遇见 百年大计 指有关长远利益的计划或措施 百年好事 指婚姻喜事 百年树人 培育人才需要百年。谓育才是百年大计，要付出艰苦的劳动 百年偕老 谓夫妻共同生活到老 百年谐老 见“百年偕老” 百年之好 永久的好合。指男女结为夫妇 百年之约 即婚约 百品千条 繁多的名目 百巧成穷 见“百巧千穷” 百巧千穷 谓有多种才能的人反而贫困不堪 百忍成金 《旧唐书·孝友传·张公艺》：“郓州寿张人张公艺，九代同居……麟德中，高宗有事泰山，路过郓州，亲幸其宅，问其义由。其人请纸笔，但书百馀‘忍’字。”后以“百忍成金”形容忍耐的可贵 百舍重茧 见“百舍重趼” 百舍重趼 亦作“百舍重茧”。百里一舍，足底老皮上又生出硬皮。形容长途奔走，十分辛劳 百身何赎 见“百身莫赎” 百身莫赎 亦作“百身何赎”。谓一身虽百死亦不能补偿 百世不磨 千秋万代永不磨灭 百世不易 千秋万代永不改变 百世流芳 美名永传于后世 百世流芬 见“百世流芳” 百世一人 谓极难得的人才 百世之利 世世代代的利益 百事大吉 谓一切顺利；平安无事 百兽率舞 谓音乐和谐之声感动群兽相率起舞 百顺百依 同“百依百随” 百顺千随 同“百依百随” 百思不解 百般思索也不能理解 百思莫解 见“百思不解” 百死一生 形容生命极其危险，处于死亡的边缘 百岁之盟 同“百年之约” 百闻不如一见 多次听说还不及一次看到。意即耳闻是虚，眼见为实 百无禁忌 谓一切不忌讳 百无聊赖 指精神无所依托，非常无聊 百无是处 犹言一无是处。形容全都是错的，没有一点对的地方 百无所成 犹言一事无成 百无一成 犹言一事无成 百无一堪 谓百人中无一人能胜任 百无一能 百事中无一事能做。形容人无能 百无一失 见“百不失一” 百无一是 谓百事之中无一件是正确的。表示对人对事的全盘否定 百无一用 谓毫无用处 百务具举 各种事务全都兴办 百下百全 犹言百发百中，万无一失 百下百着 见“百下百全” 百依百顺 同“百依百随” 百依百随 形容什么都顺从 百载树人 见“百年树人” 百战百败 每战必败 百战百胜 每战必胜；战无不胜 百战不殆 谓每战必胜，从不打败仗 百战无前 犹言所向无敌 百丈竿头 佛教语。百丈高的竿子。比喻道行已达极高的境界 百折不摧 同“百折不挠” 百折不回 同“百折不挠” 百折不挠 受到无数挫折都不屈服、动摇。形容意志坚强 百折不屈 同“百折不挠” 百折不移 屡遭挫折亦不改变其操守 百折千回 形容经过种种曲折和纡回 百拙千丑 极言拙劣丑陋 百紫千红 形容繁花似锦，色彩繁多 百纵千随 同“百依百随” 百足不僵 见“百足之虫，至死不僵” 百足之虫 ①马陆的别名。体长而稍扁，长寸余，由许多环节构成，各节有足一至二对。中断成两截，头尾仍能各自行走。多用以比喻故国、旧家或势位富厚的人。②蜈蚣的俗称 百足之虫，断而不蹶 见“百足之虫，至断不蹶” 百足之虫，死而不僵 同“百足之虫，至死不僵” 百足之虫，至断不蹶 同“百足之虫，至死不僵” 百足之虫，至死不僵 比喻势力雄厚的集体或个人一时不易垮台</t>
  </si>
  <si>
    <t xml:space="preserve">什么是男女之间的挑逗？如果一个男孩对自己女朋友说，你什么时候有需 </t>
  </si>
  <si>
    <t>说一句亲爱的，或是肉嘛的话就是打情骂俏，挑逗比较复杂，有用眼睛和你说话，主动接触你某某地方。。。。。</t>
  </si>
  <si>
    <t xml:space="preserve">我家宝宝，1岁个月了，最近吃饭很不好，我家宝宝1岁2个月了，现在 </t>
  </si>
  <si>
    <t>呵呵  我也和你一样，我孩子一岁半了。孩子那么小，他的伙食肯定和我们不一样，他不吃饭的时候，你应该为他改变伙食的了，比如吃原子汤，豆腐等比较软的食物。而且还要经常的变化，从而吸引他的胃口。零食是关键，最好少吃，没有办法的时候，买一些也可以哄他吃饭，以及减少自己的麻烦。晚上睡觉的时候，喂奶粉，增 的营养。不要随便给他补钙，现在的伙食基本上可以解决这个问题了，你想我们小的时候，补什么了。如果你确实担心，可以经常的熬骨头汤或者有太阳的时候，带出来晒晒。温室的花是长不好的。祝你的小宝宝健康成长。</t>
  </si>
  <si>
    <t xml:space="preserve">高手帮看看这个配置好不哪些要更改cpuamd速龙3核主板映泰TA </t>
  </si>
  <si>
    <t>家庭用游戏写作足够好了</t>
  </si>
  <si>
    <t xml:space="preserve">谁能告诉我这是什么花不是大白菜噢 </t>
  </si>
  <si>
    <t>菜也像花一样美，这是羽衣甘蓝，做观赏用的。</t>
  </si>
  <si>
    <t xml:space="preserve">眼镜店里的验光机测了以后对眼睛有伤害吗 </t>
  </si>
  <si>
    <t>短暂测试没事滴~~</t>
  </si>
  <si>
    <t xml:space="preserve">请教法律问题我一个朋友将他的身份证借给别人开公司，别人用他的身份 </t>
  </si>
  <si>
    <t>你的朋友真是大错特错。身份证件不可以这样用。这属于欺骗行为，在民法上，诚信是帝王条款，你朋友的行为和你朋友的朋友的行为显然违反了诚信原则，他们应该负连带责任，但前提是你朋友的朋友承认ta借了你朋友的身份证才行，否则，他要赖账，你朋友就只能负全部责任。所以想要没有责任，或者把这个公司的法定代表人换掉，或者马上注销这个公司，以免后患。</t>
  </si>
  <si>
    <t xml:space="preserve">一开机就出出现一个小框翻译出来是智能卡阅读器这是什么意思，怎么回 </t>
  </si>
  <si>
    <t>你的阅读安装没有成功，不能阅读，要求你检查衔接是否正常。这是文件缺损所造成的，如果要取消，该文件以后就无法使用了。确要取消的话，用一键还原就可以了。</t>
  </si>
  <si>
    <t xml:space="preserve">美的洗衣机质量好不好呢？家里要换洗衣机啦，最近看中了“爱尚”滚筒 </t>
  </si>
  <si>
    <t>美的滚筒洗衣机外观都设计都蛮时尚的，超大液晶显示屏及标识清楚的按键，可以预约洗涤、调节水温、转速、水位，并且提供防皱洗和强力洗功能选择，体验过你就知道了，真的不错</t>
  </si>
  <si>
    <t xml:space="preserve">我的电脑开机到桌面后很长时间才能操作是怎么回事？ </t>
  </si>
  <si>
    <t>你的系统需要优化来弥补你的不足系统优化总汇1.关闭自启动： 运行--》“msconfig”回车。（启动）选项，点击它，这个选项卡中显示了Windows启动时运行的所有程序。这里没有一个程序对Windows来说是生死悠关的，所以放心大胆地把不要的去掉。把部分勾勾去掉之后，Windows启动会快些，同时空闲的系统资源也会多出一些。（建仪只留杀毒和CTFON） 2。关掉不必要的服务 单击“开始”→“设置”→“控制面板”。双击“管理工具”→“服务”，打开后将看到服务列表，有些服务已经启动，有些则没有。右键单击要配置的服务，然后单击“属性”。在“常规”选项卡上选择“自动”、“手动”或“禁用”，其中“ 自动”表示每次系统启动时，Windows XP都自动启动该服务；“手动”表示Windows XP不会自动启动该服务，而是在你需要 该服务时手动启动该服务；而“禁用”则表示不允许启动该服务。在实际配置时，选择“手动”或者“禁用”都可以实现关闭该服务的目的，推荐使用手动功能，这样你随时可以启动一些临时需要的服务 3.移动临时文件夹板 : 控制面板---》INT选项--&gt;移动INT临时文件夹--&gt;改为其它盘下，自己指定一个文件夹, 4.环境变量  控制面板----&gt;系统----&gt;高级---&gt;环境变量--&gt;temp(tmp)改为其它盘下，自己指定一个文件夹 5.打开CPU二级缓存。 运行--&gt;regedit，展开HKEY_LOCAL_MACHINE＼System＼CurrentControlSet＼Control＼Session Manager＼Memory Management分支，双击右侧窗口中的“SecondLevelDataCace”，然后在弹出的窗口中直接填入当前计算机所使用的CPU的二级缓存容量即可。 赛扬处理器的二级缓存为128KB，应将其值设置为80(16进制，下同)。PⅡ、PⅢ、P4均为512KB二级缓存，应设置为200；PⅢE(EB)、P4 Willamette只有256KB二级缓存，应设置为100；AMD Duron只有64KB二级缓存，应设置为40；K6-3拥有256KB二级缓存；Athlon拥有512KB二级缓存；Athlon XP拥有256KB二级缓存；Athlon XP(Barton核心)拥有512KB二级缓存。 6、提高宽带速度 　　[开始]--&gt;[运行]--&gt; c.进入到[组策略]窗口，在左边窗口中选取[计算机配置]--&gt;[管理模板]--&gt;[网络]--&gt;[QoS数据包调度程序]，在右边的窗口中双击"限制可保留的带宽"，选择"已启用"并将"带宽限制(%)"设为0应用--&gt;确定--&gt;重开机即可。 7.WINXP优化系统缓存的方法： 单击“开始”、“运行”--&gt;“Regedit”后回车.依次展开HKEY_LOCAL_MACHINE＼SYSTEM＼CURRENTCONTROLSET＼CONTROL＼SESSION MANAGER＼MEMORY MANAGEMENT分支，在右侧窗口中单击鼠标右键，选择“新建”、“DWORD”值，将新值命名为“Iopagelocklimit”，并将其值设置为“4000”(16进制，即16MB)或“8000”(即32MB)，这样硬盘的读写频率会降低不少。对于BT造成的CPU占用率过高问题，可以通过调节任务的优先级来解决：在Windows 2000/XP下同时按下“Ctrl+Alt+Delete”组合键，选择“任务管理器”，然后单击“进程”选项卡，用鼠标右键单击“Btdownloadgui.exe”，选择“设置优先级”下低于“标准”的一个级别即可。不过这样调节有时会引起BT非法操作退出。 8.改软件的安装路径; 单击“开始”、“运行”--&gt;“Regedit”找到“HKEY_LOCAL_MACHINE\Software\Microsoft\Windows\CurrentVersion”，在右侧窗口中找到名为“ProgramFilesDir”的字符串，就是它记录了ProgramFiles的路径，双击把数值由“C:\ProgramFiles”修改为“D:\ProgramFiles”，确定后退出注册表就可以了. 9.加快窗口显示速度： 我们可以通过修改注册表来改变窗口从任务栏弹出，以及最小化回归任务栏的动作，，单击“开始”、“运行”--&gt;“Regedit”找到HKEY_CURRENT_USER\Control Panel\Desktop\WindowMetrics子键分支，在右边的窗口中找到MinAniMate键值，其类型为REG_SZ，默认情况下此健值的值为1，表示打开窗口显示的动画，把它改为0，则禁止动画的显示，接下来从开始菜单中选择“注销”命令，激活刚才所作的修改即可。 10.关闭错误回报 控制面板----&gt;系统----&gt;高级---&gt;错误报告----&gt;关闭[/Post] 11. 控制垃圾文件 　　当然我们也不能一边瘦身一边制造垃圾，所以我们要时刻注意防止Windows XP产生垃圾文件。如说XP默认在系统失败时记录错误事件，并写入调试信息，我们完全可以弃之不用。方法，进入“系统属性”→“高级”→“启动和故障恢复”选项卡，清空“将事件写入日志文件”，在“写入调试信息”下拉框里选“无”即可 12..加快开机速度: 　　在XP中关机时，系统会发送消息到运行程序和远程服务器，告诉它们系统要关闭，并等待接到回应后系统才开始关机。加快开机速度，可以先设置自动结束任务，“运行”--&gt;“Regedit”找到HKEY_CURRENT_USER＼Control Panel＼Desktop，把AutoEndTasks的键值设置为1；然后在该分支下有个“HungAppTimeout”，把它的值改为“4000(或更少)，默认为50000；最后再找到HKEY_LOCAL_MACHINE＼ System＼CurrentControlSet＼Control＼，同样把WaitToKillServiceTimeout设置为“4000”；通过这样设置关机速度明显快了不少。 13.快速关机 　　Windows XP的开机速度的确比以前版本的操作系统快了很多，但关机速度却慢了不少。如果你在意关机速度的快慢，可以修改几个注册表键值，就可以大大减少Windows关闭所用的时间。“运行”--&gt;“Regedit，找到HKEY_CURRENT_USER＼Control Panel＼Desktop＼，里面有个名为HungAppTimeout的键，它的默认值是5000(如果不是，把它改为5000)。接下来，还有个WaitToKillAppTimeout键，把它的值改为4000(默认值是2000)。最后，找到注册表如下位置：HKEY_LOCAL_MACHINE＼System＼CurrentControlSet＼Control＼。同样地，把其中的WaitToKillServiceTimeout键值改为4000。另外，把控制面板--&gt;管理工具--&gt;服务中的NVidia Driver Help服务设为手动，也可以加快Windows关闭时间。 14.除去快捷方式图标上的箭头: “运行”--&gt;“Regedit”--&gt;[HKEY_CLASSES_ROOT]--&gt;[lnkfile]删除[IsShortcut]一栏，重新启动电脑。 15.清除还原点，释放硬盘空间 　　Windows XP设置了创建“还原点”的功能，存储包含系统设置信息的简单文件，以防系统崩溃时，设置丢失。然而，一定情况下Windows会创建多个不必要的还原点，有时会占用几G的硬盘空间。建议除了xp安装的那个盘使用，其它盘都别用，只需点击开始-&gt;程序-&gt;附件-&gt;系统工具-&gt;磁盘清理，在弹出的选单中选中要清理的硬盘，然后选择“清理”，最后点击确定. 16.减少开机滚动条时间 　　每次启动Windows XP，蓝色的滚动条都要走上好多次，其实这里我们也可以把它的滚动时间减少，以加快启动速度。，“运行”--&gt;“Regedit”找到HKEY_LOCAL_MACHINE＼SYSTEM＼CurrentControlSet＼Control＼Session Manager＼Memory Management＼PrefetchParameters，在右边找到EnablePrefetcher主键，把它的默认值3改为1，这样滚动条滚动的时间就会减少。 17.删除Windows强加的附件： 1） 用记事本NOTEPAD修改\winnt\inf\ f，用查找/替换功能，在查找框中输入，hide（一个英文逗号紧跟hide）， 将“替换为”框设为空。并选全部替换，这样，就把所有的,hide都去掉了 18.关掉调试器Dr. Watson； Dr.Watson是自带的系统维护工具，它会在程序加载失败或崩溃时显示。运行drwtsn32，把除了“转储全部线程上下文”之外的全都去掉。否则一旦有程序出错，硬盘会响很久，而且会占用很多空间。如果你以前遇到过这种情况，请查找 p文件并删掉，可能会省掉几十M的空间。这是出错程序的现场，对我们没用。“运行”--&gt;“Regedit”找到HKEY_LOCAL_MACHINE\SOFTWARE\Microsoft\Windows NT\CurrentVersion\AeDebug子键分支，双击在它下面的Auto键值名称,将其“数值数据”改为0，最后按F5刷新使设置生效，这样就彻底来取消它的运行了。 另外蓝屏时出现的 p也可删掉。可在我的电脑/属性中关掉BSOD时的DUMP 19.让系统自动关闭停止回应的程式。 “运行”--&gt;“Regedit”, HKEY_CURRENT_USER\Control Panel\Desktop 键， 将 AutoEndTasks 值设为 1。 ( 原设定值：0 ) 20.去掉“更新”选项： 对于大多数的用户来说，Windows XP的Windows Update功能不大，可以去掉它，“运行”--&gt;“Regedit”找到 HKEY_CURRENT_USER\Software \Microsoft\Windows\CurrentVersion\Policies\Explorer子键分支，选择“编辑”菜单下的“新建”命令，新建一个类型为REG_DWORD的值，名称为NoCommonGroups，双击新建的NoCommonGroups子键，在“编辑字符串”文本框中输入键值“1”，然后单击“确定”按钮并重新启动系统即可       21.将应用软件装在其他盘（这对重装系统也有好处，可以省很多事）。 22.XP系统所在分区减肥方法。 1. 删除系统文件备份 sfc.exe /purgecache （一般用户是不怎么用的） 2 删除驱动备份 windows\driver cache\i386目录下的 b文件 （73mb)   4、删除帮助文件（减掉40多mb) （使用中文汉化包的文件大小为92兆，刚开始使用xp的同志最好别删） 5、删掉\WINDOWS\system32\dllcache下文件（减去200--300mb)。（这是备用的dll文件，只要你拷贝了安装文件，完全可以这样做。既然这样删你没话说） 6、把我的文档、IE的临时文件夹都转到其他盘（分区）。 （同时对系统的速度，和硬盘都有好处，如果使用的是双系统，最好把两个系统的IE临时文件都放在同一个文件夹，这样既加快速度有节省空间） 7、把虚拟内存也转到其他盘。（就是将这些东西和平时临时下载文件放在一个不大的分区里，这样也方便整理硬盘） 23.解决WinXP执行时候停顿一下的问题 开始--网络连接--本地连接，按右键，选择属性，选择“Internet协议（TCP/IP）”，点击属性，使用下面的IP地址：  ，子网掩码： ，这样就好了，以後开机就不会停顿了 24.为IRQ中断请求排优先次序 计算机的每一个主要部件都设了个IRQ中断号。这里就是要通过修改每个IRQ请求的优先次序达到优化目的。这里主要的优化对象是系统/CMOS实时钟，它通过主板来提升性能。首先，要确定你想要哪个组件获得更高的性能，然后找到这个硬件正在使用的IRQ中断号。怎么找呢？打开控制面板里的系统属性（也可以按键盘上的Windows+Break热键组合打开它）。选中“硬件”选项卡，然后点击“设备管理器”按钮。右键点击要查IRQ号的组件，选择“属性”，然后点击“资源”选项卡。这里可以看到设备正在使用的IRQ中断号（如果没有IRQ中断号，选择另一个设备）。把中断号记下来，“运行”--&gt;“Regedit”，找到注册表中的HKEY_LOCAL_MACHINE\System\CurrentControlSet\Control\PriorityControl 位置。我们要在这里建立一个名为IRQ#Priority（其中“#”是具体的IRQ中断号）的DWORD双字节值，然后把它的值设为1。譬如说，我的系统CMOS实时钟的IRQ中断号是8，我要建立的键名就是IRQ8Priority。重新启动计算机之后，就会发现刚优化过的组件性能有所提高。笔者强烈建议用这个方法优化系统CMOS实时钟，因为它能改善整块主板的性能。当然也可以把多个IRQ中断号优先级提高，但这样做的效果没那么好，而且有可能造成系统不稳定。要把这个优化设置撤消的话，只要把刚才建立的注册表键值删掉就OK了 25.便捷地硬盘碎片整理 　　电脑使用一段时间后硬盘会产生大量文件碎片，用户需要定期调用磁盘碎片整理程序进行清理。为此，这里向你提供一个可以让你更加便捷地调用整理硬盘碎片程序的方法。 　　用户使用“记事本”编辑一个名为"context_ f"的注册表导入文件，并在该文件中输入下列内容： ; context_defrag.INF ; Adds Defrag to the right click context menu in Windows XP [version] signature="$CHICAGO$" [DefaultInstall] AddReg=AddMe [AddMe] HKCR,"Drive\Shell\Defrag\command",,,"DEFRAG.EXE %1" 编辑完毕后用鼠标右击该文件并选择“安装”，安装后即在Windows XP操作系统内添加了一个文本菜单。用户需要整理硬盘时，打开“我的电脑”，用鼠标右击选中需要进行整理的硬盘盘符，从弹出的文本菜单中选择"defrag"项，这时系统就会自动调用内置的"defrag.exe"程序整理硬盘。 　　如果用户需要将上述安装到系统注册表的信息删除，可使用regedit.exe注册表编辑器进行编辑修改，具体操作为寻找到 "HKEY_CLASSES_ROOT\Drive\shell\"目录项，删除其中的"defrag"文件夹，最后关闭注册表编辑器。 26.硬件优化 1、内存性能优化 Windows XP中有几个选项可以优化内存性能：“运行”--&gt;“Regedit",HKEY_LOCAL_MACHINE\SYSTEM\CurrentControlSet\Control\Session Manager\Memory Management 1）禁用内存页面调度（Paging Executive） 　在正常情况下，XP会把内存中的片断写入硬盘，我们可以阻止它这样做，让数据保留在内存中，从而提升系统性能。要注意的是，拥有很多内存的用户（256M以上）才好使用这个设置。这个设置的名字正如它的功能一样，叫“DisablePagingExecutive”。把它的值从0改为1就可以禁止内存页面调度了。 　2）提升系统缓存：把LargeSystemCache键值从0改为1，Windows XP就会把除了4M之外的系统内存全部分配到文件系统缓存中，这意味着XP的内核能够在内存中运行，大大提高系统速度。剩下的4M内存是用来做磁盘缓存的，在一定条件下需要的时候，XP还会分配更多一些。一般来说，这项优化会使系统性能得到相当的提升，但也有可能会使某些应用程序性能降低。正如前面所说的，必须有256M以上的内存，才好激活LargeSystemCache，否则不要动它。 　 3）输入/输出性能：这个优化只对server用户才有实在意义--它能够提升系统进行大容量文件传输时的性能。在默认情况下，这个键值在注册表中是不存在的，必须自己建一个DWORD（双字节值）键值，命名为IOPageLockLimit。多数人在使用这项优化时都发现8到16M字节之间性能最好，具体设什么值，可以设进去试试看哪个值可以获得最佳性能。记住这个值是用字节来计算的，因此，譬如你要分配12M的话，就是12 * 1024 * 1024，也就是12582912。跟前面的内存优化一样，只有当你 的内存大于256M的时候才好更改这里的值。 27.XP里关闭光驱自启动（Autorun）功能：打开：我的电脑，在“移动存储设备”下，右键单击CD-ROM 驱动器，然后单击“属性”，看到“自动播放”选项卡了么？自己去改吧。 28.XP安装驱动程式时，往往会出现一个窗口，说这个程序没有经过微软的验证，我们可以在控制面板--系统--硬件-- 设备管理员--驱动程序签名，看到了选项了么，知道该怎么做了吧。 29.让系统自动关闭停止响应的程序 “运行”--&gt;“Regedit”寻找[HKEY_CURRENT_USER＼ControlPanel＼Desktop]，在右边的窗口中选择AutoEndTasks，按鼠标右键，选择“修改”，将其数值资料改为1(默认值为:0)。 30.除去桌面上图标下文字的底色“运行”--&gt;“Regedit”[HKEY_USERS]--&gt;[S-1-5-21-515967899-706699826-1957994488-1005]（注：使用版本不同，此值也不同。）--&gt;[Software]--&gt;[Microsoft]--&gt;[Windows]--&gt;[CurrentVersion]--&gt;[Explorer]--&gt;[Advanced]，将[ShowCompColor]=[dword:00000001]更改为[dword:00000000]，将[ListviewShadow]=[dword:00000000]更改为[dword:00000001]。 31.卸载的新办法。 “运行”--&gt;“Regedit”HKEY_LOCAL_MACHINE＼Software＼Microsoft＼Windows＼CurrentVersion＼Uninstall，在其中找到你要卸载的软件相应的项目(一些在“控制面板→添加删除程序”中没有显示的程序在这里也可以找到)，在其目录找到UninstallString(或QuietUninstallString)键值名，双击它，复制“键值”中的全部内容，退出注册表编辑器。 然后打开“开始”菜单，单击“运行”，把刚才复制下的内容粘贴到命令行，单击“确定”……好了，“顽固”程序就会安全地被卸载了。 例如微软拼音输入法2.0，你要卸载它的时候，却发现在“控制面板→添加/删除程序”中找不到它，怎么办？通过以上方法，复制它的UninstallString键值“C:＼Windows＼System＼Pintsetp.exe /Remove”，即可调出其卸载程序 32.预读文件设置 使用Windows XP一年多，发现系统运行速度明显慢了下来，查看到“Windows＼Prefetch”文件夹(即Windows预读文件夹)时，发现里面有上百个以PF为扩展名的文件,原来，预读设置虽然可以提高系统速度，但是使用一段时间后，预读文件夹里的文件会变得很多，导致系统搜索花费的时间变长。而且有些应用程序会产生死链接文件，加重了系统搜索的负担。因此，我们应该定期删除这些预读文件。“运行”--&gt;“Regedit”依次展开HKEY_LOCAL_MACHINE＼SYSTEM＼CurrentControlSet＼Control＼Session Manager＼Memory Management＼PrefetchParameters分支，在右侧窗口中双击“EnablePrefetcher”，在打开的“DWORD”值编辑窗口中，可以对Windows XP进行预读设置： 将该值设置为“0”，即为取消预读功能；设置为“1”，系统将只预读应用程序；设置为“2”，系统将只预读Windows系统文件；设置为“3”，系统将预读Windows系统文件和应用程序。一般我们将该值设置为“2”即可，当然，如果你的计算机配置很高，也可以将该值设置为“3”，以加快系统运行速度。 33.更改→Internet Explorer 　　[开始]--&gt;[运行]--&gt; c，依次选择“用户配置→Windows设置→Internet Explorer维护→浏览器用户界面”,在这里，可以自定义浏览器栏的文本，也就是IE顶端出现的“浏览器的提供者”。我们输入“aaa”，确定，打开IE看看--哈，“Microsoft Internet Explorer由aaa提供”. 要在IE的工具栏上添加自己的快捷方式，比如添加QQ，在这里也可以完成，双击“浏览器工具栏自定义”，看到这里有两项。一是更改浏览器工具栏的背景位图，选择你喜欢的BMP图像就可以；另一个是添加快捷方式的“按钮”。点击“添加”，在“工具栏标题”中输入“QQ”，“工具栏操作”中选择“C:＼Program Files＼Tencent＼QQ2000b.exe”，最后再选中“颜色图标”和“灰度图标”(如果你不知道怎么提取这两个图标，可以请EXeScope这个软件来帮忙，在各大站点都可以下载)。点“确定”，IE工具栏上的“QQ按钮”出现了.除此之外，包括静态徽标和动态徽标 34.更改桌面墙纸位置 Windows中的桌面是我们最熟悉不过的，不过，在默认情况下，桌面墙纸只有“居中、平铺、拉伸”三种设置，我们可以通过以下方法来自己指定墙纸的具体放置位置“运行”--&gt;“Regedit”：展开[HKEY_CURRENT_USER\control panel\desktop]分支，然后在右侧窗格中新建字符串值“Wallpaperoriginx”和“Wallpaperoriginy”，它们分别代表桌面墙纸的水平和垂直方向坐标值，单位是像素，数据是图片相对于桌面中心的偏移量，向左、下方向偏移量取负值，向右、上方偏移来量取正值。这样设置以后，你就可以把桌面墙纸放置到任意位置上了!</t>
  </si>
  <si>
    <t xml:space="preserve">为什么会这样 </t>
  </si>
  <si>
    <t xml:space="preserve">    您好，请您详细描述您所遇到的问题，以便工作人员处理，谢谢！</t>
  </si>
  <si>
    <t xml:space="preserve">便签错误为什么每次我开电脑，都显示我的便签有问题？求解 </t>
  </si>
  <si>
    <t>开始菜单--运行--msconfig--启动--去除这个启动项--重启电脑</t>
  </si>
  <si>
    <t>设f(x)是定义在[</t>
  </si>
  <si>
    <t>解：x∈(0,1],则-x∈[-1,0)f(-x)=(-x)^3-a(-x)=-x^3+ax因为f(x)是定义在[-1,0)U(0,1]上的偶函数,所以f(x)=f(-x)=-x^3+axf`(x)=-3x^2+a若存在点a，使f`(x)=0，则a=3x^2∈(0,3]此时解得x=±√a/3当x=√a/3时，f(x)取得极大值(而且是唯一的，故也是最大值)f(√a/3)=-(√a/3)^3+a(√a/3)=(2a√a)/(3√3)=1解得a=3(三次√3)/2显然a∈(0,3],故存在a使得x∈(0,1]时f(x)max=1。当a&gt;3时，f`(x)=-3x^2+a&gt;0,f(x)单调递增，f(x)max=f(1)=a-1=1,解得a=2舍去当a≤0时，f`(x)=-3x^2+a&lt;0,f(x)单调递减，f(x)&lt;f(0)=0,舍去</t>
  </si>
  <si>
    <t xml:space="preserve">瑞星杀毒软件2007完全版序列号和ID号是多少,是完全版的 </t>
  </si>
  <si>
    <t xml:space="preserve">下载版 产品序列号: EK72D3-3K1QB8-PU7CRM-F1D200 ID: W2BDX2HW66TI 下载版 产品序列号: 4P0SFP-H7073V-49RCRQ-K8E200 ID: W2VDSV6M2HX7 实在不行,去这儿下个D版的:  　　　　瑞星杀毒软件2007下载版 V19.00 简版   软件作者： 北京瑞星科技股份有限公司 作者邮箱： sales@  软件分类： 安全相关（病毒防治） 支持语言： 简体中文 软件大小： 未知 反 安 装： 支持 授权方式： 共享版 更新时间： 2006-12-6 下载次数： 7599 次 操作系统： Windows 95/98/NT/2000/XP/2003   </t>
  </si>
  <si>
    <t xml:space="preserve">36级神使哪里升级呀，单练哪里呢 </t>
  </si>
  <si>
    <t>哈汀学院打那个死亡系的怪赤色束缚，这个是最快的单练怪，双倍血怪，最是两下可以解决，到2转不成问题</t>
  </si>
  <si>
    <t xml:space="preserve">如何炒黄金？谢谢教教我 </t>
  </si>
  <si>
    <t xml:space="preserve">1、 股票属于区域性市场，黄金是国际市场 2、 黄金市场每天的成交量比股票大很多，（ 3万亿美金；150亿人民币） 3、 股票容易受庄家或机构，私募，集团操控 4、 从交易时间来看，股票是4小时交易，黄金是24小时交易， 5、 从交易规则来看，股票只能买涨，黄金可买涨买跌 6、 股票买入卖出，需要有人抛盘或接盘，还要考虑价格优先，数量优先等条件，否则不能成交或者立即成交！而现货黄金，只要是指令发出即刻成交，不用等待，整个过程不到一秒的时间！ 7、 股票有涨跌限制（A、B股10%），黄金没有 8、 股票没有杠杆，黄金的杠杆为1：100，利润丰厚 9、 从品种来说，股票目前就有一千八百零七支，选股比较麻烦，黄金产品单一，比较容易分析 10、 上市公司可能因经营不善而清盘，化为乌有；黄金则永远存在，而且一直是国际货币体系中很重要的组成部分 11、 股票是100%的资金投入，黄金是10%的保证金投入 12、 股票是T+1;黄金是T+0 </t>
  </si>
  <si>
    <t xml:space="preserve">600283？？？600283钱江水利如何操作？ </t>
  </si>
  <si>
    <t>该股震荡上行，暂持。</t>
  </si>
  <si>
    <t xml:space="preserve">调皮老师.85可以加仓吗?大盘走不动了,一定会下滑的! </t>
  </si>
  <si>
    <t>600018 上港集团 目前适合先降低仓位操作,等待五日均线上来回穏才加大配置较妥当.</t>
  </si>
  <si>
    <t xml:space="preserve">红斑狼疮的发病率高吗？请问红斑狼疮是不是一种少见的病？ </t>
  </si>
  <si>
    <t>应该不少见，而且这种病一般都到了后期才会被发现，所以才导致痊愈率很低，我表姐就是因为这种病被夺去生命的！其实这种病本身不会取人性命，而是象糖尿病一样，并发症特别历害，容易致命。</t>
  </si>
  <si>
    <t xml:space="preserve">波尔多加油啊，，进3+啊加油啊，， </t>
  </si>
  <si>
    <t>可能性太小，停在1的可能大</t>
  </si>
  <si>
    <t xml:space="preserve">关于MP3?我想买一个一MP3.请问哪个品牌的功能,质量比较好, </t>
  </si>
  <si>
    <t>硬盘MP3(通常几时G)费电,如果你有条件SONY NW600不错,更好的有NW1000\NW3000,还有IPOD NANO 2G\4G,2G的1900上下,4G的2300上下,此机型造型小巧,时尚,功能也比较多,支持MP3\WMA\AAC格式.</t>
  </si>
  <si>
    <t xml:space="preserve">接吻会得艾滋吗？ </t>
  </si>
  <si>
    <t>ＨＩＶ是怎样传播的？ 主要途径有三： （一）性传播。据世界卫生组织预测，到本世纪末，经性接触感染的人数将占全部感染人数的９０％（包括同性性接触在内），而且妇女占其中的大多数。这些妇女多数是有多个性伙伴者。据泰国调查，在各自有多个性伙伴者中，男性感染率是７％～９％、女性则２３％。另据研究，１名健康男子同１名已感染艾滋病毒的女子发生１次性交，这名男子被感染的危险性是１／３００；而１名健康女子与１名已感染艾滋病毒的男子发生１次性交，这名女子被感染的危险性变为１／１００，如果这名女子原已患有其他性病，则其感染艾滋病危险性升为１／２０～３０。 有三类人被认为是ＨＩＶ感染的危险人群：妓女；与妓女有过性交者；多个性伙伴的男男女女。 （二）血液传播 共用未灭毒的注射器和针头； 输入含有艾滋病病毒的血液或血液制品，骨髓移植、器官移植、人工授精； 使用未经灭毒的牙科器械、针灸针，或作其他手术时通过血液传播； 可引起血液传播的其他途径； （三）母婴传播 父母双方或一方感染艾滋病病毒，都可使无辜的婴儿受害。受感染的婴儿存活时间通常不能超过２－３年，受艾滋病病毒感染的妇女所生婴儿的艾滋病病毒感染率约占１／３。 感染艾滋病病毒的母亲在怀孕后，血液中的艾滋病病毒可以通过胎盘直接到达婴儿体内，使婴儿感染艾滋病病毒。 怀孕的母亲在分娩过程中，当婴儿经过母亲产道时，可以受到母亲携带的艾滋病病毒的感染。 感染艾滋病病毒的母亲，乳汁中含有艾滋病病毒，当婴儿吸吮乳汁时，可感染艾滋病。可以肯定地回答：社交接触不会感染到艾滋病毒。这些接触包括：与感染者贴身并坐、一起办事、同桌进食、共用饮水器、共用书籍、文具、仪器、共用洗手间、共用电话、同或在更衣室淋浴、咳嗽、打喷嚏，甚至握手或拥抱和接吻，这些都不可能被传染。另外，被蚊虫等吸血昆虫叮伤，接触纸币、硬币及票证等也不会被传染。 要记住的是：艾滋病毒是通过体液传播的，日常的社交接触是没什么危险的。唾液虽然也属于体液，但是唾液里面的病毒含量实在太低，不足以造成感染。</t>
  </si>
  <si>
    <t xml:space="preserve">显卡有显存，显卡都自带内存吗？ </t>
  </si>
  <si>
    <t>电脑工作是CPU与内存来处理和存放数据而显卡就是GPU与显存 CPU跟内存的关系 与 GPU与内存的关系是一样的。很多地方也管显存叫内存 比如说你点开始 --运行输入DXDIAG 点确定 点显示。这个时候你会看到你的显卡型号和显存 但是它显示不叫显存 叫内存</t>
  </si>
  <si>
    <t xml:space="preserve">xbox马克思佩恩2如何换碟xbox马克思佩恩硬盘破解版打完第一 </t>
  </si>
  <si>
    <t>1、第1张盘玩完会有提示，你直接按出仓键放第2张就行了。2、一般来说 第一张碟是游戏碟 第二张碟大多数都是资料片或者联网对战用的或许是这个原因 你不妨去下一个面跌补丁 或者干脆重新下载一个马克思佩恩不要用碟玩。3、可能是盘的问题 要么你直接下载玩别用碟了。</t>
  </si>
  <si>
    <t xml:space="preserve">疯狂医院3主角的病人门诊间在第几层啊？ </t>
  </si>
  <si>
    <t>这个…玩的时间隔太长了，实在记不起来，不过可以去和所有楼层的护士对话，其中有一个护士会提示你门诊室的位置，按她说的就可以找到了。</t>
  </si>
  <si>
    <t xml:space="preserve">小孩断奶3个多月了可是我月经还没来我孩子4个半月我就断奶了，可我 </t>
  </si>
  <si>
    <t xml:space="preserve">    可以先观察，但一定要注意避孕!虽然月经还没来，但此时还是有可能排卵的!</t>
  </si>
  <si>
    <t xml:space="preserve">内册号能买吗？？？？？？谁能回答我内册号能买么？？？？ </t>
  </si>
  <si>
    <t>您好：   抱歉，内测帐号不出售，官方也不建议玩家之间买卖帐号。</t>
  </si>
  <si>
    <t xml:space="preserve">请问知识人中什么样的问题才算是疑难问题. </t>
  </si>
  <si>
    <t>当提问一天（24小时）内没有任何人回答，则系统自动将此问题转移到“疑难问题”栏。只要提问有一个人回答，则该问题就不会被转移到“疑难问题”栏。</t>
  </si>
  <si>
    <t xml:space="preserve">自由尺寸解释 </t>
  </si>
  <si>
    <t xml:space="preserve">    “自由尺寸”在机械行业中是指未注公差的尺寸。主要是对精度要求较低的非配合尺寸。在标注时只标注基本尺寸，并没有标注公差要求。    自由尺寸并不是没有公差要求；它要满足以下两方面的要求：    第一它要达到加工精度的要求，一般在技术要求中都有注明。    第二它要满足尺寸连的要求。</t>
  </si>
  <si>
    <t xml:space="preserve">和尚受戒后,头上有几个戒疤?代表什么意思?什么时候出现的受戒留戒? </t>
  </si>
  <si>
    <t xml:space="preserve">    有的和尚头顶上有一些经香火烧灼而留下的疤痕，这是汉地佛教出家人的一种明显的外在标志，于是很多人都误认为凡和尚都要烧戒疤的。在一些搬演唐宋时代故事的或电视片里，出现在银幕或屏幕上的和尚们都煞有介事地“烧”上了戒疤，凡稍有佛教历史知识的人看了，都感到十分可笑。    其实，佛教是不兴烧戒疤的，佛教的戒律中，并没有在受教人头顶上烧戒疤的规定。因此，除了汉地的和尚以外，世界各国和中国少数民族的和尚是看不到戒疤的；即使是中国汉族出家人，凡是在宋朝以前受戒的，头顶上也不会出现戒疤。    元代初年，有一位志德和尚（1235—1322年）曾受到元朝皇帝世祖忽必烈的尊重。他在天禧寺主持传戒时，规定受戒的人部必须用香火灼烧头顶和手指，以显示虔诚信佛的决心。这就是中国汉地僧人受戒时烧戒疤的开始。    1983年12月，中国佛教协会理事扩大会议作出了《关于汉族佛教寺庙剃度传戒问题的决议》。该决议中说：受戒时在受戒人头顶烧戒疤的做法“并非佛教原有的仪制，因有损身体健康，今后一律废止”。从此以后，新受戒的汉族僧人，头顶上再也不会有戒疤了。和尚依自己的热忱和勇气，可以燃三个、九个、或十二个疤。在宝华山却没有选择的余地，受比丘戒者一律燃十二个疤，不多不少。受优婆塞戒者，九个。沙弥，三个。疤数在江苏全境内据说相似，但到了他地寺院，数目的确有异。如果某年传戒师父规定至少要燃九个疤，戒子可以多燃三个疤，以示虔诚。</t>
  </si>
  <si>
    <t xml:space="preserve">强迫症怎么治疗效果好 </t>
  </si>
  <si>
    <t>病情分析：您好,从您所说的资料来看,您有强迫症的倾向  强迫症的临床表现有哪些? 强迫症的基本症状是强迫观念和强迫动作，患者可仅有强迫观念或强迫动作，或既有强迫观念又有强迫动作。患者能充分地认识到这种强迫观念和强迫动作是不必要的，但却不能以主观意志加以控制。由于强迫症状的出现，患者可伴有明显不安和烦恼，但有强烈的求治欲望、自知力保持完整。临床上根据其表现，大体可将强迫症划分为强迫观念及强迫行为两类。指导意见：强迫症是一种心理疾病,心病得心医,药物治标不治本，而且有依赖性与副作用，建议您向心理咨询师进行心理咨询与治疗来调整,以免影响您的生活</t>
  </si>
  <si>
    <t xml:space="preserve">判断你是不是高手巴萨:莱万特这一场您是如何选择:A:单3B:单1 </t>
  </si>
  <si>
    <t xml:space="preserve">我认为是平局  感觉平赔有点低 胜的话可能是一球小胜 </t>
  </si>
  <si>
    <t xml:space="preserve">帮助我翻译成英文！10他大学毕业已经8年了！ </t>
  </si>
  <si>
    <t>He has been graduated from the university for 8 years!</t>
  </si>
  <si>
    <t xml:space="preserve">任务道具请问月光绅士和水银怎么弄到？打什么怪得到的呢？好打吗？（ </t>
  </si>
  <si>
    <t>月光绅士和水银 在象牙塔底层商人那里接任务 然后再燃烧打怪获得“材料袋” 双击随即获得道具</t>
  </si>
  <si>
    <t xml:space="preserve">热带和亚热带有什么区别？ </t>
  </si>
  <si>
    <t>亚热带实际上属于温带，因为它靠近热带，温度较高，1月平均温度在0度以上，习惯上人们把它叫亚热带。</t>
  </si>
  <si>
    <t xml:space="preserve">Botox注射除皱大概得花多少钱 </t>
  </si>
  <si>
    <t>　　影响Botox注射除皱价格的因素有很多，主要有以下几点：　　求美者的皱纹情况。每位求美者的除皱部位都不一样，皱纹的面积和深浅也不一样，这在一定程度上会影响到治疗的方案，因此，除皱的最终价格也会受到影响。　　注射Botox的剂量。由于每位求美者肌肤的具体状况都不一样，治疗的方案也会随之变化，因此，注射的量也会不同，皱纹较深的求美者可能需要多次的注射，皱纹较浅的可能1-2次的注射即可达到完美效果。　　选择的注射机构。不同的医院对Botox除皱的价格都有着不同的定位，医疗环境、医师水平也都有着一定的差别，正规医院医疗环境温馨舒适，医师治疗水平高，能够有效的保证完美的除皱效果。　　Botox注射除皱见效快速：Botox注射除皱手术使用微量的生物制剂作面部多点皮下注射，短时间内精确消除面部密集细小皱纹，如前额、眉间、眼外眦部、頰部、口角、颈部等皱纹。　　不影响工作和生活：Botox注射除皱手术是通过生物制剂对皱纹肌及其支配神经的麻痹作用达到治疗的目的，这种治疗无创伤，不需要恢复期，不影响工作和生活。　　Botox注射除皱无副作用：Botox注射除皱手术注入的药物数小时就会被人体吸收，对人体无副作用，无需手术、无痛苦、安全可靠。　　Botox注射除皱指的就是肉毒素注射除皱，是非手术的面部除皱方法中的一种，也是现在最流行的皮肤美容方法。Botox是一种生物制剂，注射人体皮肤下用于消除动态皱纹，效果非常好，Botox注射除皱对人体没有副作用，是一种对人体很安全的皮肤美容方法。　　Botox除皱效果出众。其效果能不间断手术后的5~6个月，安全方便。　　Botox除皱这种技术特别简单，并且具有损伤小、没有创伤、见效快、操作方便、价格便宜、不影响工作等特点。在皱纹处直接注射一针肉毒素，第二天开始皱纹就会逐渐展平。它仅仅是需要将一定剂量的肉毒素注射进皱纹处即可，整个Botox除皱过程时间短，且没有痛苦。</t>
  </si>
  <si>
    <t xml:space="preserve">我和老婆的婚姻出现危机，怎么样办？我和老婆结婚1年了，老婆24岁 </t>
  </si>
  <si>
    <t xml:space="preserve">   现在这孩子还小,两孩之间隔四岁最好.三年后等这小孩大点,她精力充沛了,再慢慢向她提这个问题,分歧自然没了.到时你不说她自己还想要呢.不说你不信任他,她现在带这个就够烦了,你还提出再添一个来烦她,她肯定不同意的.她现在啤气大点也正常,你就多帮她照顾一下孩子,多帮她做一点家务,女人的心是很容易满足的.    她现在跟你睹气就是还很在乎你,不要再让她伤心了.带小孩已经够累的了.</t>
  </si>
  <si>
    <t xml:space="preserve">乌克兰的问题我对着开拓者安梅尔，我对他说乌克兰...但没反应,过 </t>
  </si>
  <si>
    <t>学技能的话1你可以开忍者去南门外边附近有个钓鱼的人,跟他说话就可以进入乌克兰.2没有忍者的话,就要做就职忍者的前期任务,做完以后去跟那个NPC说  乌克兰...      便可以进入3找认识的忍者朋友带去学技能就职忍者任务很简单,10分钟搞定,而且你做过一次,以后在有宠要学的话,就不用做前期任务了,直接去说乌克兰...就可以进入了,很方便</t>
  </si>
  <si>
    <t xml:space="preserve">怎样在我的博客首页添加天气预报? </t>
  </si>
  <si>
    <t>点击首页中的“控制面板”，进入“首页内容维护”，再点击“自定义空版”，然后点击“新增”，勾选“显示代码”，把以下的代码复制进去即可。有以下几种可选择的天气预报样式，可根据自己的喜爱来选择其中的一个。第一种：&lt;IFRAME src=" " frameBorder=0 width=200 scrolling=no height=240&gt;&lt;/IFRAME&gt;　第二种：&lt;iframe width="145" height="130" border="0" align="center" marginwidth="0" marginheight="0" hspace="0" vspace="0" frameborder="0" scrolling="no" src=" " allowTransparency="true"&gt;&lt;/iframe&gt;　第三种：&lt;IFRAME ID='ifm2' WIDTH='260' HEIGHT='70' ALIGN='CENTER' MARGINWIDTH='0' MARGINHEIGHT='0' HSPACE='0' VSPACE='0' FRAMEBORDER='0' SCROLLING='NO' src=" "&gt;&lt;/iframe&gt;第四种：&lt;iframe width="469" height="218" border="0" align="center" marginwidth="0" marginheight="0" hspace="0" vspace="0" frameborder="0" scrolling="no" src=" " allowTransparency="true"&gt;&lt;/iframe&gt;第五种：&lt;IFRAME ID='ifm1' WIDTH='405' HEIGHT='332' ALIGN='center' MARGINWIDTH='0' MARGINHEIGHT='0' HSPACE='0' VSPACE='0' FRAMEBORDER='0' SCROLLING='NO' SRC=" "&gt;&lt;/IFRAME&gt;第六种：&lt;iframe width=160 height=230 frameborder=0 scrolling=NO src= &gt;&lt;/iframe&gt;</t>
  </si>
  <si>
    <t xml:space="preserve">&lt;&lt;历代名媛诗词&gt;&gt; </t>
  </si>
  <si>
    <t>历代才女中，除了清照外，我喜欢的还有唐朝的薛涛薛校书和鱼玄机 宋朝的朱淑真 明末的顾眉儿和徐灿及清代的顾太清（也就是西林春）。像薛涛那首诗写的真动人：花开不同赏                        花落不同悲                        欲问相思处                        花开花落时而才女朱淑真的命运更是令人同情心伤。她的诗词写的都很感人。我最喜欢的一首诗是：不许蟾蜍此夜明，今知天意是无情（晴）！何当拨去闲云雾，放出光辉万里清！天意无情呀，这是何其悲伤！关于西林春，王国维曾评价道：满洲词人，男有成容若（即纳兰容若），女有西林春。的确与纳兰相比，西林春决不逊色。</t>
  </si>
  <si>
    <t xml:space="preserve">各位老玩家帮帮我！！我在转职席林神使的前半任务卡住了，找不到网站 </t>
  </si>
  <si>
    <t>看地图，48，40多的是</t>
  </si>
  <si>
    <t xml:space="preserve">有谁知道丝芙兰卖的吹风机T3和ghd哪个更好?真的有传说中那么神? </t>
  </si>
  <si>
    <t>广告都有夸大的成分，不过丝芙兰的电吹风还是不错的</t>
  </si>
  <si>
    <t xml:space="preserve">求植物名？如题，询下图中的植物名？谢啦！ </t>
  </si>
  <si>
    <t>八角金盘....   五加科，常绿灌木。叶大，掌状，5-7深裂，厚，有光泽，边缘有锯齿或呈波状绿色有时边缘金黄色，叶柄长，基部肥厚。伞形花序集生成顶生圆锥花序,花白色。花期10月-11月。浆果球表，紫黑色，外被  八角金盘白粉。翌折5月成熟</t>
  </si>
  <si>
    <t xml:space="preserve">明年是什么年？ </t>
  </si>
  <si>
    <t>农历癸巳年 生肖属蛇</t>
  </si>
  <si>
    <t xml:space="preserve">习惯了`````````````````````````````? </t>
  </si>
  <si>
    <t xml:space="preserve">你叫人家都把霸气收收.我建议你明天就把你的名字改一改好吗? </t>
  </si>
  <si>
    <t xml:space="preserve">女人的私人问题总是有想尿尿的感觉是怎么回事呀？女生没男朋友 </t>
  </si>
  <si>
    <t xml:space="preserve">估计是着凉  </t>
  </si>
  <si>
    <t>高一数学已知f（x）=</t>
  </si>
  <si>
    <t>已知f（x）= -1/2+（sin5x/2）/（2sinx/2），x∈（0，π），写出f（x）关于cosx的表达式，并求f（x）的详解见附件：</t>
  </si>
  <si>
    <t xml:space="preserve">什么是脂肪肝？其症状为什么： </t>
  </si>
  <si>
    <t xml:space="preserve">脂肪肝如何早期发现脂肪肝？脂肪肝是一种常见的弥漫性肝病，如能及时诊治可使其逆转；反之，部分病人可发展为脂肪性肝炎，甚至肝硬化。因此，早期诊治对阻止脂肪肝进展和改善预后十分重要。关于脂肪肝的诊断，过去必须根据肝穿刺病理检查进行确诊，近年来随着影像技术的发展，特别是CT、MRI及超声显像在临床的广泛应用，不再经肝穿刺活检即能得到比较准确的临床诊断。由于脂肪肝缺乏特异的临床表现及实验室检查指标，而肝穿刺活检又有创伤性，现主要采用B超和CT诊断脂肪肝。现已证实，通过影像学检查不仅可筛选脂肪肝，并能确定诊断。鉴于B超诊断脂肪肝具有经济、迅速、无创伤等优点，因此，定期给脂肪肝高危人群作肝脏B超检查是早期发现脂肪肝的最佳方法。所谓脂肪肝高危人群是指存在脂肪肝发病的危险因素，比普通人群更易发生脂肪肝的群体。脂肪肝的高危人群主要包括肥胖症，特别是内脏脂肪性肥胖病人；糖尿病，特别是成年型非胰岛素依赖性糖尿病病人；长期大量饮酒者；高脂血症，特别是有血液甘油三酯升高者；长期服用损肝药物者；以及有肥胖症、糖尿病和脂肪肝家族史的个体。总之，有脂肪肝发病的危险因素者要有自我保健意识，应定期(每年1～2次)作肝脏B超等影像学检查以早期发现脂肪肝。2、如何对付脂肪肝？脂肪肝是指脂肪在肝内的过度蓄积。一旦患了脂肪肝，应如何处置呢？ 首先，找出病因，有的放矢采取措施。如长期大量饮酒者应戒酒。营养过剩、肥胖者应严格控制饮食，使体能恢复正常。有脂肪肝的糖尿病人应积极有效地控制血糖。营养不良性脂肪肝患者应适当增加营养，特别是蛋白质和维生素的摄入。总之，去除病因才有利于治愈脂肪肝。 其次，调整饮食结构，提倡高蛋白质、高维生素、低糖、低脂肪饮食。不吃或少吃动物性脂肪、甜食（包括含糖饮料）。多吃青菜、水果和富含纤维素的食物，以及高蛋白质的瘦肉、河鱼、豆制品等，不吃零食，睡前不加餐。 还有，适当增加，促进体内脂肪消耗。每天跑步，每小时至少6公里才能达到减肥效果。仰卧起坐或健身器械锻炼都是很有益的。 最后，药物辅助治疗，脂肪肝并不可怕，早期发现积极治疗，一般都能痊愈，且不留后遗症。值得指出的是，脂肪肝的预防工作应从儿童做起，尤其是独生子女，想吃什么就给什么，活动又少，一旦变成“小胖墩”，恐已有脂肪肝了。脂肪肝患者慎服降脂药    并非所有脂肪肝患者的血脂都高。脂肪肝一般分为两大类，一类是酒精性脂肪肝，这类患者中只有少部分人可能出现血脂增高。另一类是非酒精性脂肪肝，其原因比较复杂，包括肥胖、糖尿病、高血脂、药物及遗传因素等，还有40％左右原因不明的脂肪肝。也就是说，即使在非酒精性脂肪肝患者中，也只有一部分人的血脂升高。显而易见，血脂不高的脂肪肝患者服用降血脂药，对治疗脂肪肝没有任何意义。    脂肪肝患者即使伴有高血脂症，也不要贸然使用降血脂药。这是因为，多数降血脂药可促使血液中的脂质集中到肝脏进行代谢，患了脂肪肝的肝脏原本就存在脂肪代谢障碍，对从血中突然来到的脂质更加难于处理，只能将其再度堆积在肝脏内，这无疑会加重脂肪肝。另外，医生们还观察到，长期滥用降血脂药者可发生门静脉炎、门静脉周围纤维化，甚至可促进脂肪肝向肝硬化发展。伴有或不伴有高血脂的酒精性脂肪肝，治疗的最佳选择理应是戒酒，多数无须服用降血脂药。肥胖症引起的脂肪肝及糖尿病性脂肪肝伴有高血脂时，如无冠心病存在，主要应以控制饮食、增加运动量和治疗原发病为主。单纯性脂肪肝患者，只要认真做到戒酒（包括啤酒）、限制体重和改变不良生活方式，不用任何药物即可恢复正常。5、肥胖易患脂肪肝    脂肪肝是肝内脂类含量超过肝脏湿重的10%,或组织学与肝实质脂肪化超过30%-50%时。 脂肪肝的病因较多，长期饮酒、血脂异常、肥胖及多种疾病均可引起，尤以肥胖兼有血脂增高者患病率显著增加。资料表明，80例脂肪肝患者中伴有肥胖占27例,比例为33.8%;109例肥胖兼高血脂症的患者,检出脂肪肝56例,比例为51%.这两组均明显高于对照组的12.5%和20.6%说明肥胖或肥胖伴高脂血症者的脂肪肝发病率是偏高的,对此应予以警惕. 肥胖易患脂肪肝的基础原因,是肥胖患者的体内脂肪酸向肝内转移的结果.研究认为,正常肝脏的脂肪含量约占肝湿重的5%当体内脂肪含量过，输入肝脏的脂肪及脂肪酸和肝脏中合成甘油三酯的速度超过了组成极低密度脂蛋白及泌入血液的速度时，便会出现肝中甘油三酯堆积；若超过了肝脏湿重的10%，便造成脂肪肝。同样道理，当高脂血症时，可进一步促进肝内脂肪堆积而造成脂肪肝，肥胖兼有高脂血症者，脂肪肝发病率就会更高。脂肪肝患者的临床表现缺乏特异性，常被误诊为肝炎或胆囊炎，B超检查可以作出比较准确的诊断，减少误诊率。因而，凡遇到肥胖或肥胖兼高脂血症者，出现有右上腹不适、腹胀、纳差、恶心呕吐等症状，体检有肝大，质地轻-中度，缘齐等，以及肝功异常情况时，应及时作B超检查。B超诊断脂肪肝标准有三点：(1)肝实质呈点状高回声(肝回声强度&gt;陴肾回声)；(2)肝深部回声衰减速。3)肝内血管显示不清。若上述三项具备第一项加后两项中任何一项即可确诊脂肪肝。 脂肪肝是一可逆性病变，关键措施是减肥、降血脂和护肝治疗。通过饮食、运动和药物综合措施来达到使脂肪肝减轻或消失的目的。应当提醒患者的是，要想很快将体重减下来并不易，但可以通过合理饮食、适度锻炼及降血脂药使血脂降低至正常及使体内脂肪减少。这样也可较好控制脂肪肝。因此，患者要振作精神，增强信心，坚持治疗，争取良好效果。6、防止脂肪肝的8种食物 一、燕麦 含极丰富的亚油酸和丰富的皂甙素，可降低血清胆固酸、甘油三酯。二、玉米 含丰富的钙、硒、卵磷脂、维生素E等，具有降低血清胆固醇的作用。三、海带 含丰富的牛磺酸，可降低血及胆汗中的胆固醇；食物纤维褐藻酸，可以抑制胆固醇的吸收，促进其排泄。四、大蒜 含硫化物的混合物，可减少血中胆固醇，阻止血栓形成，有助于增加高密度脂蛋白含量五、苹果 含有丰富的钾，可排出体内多余的钾盐，维持正常的血压。 六、牛奶 因含有较多的钙质，能抑制人体内胆固醇合成酶的活性，可减少人体内胆固醇的吸收。七、洋葱 所含的烯丙二硫化物和硫氨基酸，不仅具有杀菌功能，还可降低人体血脂，防止动脉硬化；可激活纤维蛋白的活性成分，能有效地防止血管内血栓的形成；前列腺素A对人体也有较好的降压作用。八、甘薯 能中和体内因过多食用肉食和蛋类所产生的守多的酸，保持人体酸碱平衡。甘薯含有较多的纤维素，能吸收胃肠中较多的水分，润滑消化道，起通便作用，并可将肠道内过多的脂肪、糖、毒素排出体外，起到降脂作用。此外，胡萝卜、花生、葵花籽、山楂、无花果等也可以起到降脂作用，脂肪肝患者不妨经常选食。7、脂肪肝发病的主要原因及治疗 脂肪肝是一种多病因引起的脂肪大肝细胞内异常积累的病理状态。这种病理状态是肝脏对各种损伤产生的最常见反应。 ·脂肪肝的主要病因脂肪肝多发于以下几种人：肥胖者、过量饮酒者、高脂饮食者、少动者、慢性肝病患者及中老年内分泌患者。肥胖、过量饮酒、糖尿病是脂肪肝的三大主要病因。 </t>
  </si>
  <si>
    <t xml:space="preserve">我家以前玩游戏一点都没事，怎么突然PING就500+了？前几天我 </t>
  </si>
  <si>
    <t>网通用户吧。因为游戏没有网通服务器了，所以PING+500</t>
  </si>
  <si>
    <t xml:space="preserve">请教老师600149现在小套，今天要出吗？后市还有机会吗？ </t>
  </si>
  <si>
    <t>短期技术面更支持上涨，如无重大利空，调整范围有限，重仓适当减持，轻仓继续观望。</t>
  </si>
  <si>
    <t xml:space="preserve">信月团和五月天有什么区别？信月团里的阿信和五月天里的阿信是同一个 </t>
  </si>
  <si>
    <t xml:space="preserve">这是两个完全不同的组合。-  -信乐团成立于2002年，由主唱信、键盘手TOMI、吉他手Chris、贝斯手晓华、鼓手Michael组成。五人身高平均185公分以上，分别来自香港和台湾。 经过三年多的发展，信乐团目前已成为台湾第一摇滚天团，??开电气舞曲化与R&amp;B的潮流趋势，信乐团坚持简洁有力的摇滚根源，他们是台湾第一个超级摇滚乐团，势必在台湾的音乐市场创造出一个纯粹摇滚的潮流！ 信乐团的受众在台湾最初以上班族为主，现在逐渐年龄拉开，从十几岁到五十几岁都有。在内地则年龄分布很广，其中以崇尚时尚与自由的年轻人居多。 出道3年后，信乐团终于在2005年进军内地发展，尽管之前没有丝毫宣传，但信乐团的实力与魅力早已为他们聚集起众多歌迷。虽然刚到内地发展，媒体及观众对他们还不熟悉，但是信乐团用他们的现场表演征服了所有人！五月天档案简介 主　唱：阿　信　　　本　名：陈信宏身　高：180cm 　　　　体　重：74kg </t>
  </si>
  <si>
    <t xml:space="preserve">一个人的生日四年一次,他的生日是哪一天? </t>
  </si>
  <si>
    <t>2月29号</t>
  </si>
  <si>
    <t xml:space="preserve">DK马的问题我是一个1W2血的SS~~刷DK马的过程中!在杀死那 </t>
  </si>
  <si>
    <t>杀最后一个胖子的时候，你站在dk房子就是屠宰场的台阶上，杀了以后就上去，拉姆斯登开门出来的时候你进去，小骷髅是不需要杀的。</t>
  </si>
  <si>
    <t xml:space="preserve">秀秀宝宝百天照我家男宝宝,2007年8月8日中午12点45分出生 </t>
  </si>
  <si>
    <t>白白胖胖的很可爱！</t>
  </si>
  <si>
    <t xml:space="preserve">很情绪化的性格我性格很直爽、很情绪化，总是不开心。但是觉得生活中 </t>
  </si>
  <si>
    <t xml:space="preserve"> 这个问题应该很多人都和你一样会遇到吧？直爽是没错，可你情绪化的性格，你有没有想到可能也会给别人带来困扰？好像有人说过：“生活就是问题叠着问题的”。这是个很贴切的说法，想要自己过的开心点，就把问题从另一个角度看看，如果你换成对方会怎样？换位思考下，还有要看的开~如果有朋友好心劝你，但不分场合，你可以私下和他沟通下，毕竟有些事确实是要分场合的嘛！你要做的就是开朗一些，放开一些，别人背后怎么说随他去，不知道你听说过没有：说你的那个人是因为你比他优秀比他好，他才会说，换言之也就是嫉妒了~呵呵，这样相会不会好受一些呢？但另一方面你要对别人好，别人也才会对你好啊~要真诚待人，如果有人在处一段时间后不能真诚待你，那就算了吧~你先试试改变下自己处人处事的态度。。。最后，这纯属个人拙见...</t>
  </si>
  <si>
    <t xml:space="preserve">中国原有品种羊的种类以及分布概况 </t>
  </si>
  <si>
    <t>一.绵羊1.蒙古羊是我国分布最广的绵羊。是我国古老的三大粗毛羊品种之一。 主要分布于内蒙古地区。2.西藏羊 主要分布在青藏高原。3.哈萨克羊 原产于天山北麓、阿尔泰山南麓，分布在新疆以及甘肃、青海的交界地区。4、阿勒泰羊 是以哈萨克羊为基础经长期选育而成的一个地方品种，以体格大、羔羊生长发育快、产肉脂高而著称。主要分布在新疆北部的阿勒泰地区。5、大尾寒羊 主要分布在河北、山东部分地区，产肉脂性能好。另有新??细毛羊.二.山羊1、辽宁绒山羊  该羊主产于辽东半岛，是我国现有产绒量最高、绒毛品质好的绒用山羊品种之一。2、内蒙古绒山羊 该羊产于内蒙古西部，分布于二郎山地区、阿尔巴斯地区和阿拉善左旗地区，是我国绒毛品质最好，产绒量高的优良绒山羊品种。3、中卫山羊又叫沙毛山羊。该羊产于宁夏的中卫、中宁、同心、海原等县以及甘肃中部、内蒙古阿拉善左旗等地。是我国独特而珍贵的裘皮山羊品种。4、济宁青山羊  该羊产于山东省荷泽、济宁地区，所产羔皮叫猾子皮，是我国独特的羔皮用山羊品种。5、马头山羊  该羊原产于湖南、湖北西部山区，现已分布到陕西、河南、四川等省，是我国南方山区优良的肉用山羊品种之一。6、成都麻羊 原产于成都平原。7、长江三角洲白山羊 该羊主要分布在江苏南通、苏州、扬州，上海郊县和浙江的嘉兴、杭州等地，是我国生产笔料毛的山羊品种。8、板角山羊  产于四川东部的万源、重庆的城口、巫溪、武隆等县，是肉用性能好的优良山羊品种。9. 南江黄羊 主产四川南江县。以北极种畜场、圆顶子牧场和附近三区、十三乡为中心产区，经30多年的选育，于1995年10月，由农业部组织鉴定确认为我国肉用性能最好的山羊新品种。另有关中奶山羊、崂山奶山羊。</t>
  </si>
  <si>
    <t xml:space="preserve">做完环切包皮手术拆环后6个月，下环处任有水肿没消除无发炎现象，一 </t>
  </si>
  <si>
    <t>包皮手术后水肿是比较常见的症状，术后3-4天内阴茎头轻度水肿是正常的现象，但存在个体差异，水肿原因是包皮环切手术后，应包皮系带除的血运（血液 循环）较丰富，术后皮肤的血管淋巴管切断，新的回 流通路建立，导致回流不好，需要一段时间，所以术后局部出现的水肿，一般2-3周可以复原，也有长达几个个月以上者，但不必恐慌，等新的血液循环形成后自然就消肿了！您的这个情况可以去医院再复查一下，看看新的回流通路是否建立。</t>
  </si>
  <si>
    <t xml:space="preserve">电水壶在哪个网站买比较好，要有返利的。准备买一批电水壶做活动，如 </t>
  </si>
  <si>
    <t>誉购网上商城啊，我经常到这个网站买电器，他们的电水壶现在好像是可以返20%吧，你可以去看看。</t>
  </si>
  <si>
    <t xml:space="preserve">如何可以赚银币在游戏中，怎样玩儿才能赚银币 </t>
  </si>
  <si>
    <t>第一次登陆，奖励银币10000。进行涨积分的游戏时，当你的银币币少于100000时，半小时涨5000；大于100000时，半小时涨2500。</t>
  </si>
  <si>
    <t xml:space="preserve">江南重工600072大家后市怎么看啊?庄家这样狂拉有什么目的.我 </t>
  </si>
  <si>
    <t>庄家抬轿怕什么？就是跑你也比庄家跑的快。</t>
  </si>
  <si>
    <t xml:space="preserve">宝宝１５５天了，妈妈的乳房内有乳块，可以揉吗？　急急急（帮帮我） </t>
  </si>
  <si>
    <t>第一、稳定情绪！千万不要着急，着急只会让奶更少！！第二、千万不要挤到乳房或在奶涨的时候碰着乳房！！第三、热敷，再用刮痧板或牛角梳子背（木梳也行）刮痧：肝气郁结型：症状：乳房肿胀触痛，皮肤不红或微红，有肿块，伴胸闷，胁痛，食欲不振， 舌苔薄白。取穴：期门、肩井、内关、天池胃热蕴结型：症状：乳房肿胀疼痛，皮色微红。乳房有肿结块，乳汁排泄不畅，伴恶寒发热、烦渴、大便秘结。取穴：鹰窗、足三里、膻中。毒盛酿脓型：症状：乳房部肿块增大猩红疼痛、伴高热寒战烦渴，肿块中央渐软，有波动感。取穴：肩贞、天宗、乳根、曲池 。刮痧，一周一次，刮完后，喝一杯热水！家里有拔罐的东西的话，可以把罐拔在相应的穴位上，会有些疼！第四、配以食疗：猪蹄一支，鲫鱼（活）一条，二者剁碎，同放入高压锅，加适量水，大火焖20分钟。可稍微放少量的盐。喝汤，食肉。每日一剂。卷心菜适量切丝，海带丝适量，同炒，佐餐食用。祝你早日好起来！！</t>
  </si>
  <si>
    <t xml:space="preserve">电商大战过去了，国美还低价不？ </t>
  </si>
  <si>
    <t>亲们听好了，这事儿我特意对比了一下，国美的价格依然是全网最低，而且这次电商大战之后，国美是每月都有逢8必降，大家就瞧好去吧~~</t>
  </si>
  <si>
    <t xml:space="preserve">乳清蛋白粉增重效果如何？ </t>
  </si>
  <si>
    <t>现在有很多品牌的乳清蛋白粉，我只用过优恩的，其他的没有用过，所谓没有实践就没有发言权。呵呵。不过优恩的还不错，虽然增重的数量不是那么多，但是感觉还可以的。</t>
  </si>
  <si>
    <t xml:space="preserve">美国所谓“邪恶轴心国”“无赖国家”有哪些？它们谁的战斗力最强？中 </t>
  </si>
  <si>
    <t>布什在2001年提出的所谓“邪恶轴心国”为：朝鲜、伊朗、伊拉克、苏丹、叙利亚、利比亚、古巴、阿富汗、索马里和缅甸十个国家。现在除了阿富汗和伊拉克被占领以外，其它8个国家均属与中国友好的国家。军事实力最强的是朝鲜和伊朗，其次是叙利亚和利比亚。</t>
  </si>
  <si>
    <t xml:space="preserve">玻尿酸丰苹果肌的优势有哪些 </t>
  </si>
  <si>
    <t>您好！玻尿酸丰苹果肌的优势有，高度的生物相容性。能够充分和皮肤组织相融合，不会产生排异反应。治疗方式便捷：只需通过注射即可丰“苹果肌”，而且没有恢复期，不会耽误工作和生活。美容整效果好：玻尿酸填充苹果肌后效果即刻呈现。受注射部位以及患者的皮肤结构差异的影响，治疗效果可以不间断12个月或24个月不等。玻尿酸丰苹果肌是通过注射的方法整形的，所以基本是没有创口的，没有伤痕，看不出痕迹的，而且注射医生治疗后，就可以看到很明显的效果了。注射玻尿酸丰苹果肌的优势有很多，建议您去正规的整形美容机构注射，如果在不正规的地方注射的话，再多玻尿酸丰苹果肌的优点也没用。</t>
  </si>
  <si>
    <t xml:space="preserve">魔兽世界请问从暴风城怎么跑到塞拉摩？ </t>
  </si>
  <si>
    <t>从暴风城做地铁去铁炉堡，再到湿地，从湿地坐船去塞拉摩</t>
  </si>
  <si>
    <t xml:space="preserve">准妈妈内衣如何选择？？准妈妈内衣精挑细选 </t>
  </si>
  <si>
    <t xml:space="preserve">      在购买内衣前，一定要量好三围的尺寸——上胸围尺寸：乳房隆起的最高点。下胸围尺寸：紧贴乳房隆起处的下缘。腰围尺寸：上半身最细的那部分。臀围尺寸：臀部最丰满的地方。　　内裤精选　　腹部的变化　　由于胎儿的或长及包围子宫的保护性脂肪层加厚，增加了腹腔的体积，所以孕**的腹部会随着预产期的临近而快速胀大。增大的腹部加重了脊骨和下肢的负担，容易使孕妇产生腰背痛和脚踝浮肿。到产后不久，子宫会回复至怀孕7个月的大小，但位于下腹部原本用作保护子宫的流动性脂肪仍然存在。　　挑选贴士　　1　纯棉材质，健康保证　　孕妇阴道分泌物增多，所以宜选择透气性好，吸水性强及触感柔和的纯棉质内裤。纯棉材质对皮肤无刺激，不会引发皮疹。　　2　尽早选择专用款　　怀孕初期，虽然准**的腹部外观没有明显的变化，但自己可以明显感到腰围变粗了。这期间就应尽快将自己的内裤更换成孕妇专用内裤。大部分的孕妇专用内裤都有活动腰带的设计，方便准妈妈根据腹围的变化随时调整内裤的腰围大小，十分方便。　　3　高腰设计可保暖　　孕妇内裤裤长往往是加长的，高腰的设计可将整个腹部包裹，具有保护肚脐和保暖的作用。　　推荐款——　　彩棉内裤　　天然彩棉孕妇内衣由于100%纯天然、100%无染色的绝对安全性，令许多准妈妈趋之若骜。可调式托腹裤集内裤与托腹带于，一身，方便实用：采用高级弹性纱编织，使上腹部舒适无压迫感：自黏带设计，方便穿戴。      胸罩精选　　乳房的变化　　怀孕初期，由于乳房急速胀大，孕妈妈会感觉到乳房酸痛和乳晕特别敏感。怀孕5个月以后，文胸尺码大约要比怀孕前增加一个尺码以上；怀孕7个月以后，约增加两个尺码，同时，乳头的距离不断增大。临近生产前，胸部增大程度反而减慢。生产后2—3日，乳汁开始分泌，乳腺进一步扩张以适应分泌乳汁的生理需求，使乳房更加胀大。产后约1个月，乳房会渐渐回复至怀孕7个月时的大小。　　挑选贴士　　1　随时更换尺寸　　从怀孕到生产，乳房约增加原先罩杯的两倍，准妈妈应根据自身乳房的变化随时更换不同尺寸的文胸，不能为了省事而一个尺码用到底。尺码太小，过紧的文胸会影响乳腺的增生和发育，还会与皮肤摩擦而使纤维织物进入乳管，造成产后无奶或少奶。相反，如果一开始就选一个超过自己乳房实际尺码的宽松文胸，也是不明智的。　　2　选择专用文胸　　怀孕时，乳房是从下半部往外扩张的，增大情形与一般文胸比例不同，因此，应该选择专为孕妇设计的文胸，这类文胸多采用全棉材料，肤触柔软，罩杯、肩带等都经过特殊的设计，不会压迫乳腺、乳头，造成发炎现象。　　Tip：尺寸合适的文胸在穿戴时，乳房既没有压迫感，也不会感到大而无当。　　3　肩带尽量宽一些　　胸罩肩带最好尽量选宽一些，以免勒入皮肤；扣带应该可调节；前扣型胸罩便于穿着及产后哺乳。　　推荐款——　　休闲胸罩　　居家或休息时穿着的胸罩更为舒适，在设计上也是体贴入微。这类胸罩可不用钢托，而采用特殊设计固定胸部，给孕期发胀的乳房增添舒适感；柔软棉质，穿着舒适；背部无钩扣，穿着入睡也舒服；前扣式设计，还方便哺乳。　　哺乳文胸　　哺乳文胸具有活动式扣瓣肩带，哺乳时不用将整个文胸脱下，只需轻轻按下扣瓣，罩杯前端即可翻下，方便给宝宝哺乳。哺乳文胸不仅适用于哺乳期，在孕后期同样方便好用，因而不妨选购这种有特殊设计又经济实用的文胸。　　选用软钢托　　怀孕期间乳房的重量增加，下围加大，最好穿软钢托的胸罩，如无支持物，日益增大的乳房就会下垂，乳房内的纤维组织被破坏后很难再恢复。托腹带精选　　腹部的变化　　怀孕进入8至10个月时，腹壁扩张，并出现所谓妊娠腺，尤其进入第10个月时，变大的子宫会往前倾而使腹部更突出。此时，准妈妈应选择一些有前腹加护的内裤或托腹带。　　挑选贴士　　1　尺寸调整　　应选用可随腹部的增大而调整、方便拆下及穿戴、透气性强不会闷热的托腹带。　　2　伸缩性强　　托腹带的伸缩弹性应该比较强，可以从下腹部微微倾斜地托起增大的腹部，从而阻止子宫下垂，保护胎位，并能减轻腰部的压力。　　推荐款——　　产妇专用生理托腹裤　　采用舒适的柔性棉，并具有高弹性，不紧绷；分固定式和下方可开口的活动式两种，便于产前检查和产褥期、生理期等特殊时期穿着。　　覆盖式托腹内裤　　能够保护孕妇的腹部，裤腰覆盖肚脐以上部分，有保暖效果；松紧可自行调整，随怀孕的不同阶段体形自宜栖印花托腹保胎由伸缩变化。　　Tip：托腹带的洗涤方法　　先用温水浸泡10分钟左右，无论使用什么洗涤剂洗，漂洗都是一道不能马虎的程序，一定要用清水反复过洗两三遍，直到水清为止。洗后将其放在阳光下晾晒，能起到消毒作用。 来源： </t>
  </si>
  <si>
    <t xml:space="preserve">爱究竟是什么？？在一起久了会不会就有爱了啊~~~~我和前男友是在 </t>
  </si>
  <si>
    <t>珍惜眼前人,多为你现在的男友想想吧,即使你真的回到了过去,你能保证你先前的那个男友能对你一如既往?你能保证你不会再去想你现在的男友,人是感性动物,就是这样了,也许看到你过的幸福,开心,你先前的男友也会感到很开心了.</t>
  </si>
  <si>
    <t xml:space="preserve">常看到有人说力满、敏满、智满等是怎么满的，其他的也会满吗？是不是 </t>
  </si>
  <si>
    <t>各职业在练到50级以后,每升一级就有奖励的一个点数.加什么有你自己定.一直加敏加到25就是敏满.一直加智到25智就是智满.无论你加什么只要加到基本点有25就加不上去了也就是满了.只要你有够高的级别够多的奖励点数什么都能加满.</t>
  </si>
  <si>
    <t xml:space="preserve">广州有什么地方比较适合部门聚会我是华南农业大学的学生，在天河区五 </t>
  </si>
  <si>
    <t>唱K的话可以去天河北时代广场的堂会，环境优美，有自助餐，价格中等，滑冰的话建议去天河公园，那里有一个溜冰场，不过是临时的。</t>
  </si>
  <si>
    <t xml:space="preserve">在老区，仙风散一般多贵的？用药和内胆合的那些 </t>
  </si>
  <si>
    <t>仙风散只能80以下用我们区80以上遍地了哈哈大约70万左右</t>
  </si>
  <si>
    <t xml:space="preserve">周二大盘走势预测请预测一下周二大盘开盘收盘的走势，谢谢 </t>
  </si>
  <si>
    <t>震荡整理</t>
  </si>
  <si>
    <t xml:space="preserve">英语中介词短语做名词后置定语怎么解释？例子 </t>
  </si>
  <si>
    <t xml:space="preserve">    介词短语作后置定语 　　the bird in the tree 树上的那只小鸟 　　the map on the wall 墙上的地图 　　the development of China 中国的发展 　　the standard of living 生活水平 　　the south side of the Changjiang river 长江南岸 　　the way to the hotel 去旅馆的路 　　the life in the future 未来的生活  </t>
  </si>
  <si>
    <t xml:space="preserve">如果是你怎么选择如果你妈妈和你老婆同时掉进河里你应该先救谁？《同 </t>
  </si>
  <si>
    <t>谁在手边就救谁,管她是谁!</t>
  </si>
  <si>
    <t xml:space="preserve">北京月嫂价格？北京哪家月嫂公司好？ </t>
  </si>
  <si>
    <t>红墙嘉顺母婴服务中心通过与保险公司合作建立母婴护理风险保障制度，是每一位客户都能享受到贴心更放心的优质化服务。　</t>
  </si>
  <si>
    <t>赛前再发三张实买单，没办法不会传图！01阿森纳(02)03</t>
  </si>
  <si>
    <t xml:space="preserve">1 阿森纳 3 2 博尔顿 3 3 富勒姆 3 4 纽卡斯 3 1 5 西汉姆 3 1 6 曼城 3 7 纽伦堡 3 8 门兴 1 0 9 法兰克 3 0 10 汉诺威 3 0 11 斯图加 3 1 12 勒沃 3 13 尤文 0 14 巴塞 3 </t>
  </si>
  <si>
    <t xml:space="preserve">孕25周偶尔肚子的一边发硬，怎么回事？就是收紧发硬，多半是左侧， </t>
  </si>
  <si>
    <t>正常现象，没关系的，我当时是经常这样的。 那是宝宝翻身或是背拱起来的原因，不用紧张，越紧张越容易宫缩。</t>
  </si>
  <si>
    <t xml:space="preserve">为什么用卡巴斯基的时候会有“卡巴斯基单机版已经由其他用户启动”？ </t>
  </si>
  <si>
    <t>用其他用户名登录了系统，而没有注销</t>
  </si>
  <si>
    <t xml:space="preserve">大哥们拜托了啊给个人族的成功打法 </t>
  </si>
  <si>
    <t xml:space="preserve">SKY流和一波流是靠女巫的强力减速/中立英雄/米你塔的压制。因为人族可以多农民同时建造，中立英雄瞬间可以召唤，塔的建造快，因此，对方的二本兵力/英雄还没能够出现，因此压制性超强。原本SKY流必须在兽王出现后对兽进行一次压制，但是由于SKY流攻城能力差，因此未必可以对对方造成决定性的压制。但是当SKY使用了迷你塔，压制效果被最大化了。 建造顺序大致是祭坛-伐木场--兵营-农场的顺序.因为SKY流二本双神秘圣地,同时建造,又要买MINI塔,所以前期造伐木场为木材做准备,同时为了防骚扰,家里应该有一个神秘塔一个箭塔.对兽用AM+BM+步兵+大量女巫+少量牧师,对精灵用AM+NAGA+女巫+牧师+迫击炮+步兵.当然,对精灵可以考虑一本的时候出火枪,但是我的习惯是速二本,因此家中一本的时候不造铁匠铺,等升级基地的时候造.打小鹿,女猎手靠迫击炮.对不死最行之有效的办法就是速矿,塔防,坦克强拆.前期的兵种只出步兵,兵力够打分矿就够了.然后速分矿,无数塔防御,二本同时出三-四车间,立刻升级三本,铁匠铺升级坦克的攻防,伐木场升级建筑的防御.一次派7,8辆坦克冲向对手基地,基本就OK.另一种方法就是三英雄战术,和不死对拼英雄等级.如果对方出毁灭你就出飞机(记得片杀要升级)如果胖子多就出49.当然限制不死的分矿和自己适当开分都是必要的.这主要看楼主的意识了,需要在实践中多多体会. </t>
  </si>
  <si>
    <t xml:space="preserve">z=x&gt;y?x:y;这行代码啥意思?z=x&amp;gt;y?x:y;是 </t>
  </si>
  <si>
    <t>条件运算符(?:)根据布尔型表达式的值返回两个值中的一个。条件运算符的格式如下condition?first_e 备注如果条件为true,则计算第一表达式并以它的计算结果为准;如果为false,则计算第二表达式并以它的计算结果为准。只计算两个表达式中的一个。使用条件运算符,可以更简洁、雅观地表达那些否则可能要求if-else结构的计算。例如,为在sin函数的计算中避免被零除,可编写为if(x!=0.0)s=Math.Sin(x)/x;elses=1.0;或使用条件运算符,s=x!=0.0?Math.Sin(x)/x:1.0;</t>
  </si>
  <si>
    <t xml:space="preserve">请问：自我怎么克服自我的恐惧心理？谢谢！31岁男。 </t>
  </si>
  <si>
    <t>你到底是对什么恐惧啊？</t>
  </si>
  <si>
    <t xml:space="preserve">父亲墓旁的柏树高了,可以锯掉吗父亲过世后，于90年代葬与公墓，当 </t>
  </si>
  <si>
    <t>首先申明，我不懂风水，更谈不上高手了。据老人言，坟地里栽植柏树，主要是为了防止“穿山甲”。据说穿山甲在地下会伤害到亡人的棺木、尸体。而穿山甲最怕柏木，即使闻到柏木气味，都会避而远之。所以过去人讲究装柏木寿材为最好。如果没有柏木，无论如何也要将棺材两头的挡板和棺材下面的托做成柏木的。是不是有什么科学根据，我也说不清。我们这里有个讲究，祖坟里的树不能挖，如果实在要用木材，只能锯掉，根是绝对不能动的。你父亲坟里的柏树，长的好高了，说明树大根深，根深叶茂，于祖宗于后世都是求之不得的哟，为何挖掉？</t>
  </si>
  <si>
    <t xml:space="preserve">做梦梦到有人跳楼梦见有人跳楼，我不敢看逃开了，但是却接二连三的有 </t>
  </si>
  <si>
    <t>梦见有人跳楼代表从原来的生活状态中跳出去，去到更宽广的环境发展与体验男人梦见有人跳楼却没死要出远门，有困难，最好取消。梦见有人跳楼却没死：表示现在身体状况最好。就是少了一点睡眠时间，对身体也不会有影响，可以多用功。这是提高成绩的良机!</t>
  </si>
  <si>
    <t xml:space="preserve">为什么我的体重就是不会减轻？我30岁，体重60公斤。我曾经去健身 </t>
  </si>
  <si>
    <t xml:space="preserve">越吃越瘦16妙招 这么多美味可口的食物，让我们快乐轻松地开始我们的食物吧。 下面这些减肥食谱16妙招可是小编精心挑选出来的，许多方法还是明星们尝试过的哟！ 1． 苹果餐 只需持续3日的苹果减肥法。其他可以喝水和茶。第3天晚上，喝一至二勺食用橄榄油。 2．菠萝减肥法 坚持一个星期只吃菠萝。其他用水分来补充。 3． 煮鸡蛋减肥法 一天食用8～9个水煮鸡蛋、持续2个星期。不吃米饭等主食，可以和青菜、 葡萄、去掉油的肉一起吃。 4． 小豆减肥法 将小豆炒熟，碾成粉末状，加入2勺牛奶，在进食前饮下2杯。 5． 酸奶减肥法 一天只食用1～2顿酸奶，其他按平常时间进食。 6． 黄豆粉可可减肥法 黄豆粉和可可粉与豆乳混合，于早晚餐前食用。进食量为平常的三分之一。 也可以加上麦芽和蜂蜜。 7． 粉状牛奶减肥法 一天只进食1-2次粉状牛奶，坚持3至7天。 8． 矿泉水减肥法 饭前饮用3～4杯矿泉水。进餐时也可以饮用，只是要注意别喝得太多。 9． 红葡萄酒减肥法 晚餐时饮少量的红葡萄酒，缓慢进食，大约保持在20分钟左右，进食量为平时的一半。 10.黑米减肥法 主食从白米、面包转为黑米，并减少点心的摄入量。玄米富含维他命B1和E、 以及食物纤维。 11.饮茶减肥法 茶叶利尿，并随着饮茶可以补充日常的水分。品种有乌龙茶、绿茶、玄米茶、杜仲茶等。 12.早食减肥 法国医学家发现，在饥饿之前吃东西是减肥的一种有效方法。 胰岛素可以调节体内糖类的吸收，同时它对食物转化和脂肪积累也起着一定的作用。 若人在饥饿之前吃些东西，常常可以控制胰岛素的分泌。 13.分食减肥 德国营养学家研究出了一种分食减肥法，这种减肥法就是要求减肥者在就餐中 不能同时吃某些食物。例如，人们吃高蛋白、高脂肪的荤菜时，可以食用一些蔬菜， 但不能喝啤酒或吃米饭、面包、马铃薯等碳水化合物食品。原来， 人体脂肪是由多种营养素组合而成的，人体在食用高蛋白食品时，不食用碳水化合物食品， 人体就不会增加脂肪。 14.要想瘦多食醋 近年来，美国兴起一股食醋减肥热，有关专家认为，食用醋中所含的氨基酸， 不但可以消耗体内脂肪，而且可以使糖、蛋白质等新陈代谢顺利进行，能够收到良好的减肥效果。 15.饭后茶减肥法 饭、茶、汤、食物配搭好一点，吃不胖又健康，有空时加点运动效力更佳。 汤可以用柠檬炖牛腩、梅子汤、青柠汤、金针木耳汤、酸咖哩菜汤、酸笋鱼汤或咸菜汤， 都是实效减肥汤水，而且可以化脂肪、醒胃。 饭用咸菜姜饭、黑糯米饭都可以。饭与菜的配搭减除重脂肪的肉类， 最好每餐之后最重要是泡一杯铁观音，这种方法减肥又实际又有效，但所需日子比较长一点。 16.简易水果色拉 不吃饭吃水果减肥，但不是所有的水果都可以瘦身的，比如含有蔗糖的甘蔗吃多了仍然会发胖怎么办？你可以试试柠檬汁拌苹果啊！ [原料] 苹 果 100克 蜂 蜜 适量柠檬汁 20克 秋 梨 50克 [制法]： 1． 苹果、秋梨去皮、核，洗净，切成小块，放盘中。 2． 柠檬汁加入蜂蜜一起放入碗中，调成柠檬蜜汁。 3． 将柠檬蜜汁淋入苹果、秋梨块上，拌匀即可食用。 ◆哪些食物能减肥？ 1、冬瓜。 具有利尿之功效，能排出水分，减轻体重。如经常食用冬瓜可以改变食物中的淀粉和糖类，防止其转化为脂肪。此外，冬瓜富含维生素，且含热量较低。 2、黄瓜 内含内醇二酸，可抑制糖类食物转化为脂肪，黄瓜还含有丰富的纤维素，能加强胃肠蠕动，通畅大便，且热量含量也较低。 3、丝瓜 丝瓜中所含的皂疳和粘液有利于大便通畅，且含热量也很低。此外，丝瓜还含丰富的维生素B1、B2、A、C和钙、磷、铁等矿物质。 4、白萝卜 含有芥子油和淀粉酶，有助于消化和脂肪类食物的新陈代谢，防止皮下脂肪的堆积。白萝卜也有通气和促进排便的作用 5、紫菜 纤维含量高，脂肪含量低，易产生饱腹感，还有清热利尿的功能。 6、韭菜 含纤维丰富，能畅通大便，把肠道中过多的蛋白质、脂肪排出体外，防止脂肪在体内的堆积。 7、海带 含大量纤维和无机元素（特别是钾的含量十分丰富），有通便和利尿的功能。 8、绿豆芽 水分含量多，热量极少，不易形成脂肪，同时还有利尿的功能。 9、辣椒 具有消耗体内脂肪的功能，且富含维生素，热量含量也较低。 10、苹果 含有果胶质，这是一种可溶性纤维质，有助于降低胆固醇。苹果还富含粗纤维，能吸收大量的水份，减慢人体对糖的吸收，同时它还能刺激肠道蠕动，促进排便。 11、柠檬 含较多的柠檬酸，能促进胃液的分泌，促进肠蠕动，利于通便。 12、茶 普遍认为，茶具有消除油腻，减脂和降脂的作用。 13、醋 醋中富含的氨基酸，可以促进体内脂肪的分解和糖类的新陈代谢。 14、兔肉 脂肪含量极低，且多为不饱和脂肪酸，故长期食用也不会引起脂肪在体内的堆积。 15、赤小豆 是一种高蛋白，低脂肪的食物。有清热利尿，活血消肿之功效，可以促进排便。 16、大蒜 对酶的形成起抑制作用，从而减少脂肪酸和胆固醇的合成（脂肪酸和胆固醇的合成离不开酶的参与） 18、木耳 是一种高蛋白、低脂肪、水分多、矿物质多的食物。它还含有一种多糖物质，能降低血中的胆固醇、减肥和抗癌。 19、荷叶茶 每日用鲜荷叶50克~100克（干荷叶25克）煎汤代茶，连服3个月，能明显降低体重。 20、鹌鹑 鹌鹑肉是高蛋白、低脂肪、多维生素的食物，且胆固醇含量也很低，是减肥的理想肉食。 减肥方法很多。在选择减肥方法时应以物理减肥和减少饮食为主。不应该以口服药物为主。常用减肥方法有：①预防性减肥；②运动减肥；③行为减肥；④机械减肥；⑤桑那浴减肥；⑥石膏减肥；⑦石腊减肥；⑧手术减肥；⑨按摩减肥；⑩电子减肥。其中药物减肥不可泛用。药物减肥是在以上理化减肥的基础上效果不佳最后才采取的一种减肥方法。药物减肥有食欲抑制法和代谢促进法。药物减肥有许多副作用，应尽量避免使用。 肥胖不仅影响形体美，而且给生活带来不便，更重要的是容易引起多种疾病，加速衰老和死亡。如何科学减肥？医学专家认为：科学的减肥方法是控制热量的摄取和增加活动量，并做到平衡膳食。减肥是一个系统工程，需天长日久，贵在坚持，并没有什么一触即成的速成方法。但如果你能掌握一些饮食减肥决巧，对你的减肥是很有帮助的，不妨你一试： 1．制定减肥目标(理想或标准的体重)。把它写在纸上，贴在你每天能看到的地方。 2．写减肥日记。制作卡片或图表，标出你计划体重下降的数字和完成情况。 3．多喝水。每天要喝七八杯白开水，水对于身体的功能是最基本的，且无热量，可以成为节食的最适合的饮料。 4．要有恒心与毅力。在适度节食过程中，不要“试一试”而要“坚持”。在美味佳肴面前要节制食欲，适可而止。 5．控制热量与脂肪。要始终小心食物的热量，在膳食中应减少些肥肉，增加点鱼和家禽。 6．饮食要清淡。要少吃盐，咸的东西吃得越多，就越想吃。少吃那些经加工带有酱汁的食物，这些东西含有丰富的糖、盐和面粉，它会增加你的热量。 7．常吃蔬果。要适量吃些含纤维多的水果、蔬菜和全麦面包。 8．平衡膳食。每天按计划均衡安排自己的饮食，同时要注意定时、不可滥吃。要减慢吃饭的时间，吃顿饭的时间不少于20分钟。 9．热量负平衡。请记住减肥的原则：热量的摄取量必须少于你的消耗量。 10．建立良好的生活方式。请记住你是在学习一种“生活的方式”，纠正以往的不良饮食和生活习惯。 减肥，要有耐心和恒心，坚持就是成功！ 参考一下，我以前提过的问题，这也是网友发的，借鉴一下吧，其实，最好的方法是节食+运动，真的，我已经减了30多斤了，现在很匀称阿 世上最有效，最简便，又不花钱，也不挨饿的减肥方法 苹果减肥三天见效 众所周知，“一天一苹果，医生远离我”。苹果的食用功能，已获得许多科学家证实。例如不必挨饿，不必吃药，不必花钱，只要在3天内纯吃苹果，吃饱为止，可以减轻3至5公斤。这是日本流行的“三日苹果减肥法”。 苹果含有较多的钾， 较少的钠，可降低血压；苹果的果胶可以降低胆固醇；苹果含有类黄酮，可以减少冠心病的发生和诱发心脏病；苹果含有非常丰富的抗氧化物,可降低癌症发生的机会。 由此可见，苹果是很健康的水果。想想，如果三天纯吃苹果，就能减肥3至5公斤，又能保持健康的话，你愿意尝试吗？ 苹果减肥的基本知识 吃苹果减肥的好处是不必挨饿，肚子饿就吃苹果。因为它是低热量食物，无论吃多少，都不会比日常生活所摄取的热量还多，所以体重自然减轻。 吃苹果减肥的人，同时也能改善皮肤干燥，过敏性皮肤炎、便秘等症状。 要知道，我们的食欲是由大脑控制的。当中枢神经发出“要吃、想吃”的指令时，你就会变得很贪吃。 不过，再怎么好吃的食物，吃多了都会腻。例如，你很喜欢吃蛋糕，可是，如果是同一种蛋糕，饭后也不可能吃得下很多块吧？ 同理，在苹果减肥期间，一次吃两三个苹果的话，你的大脑就会告诉你“肚子饱了”的指令，因此实际上所吃的苹果不会太多，摄取的热量也不多。 如果你没有办法实行三天苹果减肥法，可以从一天或两天开始。只要你有做，就会有效果。 举例来说，你可以从一个星期实行一天开始，等习惯以后，再增加到两天、三天。不习惯的人，最好不要超过三天，以免中枢神经功能失调，反而会在减肥后暴饮暴食，变得比减肥前还胖。 苹果减肥的方法 ①连续三天只吃苹果，不吃其他水果和食物。 ②你可以按照三餐的时间吃苹果，或是肚子饿就吃，吃饱为止。 ③不管什么种类的苹果都可以，不过，最好是红苹果。青苹果比较酸，怕会刺激肠胃。 ④苹果要吃新鲜的，而且要洗净削皮，避免农药残存。 ⑤在这三天内，口渴时，你可以喝开水或没有刺激性的茶水，例如薄荷茶、麦茶、红花茶、鱼腥草茶等。 ⑥减肥期间，你的肠胃会很敏感，所以要避免喝有咖啡因的饮料，例如红茶、咖啡、绿茶、乌龙茶等，以免肠胃不适。 ⑦在苹果减肥期间，如果出现便秘问题，可以在第三天晚上，喝一两汤匙的橄榄油润肠，促进体内积蓄的毒素排泄。 三天后的饮食要点 三天的苹果减肥结束后，因为远离了刺激性食物，所以你的肠胃会很柔嫩，味觉也很敏感，而且胃会变小。 第四天开始，你的饮食要慢慢恢复，不能一下子就吃很多食物，尤其不要吃零食。恢复饮食的头三天，最好先从吃粥、吃豆腐等开始。 总之，减肥后恢复饮食时，食物要清淡而且不要过量，这样一来，减肥的效果才会持续。 苹果减肥等于身体消化系统的大扫除。如果你真的很胖，想要做一次苹果减肥就恢复身材是不可能的。最好每一两个月就进行一次，直到减至理想体重为止。 苹果能减肥的5大理由 ①因为食物摄取量减少，所以肠胃等消化器官得以休养。节食期间，借着少吃或定期减肥，可让消化系统休息，恢复本来的机能，并且正常操作。 ②苹果减肥提高了肾脏或肠胃功能，排出体内废气，净化血液。它能把体内的淤血（老旧残污血液）、宿便（老旧粪便）、水毒（造成水肿的原因）排出，身体也变得更健康。 ③苹果减肥使人体摄入的热量减少，不足部分就需要体内积蓄的热量供给。所谓体内积蓄的热量即脂肪。体内的多余脂肪消耗掉，人自然会变瘦。 ④肥胖者几乎都是因过食而使胃部扩张，无法控制食欲。苹果减肥法能使胃部收缩，减肥后食欲变得容易控制，而且味觉变正常，不会喜欢刺激性食物或油腻食物。 ⑤苹果减肥可以促进血液内白血球的生成，提高人体的抵抗力和免疫力，同时促进神经和内分泌功能，有助美容养颜。 1.减少热量的摄入:如果你将每天的热量摄入减少100千卡,那就可能在大约5个星期后减肥4公斤. 2.改变食物结构:不减少饮食量,而相应改变食物的结构。用各种水果,蔬菜和谷物取代高脂食物. 3.吃流质食品:用流质食品代替日常膳食,但要注意选择的食品应充分提供你所需的营养. 4.步行减肥:坚持步行锻炼.每周至少5天,每天步行锻炼45分钟,行程约 5公里（保持一定的速度）. 5.户外运动:每周3---5次的户外运动,是一种消耗体内脂肪,,提高活力的好方法.但每次时间在20分钟以上。 6.举重运动:靠力量锻炼也能使你减肥,因为举重能增加肌肉,肌肉越发达,人体新陈代谢就越快.为避免受伤,最好请教练. 7.不吃太多饮料:用水代替饮料。 8.最佳减肥法: 减少脂肪和热量摄入的同时,进行运动。这种减肥方法在减轻体重的同时增强肌力,能促进心血管健康。 嗯,应该就是这么多了,祝你早日减肥成功!!! </t>
  </si>
  <si>
    <t xml:space="preserve">你们裸睡是全身不穿衣服还是就穿个内裤? </t>
  </si>
  <si>
    <t>什么都不穿</t>
  </si>
  <si>
    <t xml:space="preserve">口腔经常上火是什么原因? </t>
  </si>
  <si>
    <t>一、缺锌。二、免疫力下降，应多运动，也许到医院检查一下免疫力水平。</t>
  </si>
  <si>
    <t xml:space="preserve">如何对尖锐湿疣有效的治疗？ </t>
  </si>
  <si>
    <t>药物治疗一般对人体伤害很大。中药外用治疗，见效比较慢，但一旦治好，复发率相对较低。采用组合方式治疗会好点。在治疗期间要忌辛辣激发的事物，忌烟酒，忌熬夜，忌性生活，规律饮食和生活， 注意营养平衡，适当的运动，增强自身免疫力，或者口服一些增强免疫力的药品或保健品有助于康复。尖锐湿疣是病毒感染的性传染疾病，目前主要的治疗方法是传统的治疗方法再辅以抗病毒的药物治疗，或口服或外抹，这种方法见效很快，但临床反应复发率很高。传统的治疗方法有复发的潜在危害，主要原因是传统疗法只能去掉皮肤表面的疣体，而没办法杀死皮肤深层潜伏的游离的病毒，所以一般在患者免疫力低下时就很容易会复发。所以治疗尖锐湿疣的关键是在于预防复发，治疗为主，预防为辅，防治结合很重要。</t>
  </si>
  <si>
    <t>买电子琴在北京那里可以买到1000</t>
  </si>
  <si>
    <t>国产的也就美德里和致嘉还有美乐斯；其他杂牌就算了，不知楼主想买什么价位的，如果条件允许还是买CASIO和YAMAHA的吧。推荐两款：美得理的MC320：1500左右；MC280：2000左右。</t>
  </si>
  <si>
    <t xml:space="preserve">如果社会上有人吓你,侮辱你,你会怎么做?(请你说出心中所想所说的? </t>
  </si>
  <si>
    <t>这其决于你的信仰..你信我的,你就出国.你信我党,你就诬陷搞臭对方,借众人之力威慑之,最终共赢,消灭矛盾..你信&lt;教父&gt;,你就别去憎恨它/他/她,还要不断接近之..最终....你信佛,你就学"林戴玉"..你信老庄,你就闪,找个山洞度过余生,并呈快乐状.你信于丹,你就重新投胎..</t>
  </si>
  <si>
    <t xml:space="preserve">有谁知道网脉工程是干什么的？ </t>
  </si>
  <si>
    <t>网脉工程是由共青团中央、教育部、国务院新闻办、全国少工委等16个国家部委单位联合发起的。它主要解决的是：网络时代下怎样更好地教育和培养孩子的问题。目前，我国教育资源分配不均衡，最顶极的教育资源都集中在少数地区和少数学校，只有极少数的孩子能够受益，而网脉工程以国家投入为主，整合全国最顶级的教育资源，让每一个家庭用最小的投入获得最大的收益，让孩子接受最好的教育，为家庭提供先进的教育模式，同时以技术手段规避网络危害，促进孩子健康成长。</t>
  </si>
  <si>
    <t xml:space="preserve">保险公司会倒闭吗？经营不成会怎样处理请问各位保险公司如果经营不善 </t>
  </si>
  <si>
    <t xml:space="preserve">《中华人民共和国法》第七十九条：保险公司成立后应当按照其注册资本总额的百分之二十提取保证金，存入保险监督管理机构指定的银行，除保险公司清算时用于清偿债务外，不得动用。 第八十五条 保险公司因分立、合并或者公司章程规定的解散事由出现，经保险监督管理机构批准后解散。保险公司应当依法成立清算组，进行清算。 　　经营有人寿保险业务的保险公司，除分立、合并外，不得解散。 第八十六条 保险公司违反法律、行政法规，被保险监督管理机构吊销经营保险业务许可证的，依法撤销。由保险监督管理机构依法及时组织清算组，进行清算。 第八十七条 保险公司不能支付到期债务，经保险监督管理机构同意，由人民法院依法宣告破产。保险公司被宣告破产的，由人民法院组织保险监督管理机构等有关部门和有关人员成立清算组，进行清算。 第八十八条 经营有人寿保险业务的保险公司被依法撤销的或者被依法宣告破产的，其持有的人寿保险合同及准备金，必须转移给其他经营有人寿保险业务的保险公司；不能同其他保险公司达成转让协议的，由保险监督管理机构指定经营有人寿保险业务的保险公司接受。 　　转让或者由保险监督管理机构指定接受前款规定的人寿保险合同及准备金的，应当维护被保险人、受益人的合法权益。 第八十九条 保险公司依法破产的，破产财产优先支付其破产费用后，按照下列顺序清偿： 　　（一）所欠职工工资和劳动保险费用； 　　（二）赔偿或者给付保险金； 　　（三）所欠税款； 　　（四）清偿公司债务。 　　破产财产不足清偿同一顺序清偿要求的，按照比例分配。 《保险保障基金管理办法》第十六条 保险公司被撤销或者被宣告破产，其清算财产不足以偿付保单利益的，保险保障基金按照下列规则对非人寿保险合同的保单持有人提供救济： 　　（一）保单持有人的损失在人民币5万元以内的部分，保险保障基金予以全额救济； 　　（二）保单持有人为个人的，对其损失超过人民币5万元的部分，保险保障基金的救济金额为超过部分金额的90%；保单持有人为机构的，对其损失超过人民币5万元的部分，保险保障基金的救济金额为超过部分金额的80%。 前款所称保单持有人的损失，是指保单持有人的保单利益与其从清算财产中获得的清偿金额之间的差额。 　　第十七条 人寿保险公司被撤销或者被宣告破产的，其持有的人寿保险合同，必须转让给其他人寿保险公司。不能同其他人寿保险公司达成转让协议的，由中国保监会指定人寿保险公司接收。 　　第十八条 被撤销或者被宣告破产的保险公司的清算资产不足以偿付人寿保险合同保单利益的，保险保障基金可以按照下列规则向保单受让公司提供救济： 　　（一）保单持有人为个人的，救济金额以转让后保单利益不超过转让前保单利益的90％为限； 　　（二）保单持有人为机构的，救济金额以转让后保单利益不超过转让前保单利益的80％为限。 保单受让公司应当根据前款标准核算转让后保单持有人的保单利益，并据此与保单持有人修订人寿保险合同。 　　第十九条 保险公司被撤销或者被宣告破产的，保单持有人在清算结束前可以签订债权转让协议，由保险保障基金向保单持有人支付救济款，保单持有人将其对保险公司的债权让渡给保险保障基金。 清算结束后，保险保障基金获得的清偿金额多于支付的救济款的，保险保障基金应当将差额部分返还给保单持有人。 </t>
  </si>
  <si>
    <t xml:space="preserve">mp3内存突然变小?512M的内存的mp3好象是被摔了一下,里面 </t>
  </si>
  <si>
    <t>你可以格式化一下 试试看</t>
  </si>
  <si>
    <t xml:space="preserve">帮帮我呗?我有个朋友,男孩子,他的头发及身上的毛发均有些发黄,包 </t>
  </si>
  <si>
    <t>这是每个人的基因造成的,不可能通过吃什么食品来改变颜色.没有听说过黄头发的外国人多吃点木耳\黑芝麻等黑色食品就会长出黑头发的.  一切听其自然吧,健康就是幸福!</t>
  </si>
  <si>
    <t xml:space="preserve">math求证:1^4+2^4+3^4+……+n^4=n(n+1) </t>
  </si>
  <si>
    <t>归纳法：n=1时,左边=右边若n=k时等式成立,则1^4+2^4+3^4+……+k^4=k(k+1)(2k+1)(3k^2+3k-1)/30所以 1^4+2^4+3^4+……+k^4+(k+1)^4=k(k+1)(2k+1)(3k^2+3k-1)/30+(k+1)^4,而(k+1)(k+1+1)(2k+2+1)[3(k+1)^2+3k+3-1)/30-k(k+1)(2k+1)(3k^2+3k-1)/30=(k+1)(30k^3+90k^2+90k+30)/30=(k+1)^4所以1^4+2^4+3^4+……+k^4+(k+1)^4=(k+1)(k+1+1)(2k+2+1)[3(k+1)^2+3k+3-1)/30所以若n=k成立,则n=k+1成立所以一切正整数n均使等式成立</t>
  </si>
  <si>
    <t xml:space="preserve">傲世三国2出来了吗要是出来了，谁能给个下载地址？ </t>
  </si>
  <si>
    <t xml:space="preserve">没有，你先玩 傲世三国---三分天下 吧，下载地址： </t>
  </si>
  <si>
    <t>三角函数求(sin7+cos15sin8)/(cos7</t>
  </si>
  <si>
    <t>(sin7+cos15sin8)/(cos7-sin15sin8) =sin(15-8)+cos15sin8)/(cos(15-8)-sin15sin8) =(sin15cos8-cos15sin8+cos15sin8)/(cos15cos8+sin15sin8-sin15sin8) =(sin15cos8)/(cos15cos8) =sin15/cos15 =tan15 =2-√3</t>
  </si>
  <si>
    <t xml:space="preserve">生完小孩子，什么时候可以上环？生小孩的时候可以顺便可以上环？呵呵 </t>
  </si>
  <si>
    <t>我是过来人,一般情况下刚生完孩子,小孩在吃奶的时候往往YJ是不来的,所以说那个时候也算是比较安全,但不排除列外.等孩子断了奶,YJ来了以后等YJ干净后两天不能同房的情况下去医院上环.</t>
  </si>
  <si>
    <t xml:space="preserve">洛阳治疗不孕不育去哪家医院好？ </t>
  </si>
  <si>
    <t>您好，目前可以治不孕不育疾病的医院有很多，要治疗不孕不育需要夫妻同诊，找到病因后对症治疗。建议您到正规专业的不孕不育专科医院治疗，专科医院设备专业，医生权威。您好，一般结婚一年在没有采取避孕措施的情况下还没有怀孕就属于不孕症，治疗不孕不育得去正规专业的不孕不育医院做检查，查明原因对症治疗。您好，目前治疗不孕不育的医院有很多，选择正规专业的不孕不育专科医院治疗才是关键，听说老城那边的不孕不育专科医院治疗不错，收费合理，可以去咨询下。</t>
  </si>
  <si>
    <t xml:space="preserve">谁知道本赛季欧洲各国联赛冠军欧洲各国联赛冠军和杯赛冠军 </t>
  </si>
  <si>
    <t xml:space="preserve"> 里面有你想要的各国家、各级联赛、杯赛的各种详细资料。没有找不到，只有想不到</t>
  </si>
  <si>
    <t xml:space="preserve">绿萝叶子是什么东东呀？ </t>
  </si>
  <si>
    <t>绿萝是一种植物，绿萝的叶子一般是青绿色，但是植株够大时它会长出黄纹黄斑，很艳丽很好看的（诚心为您解答，亲 请随手设为“好评”哦，对您没有任何损失的哦，谢谢啦！）就是绿色萝卜的叶子，希望对你有用，麻烦给与好评，谢谢</t>
  </si>
  <si>
    <t xml:space="preserve">问一个成语形容一个人心理有一个远大的梦想,但是他总不去实现这个梦 </t>
  </si>
  <si>
    <t>纸上谈兵：在纸面上谈论打仗。比喻空谈理论，不能解决实际问题。也比喻空谈不能成为现实。 谈空说有：泛指闲谈、空谈。叶公好龙：比喻表面上爱好某事物，实际上并不真爱好。 坐而论道：坐着空谈大道理。坐下来谈论各项事理。指口头说说，不见行动。华而不实：比喻外表好看，内容空虚。也指表面上很有学问，实际腹中空空的人。 画饼充饥：画个饼来解除饥饿。比喻用空想来安慰自己。望梅止渴：原意是梅子酸，人想吃梅子就会流涎，因而止渴。后比喻愿望无法实现，用空想安慰自己。空头支票：空头：有名无实的。指不能兑现，即取不到钱的支票。比喻不准备实现的诺言。徒托空言：比喻光有满嘴空谈,不办实事。好高骛远：比喻不切实际地追求过高过远的目标。好大喜功：多用以形容浮夸的作风。</t>
  </si>
  <si>
    <t xml:space="preserve">送三朵红玫瑰加8朵百合大概多少钱 </t>
  </si>
  <si>
    <t>3朵玫瑰花语：我爱你；8朵百合花花语：珍贵弥补、歉意、弥补、深深歉意、请原谅我；如果单纯地从花语上来看：他所表达的意思就是：亲爱的，我爱你，请你原谅我。如果没有考虑到花语的问题，那么这两种花代表着永恒的爱情，玫瑰象征爱情，百合花象征天长地久，意思就是我爱你，希望可以永远在一起。</t>
  </si>
  <si>
    <t xml:space="preserve">染发真的不好吗??我想染发,可是身边的人都说染发很伤头发的,又有 </t>
  </si>
  <si>
    <t>致癌物没有明确的报道，当时里面含有化学物质肯定对机体有一定的影响；伤发质也是事实，所以不染的好。</t>
  </si>
  <si>
    <t xml:space="preserve">　　海南高速股改送股，怎样操作，有何注意事项 </t>
  </si>
  <si>
    <t>你认为公司前景好、股改对价值、想参与股改可继续持股，没有甚至于可以买入；你不认可则可以在股权登记前卖出。因为不了解股改的具体内容，上述意见仅供参考。</t>
  </si>
  <si>
    <t xml:space="preserve">请教什么是gif/jpg/jpeg类型照片 </t>
  </si>
  <si>
    <t xml:space="preserve">GIF表示动画图,jpg/jpeg是一种类型,,jpg是jpeg的缩写,jpg是一般图片的格式,一般上传什么图片格式,基本都会要求是jpg或GIF格式的.如果不是动态图,一般选择存为jpg格式,这样预览比较方便. </t>
  </si>
  <si>
    <t xml:space="preserve">这是什么植物？叶对生，花白色，很小。 </t>
  </si>
  <si>
    <t xml:space="preserve">石竹科繁缕属，看雌蕊，如果是三枚的话是繁缕，如果是五枚的话则是牛繁缕，照片不清楚，看上去好像牛繁缕。牛繁缕Malachium aquaticum全株光滑，仅花序上有白色短软毛。茎多分枝，柔弱，常伏生地面。叶卵形或宽卵形，顶端渐尖，基部心形，全缘或波状，上部叶无柄，基部略包茎，下部叶有柄。花梗细长，花后下垂；苔片5，宿存，果期增大，外面有短柔毛；花瓣5，白色，2深裂几达基部。蒴果卵形，5瓣裂，每瓣端再2裂。欢迎交流： </t>
  </si>
  <si>
    <t xml:space="preserve">为什么RM视频文件不能合并我从网上下载了一些电视剧和影片，大部分 </t>
  </si>
  <si>
    <t>视频文件合并工具 Ultra Video JoinerV3.6.0 绿色版下载地址： 使用“Ultra Video Joiner”这个工具可以帮助你连接或者合并AVI/DivX,MPEG I/II,VOB,DAT,WMV,ASF视频文件成为一个大的各种格式的视频文件。你可以增添视频文件到清单中并在需要的时候重新组织它们的顺序，然后再将这些视频文件合并为一个大的AVI/DivX ,MPEG I/II,WMV/ASF格式的视频文件。 你可以用它来转换一个单一文件。 你可以改变其帧率、尺寸等参数。 这个应该能够解决你的问题。再给你一个。Super Video Joiner(视频文件合并工具) V4.3.0 汉化版下载地址： 支持AVI/DivX,MPEGI/II, VOB,DAT,WMV,ASF文件格式，你可以把多个视频文件合并为一个视频文件，你可以增加视频文件到一个无限制的视频文件列表，并很容易的根据你的需要进行重新排列，然后把这些视频文件转化为一个大的视频文件。注意下载和安装方法。</t>
  </si>
  <si>
    <t xml:space="preserve">持美国绿卡是否可以申请配偶移民我获得F43签证后至美国，现已拿到 </t>
  </si>
  <si>
    <t>可以申请你的老公来美,但是不能申请陪读,你的情况已经不属于这个类型.现在一般会等上五年左右.你最好现在就开始准备近三年的税单,各类表格,各类公证.然后带上支票一起寄到移民局,早一天是一天.(当然,之前要认真阅读各种要求,如果少寄材料,耽误自己的时间)</t>
  </si>
  <si>
    <t xml:space="preserve">地理华东都是哪几个省，华北是哪几个省，华南呢？ </t>
  </si>
  <si>
    <t>1、华东地区（山东、江苏、安徽、浙江、福建、江西、上海）； 2、华南地区（广东、广西、海南）； 3、华中地区（湖北、湖南、河南）； 4、华北地区（北京、天津、河北、山西、内蒙古）； 5、西北地区（宁夏、新疆、青海、陕西、甘肃）； 6、西南地区（四川、云南、贵州、西藏、重庆）； 7、东北地区（辽宁、吉林、黑龙江）； 8、台港澳地区（台湾、香港、澳门）。</t>
  </si>
  <si>
    <t xml:space="preserve">请问高手：我最近要办资金证明，银行说要冻结1个月。我是用美圆冻结? </t>
  </si>
  <si>
    <t>资信证明也就是银行开给个人的存款证明,为保证所开出的证明的有效性,银行必须对你所开资信证明的存款进行冻结,而时间的长短由申请人来定,冻结日要比证明的有效期长一天(因为证明的有效时间是24小时的)!!!对于你所说的是用美元好些还是欧元好些的问题!我个人认为用美元比较好些.理由是:你正在抄汇!!而目前欧元的形势算是一片大好,但谁都不知道在什么时候会下跌,如果一旦有下跌的信息出现,而你所持欧元却正在冻结期,你便不可以进行获利或是止损交易.这种情况你一定不想看到吧!!另外,外建议你的资信证明可以尽量开最短的时间,以提高资金的灵活性.(如果是办理出国签证的,一般按大使馆的要求开3个月左右.如果是办理企业的营业执照的资金验证一般一天至三天就可以了!!!希望对你有帮助!!!</t>
  </si>
  <si>
    <t xml:space="preserve">德州有多少家服装公司 </t>
  </si>
  <si>
    <t>你好，几家较大服装公司：德州市红星服装厂 地址：建设街55号大华标志服装公司 地址：德州市临邑县德州格瑞服装厂  地址：德州市德城区 超越服装公司 地址：德州市庆云县青春服装厂 地址：三八中路1597乐陵市春乐服装厂 地址：山东省德州市乐陵市庆云泰丽服装厂  地址：山东省德州市庆云县红漫红服装公司 地址：山东省德州市武城县</t>
  </si>
  <si>
    <t xml:space="preserve">请问博物君，这种透明的小章鱼是什么品种呢？宁波这边的海边抓到的！ </t>
  </si>
  <si>
    <t>蓝环章鱼。如果对您有帮助，请给个好评哦，亲，谢谢</t>
  </si>
  <si>
    <t xml:space="preserve">我的后脑勺有一个和骨头一样的疙瘩，是怎么回事呢？为什么别人的没有? </t>
  </si>
  <si>
    <t>其实每个人都有的，每个人头部骨骼不同所以有的人能摸出来有的莫不出来。实在你担心就去医院看看吧</t>
  </si>
  <si>
    <t xml:space="preserve">请问：买写字楼或者商业所签定的协议也必须是按照商品房买卖合同》的? </t>
  </si>
  <si>
    <t>应该使用格式合同，然后签署补充合同，将其特别的问题进行约定。</t>
  </si>
  <si>
    <t xml:space="preserve">我看电影时画面颜色不对是怎么会是啊？电影画面有时就像是用红外下照 </t>
  </si>
  <si>
    <t>拜托是用什么看的   DVD机?    VCD机?     电脑? (什么软件?)</t>
  </si>
  <si>
    <t xml:space="preserve">赵姓男孩带木字的名字？孩子姓赵，缺木，起一个带木字的名字，谢谢！ </t>
  </si>
  <si>
    <t>赵钰杰,赵嘉林.</t>
  </si>
  <si>
    <t xml:space="preserve">请问异人脚下的光环怎么开2个我看别的异人脚下同时有金刚和强攻，是 </t>
  </si>
  <si>
    <t>除非你手动不断切换。。。或者用按键精灵</t>
  </si>
  <si>
    <t xml:space="preserve">有关释迦摩尼佛的图像我家有次从客人家里拉一套沙发，回来才发现沙发 </t>
  </si>
  <si>
    <t>如果找不到原主人应可以。有主应原主同意。我认为放在最上可能落灰，放在正中央最好，以示尊敬。个人观点，仅供参考。如不同见解，虚心受教。</t>
  </si>
  <si>
    <t xml:space="preserve">患了双相情感障碍是不是必需服药2年?我女儿是2004年的大学生, </t>
  </si>
  <si>
    <t>一定要服药，不然的话，要重发的。。。。。。。。。。。。。。。。</t>
  </si>
  <si>
    <t xml:space="preserve">过年的时候亲戚都说我脸色不好,说有点苍白,微黄,没有血色不红润,? </t>
  </si>
  <si>
    <t>多吃含铁丰富的食物,在服用些常用的铁剂补充. 含铁丰富的食物有:动物肝脏,黑木耳,红枣,菠菜,蛋黄等.铁剂可以选择铁之缘片,专门治疗贫血的常用铁剂,安全可靠.</t>
  </si>
  <si>
    <t xml:space="preserve">长期染头发会致癌吗？我一明友有少白头，染发有六年多了，他很担心会? </t>
  </si>
  <si>
    <t>国际癌症研究机构曾对染发与癌症关系进行过评估，认为没有充分证据证明染发会致癌。不过，很多种染发产品原料都具有一定的致敏作用， 所以还是要控制染发的频率这个应该不会的</t>
  </si>
  <si>
    <t xml:space="preserve">密保坏了.强制解除不了怎么回事?我的密保SN和密码都对为什么强制? </t>
  </si>
  <si>
    <t>不知道．问ＧＭ去</t>
  </si>
  <si>
    <t xml:space="preserve">免费网络游戏怎么赚钱，同样那些网站又是怎么赚钱的除了广告 </t>
  </si>
  <si>
    <t>现在所谓的免费游戏只是注册登陆进行游戏都是免费的,然后将游戏难度增加,比如经验减少,强化武器成功率降低,掉的东西垃圾等,如果想把游戏里的角色玩到高级或拥有JP装备就要冲卡,也就是买游戏点卡,冲值后可以获得双倍经验或好的武器装备,如果游戏运营的好,冲卡的收入一点也不比收费来的少,而且冲卡不受时间限制,比收费更让玩家拥有自由度和自主性.网站赚钱的方式很多,游戏网站挂靠游戏,经营性网站靠卖东西提成,而非经营性网站靠点击率拉广告,如果不靠游戏,不卖东西不做广告的网站要么倒闭要么就是政府网站.</t>
  </si>
  <si>
    <t xml:space="preserve">谁能告诉我网页设计的一些步骤？ </t>
  </si>
  <si>
    <t>首先，设计风格。在网站就绪之前，就先明确自己的网站想要给用户带来什么样的感觉，构造出给人的第一印象，让人第一眼看到就觉得这个网站是你独有的，这是展现独特的第一步。从外表，颜色，文字等方面围绕着一个主题进行，设计出个性，体现得与众不同。　　其次，设计内容。光有一个光鲜的外表估计还没法做到引人注目，还要建立在有价值的内容之上。内容设计其实就是平面设计的元素组合分布在网页上。就比如说Disney的网站，包括网站的导航字体，图片设计等，风格是cute，那么选择的字体就不再是那么生硬的了，活泼易变才符合网站的个性，包括logo，导航栏元素，色调要一致的同时字体设计也要大体一致，以及内页的图片和内容选择同样不可偏离。　　最后，设计排版。把每一块的内容都分别做好之后，就差将他们组合起来排布了，再好的内容和页面设计也要遵循用户的体验行为，大家都习惯性从左到右浏览网页的内容，那么就得将网站的主要设计从左到右排列，让网站的重点也能增加曝光率，用户记住你网站的同时还会流连忘返。</t>
  </si>
  <si>
    <t xml:space="preserve">十一从抚顺去本溪水洞大概要多少钱？十一的时候想去本溪水洞．我十月 </t>
  </si>
  <si>
    <t>我建议你还是~回家~看看就行了~~因为今年~各个景点票价上浮最少20%~加团费也涨最少20%~~也就是说~去年200元今年就的240元~~吃住再加上一个人最少400元~~建议还是~~回家看看吧~~孝敬一下家人吧~~！</t>
  </si>
  <si>
    <t xml:space="preserve">用简单实验证明二氧化碳与氢氧化钠反应 </t>
  </si>
  <si>
    <t>方法1:如lirenjie所言将二氧化碳通入氢氧化钠溶液,向反应后的溶液中滴加稀盐酸,若有气泡生成,则已反应.另外,本人有另一种方法方法2:取两个相同的试剂瓶充满二氧化碳后,注入同体积的二氧化碳和氢氧化钠溶液,比较气球胀大的程度.实验装置:试剂瓶(带双孔橡皮塞)一孔插入玻璃管,玻璃管在瓶内一端系上一个气球(密封),另一孔插入分液漏斗.</t>
  </si>
  <si>
    <t xml:space="preserve">我的孩子缺铁,请问如何给孩子补铁? </t>
  </si>
  <si>
    <t>同意上面那位的观点，孩子如真的缺铁，建议去儿科医院请医生诊治一下，医生会给你提出最合适的建议，否则补多补少都不好。我有个朋友的孩子4岁左右时，不知何故指甲脱落，后经医生诊治，经检测是缺锌造成的，经过一段时间补锌治疗孩子的病就痊愈了。这类病症还是请医生诊治后再对症下药，盲目用药造成后果就不好了。</t>
  </si>
  <si>
    <t xml:space="preserve">什么是抗美援朝战争？ </t>
  </si>
  <si>
    <t xml:space="preserve">抗美援朝战争：    20 世纪50 年代初期中国人民援助朝鲜人民共同反对美国侵略、保卫中朝两国独立与安全的正义斗争 。1950年6月25日 ，朝鲜战争爆发 。27日 ，美国总统H.杜鲁门宣布正式参战，武装援助南朝鲜，干涉朝鲜内政，同时派遣第七舰队开入台湾海峡。28日，毛泽东主席代表中国政府和人民严正谴责美国政府的侵略政策，号召全国人民作好充分准备，挫败美帝国主义的战争挑衅 。9月15日美国政府派遣军队在朝鲜仁川登陆 ，随后越 过三八线 ，把战火引向中国东北边境，并轰炸中国安东（今丹东）等地，严重威胁中国安全 。9月30日，周恩来总理向美国发出严正警告 ，10月8日 ，中共中央作出抗美援朝、保家卫国的战略决策。10月19日，以彭德怀为司令员兼政治委员的中国人民志愿军赴朝参战，协同朝鲜人民军抗击美国侵略军 。 11月4日中国共产党和民主党派联合发表宣言，支持中国人民的正义行动。全国迅速掀起轰轰烈烈的抗美援朝、保家卫国的群众。中、朝人民的军队从1950年10月～1951年6月，歼敌23万余人 ，把美国侵略军从鸭绿江边赶回三八线附近，并把战线稳定在三八线，迫使美国政府接受举行停战谈判的建议 。1951年7月10日，停战谈判首次会议在朝鲜开城举行。由于美国政府企图以“军事压力”达到其无理要求，谈判被长期拖延，形成边谈边打的局面 。1953年5～7月 ，中朝人民的军队连续发动了三次夏季攻势 ，歼敌 12 万余人 。美国侵略者在遭到更大失败后，被迫于 7 月 27 日在开城板门店同中朝方面签订 《 朝鲜停战协定》。抗美援朝的胜利，沉重地打击了美帝国主义的侵略政策和战争政策，保卫了中朝两国的独立和安全，为中国经济建设和社会改革赢得了一个相对稳定的和平环境，提高了中国的国际威望，对国际局势产生了深远的影响。    </t>
  </si>
  <si>
    <t xml:space="preserve">快递单能打印吗手写麻烦，而且不清楚，能不能打印？用白纸可以吗？还 </t>
  </si>
  <si>
    <t>可以打印的,不过要有能打印的打印机!</t>
  </si>
  <si>
    <t xml:space="preserve">他是怎么了!?我自己知道我喜欢他,我们认识半年多而且有时候还会有 </t>
  </si>
  <si>
    <t>这种事情就不能凭感觉走了哦你不愿意他吻你，对他来说表示你还不能放心把自己托付给他，当然会让他失望。但是如果他自己都还没有让你托付终生的觉悟，就尽量保持思想上的交流算了吧。身体的接触并不是男女朋友的必修课阿</t>
  </si>
  <si>
    <t xml:space="preserve">你好哇，我是初级驴友，请问上海有玩漂流的地方么？在哪儿呢？哈，我? </t>
  </si>
  <si>
    <t>建议你玩儿漂流的话去安吉，安吉大溪漂、黄源漂都不错，跟个团，很划算的！上海附近的，还有千岛湖和浙西大峡谷不错！网上攻略很多·· 建议问度娘</t>
  </si>
  <si>
    <t xml:space="preserve">做网络电台用什么软件好用又比较专业？我想做个网络电台，可能没人会 </t>
  </si>
  <si>
    <t>SkyboLive个人网络电台   SkyboLive是一款基于P2P技术的网络电台直播软件,用户不需要租用昂贵的服务器和带宽，在家中就可以架设自己的网络电台。SkyboLive具有以下特点：1. 简单易用的网络电台直播功能，发布您自己的网络电台就像用Winamp听歌一样容易2. 采用全新的P2P技术，带宽占用少，支持多人同时在线的大规模访问3. 可以随时收听SkyboLive为您精心收录的上百个经典的网络电台频道4. 强大的在线聊天室功能，使您在欣赏电台节目的同时可以和同道网友进行即时交流5. 强大的NAT自动探测功能，支持防火墙和NAT穿透6. 支持在线升级</t>
  </si>
  <si>
    <t xml:space="preserve">冬天暖气不热,该不该交取暖费啊?搬了新家,去年暖气就不热,今年又 </t>
  </si>
  <si>
    <t>可可西里：你好我认为这笔不是你一家一户的事，毕竟人多力量大吗？应该召集大家开个会，在会上把要反映的问题都列出来，然后选出代表去谈判，如果解决不了，还可以向上找：1.我们不是不交，是你们的温度不够，你的温度达标我们当然要交，去年我们交了费，结果冻了一冬天。2.如何承诺今年我们交费后的暖气供热问题？3.既然是村里的房，村里的头家难道不冷吗？他们也不说话？4.不是一个系统，是一个国家一个政府，难道你们国家领导人姓胡，他们国家领导人姓古不成？不要怕他们，是他们在违约，你们应该享受的权利，寸理必争，先把今年供暖问题解决了，再说滞纳金的事。我们支持你们..维护自己的权益也是每个公民的义务~~</t>
  </si>
  <si>
    <t xml:space="preserve">买房子需要注意哪些证件？, </t>
  </si>
  <si>
    <t>如果你要买的是新建商品房，那么需要查看项目是否五证齐全，即《建设用地规划许可证》、《建设工程规划许可证》、《建筑工程施工许可证》、《国有土地使用证》和《商品房销售（预售）许可证》，简称“五证”。 你可以到房管局去查看项目是否取得了预售证，一般预售证是五证中最后一个取得的，如果项目取得了预售证，那代表其他四证也具备了，也就五证齐全了。如果你要买的是二手房，需要查看业主是否取得了房产证，土地证。</t>
  </si>
  <si>
    <t xml:space="preserve">我大一了,男友复读,他感觉今年高考希望也不是很大,他说万一再考不? </t>
  </si>
  <si>
    <t>现在高考录取率很高啊，他本科考不上就考高职、大专，以后也有专升本的可能，但是如果他没有特殊原因，考了两次高考，都没达到录取分数线的话，可能真的有点笨了。不过你们年纪还小，一切都有可能和希望，你请他高复班好好读，为了他自己，为了你们。</t>
  </si>
  <si>
    <t xml:space="preserve">小宝宝咳嗽吃什么药最好？速求答案！有经验的朋友烦请告知一下，多谢? </t>
  </si>
  <si>
    <t>咳嗽是儿科常见病多发病，宝宝正处于身体发育期，而肺又是最易被感染、受侵袭的部位，宝宝常因感冒等原因导致肺部受损引起咳嗽。如果不严重，可以食疗，比煮梨水加川贝母等，如果严重就吃些中成药类的小儿感冒颗粒，尽量别用西药，多喝水，吃清淡，注意休息，避免环境的不良刺激。宝宝咳嗽有痰鸣的话，吃珠珀猴枣散效果最好,或者给宝宝做雾化，平时多给宝宝喝水. 以上回答希望能给你有所帮助,谢谢赐给“好评”！我们家宝宝咳嗽的时候吃西药都治不彻底，最后吃了两幅中药就好了，建议去看看中医，吃中药副作用小，也治的彻底。麻烦好心人给个好评，非常感谢。</t>
  </si>
  <si>
    <t xml:space="preserve">四年的感情要怎么样去忘记?四年的感情是怎么样的一个概念?真心相爱 </t>
  </si>
  <si>
    <t>我没有任何的办法教你去忘记，我也相信如果是真爱就永远都不会忘记，但这份感情迟早会被时间遗弃在生活的某个孤独到岛屿，那个时候留给你的是一种美丽的回忆，一段美丽的爱情是不需要用任何逃避的方式去忘记的，那样只能更加深刻的让你记得它，而且既然是美丽的爱情忘记的岂不是太可惜了吗？爱情来到的时候势不可挡，你无须回避，但当它要结束的时候你更是无能为力，你所能做的是尽量调节自己，让自己保持清醒的头脑，用头脑去解决心中的情节，而不是逃避，逃避是永远也解决不了问题的，最好的淡忘方式是坦然的面对，当你可以坦然的面对他、面对过去、面对这份逝去的爱情的时候你就是在情感上忘记并解脱的时候。这一点是很难做到的，我希望你能成功。好好思考，切记要理智果决！！！</t>
  </si>
  <si>
    <t xml:space="preserve">又见高手今日逐鹿又见战场高手快来拜见 </t>
  </si>
  <si>
    <t>看楼猪就是个乌龟，还学会拿别人当枪使了。  一：我骂了很多，你不上不下的整一句出来，有点不敬业啊。  二：别跟我说你多么正义，可能你也在游戏里被我爽过。最后，我经常把你喷出来，结果被你家里人都分着吃了。</t>
  </si>
  <si>
    <t xml:space="preserve">有经验的姐妹们,请回答我?大家好,我6月13来的YJ,在6月27 </t>
  </si>
  <si>
    <t>应该是有了吧，我上个月也和你一样测出来的，先PL浅，后来用ZZY测出弱阳，去医院证实，建议过段时间去医院确诊下，先恭喜了我到现在也没什么反应</t>
  </si>
  <si>
    <t xml:space="preserve">最想问的问题之一！为什么你的文章写的这么好？呵呵 </t>
  </si>
  <si>
    <t>因为你们太看得起我了！</t>
  </si>
  <si>
    <t xml:space="preserve">汽车底盘装甲有什么作用？有必要做吗？ </t>
  </si>
  <si>
    <t>底盘装甲主要作用是保护底盘不受冲击、腐蚀，如果你的车行驶环境严酷，比如说化工厂、沿海或冬季经常撒盐等，有好处；另外，还能一定程度的减少噪音。装不装，自己斟酌。另外，最好新车就做，开过段时间再做，就不好清洁了</t>
  </si>
  <si>
    <t xml:space="preserve">华北还是进不去我刚才玩别的区了..一到华北就进不去为什么啊。.是 </t>
  </si>
  <si>
    <t>现在已经可以进了 祝您游戏愉快。</t>
  </si>
  <si>
    <t xml:space="preserve">羽毛球分球号吗？ </t>
  </si>
  <si>
    <t>当然分号就说标准用球也分位76，77，78，79四种，至于不是标准用球就五花八门了。这四种76速度最慢，79最快。空气越是潮湿，就越要选择大号的球。</t>
  </si>
  <si>
    <t xml:space="preserve">电脑win8安装什么杀毒软件好 </t>
  </si>
  <si>
    <t>其实win8不用安装什么杀毒软件了，自带的杀毒软件也非常不错，而且很静默，试了试病毒测试包，没有发现什么问题，而且查杀率还是蛮高的，mse毕竟也是微软出的，对于自己的系统他们太了解，这款杀毒软件也算是强力推荐了吧！</t>
  </si>
  <si>
    <t xml:space="preserve">教师资格证审核通过已编号还需要参加说课考试吗？我在中国教师资格网 </t>
  </si>
  <si>
    <t>是的，你如果是师范类的不用说课，如果不是师范类的那就在审核之前就参加说课，要说课通过后才能进入审核的，你的审核通过已编号那就等着取证就OK了</t>
  </si>
  <si>
    <t xml:space="preserve">盘口浅谈(转“小马哥”网友帖）本来决定是不再写贴，开始潜水了的。 </t>
  </si>
  <si>
    <t>有些事情必须要精通，比如技能、科学技术，有些事情不必要太认真，比如众说纷纭似是而非的一些理论。马谡熟读兵法，万千战理、布阵于胸，然乃纸上谈兵，辜负了诸葛亮安邦之托，失街厅而身首异处。中国股市之初的杨百万小市民一个，亿万人中执股市之牛耳，足彩登陆中国之时，更有成都不知足球为何物的乡民4元揽的554万足彩一、二等奖。时也，运也，胆也。</t>
  </si>
  <si>
    <t xml:space="preserve">谁能告诉我为什么整天呆在床上小腿会长水泡?[思考] </t>
  </si>
  <si>
    <t>生命在于运动  需要新鲜空气需要运动增加新陈代谢 引起水泡的原因有多种可能 ：细菌或是代谢不畅 毒素排不出去等都有可能</t>
  </si>
  <si>
    <t xml:space="preserve">我赠送错了怎么半 </t>
  </si>
  <si>
    <t>先求求现在送的那位玩家,看看他能不能再给回你相应的币,能拿多少是多少~</t>
  </si>
  <si>
    <t xml:space="preserve">我的显卡是9200SE的只支持DIRECTX8.1，我想玩极品飞? </t>
  </si>
  <si>
    <t>没问题的拉，我的ti4800se显卡只支持DIRECTX8.1，极品飞车7和仙剑3照样能跑。顺便说一句，你的机器其它都不错，就是显卡稍微跟不上。不过，对付这样的游戏就没问题啦。</t>
  </si>
  <si>
    <t xml:space="preserve">为什么我玩天堂2几分钟就花屏？是不是我的显卡是ATI的，与这个游? </t>
  </si>
  <si>
    <t>重新装一下显卡驱动，重启电脑，进入天堂II之后将分辨率设成800×600就可以了</t>
  </si>
  <si>
    <t xml:space="preserve">面对这样的老婆我改怎么办~！5我努力的去了解我自己的老婆，真的很 </t>
  </si>
  <si>
    <t>你不离婚是不是只是为了孩子，那请你想明白，你既然是为了孩子，那你能不能重新认识一下你们俩的问题所在，也许她是在家被娇生惯养惯了，也许是因为你不在乎她，她才要这样折磨你。这样吧，你改变一下对她的方法，经常用欣赏的眼光去看她（或是装作）或是发现她的某些优点，再去放大这些优点，一个人不可能一无是处的。就像是我，恋爱的时候，他总是说我怎么怎么好，我就觉得原来我在他眼中这么重要，现在相反了，他总说我怎么怎么不好，我就觉得他不在乎我了。女人，是要靠哄的，即使明知说的是假话，也很高兴。你试着去和她商量一些事，改变一下说话的方式。但愿我说的，能对你有些用，离婚毕竟不是办法。</t>
  </si>
  <si>
    <t xml:space="preserve">现在的农业银行怎样进行网上支付啊？我有电字证书啊，网上银行电子证 </t>
  </si>
  <si>
    <t>你开通了网上银行吗?再不行打95599.</t>
  </si>
  <si>
    <t xml:space="preserve">看到一款五角星车标的车很漂亮，不知道是什么车，哪有卖的？ </t>
  </si>
  <si>
    <t>是江淮汽车，去北京瑞征看看吧,那里品牌车很多,其中一辆同悦车不错诶</t>
  </si>
  <si>
    <t xml:space="preserve">算一个纸箱有几方的公式一个箱子规格：长77宽35高40单位厘米， </t>
  </si>
  <si>
    <t>一个箱子的体积为0.77*0.35*0.40=0.1078立方米100箱体积为0.1078*100=10.78立方米因此最少需要10.78立方米的货车</t>
  </si>
  <si>
    <t xml:space="preserve">现在八门神器修改天天酷跑的分数可以上传吗？ </t>
  </si>
  <si>
    <t>可以上传的！但没什么意义不可以的。不然就会被封号的。--PS. 你的支持是我坚持的动力！点下好评吧，亲！！！</t>
  </si>
  <si>
    <t xml:space="preserve">西安人有买钻石投资的吗？我要在西安买钻石？西安有钻石买吗？哪家珠? </t>
  </si>
  <si>
    <t>建议你到爱度珠宝公司，单件首饰成本比实体店最高降低至70%，七个工作日内（特殊工艺产品除外）让货品如期到达您的手中。买钻石就去爱度吧，服务好质量好。</t>
  </si>
  <si>
    <t xml:space="preserve">北京35中和西城外国语学校那个升学率高？ </t>
  </si>
  <si>
    <t>那个升学率高？西城外国语学校</t>
  </si>
  <si>
    <t xml:space="preserve">请问魔兽世界一个６０级法师，装备齐全，可以单刷哪些副本？ </t>
  </si>
  <si>
    <t>任何50级前的副本.级别低的可以奥爆或者下雨打,级别高的一般都有BUG点，比如ADM的墙角就能上去还有60级的斯坦索姆,ZG的腭鱼</t>
  </si>
  <si>
    <t xml:space="preserve">电动车充电器在接入电源后风扇起先发出很大的响声，然后才能恢复正常 </t>
  </si>
  <si>
    <t>　　刚充电时，充电器温度还不高，风扇的噪声会较大。随着充电的进行，充电器温度升高，噪声降低。这与电脑中的风扇一样，冬天更明显一些。</t>
  </si>
  <si>
    <t xml:space="preserve">老舰帮忙看一下他是哪艘舰?顺便求他的战史.谢谢了. </t>
  </si>
  <si>
    <t>图太小了，看不清，着实费力啊。经过比对，这艘应该是沙恩霍斯特级。个人倾向于认为是沙恩霍斯特号。理由有三：1.沙恩霍斯特是三联装281毫米主炮。2.楼主的图，舰首的锚比较大，另外舰首镶嵌着一个象盾牌一样的舰徽，这都和沙恩霍斯特级很象。3.沙恩霍斯特在舰体后部有一个比较小的桅杆，这从楼主的图上也能看出来。以下是沙恩霍斯特号战列巡洋舰的资料，供参考。它是纳粹德国在二次大战初期就投入使用的大型军舰。参加了在大西洋上对盟国运输船只的袭击战和入侵挪威的登陆战役，以及与入侵挪威战役有关的海上战斗，为纳粹初期的海上作战主力之一，也是最后一艘在战斗中被击沉的帝国战舰。第一次世界大战后，凡尔寒条约限制德国建造任何大于１００００吨级巡洋舰的军舰。后来，德海军参谋部要求建造新的战舰，来替代一战后某些旧式无畏战舰。到３０年代初，法国和苏联海军提出了大规模的造舰计划，从而促使德考虑建造比被允许的装甲舰更大的军舰。当时，德国海军建造局密切注视着国外主要海军大国的军舰研制情况，定期评估主要海军大国建议的各种舰型。１９３３年，希特勒上台。开始他对凡尔寒和约的限制有所顾虑，不敢公开建造超标准的大型战列舰，也不敢公开向英国的制海权挑战。他曾向当时的德国海军司令雷德尔表明，他不想追随一次大战前“提尔皮茨”时的海军政策，不想建立一支向英国制海权挑战的舰队，但他要抗击法国正在进行的造舰计划。德国海军对１９３３年的造舰计划限定，在保卫波罗的海的战中保卫德国的海上交通线。当时苏联海军仍然很弱，并未引起德国的注意；尽管有迹象表明，它正在执行一个庞大的造舰计划。到１９３５年，德国海军参谋部已计划将造舰的总吨位有限制地扩大至４２１０００吨，其中有150000吨用于建造战列舰。１９３４年，法国海军宣布建造第２艘战列巡洋舰－“期特拉斯堡”号。这年２月，德国海军决定采用排水量为２６０００吨、准备３座三联装２８３毫米主炮的战列巡洋舰设计方案。在宣布这些舰只建造之前，希特勒要使英国就这个问题放心。为此，他建议与英国签订一项条约，使英国海军在海权方面保持３：１的优势。有了这样一个条约，就合法地解除了凡尔寒条约对德国和种种限制。英德海军条约于１９３５年６月１８日签订。该条约允许德国建立一支舰队，而且向英国暗示，德国海军的政策将不是针对英国的。沙级战列巡洋舰就是在这种背景下于１９３５年设计和始建的。１９３４年２月，沙级舰的订货指标下达给基尔的德意志造船公司和威廉造船公司，４个月后开始施工。在英德海军条约签署之前，这两艘舰的结构图和说明书就已经完成。尽管德国海军把沙级舰称为战列舰，但实际上它们是战列巡洋舰。它们有重装甲防护、高航速和中等口径火炮，是德意志级装甲舰的发展型。由于沙级舰的建造目的是用来抗击法国的敦刻尔克级战列舰，因此，该级舰特别考虑到火力和装甲防护的问题，敦刻尔克级战列舰装有３３０毫米主炮，其炮弹重达５７２公斤；而沙级舰装２８３毫米主炮，其炮弹重量为３３０公斤。但是，沙级舰的火炮射速快，敦刻尔克级舰的许多舰体缺乏装甲防护，这些部位一旦遭到破坏，就很可能会使军舰失去战斗力。在沙级舰开始设计阶段，相信装９门２８３毫米主炮和能在近距离上抗击法国３３０毫米火炮的装甲防护，其排水量只需２６０００吨就够了。但到１９３６年军舰在建时，排水量却远远大于最初的估计。排水量的大幅度增加，反过来又影响舰船的稳性、适航性和防护性，因为此时装甲甲板将低于设计水线而不是高于设计水线。干舷的丢失也相当严重。这意味着舰船的稳性范围将减少。后来，舰船的操作表明，吃水的增加使舰船在风涛的海面上造成甲板的浸湿性，从而需要进一步更改甲板舷弧线和舷外飘。德国海军建造局研究了沙级舰增加排水量的问题。在进行了细致的调查之后，最终接受了将标准排水量从２６０００吨增加至３００００吨的方案。概貌舰船特点：沙级舰有着适度的球鼻型艏，以减少高速时的兴波阻力；加上舰体长度大、结构好，这对减少阻力也十分有利。沙级舰与德国一次大战时期的战列巡洋舰和其他国家海军的主力舰都大不相同。它们强调速度，“沙”号舰和“格”号舰都未装备附加外板，从而使它们更容易获得较好的经济航速。沙级舰的干舷很低，因此同级两艘舰的航海性能都相当差。而要解决这个问题，就只有通过提供额外的舰体高度来增加舰舷高度，但这样一来又不得不增加装甲区。权衡再三，最终只好将某些航海性能弃之不顾了。到沙级舰建造时，焊接技术已有很大发展。因此，它们的舰体除防鱼雷舱壁的接合部和甲板结构外，均采用焊接技术。装甲防护：主舷侧装甲舯部为３2０毫米，首尾部１７０毫米，上甲板和下甲板装甲５０毫米。主炮装甲正面３６０毫米，侧面２００毫米，顶部１５０毫米。副炮装甲１５０毫米，指挥塔装甲３５０毫米。由此可以看出，沙级舰在装甲方面的主要弱点是水平防护弱、并缺乏强有力的上层装甲列板。推进装置：沙级舰是在特别强调军舰速度的情况下设计的。因此，推进装置的马力是很大的。最初主张采用柴油机，柴油机耗油节省，并且续航力大；但是，柴油机却难以获得３０节以上的航速，而且在舰上占的空间太大。在安装何种动力装置问题上，德国海军内部意见分歧。最后，雷德尔出面干预，他决定采用高压、高温蒸汽轮机。每舰安装３台蒸汽轮机，１２台锅炉。锅炉效率较高，工作压力为５８公斤／平方厘米，湿度摄氏４５０度，设计出力为136000马力，但是实际上两舰的主机都能超载运行，沙能超过160000马力极速接近32节，格舰超过150000马力极速30.5节。舰上装有６台４６０千瓦涡汽轮发电机和２台１５０千瓦柴油机发电机，总发电能力为４５２０千瓦，其中包括在战斗损伤时的９００千瓦预备电力。武备主炮：３座三联装５４点５倍口径身长２８３毫米炮。此型火炮和德意志级装甲舰的火炮不同，炮弹长度比德意志级的长，但装药却比德意志级的少。沙级舰采用三种炮弹：穿甲型－主要用于对付高强度的装甲目标；普通型－炮弹装有较多的炸药，并能增加杀伤力；高爆型－增强弹片杀伤效果，主要用于对付暴露的人员、高射炮炮位、火控装置、按照灯等，还用来对付装甲防护较弱的驱逐舰以下的舰艇。炮弹重３３０公斤，初速８９０米／秒，最大射程为４２５００米，最大仰角４０度。副炮：５５倍口径身长１５０毫米单管炮和双联装炮各４座。４座单管炮装在烟囱两侧，两舷各有２座，由位于舰中部的弹药舱供弹，装甲防护弱，有２５毫米装甲，仅可防护弹片杀伤。４座双联装炮平均配置在上层建筑两侧，炮的装甲防护能力较１５０毫米单管炮强，从而给炮手较好的装甲防护。炮弹重量４５点３公斤，初速为８５７米／秒，最大射程２２０００米，单管炮仰角为３５度，双联装炮仰角为４０度。高射炮：７座６５倍口径身长量１５点１公斤，初速９００米／秒，最大射程１７７００米，仰角８５度，俯角８度，射速１５发／分，对近距离目标相当有效，但不能提供远程防护。机关炮：８座８３倍口径身长双联装３７毫米机关炮。炮弹重０点７４５公斤，初速１０００米／秒，最大身程６７５０米，射速３０－４０发／分，用于近程防护。至于两舰（“沙”号和“格”号舰）上的２０毫米机关炮的数量，在战争期间均在不断增加。“沙”号舰上装有３８门２０毫米机关炮，而“格”号舰上则装有１６门机关炮，火炮呈单管或四联装配置。鱼雷武器：１９４１年３月当“沙”号舰和“格”号舰从大西洋返回基地时，指挥这次作战的吕特晏斯海军上将在他的报告中建议给这两艘舰装上鱼雷武器。后来，沙级舰在法国布勒期特期间，均装上了２座三联装５３３毫米鱼雷发射管。建成与服役沙级战列巡洋舰共建２艘，即“沙恩霍斯特”号和“格奈森诺”号。“沙”号舰是二次大战中德国最著名的水面舰只之一。它是于１９３５年５月１６日在威廉港始建的，１９３６年１０月３日下水。它的下水曾轰动一时，纳粹头子希特勒曾亲自参加了下水仪式。１９３９年１月７日，“沙”号舰服役。“格”号舰于１９３５年５月６日在基尔的一个造船厂始建，１９３６年１２月８日下水，１９３８年５月２１日服役。入役后主要进行试航和训练，在北海和波罗的海的航行表明，由于舰首干舷不足，在汹涌的海况下会遇到麻烦，遂于这年冬入坞改装。１９３９年１１月２１日，“沙”号舰、“格”号舰、“莱比锡”号和“科隆”号巡洋舰以及３艘驱逐舰结伴驶入冰岛－法罗群岛水域。这次出击，“沙”、“格”两舰共同击沉了英国“拉瓦尔品第”号辅助巡洋舰。１９４０年１月，“沙”号舰前往波罗的海进行火炮射击训练。同年２月７日，它返回威廉港准备前往北海作战。４月７日，它与“格”号舰一起驶离威廉港，担任入侵挪威纳尔维克和特隆赫姆部队的主要掩护兵力。６月４日，两舰在“希佩尔海军上将”号和４艘驱逐的陪同下，在挪威的哈尔斯塔附近向盟国海军部队和运输船队发动了攻击，击沉盟国油船和运兵船（１９５００吨）各１艘。６月８日１６时４５分，“沙”号舰和“格”号舰发现了英航空母舰“光荣”号，“沙”号舰遂即开火。经过一番火力交锋，“沙”号舰和“格”号舰击沉“光荣”号和２艘担任护航的驱逐舰。在战斗中，“沙”号舰遭受重创，随后入坞进行为期６个月的修理工作。从１９４０年１２月２８日至１９４１年３月２２日，“沙”号舰和“格”号舰连续数次驶入大西洋进行破交活动。１９４１年２月２２日，在纽芬兰以东约５００海里处，“沙”号舰和“格”号舰发现了一支西行的空载运输船队，并击沉其中４艘运输船，总计２５７８４吨。３月１５日，两舰截获了几艘油船。“格”号舰俘获了３艘船只，计２０１３９吨，并击沉了第４艘。１６日，两舰发现了一些掉队的运输船只，“沙”号舰击沉其中６艘，计３５０８８吨，“格”号舰击沉７艘，计２６６９３吨。２２日，这２艘战列巡洋舰驶入德占法国港口布勒斯特。两舰在布勒斯特虎视大西洋，成了英国皇家海军的眼中钉、肉中刺，遂频频出动飞机对两舰进行持续不断的空袭，并使用了２２７公斤穿甲弹。１９４１年７月２４日，皇家空军派出数个中队的Ｂ－１７和Ｂ－２４轰炸机进行轰炸。“沙”号舰中５颗炸弹，遭重伤后进行了为期４个月的修理。这年１２月１１日，德、意向美国宣战。慑于盟国海军的庞大实力，纳粹海军意识到再用水面舰只在大西洋上进行破交战已非上策，希特勒也不想冒险派大型军舰进行大西洋伤战，因为这些大舰对挪威的防御犹为重要。为此，德国海军司令部命令“沙”号舰、“格”号舰和“欧根亲王”号重巡洋舰，在水面舰艇和航空兵力的密切配合下，穿过多佛尔海峡，返回了德国本土。在“格”号舰检修期间，希特勒对德国大型军舰的战果极为不满，这年年底，他气急败坏地扬言要拆毁德国所有的大型军舰和巡洋舰。“格”号舰的检修和改装随之停止，检修用的材料被转用于其他急需工程。１９４３年２月２日，邓尼茨下令搁置德国的战列舰和巡洋舰。此后，“格”号舰上的火炮和装备也被陆续拆除了。１９４３年下半年，德国在苏联已陷入困境。在这种背景下，盟国前往苏联摩尔曼斯克的护航运输队又重新恢复。为了切断这条海上补给线。１２月２２日，一架德军的侦察机在北海上空发现了由英国舰队护航的编号为ＪＷ.５５Ｂ－１９的商船队。海军元帅邓尼茨通过无线电报向前线指挥作战的海军少将埃里希·贝下达了作战命令；“敌人试图通过为俄国人提供粮食和武器的重要商船队为我们的东线圣战增加困难。为此，我们必须向我们的东线部队提供帮助。我们寄希望于‘沙恩霍斯特’号上的无敌重炮群。我相信你们的进攻意志。”并称：“一旦英军主力出现，便立即撤出战斗。”英军方面在挪威海域配备了以３艘巡洋舰为主力的“１号战斗编队”， 但它们对德舰构不成严重威胁。德舰真正的克星是没有列入编队、在目前的 危急时刻不知去向的英国新式战列舰“约克公爵”号。它配备的１０门３５ ６毫米的火炮足以对付 “沙恩霍斯特”号上的９门２８3毫米的加农炮。 对德国元帅邓尼茨此次下赌注最不利的一个因素是，英国方面已经破获了敌人的通信密码。１９４１年５月，一支英国舰队在格陵兰岛附近将德国的Ｕ１１０号潜艇逼出水面。英国人在潜艇的电报柜中找到了密码电报。英国几百名数学专家利用这些电报顺利破译了德军使用的“恩尼格马”密码系统。 从此，英国人可以接收和破译德军总部发往舰船的大部分电报内容。“沙恩霍斯特”号刚一出动，英国方面就已获得了准确的情报。英军新式战列舰“约克公爵”号和它的姊妹舰组成“２号战斗编队”向挪威海域全速前进。舰上官兵都意识到，这是全歼德国海军的重要一役，也许是二战结 束前与德军进行的最后一次大规模海战。此时，英国海军已稳操胜券。掩护Jw—55—B 护航运输队东进的“１号战斗编队”伯内特巡洋舰舰队雷达发现目标，距离15.5海里，方位75°。1 分钟后“贝尔法斯特”号向“约克公爵”号拍发了发现敌舰的紧急电报。根据目标的航向和航速，Jw—55—B 护航运输队迅速改向东南行驶，伯内特仍向东北航进，插到了Jw—55—B 和德舰之间。２６日７时３０分，德国舰队驶抵熊岛东南约４０海里洋面，“沙恩霍斯特”号在航行中雷达损坏，成为了一只冰海的瞎蝙蝠，为英国战舰的提供了极佳的机会，“沙恩霍斯特”号没有找到护航运输队，遂掉头南下。９时许，英国“１号战斗编队”拦住了去路，并遭到首次攻击，“沙”号舰被命中２发炮弹。９时４０分，德舰再次北进，去搜索护航运输队。１２时２０分，“沙”号舰发现英舰。双方进行了短暂的交火，“沙”号舰被命数发炮弹。此时，海军少将埃里希·贝犯了一个致命的判断性错误。二战史学家至今也不能理解，德军指挥官为什么误认为英军巡洋舰的炮火是从与德舰实力相当的一艘战列舰上发出的。为保存实力，埃里希·贝紧急下令撤出战斗。１４时３０分，德国下达返航命令。“沙恩霍斯特”号随即转向到155”，航速增至28节。回程不到200海里，20时许，它就可以返抵挪威侮岸，于夜间进入阿尔滕峡湾。这是德舰犯下的第二个错误，因为以“约克公爵”号为旗舰的英军“２号战斗编队”的炮口正在迎接它的到来。英国“１号战斗编队”不断向“２号战斗编队”“约克公爵”号报告着德舰的位置。英国弗雷泽海军上将不用打破无线电静默，就能在海图上准确无误地找到德舰。16时17分钟，雷达兵果然在20”方位发现了“沙恩霍斯特”号，距离22海里。而沙恩霍斯特”号因为雷达损坏，正在黑夜中摸索前进，３座炮塔均处于静止状态，完全没有意识到前方英舰的存在。此时“沙”号舰正在挪威海岸以北７０海里处向东高速前进；在它的北面大约１０海里处是英国的巡洋舰队（３艘巡洋舰），正与“沙”号舰向东平行航行；在“沙”号舰的舰尾偏南方向是英国“约克公爵”号战列舰、１艘巡洋舰和４艘驱逐舰。英舰正在对“沙”号舰形成包围之势。下午四时五十四分，一颗照明弹从皇家海军轻巡洋舰贝尔法斯特号上呼啸着钻入夜空，转瞬间漆黑的天空变得如同白昼一般，孤独的沙舰在茫茫大海上露出了它巍峨的身躯。许多从未见识过沙舰威颜的英国水兵不禁啧啧称奇。而沙舰官兵也仿佛魔法般地一下子涌到了甲板上。“准备战斗！”拜中将声嘶力竭地咆哮道。身陷绝境的他知道此时此刻只有虎口拔牙般地拼命了。素质优良的德国水兵们在战斗警报声中快速进入战位，只等那决定生死的时刻到来。当两舰的距离只剩下14海里时，弗雷泽庄严地命令开炮。英国炮手好象早已经等得不耐烦了，不等司令官的话音落地，一发360毫米炮弹已经向德舰射来，双方旋即转入了最重量级的死拼。沙舰此时的目标只有一个，那就是比它更奘更猛的约克公爵号战列舰，只有背水一战消灭这艘皇家海军的新型战列舰才有可能改变自己垂死的命运。于是279毫米巨炮直指约舰。首先被对手击中的正是约舰，此时交战双方的作战经验与技术显得格外重要。沙舰还击的炮火准确命中了约舰的桅杆，这使得英舰队上下吓出了一身冷汗，但是至今也无人清楚，为什么这发炮弹没有炸开？只是将约舰桅杆上的雷达天线砸断。一名英勇的英国军官顶着狂风冒死攀上桅杆将天线修好。而沙舰趁机赶快逃跑。 双方的距离实在是太近了，尽管沙舰具备航速上的优势，可是仍然无法逃脱约舰火炮的射程。360毫米巨炮炮弹不断地在沙舰周围爆炸，被击起的水柱将沙舰牢牢罩住。沙舰自然不会坐以待毙，283毫米巨炮对约舰还以颜色。这是人类历史上最残暴、最激烈的海战之一，交战双方中的任何一次准确的命中都可以导致对手的彻底毁灭。英舰的立世之本是更为有力的炮火及更为强壮的舰体；而德舰所能依赖的是更高的机动性能和日尔曼士兵高超的战斗技能。到现在为止，他们已经成功地两次命中英舰诺福克号、一次击中约克公爵号。但是随着战争的持续，素有优良传统的皇家海军愈发表现出骁勇善战的本色，英舰队上下都明白今天将是改变历史的一天。一发紧似一发的炮弹向着沙舰冲去，突然从沙舰上传来一阵惊天动地的爆炸声，接着一团浓密的黑烟从沙舰舰艏的主炮炮台上腾起，并在几十米的高空中幻化为明亮的橙色火光。沙舰终于被击中了！英舰官兵深受鼓舞，命中率也不断升高。又一发炮弹准确地击中沙舰舰艏的另一个主炮炮台，第三发炮弹则击中了沙舰位于吃水线上的锅炉房，炮弹击穿了一根通向轮机的重要的蒸汽管道。沙舰的航速一下子从30节降到了10节。面色铁青的拜中将望了望同样面色铁青的欣策，然后一边命令轮机兵进行紧急抢修，一边准备给邓尼茨及“元首”发电。他的电文如下：“只要我们还有最后一发炮弹，我们都将坚持战斗！”这句带有悲观色彩的电文传达了一个准确的讯息，即拜与欣策的要实现他们的老上级雷德尔元帅的誓言：“或是全体官兵众志成城夺取胜利；或是高高扬起战棋没入大洋。”欣策舰长更能理解这句话的含义，沙舰作为帝国海军的象征始终北荣誉伴随着，作为沙舰最后的一任舰长，他要将这一传统推向极至。4艘英国驱逐舰将鱼雷一条条地投入冰冷的海洋，远处的爆炸声此起彼伏，沙舰燃起的大火照亮了天空，这艘巨舰如今已是伤痕累累、一片狼籍再也不能动弹了。弗雷泽立即率领约舰及3艘巡洋舰再度出场。此时他的猎物仍在做最后的挣扎，但是已经无法对英舰构成任何威胁了。贝尔法斯特号继续将无情的炮弹不断地抛投到沙舰的身体上，突然沙舰身子一歪向南方发生了倾斜。晚上七时十二分，贝尔法斯特号终于敲掉了沙舰最后一座主炮炮塔。令弗雷泽感动的是，仅剩下2门150毫米副炮的沙舰还在继续战斗。四十五分钟后，沙舰舰艏猛地向下一沉，整条船笔直地没入了大洋，只有3个巨大的推进器还在无助地旋转着。事后通过统计来自各方面的资料发现沙舰遭受的打击是令人震惊的——数百发炮弹在沙舰上爆炸，在对沙舰进行攻击的55条鱼雷中至少有17条直接命中！ 伴随沙舰一起沉入北方冬海的共有1968名德国官兵，几百人在沙舰沉没时跳进了大海，冰冷刺骨的海水使得落水官兵在几分钟内便失去了知觉，接着便溺水而亡。英国驱逐舰天蝎座号在茫茫冰海上全力搜寻幸存德军，最终只有36人获救。 德国官兵的勇气深深地震撼了弗雷泽中将，这位将军在当天晚上动情地对手下官兵说道：“先生们，如一天你们被派遣到这样一艘军舰上，参加这么一场实力悬殊的战斗，我希望在场诸君能向沙舰官兵那样轰轰烈烈地作战！”几天后，约舰返航英国时，当途经沙舰沉没的海域时，弗雷泽中将亲率全舰军官及仪仗队，列队在甲板上，目送着一个象征缅怀的花环抛入海中。 此次海战是第二次世界大战结束前德英海军进行的最后一次大规模海战。多年后，挪威电视台的记者阿尔夫和有关专家翻遍了国家档案馆和国防部的所有档案，并寻访了当年死里逃生的舰上水兵。挪威海军派出海洋考察船在二战中这场海上恶战的发生地进行仔细搜索，今年１０月初终于在东经２ ８．１６度、北纬７２． ３度探测到了“沙恩霍斯特”号残骸的准确位置。它舰底朝天，静静地躺在２９０米的海底深处，距挪威北角约６６海里，比战史学家此前估计的位置向北偏移了１４海里。在照明灯的照射下，技术人员看到，“舰艇损坏非常严重，看来德舰指挥官真是战斗到了最后一刻”。</t>
  </si>
  <si>
    <t xml:space="preserve">TXT与Excel表之间的数据行列互换问题？？？比如TXT文本文 </t>
  </si>
  <si>
    <t>如果TXT文件较大，而不是经常转换，我给你一个与Word联用的方法。将TXT内容copy到Word中1：选取全部，将换行（^p)“替换”为“_”注意：这里假设Txt文件分行符是使用CHR（13）（^p），如果使用其它（如^l）则同法处理--替换为“_”2：（保持原选取状态）“表格”→“转换”→“文本转换为表格”→在对话框中选取“列数”为5（4列数据+1列分隔），“文字分隔位置”选取“其它字符”并输入“_”→“确定”并用“替换”为空，把每个单元格的“姓名：”...等删除已经按要求转换成功3：把它copy回Excel即可。（留第一行填写如“姓名”...等标题）Excel与Word联用，发挥各自的长处，不妨试试。</t>
  </si>
  <si>
    <t xml:space="preserve">身份证可否改动我旧身份证上的年龄比我实际的年龄（新身份证）且大一 </t>
  </si>
  <si>
    <t>晕，你的身份证已改了应依据新证修改</t>
  </si>
  <si>
    <t xml:space="preserve">趣味竞答打水5个人各拿一个水桶在自来水龙头前等候打水，他们打水所 </t>
  </si>
  <si>
    <t>打水时间短的先打水，这样后面等待时间少方法1： 1×5＋2×4＋3×3＋4×2＋5×1＝35（分）方法2： 1+(1+2)+(1+2+3)+(1+2+3+4)+(1+2+3+4+5)＝35（分）</t>
  </si>
  <si>
    <t xml:space="preserve">聪明的你就知道一堆煤用去它的2/9以后，又运进630kg，这时煤 </t>
  </si>
  <si>
    <t>630/[17/18-(1-2/9)]=630/[1/6]=3780kg检验3780*2/9=840kg剩余3780-840=2940kg又运进630kg，2940+630=3570kg3570/3780=17/18</t>
  </si>
  <si>
    <t xml:space="preserve">手上手掌手指脱皮，怎么治疗？ </t>
  </si>
  <si>
    <t xml:space="preserve">脱皮都有季节性，多在春末及夏季炎热潮湿季节发生，常连续多年复发。除有轻微搔痒感外，不会影响身体健康。导致这种脱皮的真正原因，目前还不十分清楚。一般可以自愈，不需特殊治疗，但如果脱皮比较严重，还是应请医生治疗。 处于脱皮和水疱阶段的治疗应以收敛、止痒为主，可用5％福尔马林液外擦，或将鞣酸溶解于水中浸泡患手，也可用10％明矾溶液浸手；干燥脱皮的患者可采用5％水杨酸霜或10％尿素霜外擦。另外，自己也可通过日常的注意，尽量避免脱皮，或减少脱皮的时间。 1．要尽量避免精神紧张和情绪激动。朱大夫说，手掌脱皮确实有些烦心，特别是女士很注重手部的护理，但烦躁并不能解决问题，反而会加重病情。所以当脱皮有些瘙痒时，可适当应用镇静剂或抗组织胺类药物来稳定情绪。 2．尽量减少接触碱性物质。朱大夫说，碱性物质会造成脱皮或使脱皮加重，所以，对季节性脱皮患者，应尽量减少接触碱性物质。如接触洗衣粉最好戴上手套，尽可能选择碱性小的香皂或洗手液。 3．朱大夫特别强调，要让脱皮自然脱落，不要去夯姑挥型耆氲慕侵什悖悦庖鹛弁础⒊鲅蚋腥尽H缙し艚侵试龊癫⑶矣行×芽冢捎?0％尿素软膏。 4．另外，可擦抹一些硅霜或鱼肝油软膏，起到润滑和保护新生长的表皮的作用，也可适当服用些维生素C等药物。 中医认为这主要是湿热内蕴、血虚血燥、皮肤失养、燥热生风所致，治疗当健脾除湿、养血滋燥、疏风止痒。所以，用苍术10克，黄柏10克，知母10克，薏米30克，当归15克，生地30克，白芍15克，首乌12克，地肤子10克，秦艽10克，防风10克，甘草6克。此方内服两次后，还可加枯矾3克，水煎煮取液浸泡患手，每次20分钟左右，有润肤止痒作用。 缺水、欠保养只是一个方面啊。正真的原因是皮肤患了细菌感染和体内缺乏维生素c。我以前也是这样的，每年总有那么几次……呵呵，特别是秋冬季节。后来买了达克宁涂抹和服用维生素c片之后就好了，还别说，挺管用，手不脱皮了，还变的细嫩了……嘿嘿 治手脱皮二方 1)将鲜大蒜捣成糊状或块状,每日早晚擦手掌,有疗效. 2)生地30克,玄参30克,放入茶壶或茶杯内,用开水泡开饮用,日服3--5次,每次半杯至一杯,半月左右可愈. 到药店买凡士林，睡前涂在手上，按摩一下，戴上白棉手套睡觉，效果很好。 当手指头出现脱皮的时候，多数人喜欢用手去撕或者扯，一不小心把皮肤弄破了就很容易出现感染。”专家提醒，一旦发现手指开始掉皮，一定要及时处理，避免接触刺激性的物质，洗手时不要用强碱性清洁剂等脱脂剂，专门针对手脱皮及多汗者日常洗手、护理的“手气好”手脱皮专用洗手液已面市。 平时要多用温水泡手，外擦一些油性的护肤品，如果手指已经出现了感染，则要适当使用含有抗生素的药膏。手指脱皮，可能是上皮角化综合征可有大剂量维生素B口服，外用尿素霜软膏一周后痊愈还有兔肉+芹菜，会引起脱皮。 </t>
  </si>
  <si>
    <t xml:space="preserve">现在股市还有投资的价值吗？ </t>
  </si>
  <si>
    <t>对于散户来说,投资价值不大</t>
  </si>
  <si>
    <t xml:space="preserve">把家具拆掉声望会不会减少? </t>
  </si>
  <si>
    <t xml:space="preserve">请问扑克牌中四种花色英文名叫什么？ </t>
  </si>
  <si>
    <t>Spade 黑桃, heart红心, diamond 红砧, club黑梅</t>
  </si>
  <si>
    <t xml:space="preserve">如何提高记忆力 </t>
  </si>
  <si>
    <t>从医学上的观点来看，人的记忆力似乎与大脑中的150亿左右的细胞有关。一般地说，人通过眼、耳、鼻、舌、身（包括皮肤、头发、汗毛等）器官来感受到的一切，都会产生一次次记忆“脉冲”来刺激我们的大脑皮层，从而形成一个个记忆点，如果不断重复感受同一种事物或现象，那么这些记忆点就会在我们的大脑中“固化”成“较为深刻”的“印象”，例如小孩成天长期与父母亲在一起，对父母的特征已形成深刻记忆，所以能在众多人群中很快辩认出来。所以说，重复是记忆的第一大因素；其次，相关联想是记忆的第二因素，也许在第一瞬间没有立刻辨认准，但通过在相同群体中逐一“筛选”后，就会联想起目标准确的信息，就好象我们看赛，记住了某个球队名，就自然会对其队员有些印象，一看到甲队员，也可能联想起乙、丙队员来。因此，我们人的记忆力的提高也许应通过记住“同类项”来加快速度；最后，我个人觉得，记住某种词语或数据，最好寻找到容易联想的特征，比如：圆周率为3。141592654。。。把它记成：山顶一寺一壶酒，儿啦我是。。。以上是个人的体会，权当是抛砖引玉吧。，</t>
  </si>
  <si>
    <t xml:space="preserve">继续预测5场！昨天预测的让球，3输，一走，一赢半，成绩惭愧看来对 </t>
  </si>
  <si>
    <t>支持，如果能有分析就更好了。</t>
  </si>
  <si>
    <t xml:space="preserve">宠物强化我是新手有个62级100血乌龟我想强化下血又洗了2个10 </t>
  </si>
  <si>
    <t>首先。现在强化系统只提供了“强化法攻成长”和“强化物攻成长”这二项。所以现在是无法进行血成长强化另外。如果以后的版本可以强化的话，如果你的宠是62级。只要他是主宠。他就会保留等级，即等级还是62级。</t>
  </si>
  <si>
    <t xml:space="preserve">急急急啊各位兄弟姐妹帮帮忙到底是怎么回事事情是这样的我零八年八月 </t>
  </si>
  <si>
    <t>你好！若你的月经周期是28-32天内，你可观察你的白带是否有拉丝，并在月经第12天用排卵试纸测试，有强阳就开始做B超看你是否有成熟的卵泡发育及排卵，就知道你是否有影响怀孕的因素，也便于及时治疗早日怀孕生子。</t>
  </si>
  <si>
    <t xml:space="preserve">航空服务怎么样我正在找专科学校,我打算先选专业在找学校,航空服务 </t>
  </si>
  <si>
    <t xml:space="preserve">建议，如果你是男的，就去机务！不怕进不了航空公司还是机场！如果你是女的，长的靓，又高挑有气质，就去当空乘吧，还有英语不要太烂哦！如果你以上有没信心的话，那你就学民航运输吧！全国隶属民航总局的民航院校有天津民航，广汉飞行学院，广州民航职业技术学院。看你分数咯！~   </t>
  </si>
  <si>
    <t xml:space="preserve">房屋颜色搭配问题我的房子建筑面积110.06平方米，三室一厅，套 </t>
  </si>
  <si>
    <t>你好谈不上赐教,大家一起讨论。所谓配色首先要符合自己喜欢的风格，但还是有一些道理可讲的：家就是能轻松、长期生活的地方。由此，配色就应该考虑上述因素。卧室用浅红色不太好，红色是暖色，容易使人激动，夏天感觉也不太好，所以夫妻房可以用肉色或淡黄色或在床头侧墙用浅紫色等营造浪漫；小孩房可以用淡天蓝或苹果绿等代表青春和健康；书房可以用白色、淡兰色、天蓝色等使房间看起来明亮，保持清新凉爽……家具用白色当然可以，现在购买的家具油漆持久性都不错。关键还在于硬装修和软装修合适搭配，建议可以看一些专门的装修场景的书，另外可以带上家中的尺寸图多转转家具城（但不急于出手）。</t>
  </si>
  <si>
    <t xml:space="preserve">IQ题1(历史)江南四大才子中，排名第一的是谁？2（神话）幸运之 </t>
  </si>
  <si>
    <t>1、江南四大才子中，排名第一的是“唐伯虎”；2、在占星学中，“木星”是一颗「幸运之星」,代表著「扩张」,它在个人的占星命盘中显现著个人「幸运的巷方向」；3、看守南天门的是“二郎神”；4、十二生肖中，“龙”与“蛇”是平屁股，呵呵！</t>
  </si>
  <si>
    <t xml:space="preserve">我的元宝怎么办？我在神秘商人那里委托了一笔元宝，但是前些日子我去 </t>
  </si>
  <si>
    <t>能退出来,你选择取消委托就可以了.</t>
  </si>
  <si>
    <t xml:space="preserve">家里逼和相亲不久（不够了解）的人结婚该怎么办？我的一个男同学，人 </t>
  </si>
  <si>
    <t>现在都是21世纪了,婚姻自由已深入人心,无论是城市或农村都已很少包办婚姻.结婚是你们两人的事,是你们在一起过一辈子,生儿育女,立业成家.当孝子与婚姻自主是根本不同的两回事.孝当竭力,鸦有反哺之孝,羊知跪乳之恩.岂无远道思亲泪,不及高堂念子心.爱日而承欢,莫待丁栏刻木纪,椎牛而祭墓,不如鸡豚递亲存.</t>
  </si>
  <si>
    <t xml:space="preserve">是机器还是网络问题？？我的机器是5月份装的~配置如下:内存:金士 </t>
  </si>
  <si>
    <t>请列出你电脑上安装的所有软件.主要是杀毒.等.现在有些电脑上安装的软件比较多.有些游戏就会出现类似问题.你最好在系统安装完毕后.不装其他软件先运行游戏看下.</t>
  </si>
  <si>
    <t xml:space="preserve">声望问题找高手以前是160封印现在转成驯兽了想学完美调教术。做保 </t>
  </si>
  <si>
    <t>声望前3段做保证书效果不明显的。。。你都说转职称号掉到无名的旅人了。。。我想保证书也没什么用对你那个号而言。。。只能等些天数 打打怪刷刷咬花等到称号小草啊  歌声了 在做保证书吧。。。只有这样了。</t>
  </si>
  <si>
    <t xml:space="preserve">火囊我攒了好多了，一般卖多少钱一组啊？ </t>
  </si>
  <si>
    <t xml:space="preserve"> 要看你是什么区的了，这个主要是拿来做小火炕药的，一般5个可以卖1。2G到1。5G在我们4区。其他的看看你们的市场需求了。</t>
  </si>
  <si>
    <t xml:space="preserve">有机玻璃加工时的气味对人体有害吗？不知道大家有没有闻过加工有机玻 </t>
  </si>
  <si>
    <t>有机玻璃是甲基丙烯酸甲酯类的塑料，加工的时候由于摩擦受热会造成材料分解，生成的应该是酯类的化合物，所以会是香或是恶臭。对身体不好。所以最好带防毒面具或是防毒面罩。粉末要是吸入肺部里，比较危险，所以至少应该带口罩。</t>
  </si>
  <si>
    <t xml:space="preserve">游戏里我杀害平民会收到惩罚么？？ </t>
  </si>
  <si>
    <t>会得到非荣誉击杀,杀死一个平民,本星期所得到荣誉值下降25%</t>
  </si>
  <si>
    <t xml:space="preserve">美国移民签证排期已到，但没接到任何证件及通知（有可能证件邮寄失落? </t>
  </si>
  <si>
    <t>先买一张中信银行的电话卡,打电话到领事馆,叫那些接线小姐在电脑查一下,你的证件领事馆是否收到,如果确认他们已收到,那你就放心,因为他们会在你的证件过期前(有效期一年),通知你签证的日期,如果你的证件还有一个月左右就到期了,还没有收到签证日期的话,你就要打电话告诉接线小姐,或E-MAIL到领事馆网站.</t>
  </si>
  <si>
    <t xml:space="preserve">请教个问题单属性的手和鞋最多能合到多少? </t>
  </si>
  <si>
    <t>我有个兽人脚我合到F19了。</t>
  </si>
  <si>
    <t xml:space="preserve">青藏高原有沙尘暴吗? </t>
  </si>
  <si>
    <t xml:space="preserve">青藏高原有4个沙尘暴和扬沙源区        本报讯  国内研究人员在对青藏高原及青藏铁路沿线大风沙尘日数时空特征进行研究时发现,青藏高原存在4个沙尘暴和扬沙源区。这4个源区发生的沙尘暴等沙尘天气的强度明显低于我国北方低海拔地区,发生特征也明显不同,表明青藏高原沙尘暴同我国北方地区沙尘暴不是同一体系。     这一研究是由兰州中心气象台、中国气象局兰州干旱气象研究所和中国科学院寒区旱区环境与工程研究所的研究人员共同完成的。     研究发现,沙尘暴和扬沙源区分别位于青藏高原西部的狮泉河地区,南部的申扎、泽当地区,北部柴达木盆地周围的格尔木、茫崖和五道梁地区,东北部刚察到兴海一带。     参与研究的兰州中心气象台副台长白虎志介绍,青藏高原上发生沙尘暴等的强度和日数明显弱于我国北方低海拔地区,日数变化特征也与北方低海拔地区有明显差异。北方沙尘暴日数总体特征表现为春季最多,秋季最少,青藏高原上沙尘暴冬季日数则明显多于春季。 </t>
  </si>
  <si>
    <t xml:space="preserve">我上身的肉特别多，怎么能把上身的肉减掉啊 </t>
  </si>
  <si>
    <t>不知道你运动减肥过没有，如果你坚持不了的话你可以用摆肚/E瘦，我用的就是这个，我也是没招了才用它的，但是还真挺好使的，你可以用用这个，最好配合运动，毕竟运动不光能减肥还能锻炼身体，一举两得，而且减肥药和运动一起来的话减肥速度也会更快</t>
  </si>
  <si>
    <t xml:space="preserve">如何恢复角色我不小心把角色删了~~怎么恢复~~ </t>
  </si>
  <si>
    <t>恢复角色要去客服中心。 填写你的注册资料。注明角色恢复就可以了。或者也可以直接提交到在线答疑，不过人家也是需要你填写你的注册信息的。只要记得以前的注册资料，恢复角色很容易。</t>
  </si>
  <si>
    <t xml:space="preserve">哪里有windowsphone7论坛？ </t>
  </si>
  <si>
    <t>去拇指天堂吧，网址是bbs.90skys.com ，国内的比较火的论坛，</t>
  </si>
  <si>
    <t xml:space="preserve">怎么样才能得到6位的UC号呢！！求助！！！怎么才能得到6位的UC </t>
  </si>
  <si>
    <t>三种渠道：1.官方会举行活动奖励，幸运者就有机会获得。2.从民间人手里买号。3.找朋友要一个咯。一定要记住，官方不卖号。</t>
  </si>
  <si>
    <t xml:space="preserve">关于现金的问题?请问主营业务收入取得的现金是不是要在当天就存入银 </t>
  </si>
  <si>
    <t>收到的现金无论金额大小，一定要当天存入银行，决不允许坐支现金。</t>
  </si>
  <si>
    <t xml:space="preserve">中国是否有20000公里的洲际导弹？ </t>
  </si>
  <si>
    <t>目前还没有，最远的有12000的就足够了，20000没那个必要。</t>
  </si>
  <si>
    <t xml:space="preserve">我孩子现在读初中，有送他出国读书的计划，不知道现在出去合不合适？ </t>
  </si>
  <si>
    <t>如果想在外面定居出去越早越好，如果想出去镀金后回来，至少高中毕业比较合适，本科之后出去几年是比较理想的。</t>
  </si>
  <si>
    <t xml:space="preserve">怎么办呐我把C盘的文件都删光了，应该怎么办啊 </t>
  </si>
  <si>
    <t>在进入系统后，C盘的文件是不可能被全部删除的。如果你真的全部删除了，重新安装系统是你的最佳选择。</t>
  </si>
  <si>
    <t xml:space="preserve">关于TF的安装出现的问题我下载了虚与实的体验客户端,是在官网使用 </t>
  </si>
  <si>
    <t>郁闷正在安装中安装好了没出现你那个情况是不是空间不够？如果你是下网通的改下电信看看生与死就是网通不能转韩服，电信却可以转韩服</t>
  </si>
  <si>
    <t xml:space="preserve">发霉的书包如何清理干净？ </t>
  </si>
  <si>
    <t>洗涤是最好的办法，就是不知道这个书包是什么材质的。若是涤纶类的，可以放在洗衣机“波洗”档洗涤。手洗也可以。洗干净后，最好把原来发霉的地方晒晒太阳，以避免再次发霉。用立白泡后再一边涂一边刷</t>
  </si>
  <si>
    <t xml:space="preserve">又有小白问题别人每次打字时候有的物品名称带颜色的怎么打出来的任务 </t>
  </si>
  <si>
    <t>摁住SHIFT键,然后点你要打出的东西,是在打开对话框的时候.例如:打开对话框和任务栏,恩住SHIFT再点任务名,这样任务名字就出现在对话框里.</t>
  </si>
  <si>
    <t xml:space="preserve">征途陷阱弓如何加点 </t>
  </si>
  <si>
    <t>转生陷阱杀人有万劫地狱就行了，加上雄鹰之眼、死神、捕兽夹作辅助，其他技能只为凑点加。如果技能点够多，最好再辅修个冰法的冰冻结界来配合陷阱。冰甲也能加点防御。加上几百精神给眼睛用，其他全体。  如果没转生就不要玩陷阱了，那纯粹是垃圾。</t>
  </si>
  <si>
    <t xml:space="preserve">站在树上看远方 </t>
  </si>
  <si>
    <t>亲</t>
  </si>
  <si>
    <t xml:space="preserve">洗冷水澡和洗热水澡分别有什么好处与坏处呢? </t>
  </si>
  <si>
    <t>洗冷水澡对增强体质，提高健康水平和防病治病有很多的好处。长期不断进行冷水澡锻炼，不仅会使血管增加弹性，还能预防血管硬化、感冒、支气管炎、扁桃体炎、肺炎等。　　不过，冷水浴虽说能强身祛病，但锻炼必须得法，否则会适得其反。在进行冷水浴时要注意几点：　　首先，以前没有洗过冷水澡的人，如果突然洗冷水澡，会使血管收缩，体温下降，身体受凉，导致感冒。因而洗冷水澡应从夏天开始，从夏秋季一直坚持到冬天，其间最好不要中断。　　其次，洗冷水澡最好不要洗头脸部位，因为呼吸系统都集中在那里，容易受到风寒而产生呼吸道疾病，应在洗冷水澡时保持头部干燥。　　再次，因为冬天北方的水冰冷刺骨，不像南方的水那样温度不是很低。用很冷的水洗澡，时间长了皮肤会冻伤，长冻疮，因此洗冷水澡的时间，要因人、因时、因地而异，时间不可过长，气温越低，水浴时间越短。冬天最多洗3—5分钟。并且浴后要用干毛巾将身体擦干、擦红。　　最后，洗冷水澡要在身体健康的情况下进行，感冒等身体不适时应停止洗冷水澡。</t>
  </si>
  <si>
    <t xml:space="preserve">怎样计算还款数额？我想贷款35万元，年利率是6.6%，贷款期限是 </t>
  </si>
  <si>
    <t xml:space="preserve">每月应还:3068.15元。网上有计算器。 工行网站，找“理财试算”。 </t>
  </si>
  <si>
    <t xml:space="preserve">速度！速度！这题怎么做啊？在三角形ABC中，D、E是AB上的点， </t>
  </si>
  <si>
    <t>在直角三角形ADC中，因为AD=3=AC的1/2，所以角ACD=30度，所以角BCD=60度.在直角三角形BCD中，角CBD=30度,所以，BC=2CD.又在直角三角形ADC中，CD=根号下[AC^2-AD^2]=3*根号3,所以，BC=6*根号3.</t>
  </si>
  <si>
    <t xml:space="preserve">台式机组装求性价比高的配置？ </t>
  </si>
  <si>
    <t>CPU：酷睿i5-2320(盒) 1140￥ 主板：微星P67AGD55(B3)699￥ 内存：威刚4GB 1333 DDR3 135￥ 硬盘：希捷1TB 7200转 单碟 580￥ 电源：振华雪蝶400W SF400P14XP(BK) 279￥ 显卡：微星N560GTX至尊V5 1G 1299￥ 机箱：游戏悍将 核武器 169￥ 显示器：AOC e2343F LED屏 1020￥ 合计：5321￥推荐：CPU AMD A10 5800K 690主板 技嘉F2A75M-DS2 420内存 威刚4G1600*2 440硬盘 WD 1T蓝盘 390显示器 AOC I2369V 960光驱 先锋232D 90机箱 先马破坏神 100电源 全汉蓝海超能450 280总价 3370很不错的哦，性价比很高的望好评哦！~！~还是自己去配置在那边监督。把价格压住了。（希望能帮助到你，麻烦点击“好评”，谢谢你的支持！）</t>
  </si>
  <si>
    <t xml:space="preserve">累计充值是什么意思？就是那个动感地带充值返话费活动。 </t>
  </si>
  <si>
    <t xml:space="preserve">这活动是北京移动动感地带搞的，累计充值就是不管你分几次充的话费，只要你手机话费够了这个活动的话费底线——100块钱，就可以发短信给他们申请返话费。有一点要注意的是，你发短信申请返话费期间，一定得确保你手机上有足够的话费。我记得是充100块返20，充300块返90，充500块返180。个人觉得这次返话费挺合算的，可以多充点，充得越多返还得越多嘛。反正电话也是要打的。北京动感地带的博客上应该比我说得明白些： </t>
  </si>
  <si>
    <t>春节作文题目《过年》500字</t>
  </si>
  <si>
    <t xml:space="preserve">作文：过年 　　千盼万盼，终于盼到过年了。前几天不停地赶作业，现在可以停下来休息几天了。　　这几天，我真正品尝到了年的味道。　　大年三十的下午，我急急忙忙赶到奶奶家，一进家门，温暖的气息迎面扑来。哥哥、弟弟、妹妹都来了，大家早早地吃完了年夜饭。我看看表，离春节联欢晚会还有一段时间，我们穿上过年的新衣服，一起去看灯展。　　走在大街上，行人可真多，各式各样的灯挂在树上。走在草坪中间，远远地就能看见一座小凉亭，上面挂满了五颜六色的灯。　　再向两边看，草坪上各种形状的灯都有，有小房子的，还有荷花池的……远远地看去，真是一个童话般的世界。灯多，人自然也就多，观赏灯的人真是摩肩接踵。再看每个人的脸上，都挂着灿烂的笑容，洋溢着过年的喜庆。我们拿着，拍下了这一幕幕热烈欢腾的场景。　　刚回到家里，节目就开始了，全家人围坐在沙发上，品尝着央视给我们带来的丰盛的“年夜饭”。那优美的舞姿、动听的歌声、幽默的小品相声，都给我们留下了深刻的印象，逗得我们哈哈大笑。能和家里人一起过年，是多么幸福的事呀！　　“当……当……”新年的钟声敲响了，就在这时，周围的鞭炮声也随之响起来，照亮了外面漆黑的夜空。我看着窗外，把划过的烟火当做流星，许下了新年里的新愿望。我相信，在新的一年里，我一定会有更大的进步，会有更大的收获。 </t>
  </si>
  <si>
    <t xml:space="preserve">怎样才能减掉屁股上的肉？ </t>
  </si>
  <si>
    <t>少吃饭，多做运动。</t>
  </si>
  <si>
    <t xml:space="preserve">人教版语文第十一册17页插图就是习作1的那幅 </t>
  </si>
  <si>
    <t>是不是这幅图呀</t>
  </si>
  <si>
    <t xml:space="preserve">北京治疗癫痫病要花多少钱我婶婶现在四十了，得病四五年了，发病时会? </t>
  </si>
  <si>
    <t>你好！北京哟偶多家医院都可以治疗。费用方面，各个医院的治疗方法不同，费用也会有所不同。癫痫的治疗，搞清患者病因和病情很重要，那样才能对症施治，确定治疗方案。一般治疗癫痫的方法有药物治疗，手术治疗和食物治疗。目前治疗癫痫以药物治疗为主。    临床上，根据癫痫发作类型选用抗癫痫药物，一旦找到可以完全控制发作的药物和剂量，就应不间断地应用。一般应于发作完全控制后，如无不良反应再继续服用3～5年，方可考虑停药。对混合型癫痫可以根据发作类型联合用药，但以不超过3种药物为宜。癫痫患者经过正规的抗癫痫药物治疗，约70%的患者其发作是可以得到控制的，其中50%～60%的患者经2～5年的治疗可以痊愈。希望能帮到你，祝早日康复！</t>
  </si>
  <si>
    <t xml:space="preserve">打算创业加盟男装好吗？ </t>
  </si>
  <si>
    <t xml:space="preserve">    挺好的，因为衣服是人们日常生活中必不可少的部分，而且现在的品牌男装连锁加盟市场行情很好，但是男装品牌品种太多，参差不齐，不知道该怎么选择自己合适的心仪品牌。对于创业者们来说，的确是个头疼的问题！</t>
  </si>
  <si>
    <t xml:space="preserve">内部退休人员的请教本人因故提前退休,随着时间的推移,迷上了上网, </t>
  </si>
  <si>
    <t xml:space="preserve"> 找一个正规的培训学校去学习，也可以自学。</t>
  </si>
  <si>
    <t xml:space="preserve">如何用photoshop制作照片我在照相馆拍的数码艺术照片，没处 </t>
  </si>
  <si>
    <t>大的黑痣就用修复画笔!!按住ALT取样,在瘕疵上涂抹!!让皮肤变细:一, 选择--色彩范围,点选皮肤的颜色,将皮肤选中;二, Ctrl+J将皮肤复制到新图层;三, 滤镜--杂色--蒙尘与划痕,数值自定;四, 还可加一些高斯模糊,模糊强度看着办;五, 将不透明度略调一下;六, 若不满意就再复制,再调;七, 合并图层保存;八, 完工!!!</t>
  </si>
  <si>
    <t xml:space="preserve">子宫长了一个东西，有什么办法可以治吗？我一个好朋友今天早上去医院 </t>
  </si>
  <si>
    <t>应该明确诊断，再者应该明确异物的大小。中药可以治疗子宫肿物。</t>
  </si>
  <si>
    <t xml:space="preserve">你们的客服怎么问我的资料？你们的客服518询问我的详细资料，说是 </t>
  </si>
  <si>
    <t>尊敬的客户:您好!客户服务060很高兴为您服务!我们的客服人员是不会在 .感谢您对5173的支持!!愿您一年365天快快乐乐,平平安安!愿您度过温馨浪漫的每一天!</t>
  </si>
  <si>
    <t>高二数学：7.3两条直线的位置关系1已知直线l1与直线l2：x</t>
  </si>
  <si>
    <t xml:space="preserve">解:(1)∵直线l1与直线l2：x-3y+6=0平行,∴设直线l1:x-3y+b=0在两轴的截距是(-b,0),(0,b/3)∴Ｓ=(1/2)|-b||b/3|=(1/6)b^=8,b^=48∴b=±4√3直线l1的方程:x-3y±4√3=0(2)∵所求直线①过A（2，3）B（4，-5）的中点AB(3,-1)过(1，2),(3,-1)的直线为:(y-2)/(-1-2)=(x-3)/(3-1)即:3x+2y-13=0②过P(1，2)与AB平行ＫAB=8/(2-4)=-4∴y-1=-4(x-2)即:4x+y-9=0即:3x+2y-13=0或4x+y-9=0(3)两直线x+ay=2a+2和ax+y=a+1化为一般式x+ay-2(a+1)=0和ax+y-(a+1)=0∴1/a=a/1≠-a+1/[-(a+1)]1/a=a/1∴a=±1代入为:a/1≠-2(a+1)/[-(a+1)]=2不等号成立.∴a=±1 (4)解:由已知得,B点在Y轴正半轴上,A点在第四象限,点在三象限.连AC交Y轴于E点,BC交X轴于F点,AB交X轴H点.做CD∥X轴,交Y轴于D点.∵角C的平分线分别是y=x ∴∠FCO=∠ECO ∠COF=∠COE=45° CO=CO∴△FCO≌△ECO OF=OE ∠OFC=∠OEC∵∠OFC=∠OEC ∴∠BFO=∠CEO ∠ECD=∠FBO设直线BC斜率是K1,函数L1: Y=K1×X+b1......(1)则直线CA斜率是K2, K2=1/K1(∴∠BFO=∠CEO ∠ECD=∠FBO)函数L2: Y=K2×X+b2=X/K1+b2.......(2)∵角B 的平分线分别是x=0 ∴Rt△BFO≌Rt△BOH ∠BFO=∠BHO设直线AC斜率为K3,由于∠BFO=∠BHO可得 K3=-K1函数式为:L3 Y=K3×X+b2=-K1×X+b2 .......(3)K=-b1/b2.................................(4)将A（3，-1）带入(1)得:(8)解:由于我不会在此上画图,请您自己画.做AE⊥X轴交X轴于E点,做DE⊥Y轴交Y轴于F点.由已知得:Rt△AEB,Rt△BCO,Rt△DFC中∠DCF=∠BCO=∠BAE.∠FDC=∠CBO=∠ABE∴Rt△AEB∽Rt△BCO∽Rt△DFC-XB/1=YC/(6-YC) YC=6XB/(XB-1)4/YC=(3+XB)/-XB TC=-4XB/(3+XB)XB=-7/5 YC=7/2 BC所在直线的方程: T=YC/│XC│+YC=(2/5)X+7/2(9):好象题有问题,不会. </t>
  </si>
  <si>
    <t xml:space="preserve">优盘中毒，惊奇的发现！ </t>
  </si>
  <si>
    <t>小问题。用usbclear这个软件可以把所有被病毒隐藏的文件给修复回来，我以前也遇见过这种事，小意思了。。给点分好不啊。。扣门</t>
  </si>
  <si>
    <t xml:space="preserve">你是不是也有这样的问题一打开游戏就会出现"outofmemory </t>
  </si>
  <si>
    <t>官方把大家的声音全部删了~!看看他们的行为吧,这就是他们所承诺的服务啊~!</t>
  </si>
  <si>
    <t xml:space="preserve">怎么才能让账号更安全呢？ </t>
  </si>
  <si>
    <t>绑定手机 绑定安全邮箱，设置高级点的密码！就可以了哦！</t>
  </si>
  <si>
    <t xml:space="preserve">成熟的标准！！！！！ </t>
  </si>
  <si>
    <t>它的标准存在于个人的观点,在我看来成熟代表一个人的思想和个人行为都有了一定的改宽,可以很好的思考人生中遇到的疑难,摆脱了幼稚的行为思想.可以更好的处理问题!</t>
  </si>
  <si>
    <t xml:space="preserve">怎样做糯米红枣蒸糕？ </t>
  </si>
  <si>
    <t>江米（传统是无锡糯米）、大枣（以灵宝毛头枣最好）其比例是每锅江米10公斤，大枣3公斤，1.糯米用清水浸泡四个小时2. 把泡好的糯米放入蒸锅中,同时把洗净的红枣放在蒸锅的另一层,一起蒸半个小时,3.从蒸锅中取出红枣和糯米,红枣放凉,糯米再加少量清水,搅拌均匀,再放入蒸锅中蒸半个小时,4.糯米蒸好后,取一个方型容器,抹少许油防粘,放入三分之一的糯米铺平,再铺上一层红枣,再铺上三分之一的糯米,再铺上一层洗干净的葡萄干,最后再铺上三分之一的糯米,撒上椰蓉,放凉切块即可.</t>
  </si>
  <si>
    <t xml:space="preserve">转移：麦克阿瑟和男足？ </t>
  </si>
  <si>
    <t>我军有这样一种说法：一支新组建的部队，必须派一个强悍的军官做主官，可以带出一支朝气蓬勃的部队，甚至可以后来居上。而一支功勋卓著的老部队，即使主官相对平庸也问题不大，因为该部队已经养成自己战斗作风。例子：抗战时期的359旅718团，原来是地方游击队组建的新团，因为有陈忠尧任团长，结果超过717团成为359旅的第一主力团。</t>
  </si>
  <si>
    <t xml:space="preserve">我笑起来眼角鱼尾纹很明显，看起来一下子就老了很多。大家知道如何去? </t>
  </si>
  <si>
    <t xml:space="preserve">你需要注意一下表情，不要夸张，这样可以避免皱纹继续发展。如果想要去除的话，使用法国芙洛雅的产品比较好，它去除皱纹的效果非常显著，而且是纯天然无毒无激素，真正做到了绿色安全。同时要配合饮食调理和充足睡眠，希望对你有所帮助。 </t>
  </si>
  <si>
    <t xml:space="preserve">上海拍外景婚纱照哪家好？上海在哪拍婚纱照好？ </t>
  </si>
  <si>
    <t>上海皇室皇室婚纱摄影工作室，是一家专业拍婚纱照的婚纱摄影工作室，他们家拍的婚纱很有创意，拍的照片很富有艺术气息，去他们家拍照就是因为看了朋友在他们家拍的婚纱照，才决定去的，不然我也没打算在上海拍婚纱照，感觉上海的婚纱照一般都很贵的，又拍不好，可是去上海皇室皇室这家婚纱摄影工作室拍的还比较满意，他们家的价格也比较优惠，而且这里化妆师和摄影师都很热情，挺实在的一家店 。</t>
  </si>
  <si>
    <t xml:space="preserve">大家来列出令自己感动的经典民谣老歌最好能是讲述父母的谢谢了 </t>
  </si>
  <si>
    <t>1、酒干倘卖无2、橄榄树3、烛光里的妈妈</t>
  </si>
  <si>
    <t xml:space="preserve">要顺势而为最近大盘暴跌的原因主要是国家愿意让股市健康发展，而不是 </t>
  </si>
  <si>
    <t>严重同意.你认为哪个点才是适当的点位?&gt;</t>
  </si>
  <si>
    <t xml:space="preserve">医生怎么加点 </t>
  </si>
  <si>
    <t>医生分为两种1  是暴医   你可以加1  2    52  是群医   你可以加1  2    6我建议你还是练群医好   应为升级快   你可以到60是几以后再练暴医的</t>
  </si>
  <si>
    <t xml:space="preserve">请问毛主席像章现在卖多少钱？怎样知道我家的像章的价值？ </t>
  </si>
  <si>
    <t>是否值钱，要看数量，年代不是价值指标，近代嘛，谁都知道。如果你收藏的像章是绝版，那可能会相当值钱，有的古董价值连城，不光是年代久远，还要保存的完好程度，流传的数量，如果某样春秋战国时期的剑，满大街都是，那会值钱吗，而如果在近代某年发行的一枚像章或者邮票，在当时发行的时候本身就只发行得很少，而到后来消失得很多，只有极少人持有，那就值钱，你如果要知道你的像章那些有价值，就要搜集资料，证明哪些像章是在当时发行过多少枚，这样，你心里就有底啦，不过，毛主席的像章当时发行得很多，几乎只要是中国人都戴，而且制作的厂家很多，样式、材质各异，即便真有市场，那么赝品就会出现，不就是陶瓷、铜、铝、塑料等等材料吗，用同位素检验都没意义，因为时间都在近几十年内，要值钱，恐怕等几百年后，才能称古董，而且要数量极少，否则，一文不值。再：对了，我去韶山的时候，就在地摊上买了好多像章，而这些像章根本不是那个年代制作的，都是周遍小作坊做的，哈哈。</t>
  </si>
  <si>
    <t xml:space="preserve">为什么我的电脑现在开机后，听不到那段音乐效果了。再有打拖拉机每局? </t>
  </si>
  <si>
    <t>有几种可能,一是音箱或耳机没插好或坏了,二是点下声音图标看是不是音量调得太小或处于静音状态,如果都不是,那就可能是你的声卡驱动程序被卸载了或声卡出问题了</t>
  </si>
  <si>
    <t xml:space="preserve">上海的大学中哪几所学校的土木系比较好？你好，我现在上高三，想知道 </t>
  </si>
  <si>
    <t>有上海交通大学、同济大学、上海大学、上海师范大学、上海理工大学、上海应用技术学院。</t>
  </si>
  <si>
    <t xml:space="preserve">这是电脑什么启动项？名称：run路径：出品公司：行为：篡改系统启 </t>
  </si>
  <si>
    <t>1.打开360安全卫士主界面--高级--启动项，你可以看看360列出的所有启动项。2.开始--运行，输入msconfig--确定--启动项，也可以你的系统所有的启动项。3.一般启动项在你的电脑屏幕右下方任务栏都有图标显示。一般随机启动项只保留XP输入法和杀毒软件就可以了，启动项多了，影响开机确定速度。禁用的启动项，你在360上点选禁用或阻止就可以了。</t>
  </si>
  <si>
    <t xml:space="preserve">户口本上的籍贯能改吗？我想把孩子在户口本上的籍贯改一下，不知道可 </t>
  </si>
  <si>
    <t xml:space="preserve">一般以父亲或祖父的籍贯为依据。常州变更、更正户口登记项目办理服务指南受理部门  常住户口所在地公安派出所  咨询单位  市、辖市（区）公安机关户政管理部门  办理时限  派出所自受理公民变更、更正户口登记项目申请之日起20个工作日内将审批结果通知申请人。  办理依据  《中华人民共和国户口登记条例》、《中华人民共和国婚姻法》、《中华人民共和国民法通则》、《江苏省县以下地区户籍管理规定》、江苏省公安厅《关于印发〈关于常住户口管理若干问题的处理意见（试行）〉的通知》和《关于印发〈关于规范注销死亡公民户口和更正出生日期工作的意见〉的通知》  收费标准  居民户口簿：6元/本；更换居民户口簿封面3元/本、首页1元、内页0.5元/张  办理流程  五、变更、更正其他项目。提供相应证明材料，由派出所当场办理。所需表格  《户口登记项目变更、更正呈批表》  </t>
  </si>
  <si>
    <t xml:space="preserve">话说我终于知道雷玉怎么使了 </t>
  </si>
  <si>
    <t>死神啊  你又来了</t>
  </si>
  <si>
    <t xml:space="preserve">怎样保持上汤菜颜色新鲜？之前做过两次，调不好味，反复调，结果菜心 </t>
  </si>
  <si>
    <t>你的问题似乎出在调不好味？用浓汤宝吧亲！我以前也是死活烧不好上汤菜，结果在jia le guan wang上看到好几道上汤菜的做法，马上尝试了一下上汤娃娃菜，味道很好哦。</t>
  </si>
  <si>
    <t xml:space="preserve">四级我在外校报的考,555分.成绩单上学校与专业都与我的不符能转? </t>
  </si>
  <si>
    <t>深圳户口也要证书吗? 我可是第一次听说,不过你555分应该是相当于80分了,肯定没问题咯!</t>
  </si>
  <si>
    <t xml:space="preserve">23岁的我是混合性皮肤，应该用含什么成分的化妆水，乳，精华和隔离? </t>
  </si>
  <si>
    <t>玫琳凯的很好用的，我一直很喜欢的，你快试试吧，效果很好的，满意请给好评混合型 T区较油 最好分开护理 草本的都不错 切忌过油的</t>
  </si>
  <si>
    <t xml:space="preserve">每天晚上睡前吃一个茶叶蛋好吗？我是高中生 </t>
  </si>
  <si>
    <t>早晚吃茶叶蛋都不好蛋里的蛋黄难以消化晚上吃会引起消化不良，早上吃会引起脑缺氧中午吃还是比较好的不过没逼你，如果你一定要这样那也没办法补充蛋白质和牛奶还是不错的选择</t>
  </si>
  <si>
    <t xml:space="preserve">我想送朋友只宠物，为什么不能送 </t>
  </si>
  <si>
    <t>不能是因为你不是会长,不是会长就不能送人东西.你先攒足10000赞扬做个会长,让你朋友到你会里.你打开行会手册点行会技能,双击送东西,打你朋友名字就好了!</t>
  </si>
  <si>
    <t xml:space="preserve">"聆听"的反义词是什么 </t>
  </si>
  <si>
    <t>有成语为“闭目塞听”，那么“聆听”的反义词就是“塞听”了。</t>
  </si>
  <si>
    <t xml:space="preserve">我新买了一台笔记本电脑，请问能不能用它来玩裸眼3D网络游戏的？ </t>
  </si>
  <si>
    <t>到电脑城逛逛就知道啦。</t>
  </si>
  <si>
    <t xml:space="preserve">新房装修预算我的房子建筑面积120.8平米，使用面积106.6平 </t>
  </si>
  <si>
    <t>您没有说哪一套是您的房子，所以面积上我只是以一个基本方式进行计算的，如果有尺寸上的不合理，您可以套用这个价格再乘以您的尺寸就可以了。第一，墙基层处理{走电线后的弥补，墙缝隙处理，保温层间隙弹性腻子，建筑门洞修补，对于特殊需要位置的整体挂布}每平米3元，大约面积为285，总价为885元。小提示：如果您的基层相当的好，这部分钱可以省下。第二，墙体涂料粉刷美巢加多乐士，每平米26元，总面积大约285，总价为7410。小提示：如果您使用底漆模式，那么可以使用821，如果不是，那么尽可能不要使用821腻子，因为容易起泡脱落，颗粒大。第三，地砖每平米大约为75元，{包括踢脚线，600*600普能精工玻化砖，如果您要选择一些知名品牌恐怕要贵一些。辅料为325.5普通水泥、白水泥、中砂、107胶}因为会出现裁砖，破损等，所以地砖面积应该加3%--8%，地砖面积为34平米，总价为2550元。第四，木地板使用强化复合每平米大约70元，如果要与地面找平，可以使用自流平水泥或者地宝，每平米大约加9元，总价每平米79元。地板报损加8%--10%，总面积为65平米，总价为5136元。第五，厨房卫生间墙地砖每平米大约75元，报损与地面可以相同（墙面用普通工艺镶贴各种瓷片每平方米需普通水泥11kg、中砂33kg、石灰膏2kg。柱面上用普通工艺镶贴各种瓷片需普通水泥13kg、中砂27kg、石灰膏3kg。）总平米数为85平米，大约总价为6375元。第六，卫生间设备每套大约2500元（坐便器、洗手盆、龙头、洗浴套件、镜子、纸盒、皂盒、毛巾杆、托盘、地漏、浴霸）总价为5000元。小提示：现在市场有一些比较便宜的卫具，但是质量相当的差，所以建议不要使用太便宜的。第七，厨房橱柜每延米大约950元，（水晶板、亚克力、烤漆等，但是不包括品牌，还有龙头、水池）总价大约3800元第八，吊顶每平米大约50元，总平米数20平米，大约总价为1000元。第九，阳台墙地砖每平米60元，总平米数28平米，大约总价为1680元。第十，阳台衣架巧太太每套230元，安装人员单收10元，总价为240元。第十一，套装门建议使用复合实木会结实一些，每套大约950元，{包括百乐门锁，加厚合页，门吸}，估计总价为3800元。小提示：如果不是因为资金问题建议不要使用贴面门的密度板门了，不太结实，如果一定要使用可以使用三套合页，也可以保持比较好的使用。第十二，卫生间门建议使用微分子结构，可以很好的起到防水性，每套大约850元{配件与其它的相同}总价为1700元第十三，卫生间防水每平米19元，总面积28平米，大约总价为500元。第十四，  电力改造大约2500元，{供电线路，电线管、万能角铁（30×30，40×40）、膨胀螺栓M8、镀锌管接头、锁紧螺母、接线盒、塑料护口、铁壳软管、管卡子、圆钢条φ6~φ8mm、电焊条、镀锌铁丝、铝条、圆锯片（砂轮片）、机油20#。照明 2.5mm2铜芯双包电线 BVV2×2.5mm2，BVV2×1.5mm2（开关）。空调等设备 4~6mm2铜芯电线 BVV2×4mm2。进户线不小于 10mm2。弯曲系数1.6，黑胶布2卷/100m，穿电线用24#细铁丝：0.2kg/100m。照明电路，灯具、电器控制箱、开关盒、插座、安全保护开关。双眼单插座、三眼单插座、双插座、空调机插座、插座板。品牌建议使用松本电工、国际电工TCL、百胜电工、奇胜电工。}小提示：一般开关工作电流10A，1.5匹以上空调选用15A插座，1.5匹以下空调选用10A插座，安装高度不低于2.2m。插座回路漏电开关额定电流16A-20A，照明回路断路器10A-16A，空调回路16A-25A，总开关带漏电型32A-40A。开关离地1m，插座离地30-50mm第十五，  水路改造大约1000元{浴盆存水弯Dg50。镀锌钢管Dg15、Dg20、Dg25。镀锌弯头Dg15、Dg20、Dg25。橡胶板。水管封口胶带。机油。镀锌管箍Dg15。木螺钉L32~50mm。大便器存水弯Dg100。镀锌活接头Dg15、Dg25。管卡子。大便器胶皮碗。螺纹截止阀门（J11T-16Dg15）。水箱进水嘴Dg15。铸铁下水管Dg50。存水弯（生铁）S型Dg50。供水管、水阀、各种弯头、排水铸铁管、地漏。损耗量5%}第十六，  灯具大约为2000元{镜前灯、客厅大灯、卧室灯等}现在的总价为，所有的价格与市场的波动有很大关系，地区不同价格也会有所不同，而且如果您找到的是一家一级资质的装修公司，那么会比这个价格更高一些。已经包括人工费了</t>
  </si>
  <si>
    <t xml:space="preserve">我想买只比熊有一只小一点性格比较温顺一只大一点的性格很活泼好动选? </t>
  </si>
  <si>
    <t>这就要看你的性格和家庭情况了。两种个性的狗狗我都养过，各有各的好处。比较温顺，也不闹的狗狗会比较贴心，会撒娇，比较适合女生养。活泼好动，有点闹的狗狗精力比较充沛，会想要多出去玩，如果你比较宅或是工作比较忙，养它就会比较辛苦。</t>
  </si>
  <si>
    <t xml:space="preserve">7个月的孩子能吹空调吗？ </t>
  </si>
  <si>
    <t>没问题,我的女儿一出生就已经开着空调睡觉啦,最重要是控制好温度,通常在26-28度之间是最恰当的了.</t>
  </si>
  <si>
    <t xml:space="preserve">发现爸爸外面似乎有人了，怎么办偶然一次玩爸爸的电脑，发现有人发个 </t>
  </si>
  <si>
    <t>劝说你爸爸，回头是岸，给你爸多点家的温暖，用亲情感动你爸~~</t>
  </si>
  <si>
    <t xml:space="preserve">喜欢和爱的分别 </t>
  </si>
  <si>
    <t xml:space="preserve">喜欢，是一种心情 爱，是一种感情 喜欢，是一种直觉 爱，是一种感觉 喜欢，可以停止 爱，没有休止 喜欢一个人，特别自然 爱一个人，特别坦然 喜欢一个人，有时候盼和他（她）在一起 爱一个人，有时候怕和他（她）在一起 喜欢一个人，不停的和他（她）争执 爱一个人，不停的为他（她）付出 喜欢一个人，希望他（她）可以随时找到自己 爱一个人，希望随时找到他（她） 喜欢一个人，总是为他（她）而笑 爱一个人，总是为他（她）而哭 喜欢，是执着 爱，是值得 喜欢就是喜欢，很简单 爱就是爱，很复杂 其实，喜欢和爱仅一步之遥， 但要迈这一步就看你是喜欢迈这一步 还是爱迈这一步 才发现喜欢与爱的不同，喜欢只是喜欢没有爱，而爱却是喜欢的全部。 </t>
  </si>
  <si>
    <t xml:space="preserve">在线看大片，有没有好看的3D电影推荐下！最近不知道干点什么好，想 </t>
  </si>
  <si>
    <t>金陵十三钗，狼犬丹尼，非常人贩，特工绍特，</t>
  </si>
  <si>
    <t xml:space="preserve">肾虚怎么办啊，肾虚怎么办啊，郁闷死了肾虚 </t>
  </si>
  <si>
    <t>病情分析：你好：如果确认为肾虚,分肾阳虚与肾阴虚：.指导意见：肾阳虚的症状为腰酸,四肢发冷,畏寒,,也就是说表现为“寒”的症状,肾阳虚可以吃狗肉,羊肉,韭菜,泥鳅来进行食补,药物则有肾宝,或金匮肾气丸,肾阴虚的症状为“热”,主要有腰酸,燥热,盗汗,虚汗,头晕,耳鸣等.肾阴虚可以吃哈士膜,黑木耳,黑芝麻,小核桃等进行食补,药物建议您口服六味地黄丸</t>
  </si>
  <si>
    <t xml:space="preserve">关于美元请问王老师，美元的上涨现在处于什么阶段？ </t>
  </si>
  <si>
    <t>我不知从哪个角度说，如果从浪型结构看，现在美元是经过三年大幅下跌后，应该认为下跌已经结束，现在正在进行调整，调整之后可能进入中长期上升走势中。现在的关键是判断汇价现在是否已经结束大A浪反弹，因为一旦大A浪结束，将进入大B浪回调中，非美则将还会有一轮中期反弹行情。从时间周期来看，美元的大A浪从今年年初开始，已经走了近七个月，那么大B浪反弹也至少要2－3个月。</t>
  </si>
  <si>
    <t xml:space="preserve">我们单位今年刚给员工办社保，前天才领回医保卡，在武汉社保网登陆，? </t>
  </si>
  <si>
    <t>通常会迟一点到的, 过两个月再看看.</t>
  </si>
  <si>
    <t xml:space="preserve">水壶里的水秀该怎么处理 </t>
  </si>
  <si>
    <t xml:space="preserve">1.苏打水除水锈法。将适量苏打水放入水壶内，装满水，放在火上加热，10分钟以后，倒去苏打水，用刷具轻刷壶体内侧，即可除锈，且对铝制水壶质量无丝毫影响。  2.丝瓜络防水锈法。取适量丝瓜络放在水壶内煮水。一段时间后，取出丝瓜络，洗去其上积累的水锈，重新放入水壶，便可有效防止水壶生锈。如果不易寻找丝瓜络，可用干净的棉花或“豆包布”代替。  3.土豆去垢法。如在壶水中放入三四个洗净的土豆，煮上三四个小时，也许结果将令您大吃一惊呢。 </t>
  </si>
  <si>
    <t xml:space="preserve">为何我还是进不了牛厂啊？我把维特之脚和回城卷轴放在了宝石里面，为 </t>
  </si>
  <si>
    <t>§ 维特之腿+ 一本传送门之书 =隐藏乳牛关卡在相同困难度游戏中先杀死巴尔，开新游戏在相同难度的ACT1的村落中使用，此时会打开一个红色的传送门，进去就是隐藏关卡。特别警告！如果死在隐藏关卡中， 还没回去拿回尸体就跳出游戏，你的尸体可是会不见的喔！尽可能跑到可打开传送门回村庄，也不要死在隐藏关卡里喔！</t>
  </si>
  <si>
    <t xml:space="preserve">去泰国体验潜水，去那里最好？我想去泰国玩，想顺便体验下潜水，要去 </t>
  </si>
  <si>
    <t>泰国南部的锡米兰群岛。这里有“珊瑚花园”之称，被泰国列为国家公园，是泰国最好的潜水旅游区。像这样的海上胜地在泰国不胜枚举，如普吉岛外海的一些小岛，由40多个小岛组成的昂通国家公园等。到这些地方旅游，游客可以通过旅行社安排，但是大多数泰国人和外国游客选择自助游。他们通过旅行社预订酒店或度假村，不仅便宜而且不会出现抵达目的地后无处落脚的情况。在普吉岛、苏梅岛等大岛上，人们每天支付800铢（约合160元人民币）租用吉普车，自己驾车游岛，别有一番情趣。在泰国开车是右舵，上路后靠左行驶，有的游客不大习惯。</t>
  </si>
  <si>
    <t xml:space="preserve">韩服高手进急死我了我前几天买的号他给我了我密保我当时试验了也是好 </t>
  </si>
  <si>
    <t>那你不是送死,邮箱都没要,别人可以从邮箱改密宝.</t>
  </si>
  <si>
    <t xml:space="preserve">具有跳跃性思维的人，作文好。跳跃性思维又称非理性思维或创造性思维 </t>
  </si>
  <si>
    <t>同意，数学确实是一门逻辑性很强的学问，没有因为就不能所以，跳跃性思维的人可能并不适合．但跳跃性思维的人当作家还是有点委屈了，尤其是写小说，因为跳跃太多可能会破坏故事的完整性，当然．写诗歌或散文还行．其实我认为跳跃性思维的人最适合的工作是进入我国西部的政府领导班子！因为，就我国目前东西部发展的不平衡现状来看，西部的发展光靠与时俱进是不行的，必须实现超常规跳跃式发展才能跟上东部，所以迫切需要具有跳跃性思维的干部去带领西部人民更新观念解放思想跟上时代前进的脚步！</t>
  </si>
  <si>
    <t xml:space="preserve">求问灵妖高手!!!请问大家灵妖的加法、镶什么宝石、学什么技能最好 </t>
  </si>
  <si>
    <t>aa灵妖以法书攻击为主 一般加点是两级加一次 3体 4灵  敏捷和力量装备够用就可以  一般力量和敏捷你各加到50左右就可以  穿装备是轻甲 只要求灵力的 宝石一般用黄沉 因为灵妖的血比较少 也可以用白舞  还有就是一个加木系攻击的宝石 因为妖精都是木系攻击 技能要看你自己怎么运用了  剧毒蛊最好加到10级 妖精前期就用这个技能打怪 铁岩蛊学一下也不错 降低物理防御 炎蛊就是个鸡肋的技能没有实际的用处 可以掠过不学 荆棘术反弹近身物理伤害 过了10级以后升级为荆棘镇反弹是200%的物理伤害 下FB是给冲锋的战士加是很不错的 值得学 神辅术和强体术 分别回蓝和学的 很重要的技能 省了要关键时刻还可以保命 千蚁蛊也不错算是个群攻的技能 中毒可以持续伤害的升级时可是很有用的  巨石蛊就是可以击晕对方拉 PK时是个不错的技能啊 万蛊食天 可以使敌人陷入封印的状态 短时间内不能攻击  这些都是远程的技能   在来说变狐狸后的技能 弱魂咒  我个人觉得不在的好用 一般我是用来抓宝宝 像小熊一类跑的太快 你追不上还可能引了一群怪物 用个弱魂它就停了下来 抓就方便拉 尤其是抓比自己低10级以下的宝宝相当的好用 可以试下 复活 治疗 驯服这几个都是必学的 之中的复活宠物满级了也没有什么用顶多是复活吟唱的时间短了几秒  驱逐咒 也不错 你和毛毛一类PK  开打之前给他个驱逐咒 他自己加的状态就全没有了 你和他PK就爽多拉  至于其他那些什么肉搏妖灵击夭煞击  基本就是鸡肋了 你还没有近身就差不多要挂掉了  我个人认为还是不学为好 原神也是很有限的 也只够你学些有用处的技能 89以后你是升仙还是入魔 看你自己的喜好了 呵呵 希望你能早日把妖精练到100哦~-~</t>
  </si>
  <si>
    <t xml:space="preserve">有谁知道在那里下载&lt;&lt;茜茜公主&gt;&gt;?我想下载&amp;lt;&amp;lt;茜茜 </t>
  </si>
  <si>
    <t>紧供下载：打开网址：     《茜茜公主三部曲》(Sissi)[RM][[eMule专用的下载链接，您必须安装eMule才能点击下载]]Sissi 茜茜公主 The Young Empress Sissi - Die junge Kaiserin 茜茜公主2：年轻的皇后 The Fateful Years Sissi - Schicksalsjahre einer Kaiserin 茜茜公主3：皇后的命运 经典影片《茜茜公主》三部曲是电影史上永不褪色的关于人间爱情和人格魅力的神话。 影片《茜茜公主》三部曲，以宏大的历史叙事和细腻婉转的心态演绎，再现了茜茜富于传奇色彩的生活历程。罗蜜·施耐德更以她独具一格的华贵和俏丽，为本片大放异彩。 美丽的巴伐利亚公主，英俊的奥地利皇帝，在优美的华尔兹、豪华的服饰以及秀丽的欧洲风光交织成的浪漫氛围中生发生的美妙的君主童话。 永远难忘的是弗兰茨二世手捧玫瑰，走向茜茜公主，当众宣布这就是他的新娘时这对恋人眼中流露出的爱的光芒。永远的茜茜公主，永远的罗密·施奈德。 《茜茜公主》 美丽活泼的巴伐利亚伊丽沙白公主“茜茜”[罗密·施奈德饰]，在奥地利渡假时邂逅年轻英俊的奥地利国王法兰兹·约瑟夫[卡而海因茨·伯姆饰]，两人一见钟情。而此时国王已与茜茜的姐姐海伦定下婚约。 海伦是专制的皇太后苏菲指定的皇后人选，但国王已经无可救药的爱上了天真的茜茜，并最终违背母亲的旨意，在生日晚宴上宣布茜茜为自己未来的皇后。 《年轻的皇后》 在维也纳举行了隆重的皇家婚礼后，茜茜开始了她皇后的生活。倔强的茜茜和专制的皇太后苏菲之间的矛盾，在茜茜的女儿出生后到达了顶点。苏菲援引皇家的传统不让茜茜抚养自己的女儿，而法兰兹却顺从了母亲的旨意。 茜茜一气之下回到了娘家巴伐利亚，法兰兹也追随而至，他们合好如初。回到奥地利后发现苏菲也改变了主意，同意茜茜抚养女儿。之后，年轻的国王夫妇访问了匈牙利，他们在匈牙利人民的欢呼声中成为了奥匈帝国的国王和皇后。 《皇后的命运》 茜茜证明了自己不仅能出色的处理国家大事，也能妥善处理与婆婆的关系。但是，当她和安得生伯爵前往匈牙利安抚不原俯首称臣的贵族时，苏菲却在散布茜茜与伯爵关系不寻常的谣言。 茜茜出游时染上了严重的肺病。在母亲的帮助下茜茜才得以康复。病愈后，她陪同法兰兹访问奥地利统治下的意大利。尽管那里的人民强烈的反对奥地利的统治，茜茜还是赢得了那里人民的心。在圣马克广场举行的隆重的欢迎仪式上，成千上万的威尼斯人民向茜茜热情欢呼。 安装了电驴后，就可以下载文件了。。。</t>
  </si>
  <si>
    <t xml:space="preserve">劳动合同法第83条这句具体什么意思？请详细的给我解释一下 </t>
  </si>
  <si>
    <t>第八十三条　用人单位违反本法规定与劳动者约定试用期的，由劳动行政部门责令改正；违法约定的试用期已经履行的，由用人单位以劳动者试用期满月工资为标准，按已经履行的超过法定试用期的期间向劳动者支付赔偿金。　　【解释】本条是关于用人单位违反劳动合同法规定与劳动者约定试用期的责任的规定。　　一、用人单位违反劳动合同法规定与劳动者约定试用期的　　劳动合同法第十九条规定：“劳动合同期限三个月以上不满一年的，试用期不得超过一个月；劳动合同期限一年以上不满三年的，试用期不得超过二个月；三年以上固定期限和无固定期限的劳动合同，试用期不得超过六个月。”“同一用人单位与同一劳动者只能约定一次试用期。”“以完成一定工作任务为期限的劳动合同或者劳动合同期限不满三个月的，不得约定试用期。”“试用期包含在劳动合同期限内。劳动合同仅约定试用期的，试用期不成立，该期限为劳动合同期限。”根据上述规定，用人单位在与劳动者约定试用期的时候，应当遵守劳动合同法有关试用期的最长时限、约定次数及其他有关规定，否则该试用期的约定就是违法的。　　用人单位违反劳动合同法规定与劳动者约定试用期的情形包括：　　（一）约定的试用期超过法律规定的最高时限的　　劳动合同法第十九条对不同期限、不同种类的劳动合同，规定了长短不同的试用期，如果用人单位与劳动者约定的试用期超过了法律规定的最长时限就是违法的。举一个例子，某企业与劳动者签订了为期一年的劳动合同，并同时约定试用期为三个月，这样一个关于试用期的约定，根据劳动合同法第十九条的规定就是违法的，因为它违反了“劳动合同期限一年以上不满三年的，试用期不得超过二个月”的规定。这里要指出的是，法律只对试用期的最长时限有要求，用人单位与劳动者约定的试用期只要等于或者短于法律规定的最高时限，都是合法有效的。　　（二）同一用人单位与同一劳动者约定了超过一次的试用期的　　劳动合同法第十九条第二款明确规定：“同一用人单位与同一劳动者只能约定一次试用期。”假定某一劳动者与用人单位已经约定过了一次试用期，如果该劳动者在同一用人单位内调换了新的工作岗位，在此情况下，如果用人单位因此而又与他约定了一次试用期，则这一次的约定就是违法的，因为违反了同一用人单位与同一劳动者只能约定一次试用期的法律规定。　　（三）以完成一定工作任务为期限的劳动合同或者劳动合同期限不满三个月的，约定了试用期的　　劳动合同法第十九条第三款规定：“以完成一定工作任务为期限的劳动合同或者劳动合同期限不满三个月的，不得约定试用期。”按照这一规定，如果某一企业只与劳动者签订了二个月的劳动合同，却同时约定试用期为三十天，则这一试用期的约定就违反了法律的强制性规定，是违法的。　　（四）劳动合同仅约定试用期或者劳动合同期限与试用期相同的　　劳动合同法第十九条第四款规定：“试用期包含在劳动合同期限内。劳动合同仅约定试用期的，试用期不成立，该期限为劳动合同期限。”如果用人单位与劳动仅约定了试用期，而没有约定劳动合同的期限，则这一试用期的约定是违法的。法律作这样的规定，是为了防止一些用人单位滥用试用期，利用劳动者在试用期的工资相对较低，同时解雇处于试用期的劳动者也相对容易的特点，侵害劳动者的合法权益。　　二、用人单位违反劳动合同法规定与劳动者约定试用期的法律责任　　根据本条的规定，用人单位违反劳动合同法规定与劳动者约定试用期的，由劳动行政部门责令改正，违法约定的试用期已经履行的，由用人单位以劳动者月工资为标准，按已经履行的超过法定试用期的期间向劳动者支付赔偿金。根据这一规定，用人单位违反本法规定，与劳动者所约定的试用期，如果还没有实际履行的，由劳动行政部门责令用人单位予以改正，使之符合本法的规定；如果无效的试用期约定已经实际履行，则由用人单位以劳动者月工资为标准，按已经履行的超过法定试用期的期间向劳动者支付赔偿金。如法定试用期为一个月，用人单位违法与劳动者约定了六个月的试用期。当这个试用期已经履行了，支付赔偿金的期间就是从试用期的第二个月至第六个月的时间。　　赔偿金是承担违约责任的一个重要方式，其是指合同当事人一方违反合同约定，而给对方造成损失的，应给予一定数量货币进行赔偿。给付赔偿金的前提必须是一方违反合同约定，给另一方造成了实际损失。假定劳动者与用人单位签订的劳动合同期限为三年，按照劳动合同法的规定，试用期不得超过六个月；但该用人单位与劳动者签订了一年的试用期，并约定试用期满后的月工资为每个月1500元。在此情况下，用人单位约定的试用期是违法的，因为超过了六个月的最高时限，如果劳动者已经实际履行了八个月的试用期，则用人单位应当向该劳动者支付赔偿金，支付赔偿金的期间为已经履行的超过法定试用期的期间，即8个月减去法定的最高时限6个月的期间，是二个月。在此例子中，用人单位应当向劳动者支付1500 × 2＝3000元赔偿金。　　这里应当指出的是：第一，对于违法约定的试用期，只要劳动者已经实际履行，用人单位要按照已经履行的超过法定试用期的期间向劳动者支付赔偿金，对于劳动者尚未履行的期间，则用人单位不需要支付赔偿金。第二，支付赔偿金不能代替正常的劳动报酬。如果劳动者实际履行的试用期超过了法定的最高时限，则用人单位除了向劳动者支付赔偿金外，还要向劳动者支付劳动合同约定的试用期满后的月工资，实际上等同于在劳动者已经实际履行的超过法定最高时限的期间内，用人单位需要向劳动者支付双倍的月工资，以惩罚用人单位违法约定试用期的行为。第三，用人单位应当向劳动者支付赔偿金的期间为超过法定试用期的期间。在上面的例子中，如果劳动者实际只履行了5个月的试用期，此时因为实际履行的期限没有超过6个月的法定最高时限，则用人单位不需要向劳动者支付赔偿金，但要改正违法行为，将试用期的约定限定在法定的最高时限内。如果我的答案能够给您一些帮助，希望不要吝啬送上一个“好评”！</t>
  </si>
  <si>
    <t xml:space="preserve">怎么变聪明这个社会太邪恶，我老是被人骗，我想变聪明点，有没简单易 </t>
  </si>
  <si>
    <t>知识是聪明的基石，阅历是聪明的训练场。学会将各种知识融汇贯通，活学活用，它自然会升华为聪明。不能想象，一个什么都不懂的人会是一个聪明人。</t>
  </si>
  <si>
    <t xml:space="preserve">既“三行情书”后微博又推出“三行遗书”，请大家欣赏欣赏然后再自己? </t>
  </si>
  <si>
    <t>说来遗憾临床之前也未曾见过你一面说来遗憾临走的一刻也未曾与你相拥说来遗憾临终之时也未曾与你说声</t>
  </si>
  <si>
    <t xml:space="preserve">一个地理问题在河流的补给中，冰雪融水和季节性积雪融水有何区别？最 </t>
  </si>
  <si>
    <t>冰雪融水指的是由永久性积雪或冰川融化成水而对河流补给，季节性积雪融水指的是冬季积雪在春季融化而补充河水，一般只发生在春季，故称为季节性积雪融水。</t>
  </si>
  <si>
    <t xml:space="preserve">一吃橙子就倒牙怎么办啊，我还很喜欢吃橙子 </t>
  </si>
  <si>
    <t>是牙龈萎缩或牙齿珐琅质缺损、破坏（珐琅质是牙齿表面很薄的一曾东西）。牙龈萎缩的牙根都暴露着的。而牙根暴露或牙齿珐琅质缺损就容易倒牙。刷牙方式不对：没上下刷而横走着刷，刷毛太硬、刷牙太用力，这些都会损伤牙龈、损伤牙齿表面的珐琅质。牙齿表面的珐琅质很坚固，但也经不起长年累月的折腾。很多人牙齿表面有细细的槽，都是刷出来的。</t>
  </si>
  <si>
    <t xml:space="preserve">鼻子塌的情况好解决吗？我鼻子有点塌，像我这样有塌陷的鼻柱的情况好 </t>
  </si>
  <si>
    <t>鼻小柱不够长可以采用鼻小柱延长术，鼻梁部不够高可以采用隆鼻术</t>
  </si>
  <si>
    <t xml:space="preserve">qq求解可以发消息能接收群消息就是不能收到收到好友消息，有谁知道? </t>
  </si>
  <si>
    <t>可能是网速慢，没有反应过来，退出重新登陆一下试试那是你设置上的问题，更改一下</t>
  </si>
  <si>
    <t xml:space="preserve">丽江旅游打算去丽江玩几天，自助游，希望去过的朋友或清楚了朋友能帮 </t>
  </si>
  <si>
    <t>有800多年历史的丽江古城，座落在丽江坝子中部，面积约3.8平方公里，始建于南宋末年。是元代丽江路宣抚司，明代丽江军民府和清代丽江府驻地。丽江古城选址独特，布局上充分利用山川地形及周围自然环境，北依象山、金虹山，西忱猴子山，东面和南面与开阔坪坝自然相连，既避开了西北寒风，又朝向东南光源，形成坐靠西北，放眼东南的整体格局。发源于城北象山脚下的玉泉河水分三股入城后，又分成无数支流，穿街绕巷，流布全城，形成了“家家门前绕水流，户户屋后垂杨柳”的诗画图。街道不拘于工整而自由分布，主街傍水，小巷临渠，300多座古石桥与河水、绿树、古巷、古屋相依相映，极具高原水乡古树、小桥、流水、人家的美学意韵，被誉为“东主威尼斯”、“高原姑苏”。境内名胜古迹随处可见，自然景观多姿多彩，民族璀灿夺目飞机杭州现无直飞丽江航班, 可以选择:杭州-成都-丽江中转,杭州-昆明-丽江中转, 上海-丽江直飞, 周边其它城市也可以选择从成都或昆明中转,票尽量提前订好,南方航空有个快乐飞不错,提前一个月订票很便宜.也可在昆明转乘汽车至丽江，以节省费用。 火车昆明或攀枝花换乘汽车至丽江。 汽车到昆明后,坐公交车去昆明站（1元）或打车去火车站（昆明站）（15元以内，昆明机场是离城区最近的一个机场),在火车站旁有长途汽车站，那里就有至丽江的长途汽车，从早8:00点至中午13：00点,平均每小时一班车, 晚上从19－21:30分每30分一班车至丽江(晚班车为卧铺大巴),至丽江的大巴车分为两种, 一种是高快客车,多为进口车,票价为168元.一种是普通卧铺客车,票价为150元,运行时间9小时左右,卧铺车在第二天早晨6点左右到达丽江。拉市海离古城15公里，坐车20多分，在忠义市场那有车站，5元/人，租车30元往返，景区特征主要是观湖，冬季观候鸟，当地村民圈地建马场以收取骑马费来增加收入。游玩质数不高，但喜欢骑马的朋友可束河古镇距丽江4公里，可坐公交车6元往返，打的15元，骑自行车15元（租车）去游玩，住在那里叫客栈的人直接领入或从侧面转就去玩就可。门票：30元，束河老街区精华处应该说只有从小四方街过青龙桥至九鼎龙潭那条街古朴漂亮一些，游玩个3小时差不多了，喜欢那里的朋友可以住在那里享受一下宁静的阳光以去玩玩。冬季没时间去泸沽湖的朋友可在此观候鸟黑龙潭公园丽江玉河走廊边上，距古城标志水车约一公里，现以免费开放（原60元门票），但外地游客要收取80元的古城维护费才可以进去游玩，我的感觉是有时间可以进去玩玩，从上面找找小路，有可能你也能转进去，但要注意安全，环境幽静，在那里拍些雪山倒影的照片或发呆晒太阳，几人打老K是不错的地方。喜欢那里碧绿的水，蓝天，雪山，白云映在水中的倒影。不喜欢人造景观的朋友不用去白沙古镇茶马古道小镇之一，未开发，如果是春天或秋天去看看，平时意义不大，不过老外到是喜欢去那地方，那里有白沙古墓壁画，门票35元玉龙雪山做为丽江的标志，有许多朋友想去观看，不过我的感觉雪山不一定要上去，反而远看更漂亮一些，在者说玉龙玩一次下来要500左右，在些不太值，作为自助走景点尽量去选择精品一些的，丽江周边的梅里不错，更漂亮一些丽江的美食与住宿丽江是著名景区，也是世界有名的旅游城市，每年都有自四面八方的几百万人来游丽江，丽江也是个30多万人口的小城市。主要以旅游业为主有宾馆酒店2000多家，所以说大家不用担心住的问题，只古城客栈就有600多家，通常密集的地方10多米就一家客栈，可以说满地都是，从非是旅游特旺的季节，要提前预订。不然来了随时都可以找到称心如意的客栈，而且价格也不贵，推荐住50元的标准间就可以了，住尽量往四周，避开古城中心，考虑到吃饭的问题，这样不但吃省钱，而且住得也静一些。关于吃，我想大家一定认为丽江是个旅游城市吃的东西很贵，可以明确告诉大家，如果你找对地方这里吃的并不贵，古城内由于房租太高，加上水电的费用，转让费用很高，所以在古城内吃东西是很贵的，有多贵，你可以想象全国消费最高的城市是多少。但丽江古城边有一些当地人开的小吃店却非常便宜，这些店由于是自家房屋，又有当地人的优惠政策，所以运营成本很低，所以菜价很便宜，吃得实在又经济。丽江周边玩注意事项“天下没有免费的午餐”我想大家都知道这个道理，随着旅游的开发，各种黑暗面也就间接的反映出来了，有些人贪图小便宜结果四处上当，钱没省下来反而搭进去更多，所以来了尽量不要去搭理街上一些拉客的，也不要去听外地朋友的介绍，除非向你介绍的朋友几次来过丽江玩或在丽江有一些生意的，不然会上当的。丽江有一些闲人专门作此事，或在街上拉客或在酒吧拉客，大家自以为认识了好人，言听即从，其结果是上当受骗，浪费了自己的时间，也浪费了钱。怎么样避免类似事情发生，来了尽量多问多看，找些口碑好的俱乐部出游，或通过住的客栈老板推荐去和接待处谈，这样发生不愉快的事时可找推荐人，避免扯皮而影响游玩心情。</t>
  </si>
  <si>
    <t xml:space="preserve">如何让积分快速增长积分增长速度太慢 </t>
  </si>
  <si>
    <t>积分上升的方式  上升值注册成为爱问知识人用户  20分成功激活邮箱  20分登陆爱问知识人签到  第一次签到得1分，连续签到两次得2分…以此类推，连续签到5次即可得到5分！5分封顶成功提交提问或者回答  1分采纳回答时，填写感谢语和答案星级  1分回答被提问人采纳  10分+问题悬赏分成功提交投票或者评论一次  1分，每天10分封顶问题被设置为推荐问题  10分提交提问中的第一个回答  3分</t>
  </si>
  <si>
    <t xml:space="preserve">腹泻止不住怎么办？昨天下午就开始拉肚子，偶尔会肚子痛。医生说是急 </t>
  </si>
  <si>
    <t>你这是急性胃肠炎的典型表现，多因饮食不当、或被细菌或毒素污染食物所致， 其中最常见的为沙门氏菌感染。主要表现为腹部不适、腹痛、恶心、呕吐与腹泻等。治疗方法：1、急性期对症治疗：呕吐明显，应立即止吐，可用灭吐灵10mg 肌注，好转后可用吗丁林 10mg 日3 次服。止泻，可服复方苯乙哌啶1片，日2~3次服，有止痛与止泻作用。2、补充液体：由于频繁呕吐与腹泻，丢失胃肠液，应及时补充丢失水分。你有明显呕吐与腹泻，最好输液治疗，静脉补充含有电解质的液体，如生理盐水、糖盐水、氯化钾等，同时补充VC、6等。如能口服，可服自制“米汤”，又称优质口服补液盐，制作方法：炒米粉50克，食盐3.5克，小苏打2.5克，氯化钾1.5克（可用菜水或萝卜汤代替）服用前加温开水1000ml即可。3、如疑有感染引起的胃肠炎，可应用抗感染药物治疗，如环丙沙星、氧氟沙星或庆大霉素等。4、去除病因，卧床休息，同时要注意饮食调理，停止一切对胃有刺激的饮食和药物。酌情短期禁食，然后给予易消化的清淡的少渣的流质饮食，利于胃的休息和损伤的愈合。好转后要注意保养，定时定量，避免烟、酒、浓茶、咖啡、及刺激性食物，忌生冷等。5、必要时做血、便常规等检查，以明确病因，针对病因进行治疗。</t>
  </si>
  <si>
    <t xml:space="preserve">2岁宝宝穿衣鞋子不肯换新的，如何解决？您好！我家宝宝2岁，穿衣服 </t>
  </si>
  <si>
    <t xml:space="preserve">宝宝喜欢哪件衣服通常是因为那衣服有他最喜欢的某个花样或纽扣，你可以找来样式相同的衣服试试。 </t>
  </si>
  <si>
    <t xml:space="preserve">在手机店外徘徊元旦前我就打算买手机，但是有朋友告诉我再等等，到现 </t>
  </si>
  <si>
    <t>节前肯定会有促销的，不过手机降价是个永远的话题，还是那句话，该出手时就出手吧！用不着总等。</t>
  </si>
  <si>
    <t xml:space="preserve">《婚姻在磨合中成长》请求审核。 </t>
  </si>
  <si>
    <t>书名不错，文也应该挺好看！</t>
  </si>
  <si>
    <t xml:space="preserve">巴萨队长离队确有其事明夏或零身价加盟AC米兰巴塞罗那队长普约尔的 </t>
  </si>
  <si>
    <t>巴萨应到改朝换代的时候了。</t>
  </si>
  <si>
    <t xml:space="preserve">5、6、7、8级军衔的声望要求都是多少？军衔装备比绿的如何？ </t>
  </si>
  <si>
    <t>军衔要求： 1级军衔 300声望 30级 2级军衔 1000声望 40级 3级军衔 2500声望 50级 4级军衔 5000声望 60级 5级军衔 10000声望 70级 6级军衔 35000声望 80级 7级军衔 100000声望 90级 8级军衔 200000声望 100级 军装比同级绿装强</t>
  </si>
  <si>
    <t xml:space="preserve">灵兽丹，玛瑙石究竟有多少种？请问灵兽丹和混元灵兽丹一共有多少种？ </t>
  </si>
  <si>
    <t>各有多少种不清楚：我把各段最高的告诉你吧！兽灵丹攻击力　15　　　　　防御力　15生命力 50　　　　 内 功 　50命中率 　8 回避率 20武功攻击力 25 追加损伤 20武功防御力 70 经验值获得 3%混元兽灵丹攻击力 20 防御力 20生命力 70 内功 70命中率 12 回避率 25武功攻击力 30 追加损伤 25武功防御力 140 经验值获得 5%玛瑙石攻击力 15 防御力 10生命力 50 内功 50命中率 10 回避率 10追加损伤 20 武功防御力 40冰魄玛瑙石攻击力 20 防御力 15生命力 70 内功 70命中率 15 回避率 15追加损伤 25 武功防御力 80兽灵丹（混元）是用于合成在上的．（目前合上就洗不掉了，并且同２种属性的石头最多合２个．合时注意）玛瑙石（冰魄）是用于合成宠物装备的．（以上不管是宠物还是宠物的装备都和人一样有暴率的）个人建议兽灵丹还是等宠物３转后再合吧</t>
  </si>
  <si>
    <t xml:space="preserve">杭州会展策划公司杭州有哪些好的会展策划公司 </t>
  </si>
  <si>
    <t>只知道有一家北京的叫海纳团队,他们是做策划的,我们之前合作过还不错,你可以咨询一下他们!</t>
  </si>
  <si>
    <t xml:space="preserve">结婚任务要什么材料吗?马上结婚了,结婚任务的材料要什么,结过婚的 </t>
  </si>
  <si>
    <t>不知道你所指的结婚任务是什么，是领结婚证么？如果是那需要你们两个人的身份证和户口本原件及复印件，再就是你们的彩色合影，要求大二寸，红色背景的三张。到你们任何一方的户口所在地的结婚登记处就可以领到了。</t>
  </si>
  <si>
    <t xml:space="preserve">帮忙解决一下我想问一下.是不是有时候点多5173它会忽然出一个保 </t>
  </si>
  <si>
    <t xml:space="preserve">尊敬的客户:    您好！5173回复客服03号很高兴为您服务！    请说明您多点5173是点什么页面？出现的保存文件是什么文件？描述清楚之后重新发帖，以便我为您更好的解答，建议您可以提供您的5173用户名，我会联系相关人员处理您的这个问题。    感谢您对5173的支持！！愿您一年365天快快乐乐，平平安安!愿您度过温馨浪漫的每一天！                                            </t>
  </si>
  <si>
    <t xml:space="preserve">什么样的机器配置玩光线飞车不卡究竟什么样的机器玩光线不卡机？我的 </t>
  </si>
  <si>
    <t>机器配置不低，但是承受特效全开还是差点，可以开中等效果比较好。而且比赛的时候是副本，人多的话也一样会卡的。还有网络的影响呢。建议还是关低点。</t>
  </si>
  <si>
    <t xml:space="preserve">我有问题请教各位男生如果你的女朋友要你们的QQ号码的密码，你们会 </t>
  </si>
  <si>
    <t>我女友从来不问我关于隐私的事情，首先是你不信任你男朋友所以会问他要QQ密码，然后他不给你使你就更不信任他了。我觉得他要是个有主见的男人，就不会答应你的要求。你要是个疑心病重的女孩估计你也不会就此罢休。爱是在相互信任和包容下产生然后逐渐升华的，所以劝你三思而后行，继续这样只会伤害你们之间感情。最后祝你幸福。。。。。。。。。。。。</t>
  </si>
  <si>
    <t xml:space="preserve">什么叫洗桑拿澡? </t>
  </si>
  <si>
    <t>桑拿浴是一种特别的洗澡法,也是方兴未艾的一种新疗法。目前,已作为疗养院和理疗科的重要治疗手段。 这种浴疗起源于北欧芬兰,故又名芬兰蒸气浴。它的主要作用是通过湿和热两种因素,或者是二者的合力缓解疼痛,松弛关节,增进安宁。对皮肤来说,由于蒸气浴过程中皮肤血管明显扩张,大量出汗,皮肤血管得到锻炼,血液循环改善,皮肤里的各种组织获得更多的营养。汗液排泄也大有助于体内废物的排除。对干燥的皮肤,积屑皮肤病如鱼鳞病、银屑病,瘙痒皮肤和粗厚皮肤都有不同程度的治疗作用。它对皮肤的锻炼和保护功能更是显而易见的。 桑拿浴要求一个湿热环境,室内高温,布满蒸气。最初的浴法是入浴者呆在高温蒸气室内一段时间后离室,跳入冰冷的湖水中。一热一冷之后再用桦树条抽打身体,反复几次。浴室温度控制在80℃～90℃,湿度也作相应调控。室内停留10分钟左右,前后共反复3次,即3个回合。这种原始的桑拿浴,目前已作了不少改进,但总的原则即热冷交替,接连几次。 桑拿浴还能导致全身性生理变化。一是高温高湿环境使心跳、脉搏加快,血压一度升高后降低,类似锻炼后反应。二是冷水浸泡后的反应恰与高温高湿者相反。1次桑拿浴可流汗500毫升,体内激素分泌也被激发。但只要条件合适即符合规定标准,洗浴按常规进行,即使对轻症心脏病患者,也不致于危害健康.</t>
  </si>
  <si>
    <t xml:space="preserve">梦见结婚昨夜很奇怪,梦见和老公摆酒席结婚,而且还有已故的外公(非 </t>
  </si>
  <si>
    <t>想结婚了呗!早办早塌实!</t>
  </si>
  <si>
    <t xml:space="preserve">孕36周共重了11公斤，大家都来说说重了多少啦？听说有的重好多呢 </t>
  </si>
  <si>
    <t>我现在35周了，重了30斤呢，不过妈妈说不用担心，生完宝宝会瘦的，如果现在太顾及自己的形象，宝宝营养不良，就麻烦了。现在宝宝最重要，别的管不了那么多了，哈哈！</t>
  </si>
  <si>
    <t xml:space="preserve">出生三周孔雀鱼和出生一周黑玛丽，之前一直很好没有死亡，四天前出现? </t>
  </si>
  <si>
    <t>从您的介绍中，水质、食物、水温都合适。据我分析，出问题的原因应有两个方面：1。幼鱼对水温和水质的变化比成鱼敏感得多，您每天一次换水1/3太多，这对成鱼来说没有问题，它们能够适应，而幼鱼就不是这样，换水后的水质，还有水温的波动就过大了，结果就极易得病，如感冒、缩尾等病。2。缸中除了幼鱼苗外，还有成鱼、水草，它们都需要氧气来维持，（莫丝夜间吸收氧气）活虫水虱也依赖氧气，这么一来，氧气就十分缺乏了，特别是在夜间，缺氧情况更严重，也最容易在这个时间段死鱼。从您所说幼鱼苗都扎在角落水面，充氧就显得好些，就充分说明是缺氧引起的。通常供氧泵是不能关闭的，尤其是有夜间更不能关的。改善的方法有：一是将部分大鱼移走，以减少供氧的压力；二是供氧泵及过滤机要连续工作，不能时开时关，使中的供氧平稳、充足；三是减少一次换水量，如减至最多1/4，新水和缸中水温度不能超过两度；四是控制每次喂食量要少，约在3分钟内吃完，不留残食在缸中，可一天喂多次，即少喂多餐。阴雨天、夜晚更要少喂。</t>
  </si>
  <si>
    <t xml:space="preserve">下载的压缩文件不能解压怎么办 </t>
  </si>
  <si>
    <t>你的机子上如果装了RAR软件还不能解压的话那就是1、下载过程中出错了，重新下载2、经过多个站点的多次下载还不能解压的话这个文件不是标准的RAR格式，你再用ZIP是试</t>
  </si>
  <si>
    <t xml:space="preserve">大学生需要高中毕业证吗？ </t>
  </si>
  <si>
    <t xml:space="preserve">如果 有了 大学毕业证    那么 高中毕业证就只有纪念意义了 </t>
  </si>
  <si>
    <t xml:space="preserve">水瓶座女孩和处女座男孩的缘分水瓶座女孩和处女座男孩恋爱会不会好相 </t>
  </si>
  <si>
    <t>我的初恋男友是处女座，他跟我分了手，我用二年的时间来疗伤，二年后他又来找我，我拒绝了，发现他并不值得我去爱，我是瓶子，我现在男友是狮子</t>
  </si>
  <si>
    <t xml:space="preserve">痛经怎么办？我每次来经肚子都很痛/有什么办法啊？它会影响生活吗？ </t>
  </si>
  <si>
    <t xml:space="preserve"> 我一般就是拿个热水袋浮在肚子上面 .   那样会比较好点.要不喝点胡椒水.</t>
  </si>
  <si>
    <t xml:space="preserve">郁闷~我们是不是被天2给涮了吧？只有私服才会出现这样的问题真是在 </t>
  </si>
  <si>
    <t>中午12点30以后确实是能登陆进去了 我是12点40进去的 后来掉了次 5分钟左右就进去了 一直到下午4点多的时候不知道什么原因一下子跳到桌面了就再也进不去了现在我得到的消息是登陆窗口出现故障了 中午2点以前的进去就算进去了 在这以后就再也进不去了 只要从游戏里退出来的就进不去了 确切能进的时间谁都不知道呢不要看完了不记得采纳我的意见啊！！！</t>
  </si>
  <si>
    <t xml:space="preserve">help丁三稀是C4H4的一种异构体，丁三稀有没有共轭π键？若有 </t>
  </si>
  <si>
    <t>有；16个电子组成；关于杂化类型，共面问题，分子点群，偶极距和旋光性，你最好去看看现在大一的《普通》下面资料来源 所谓分子结构通常包括下面一些内容：分子 中直接相邻的原子间的强相互作用力，即化学键问题，分子的空间构型问题；分子之间还有一种弱的相互作用力，即分子间力问题；此外分子间或分子内的一些原子间还可能形成氢键。本节主要简介杂化轨道理论，有关氢键的问题留在下一节讨论。一、化学键的概念分子或晶体中相邻原子间强烈的相互作用力称为化学键。化学键的基本类型有：离子键（电价键）、共价键、配价键和金属键等。以阳离子和阴离子之间静电引力形成 的化学键 叫离子 键。分子中原子间通过共用电子对所形成的化学键为共价键。配价键是一种特殊的共价键，其共用电子对是一个原子单独提供的。这种由一个原子单独提供一对电子与另一个原子共用所形成的共价键，叫配位共价键，简称配价键 。自1916年路易斯提出经典的共价键 理论以来，共价键理论有了很大的发展。现代共价键理论有两种，一是价键理论，二是分子轨道理论。本书不介绍轨道理论。（一）价键理论的基本要点价键理论，又称电子配对法，其基本要点如下：1.具有自旋相反的未成对电子的两个原子相互接近，可以形成稳定的共价键。如果A、B两个原子各有一个自旋相反的未成对的电子，那么这两个未成对电子可以相互配对形成稳定的共价键，这对电子为A、B两原子所共有。如果A、B各有两个或三个未成对的电子，则自旋相反的单电子可两两配对形成共价键或叁键。如果A原子有两个未成对电子，B原子有一个未成对电子，那么一个A原子能与两个B原子结合形成AB2型分子。2．原子中未成对的电子数等于原子 所能形成的共价键数目。共价键是由成键原子中自旋相反 的未成对电子配对形成的。一个原子的一个电子和另一个原子的一个电子配对以后，不能再和第二个电子配对。因为这时其中必有两个电子的自旋方向相同而相斥。也就是说一个原子所能形成共价键的数目是一定的。原子中未成对的电子数等于原子所能形成的共价键数目，这就是共键价的饱和性。例如，H原子只有一个未成对电子，它和另一个H原子的未成对电子配对后，就不能再与第二个H原子的电子配对了。3. 成键电子的电子云重叠越多，核间电子子云密度越大，形成的共价键越牢固。共价键的生成是由于自旋相反的单电子相互配对，电子云重叠的结果。因此，当两个原子形成分子时，电子云重叠的程度越大，则两原子间的电子云密度越大，生成的共价键越牢固，所以，在形成共价键时，电子云总是尽可能达到晨大程度的重叠，这叫电子云最大重叠原理。根据电子云最大重叠原理，在形成共价键时，原子间总是尽可能沿着电子云最大重叠方向成键。s电子云呈球形对称分布，p、d、f电子云在空间都有一定的伸展方向。在形成共价键时，除了s电子云和s电子云可以在任何方向上都能达到最大程度的重叠外，p、d电子云的重叠，只有在一定方向上才能使电子云有最大程度的重叠。即共价键是有方向性的。例如，当氢原子1s电子云和氯原子的3p电子云重叠形成HCL分子时，氢原子的1s电子云总是沿着氯原子未成对电子的3p电子云对称轴方向作最大程度的重叠（图4-9（a））。其他方向都不能形成稳定的分子（图4-9（b）（c））。 图4-9　氢原子的1s电子云与氧原子的3Pχ电子云的三种重叠情况（二）共价键的类型共价键有两种成键方式。一种是电子云以：“头碰头”方式相重叠，电子云及重叠部分沿键轴（两核间连线）呈圆柱形对称分布，重叠部分绕轴旋转任何角度形状不会改变，这种键叫σ键。另一种是成键的两个电子云的对称轴相平行，以“肩并肩”方式相重叠，电子云重叠部分对通过键 轴的一个平面具有对称性，这种键称为π键。例如在N2分子中，氮原子的电子层结构为1s22s22p1x2p1y2p1z三个未成对的p电子分占三个互相垂直的p轨道。当两个氮原子结合成N2分子时， px电子云沿x轴方向以“头碰头”方式重叠形成一个σ键，每个原子剩下的两个p电子云不能再沿x轴方向“头碰头”重叠，只能让p电子云的对称轴平行，以“肩并肩”方式重叠形成两个π键。如图4-10。 图4-10 N2分子形成示意图由于σ键电子云重叠程度较π键大，因而σ键比π键牢固。一般来说，π键容易断开，化学活泼性较强。π键不能单独存在，只能与σ键共存于具有双键或叁键的分子中。σ键不易断开，是构成分子的骨架，可单独存在于两原子间。通常在以共价键结合的两原子间只能有一个σ键。二、杂化轨道理论价键理论比较简明地阐明了共价键的本质，共价键的饱和性和方向性。但在解释分子的空间结构方面却遇到了困难。例如，经实验测知，甲烷分子具有正四面体的空间构型，如图4-11所示。图中实线代表C-H键，虚线表示CH4分子具有正四面体的空间构型。碳原子位于四面体的中心，与四个氢原子形成 四个等同的C-H键，指向四面体的顶点，两个C-H键间夹角（＜HCH）为109°28’。图4-11　CH４分子构型碳原子的外层电子构型是2s22p1x2p1y有两个未成对的p电子，按照价键理论，碳只能与两个氢原子形成两个共价键。如果考虑将碳原子的一个2s电子激发到2p空轨道上去，则碳原子有四个未成对电子（一个s电子和三个p电子），可与四个氢原子的1s电子配对形成四个C-H键。从能量观点上看，2s电子激发到2p轨道所需要的能量（402kJ·mol-1）可能被多形成两个C-H键所放出的能量（ l-1）所补偿而余。由于碳原子的2s电子和2p电子的能量不同，形成的四个C-H键也应当不同，这与实验事实不符。为了解决这个矛盾，1931年鲍林（Pauling）和斯莱脱（Slater）提出了杂化轨道理论，进一步发展和丰富了现代价键理论。 （一）杂化轨道理论的基本要要点1．在成键过程中，由于原子间的相互影响，同一原子中参加成键的几个能量相近的原子轨道可以进行混合，重新分配能量和空间方向,组成数目相等的新原子轨道。这种轨道重新组合的过程称为轨道杂化，简称杂化。所组成的新原子轨道叫做杂化轨道。2．杂化轨道之间互相排斥，力图在空间取得最大的键角，使体系能量降低。原子轨道杂化以后所形成的杂化轨道更有利于成键。因为杂化后原子轨道的开头发生了变化，如s轨道和p轨道杂化形成的杂化轨道，使本来平分在对称两个方向上的p轨道比较 集中在一个方向上，变成一头大一头小，成键时在较大一头重叠，有利于最大重叠。因此杂化轨道的成键能力比单纯轨道的成键能力强。 （二）杂化轨道类型根据原子轨道的种类和数目不同，可以组成不同类型的杂化轨道。这里我们只介绍s轨道和p轨道之间 的杂化。1．Sp杂化一个s轨道和一个p轨道杂化可组成两个sp杂化轨道。每个sp杂化轨道各含有1/2s和1/2p成分。两个杂化轨道夹角为180°。两个sp杂化轨道的对称轴在同一条直线上，只是方向相反（图4-12）。因此sp杂化轨道又叫直线形杂化轨道。 图　4-12 sp杂化轨道的形成气态BeCL2是直线形分子，铍原子的电子层结构为1s22s2，似乎不会形成共价键。但实际上铍可与氯气反应生成BeCL2共价分子。根据杂化轨道理论，铍原子成键时，2s轨道上的一个电子先被激发到一个空的2p轨道上去，然后由含有一个未成对电子的2s轨道和2p轨道进行sp杂化形成能量相等夹角为180°的两个sp杂化轨道。两个杂化轨道再分别与两个氯原子的3p轨道重叠，形成两个互为180°的Be-Cl键，它们是（sp-p）σ键。因此BeCL2是直线形分子（图4-13）。 图4-13   BeCL2分子型2．sp2杂化一个s轨道和两个p轨道杂化可组成三个sp2杂化轨道。每个sp2杂化轨道有1/3s成分，2/3p成分。两个sp2杂化轨道间的夹角120°。三个sp2杂化轨道的取向是指向平面三角形的三个顶角，因此sp2杂化轨道又叫平面三角形杂化轨道（图4-14）。图4-14 三个sp２杂化轨道BF3是平面三角形分子。硼原子的价电子结构为2s22p1。当硼与氟反应时，硼原子2s轨道上的一个电子先激发到空的2p轨道上去，然后一个2s轨道和两个2p轨道进行sp2杂化形成三个夹角为120°的sp2杂化轨道。每个sp2杂化轨道与F原子的一个2p轨道重叠组成一个（sp2-p）σ键。BG3是平面三角形结构。分子中四个原子处在同一平面上，B原子位于中心（图4-15）。 　　　　图4-15 BF分子构成　　　　　　　图4-16四个sp杂化轨道3．sp3杂化一个s轨道和三个p轨道杂化形成四个sp3杂化轨道，每个sp3杂化轨道含有1/4s和3/4p成分。每两个杂化轨道间的夹角为109°28’。四个sp3杂化轨道的取向是指向正四面体的四个顶角。所以sp3杂化轨道也称正四面体杂化轨道（图4-16）。在形成CH4分子时，碳原子的一个2s电子先激发到空的2p轨道上去然后一个2s轨道和三个2p轨道杂化组成四个等同的sp3杂化轨道。四个氢原子的1s轨道分别同碳原子的四个sp3杂化轨道重叠，组成四个（sp3-p）σ键，形成CH4分子。丁三烯中 4 个 H 原子是共面的，根据立体构象中符合商值最小；如果考虑分子立体结构，有4种异构体，见《有机化学》一书，否则有2；分子点群我不太清楚；偶极距为0因为它们是非极性分子，没有旋光性；以上知识在大学的化学书 上有你的每一个问题都是单一的一章。内容非常多的哦！</t>
  </si>
  <si>
    <t xml:space="preserve">发邮件中的“抄送”和“密送”是什么意思？ </t>
  </si>
  <si>
    <t xml:space="preserve">这是我回答过的一个类似问题的答案，你可以参考一下。比如你的收件人是若干人，你可以都填在收件人里面。如果你的信是发给一个（或几个人），另外想让一些人也知道这封信，就把他们填到“抄送”里面。如果你选了密送选项，那么收到信的人不能看到你这封信都给谁发过。如果不选密送，那么所有受件人都能看到你这信都发给谁了。有不明白的地方可以给我写信 qiuyesuifengmg@ </t>
  </si>
  <si>
    <t xml:space="preserve">关于银联5173的网上交易我可不可以用银联的卡在网上进行交易？怎 </t>
  </si>
  <si>
    <t xml:space="preserve">可以的..楼主..只要你的银联卡已开通了网银功能..就可用来在网上购买东西了..在网上购买东西..需要选择安全的支付方式..网上买东西有以下几种支付方式:1. 用网银卡直接支付(安全系数低)2. 用支付宝支付(属于第三方支付系统..安全系数高..推荐)3. 用财富通支付(属于第三方支付系统..安全系数高)4. 银行电汇(偶米使用过该功能)5. 邮局汇款(比较麻烦)所以小米推荐楼主先去"淘宝网"注册一个支付宝的帐号..以后不管楼主去哪里买东西..只需要选择"用支付宝支付"这个选项..然后按提示操作..就可在网上安全的了以5173购买装备为例..用网银卡和支付宝购买物品的流程如下,供楼主参考..在5173上有2种交易方式的卖家(担保卖家和寄售卖家)..担保卖家的商品注册和出售信息，都是经5173严格审核和筛选的，所购买的物品是由专业交易客服亲手交给你；寄售卖家的商品是由5173入库保存，在楼主支付成功后的第一时间受到商品。 选择哪种交易方式，看楼主自己喜欢了，偶使用的是担保交易方式，偶需要提醒楼主的是，交易过程中还是有一定风险的，在5173上买装备被骗的人也不少，建议还是到游戏中的市场上，用游戏B购买摆摊店中的装备最为安全..交易流程如下: 首先登陆   后..注册一个5173会员号..点“我要买”。第一步：挑选您想要的商品； 第二步：填写购买订单，填写您正确资料信息确认(填写信息时，会需要填写你游戏中的虚拟游戏名字，你填写的是哪个名字，取你所购买的物品时，就必须上那个名字的人物才能取到东西，所以不要胡乱填写人物名字)，确认信息无误后并提交； 第三步：支付此订单，输入您的支付密码后，系统会显示4中支付方式，您可以选择其中的一种方式给5173汇款(汇款时请精确到分，以便5173的客服查询)；..选择用支付宝支付..按照提示将网银卡的钱先支付到支付宝上..然后再用支付宝支付你所选择的商品~第四步：支付成功后会有个联系接手客服的QQ号码显示(会好几个有接手客服让您选择，您选择了几号就与几号联系)，提交订单的时候可以在页面上看到客服联系方式(使用Ctrl + C复制下你购买的东西的信息和接手客服的信息)..或者在“我的5173－我的订单”中点击“查看处理”进行查看； 第五步：联系上客服以后，把您的订单号发给客服，客服收到后会告诉您详细的地点(一般在特林格)让您上游戏接收商品。 </t>
  </si>
  <si>
    <t xml:space="preserve">600839明天的压力点将是多少.近期的趋势将是如何的 </t>
  </si>
  <si>
    <t>10.5元一带是高位平台,压力自然较大.短期应该还会小幅爬升,但应该择高控制风险.</t>
  </si>
  <si>
    <t xml:space="preserve">外贸依存度我国对外贸易依存度过高，这会带来哪些进口风险？有什么对 </t>
  </si>
  <si>
    <t xml:space="preserve">中国外贸依存度超过60% 5大建议使其“合理化”   来源：新华网/半月谈      一个国家的进口和出口总额在本国国内生产总值（GDP）中所占的比重被称为该国的外贸依存度。外贸依存度反映了一个国家经济对外贸的依赖程度和参与国际分工的程度，折射出其经济发展战略的许多构成要素，并对其国际关系产生重要的影响。统计表明，从1980年到2001年，美国、日本、印度、德国的外贸依存度大体稳定在14%～20%的范围内。同一时期，中国外贸总额却连创新高，外贸依存度从15%一路蹿升，2003年更高达60.2%，远远高于上述发达大国和发展中大国的水平。     ■中国社科院世界经济与政治研究所研究员 沈骥如     4大弊端：外贸依存度过高问题不少     如何看待中国外贸依存度如此迅速的增长呢？从积极的方面说，外贸依存度的迅速增长，首先表明中国经济参与了经济全球化进程，在当代国际分工体系中扮演了一个越来越重要的角色。其次，表明国外市场需求正在成为中国经济增长的一个重要动力。第三，中国去年向世界提供了4300多亿美元的劳动密集型产品，从世界进口了4100多亿美元的原料和技术密集型产品。这样的大进大出提高了中国和所有贸易伙伴的经济效率，形成了“中国需要世界，世界也需要中国”的密切相互依赖关系。这种关系，增进了中国与世界各国的相互了解，进一步形成了共同利益，是遏制其他大国与中国冲突和对抗的强大物质力量。     然而另一方面，中国外贸依存度增长到了今天这样的高度，如果继续快速增长下去，那么，消极因素的积累将危及我国的和平发展和可持续发展。首先，过高的外贸依存度将激发他国与中国的经贸冲突，并为“中国威胁论”提供口实。这必然恶化我国和平发展的国际环境，需要我们认真应对。     其次，过高的外贸依存度将加大中国经济所面临的国际经济和政治风险。当世界经济发生剧烈波动和国际政治出现重大事件时，中国经济将会受到事先难以预测的打击，事态严重时，甚至会影响我国独立决策的能力。     第三，过高的外贸依存度将使中国在能源和原材料等问题上“代人受过”。中国近年来的石油、铁、铜、铝矿石等原材料的进口大幅增加，成为“中国威胁论”的一个重要口实。但是，中国制成品商品出口额中的60%左右是由外资和合资企业进行的。因此，这些企业的产品最终是被美国、日本和其他进口国消费了，而外资企业为了生产这些产品进口的能源和原材料却都算在中国的账上，许多关于争夺资源、推动原料价格上涨的指责也对准了中国。     第四，在中国外贸依存度已经很高、许多产业出现了供大于求、加入了WTO后的今天，在短缺经济时期形成的吸引外资优惠政策（如低工资、低地价、税收减免和以市场换技术等政策）正在对中国的和平发展和可持续发展产生负面作用。     5大建议：如何使中国外贸依存度“合理化”     笔者认为，必须确定我国从现在到2020年外贸总额的合理增长速度，从而使我国外贸依存度控制在我国和世界都能接受的水平。按现行美元兑换人民币汇率，我国经济只有以每年6.5%的速度增长，GDP才能在2010年达到21900亿美元，2020年达到41100亿美元，这是我们的发展计划目标。据此统计，只有外贸年均增长速度保持在5%～6.5%才是可以被中国和世界所接受的、可持续发展的。然而，我国外贸总额的增长速度在2002年和2003年分别高达21.8%和31.7%，使我国的外贸依存度从2001年的44%跃升至2003年的60.2%，而且这种势头还在继续。这种趋势是不正常的，需要调整一系列政策加以纠正。如果我们不主动纠正，恐怕就要由剧烈的经济震荡来纠正了。     如何控制外贸总额和外贸依存度过快增长？首先，中资企业的出口，应按照市场经济公平竞争和WTO国民待遇的原则，逐步取消各种税收优惠（所得税减免、出口退税等）和银行贷款优惠。这样做，从长远看，将改善中国出口商品的结构，提高出口商品的档次和价格，增加企业的利润，改变大量出口资源消耗型和劳动密集型商品的旧格局。出口要走原材料消耗量较少、技术和价值含量较高的精品战略之路，这种类型的外贸才是可持续的。     其次，按照我国对WTO的承诺，尽快实现对外资企业的国民待遇原则，取消各种“超国民待遇”的优惠，通过提高外资进入中国市场的门槛来提高外资的质量。今天，中国大部分产业出现了供大于求、重复投资、出口增长过快的新问题。我国引进的5000多亿海外直接投资中，来自美国、欧盟和日本等发达国家和地区的技术含量较高的投资不到40%，而60%以上的外资是海外华人中小资本。这部分投资的特点是规模小，技术含量低。由于我国的劳动密集型商品市场已经饱和，因此这些投资所生产的产品纷纷涌向海外市场，是造成我国大量出口劳动密集型产品的重要原因。不符合我国产业政策的外资还严重干扰了我国的货币金融政策等宏观经济政策的实施和产业结构的调整。因此，对这部分资本必须加强规范和引导。     第三，加强对外资企业的经营规范和引导。应采取以下措施：外资进入中国要符合中国的产业政策和科技进步政策，继续欢迎符合我国政策要求的美国、欧盟、日本的大型跨国公司来华投资；对于海外中小资本，要鼓励他们组成投资基金或投资财团，按照我国的产业政策和科技进步政策进行投资；鼓励海外中小资本投资我国债券和证券市场，减少它们对直接生产领域和外贸领域的干扰。     第四，制订法律，根据国民经济发展所提供的可能性，逐年提高全国企业（包括外资企业）的工资水平，特别是企业工人和农民合同工的工资水平。这有三个好处：其一，提高中国出口商品的成本、价格和销售收入，遏制中国廉价商品出口的过快增长，减少国际贸易摩擦。其二，迫使中小型外资、中资企业向开发高端产品的方向发展，推动它们的兼并、联合，由此分流一部分劳动密集、资源消耗型产品到其他发展中国家。与其他发展中国家共享机会，更能体现中国和平发展的真谛。其三，增加国内消费，这是依靠内需拉动经济增长的根本保障。内需的增加将抵消出口增长减缓所带来的影响，我国经济的稳定、快速发展将建立在更加坚实的基础上。     第五，增加海外直接投资应该是今后我国对外开放政策调整的一项重要任务。中国应该大大增加在其他发展中国家的劳动密集型产业的投资，大大增加在资源生产国的资源消耗型产业的投资。这种投资，将有利于减缓中国出口过快的增长，增加有关国家对中国设备的需求，提升中国在国际分工体系中的地位。更有深远意义的是，这种投资将大大减轻中国经济发展对能源和原材料的需求，变中国“一花独放”为中国与其他发展中国家共同发展，“百花齐放”；变中国在资源问题上“代人受过”为中国与其他国家分享“共同繁荣”，中国的国际地位将因此而大大提高。过去，中国的国际收支平衡表上的海外收入主要来自贸易收入，今后，经过必要的政策调整，贸易收入的增速可能减慢，但投资收入、专利收入、劳务收入的增速将会大大加快。中国的对外开放将更加全面，中国发展的可持续性将得到更可靠的保障。 </t>
  </si>
  <si>
    <t xml:space="preserve">你是谁？你想做什么？这是一个哲学的问题。人认识自己是一件很难的事 </t>
  </si>
  <si>
    <t xml:space="preserve">    我是历史长河中不值得一提的一个组成分子，在社会上，我也只是个小人物。但我有自己独立的人格，有自己的喜怒衷乐。我们每个人的责任不就是将先人传到手中的文明一代代传下去吗？我希望能很好地用自己的努力实践完成这个责任。每次的奋斗就是自己人格完善的一个过程，我期望能用自己的人格魅力影响下一代，也影响身边的每个人，人类自身的完善，也就是古老文明的完善，不是吗？</t>
  </si>
  <si>
    <t xml:space="preserve">连续做家务两个小时,是不是也可以算是运动了.我在减肥,所以给自己 </t>
  </si>
  <si>
    <t xml:space="preserve">都是运动，但也许不算全面。节食、散步、许可的话去健身房，都是可行的控制体重或是减肥方法。我不赞成药物减肥，更不赞成速效减肥。减肥一定要在健康的前提下！我认为能控制饮食的话一定成功。实在控制不住，就专门找那些没营养的，自己能接受的食物。比方，胡萝卜，地瓜，荞麦，玉米，麸皮食品，南瓜等。任何减肥药都不能真正的奏效。任何减肥方法都需要控制饮食。只要不成为厌食症，减食不会有错。容易吸收营养的人---是个健康的人！肥胖，是健康人、有钱人的烦恼。不必烦恼，正视他，尽量解决他！控制饮食！！！！谢谢你的提问！ </t>
  </si>
  <si>
    <t xml:space="preserve">男人结婚后和老婆做爱还接吻吗？婚前倒是平常的事，但婚后就很少了， </t>
  </si>
  <si>
    <t>我的建议是：接吻还是应该进行到底！因为两人的接吻爱抚“语言”比“肢体语言”更来得沁人心脾而且通过接吻之爱抚还可以彼此互相交换两人的心声呢</t>
  </si>
  <si>
    <t xml:space="preserve">咸元平宝是什么钱币，价钱多少 </t>
  </si>
  <si>
    <t>咸平元宝是北宋宋真宗咸平年间（998~1003）铸造的铜、铁钱，有宽缘，背四出，当十大钱等数种，市价从100元到数千元/枚不等</t>
  </si>
  <si>
    <t xml:space="preserve">我现在怀孕已经第六个月了什么时候可以做四维检查？我现在是第六个月 </t>
  </si>
  <si>
    <t>您好！ 一般来说做四维超声检查宫内胎儿最好在怀孕24周左右，如果您还没有做检查，那么建议您尽早做治疗。祝您健康！</t>
  </si>
  <si>
    <t xml:space="preserve">昨晚梦到我爸爸去世了，有什么预兆啊昨天晚上梦到我父亲去世了，情景 </t>
  </si>
  <si>
    <t>·父母死亡的梦，虽令人伤心，但却是吉梦，您将获得未曾预料的幸运。 ·梦见父亲死亡 预示着父亲身体健康。从另一个角度说，这个梦境也代表你很关心你的父亲。这是个好梦，没有什么可担心的。</t>
  </si>
  <si>
    <t xml:space="preserve">我不知道是去是留我是一个离婚的女人，在我遇到他后他记下了我和我儿 </t>
  </si>
  <si>
    <t>跟他好好说说  自己一生的幸福  不要因为一时的想法而会悔一辈子啊  你有孩子  多大了啊     他呢    以后就这样一个人吗    时间    冷静的    给自己点时间    真心祝福你  朋友   能有一个新的开始  加油</t>
  </si>
  <si>
    <t xml:space="preserve">大家来秀秀自己的180,,我顺便参考下啊!! </t>
  </si>
  <si>
    <t>呵呵~~这是偶的~~献丑了！！</t>
  </si>
  <si>
    <t xml:space="preserve">8块钱，一点没浪费偶尔也有好运的时候呵呵 </t>
  </si>
  <si>
    <t>你买的时间是：18：28：58,要不中都难?健?</t>
  </si>
  <si>
    <t xml:space="preserve">怎样才能通过LF2的困难模式?谢谢 </t>
  </si>
  <si>
    <t>我不同意全用“大魔王”。因为这个游戏看到你全用大魔王，会自己增加难度的。这样在全用大魔王玩时，难度会非常大，那些小兵会一窝蜂拥出来。我建议：要7个大魔王（包括你），要1个会发“冰鸟”来补血的“小巫女”来帮助你们。注意：由于“小巫女”不听话，又只在危急的时候帮你们加血，而她自己又喜欢跑来跑去，所以你一定要去保护她，因为她的血很容易没有的，她去哪，你就去哪，只要保护着她，你们就可以通到“魔王宫殿”这个终极关了（由于这一关的敌人超多，我玩了M小时才过的，你们玩是要非常小心）</t>
  </si>
  <si>
    <t xml:space="preserve">丹莫罗有买16格背包的吗?如果有的话,找谁?在哪?多少钱啊? </t>
  </si>
  <si>
    <t>在铁炉保有玩家叫卖的,16格包包是高级裁缝做出来的.价钱大约在25--30g.以后你级别高了,有机会杀了黑龙公主的话,会有几率掉一个18格的包包的.祝你好运.</t>
  </si>
  <si>
    <t xml:space="preserve">三皇五帝都是谁？？ </t>
  </si>
  <si>
    <t>三皇五帝，是 中国 在 夏朝 以前出现在传说中的“帝王”。现在看来，他们都是部落首领，由于实力强大而成为部落联盟的领导者。基本上，无论是按照神话传说，还是史书的记载，都认为三皇所处的年代早于五帝的年代。但是不同史家对“三皇五帝”都有不同的定义。三皇有五说，五帝也有五说。 三皇 燧人 、 伏羲 、 神农 伏羲 、 女娲 、 神农 伏羲 、 祝融 、 神农 伏羲 、 神农 、 共工 伏羲 、 神农 、 黄帝 五帝 黄帝 、 颛顼 、 帝喾 、 尧 、 舜 宓戏（ 伏羲 ）、 神农 、黄帝、尧、舜 太昊 、 炎帝 、黄帝、 少昊 、颛顼 少昊、颛顼、帝喾、尧、舜 黄帝、少昊、颛顼、喾、尧</t>
  </si>
  <si>
    <t xml:space="preserve">请问奥金勇士剑与命运相比哪个好？谢谢~RT </t>
  </si>
  <si>
    <t>古书天敌好 ，我就有一个！</t>
  </si>
  <si>
    <t xml:space="preserve">婴儿脑积水妈妈心急各位你们好!我宝宝三个月时医生说我女儿患了外围 </t>
  </si>
  <si>
    <t>　外部性脑积水一词，于1917年Dandy首先提出［1］，简称EH，是指发生在早期婴儿的良性自愈性疾病，又称为假性脑积水―巨头、婴儿良性硬膜下积液、脑室外梗阻性脑积水，从本质上看EH是交通性（室外型）脑积水中一种特殊情况。患儿于2～3岁时自然消退，不留后遗症.　　头部CT诊断外部性脑积水的主要依据：（1）额区和额顶区蛛网膜下腔增宽，其他区蛛网膜下腔不宽或稍宽；（2）前部半球间裂增宽；（3）基底池主要是鞍上池增大；（4）额顶区脑沟加深增宽，其他区不增深；（5）脑室不大或有轻度扩张。外部性脑积水发生的机制还不清楚，多者认为蛛网膜颗粒吸收脑脊液功能发生障碍是导致蛛网膜下腔积液的主要因素。调查情况看，出生窒息造成脑缺氧引起毛细血管通透性增强有关。妊娠呕吐、不能进食，引起患儿维生素A、K、C缺乏造成毛细血管脆性增加，通透性增强以致引起脑血管破裂出血。因此，在分娩时注意避免产伤、窒息，当出现妊娠呕吐时注意补充足够的维生素A、K、C对避免和减少本病的发生十分重要。婴幼儿外部性脑积水是由窒息、难产、早产、外伤、感染等多种病因引起的脑发育异常.发病年龄多在2个月～14个月,主要表现为前囟饱满,头围增大.其CT表现较具特征性,可见额顶部蛛网膜下腔增宽、脑皮质沟回增深、加宽,大脑纵裂前半球增宽,基底池扩大,脑室轻度扩张等.治疗主要是对症处理,尽量减少不必要的临床干预.本病预后良好,2～3岁时可完全吸收,不留后遗症. 外部性脑积水是指颅内蛛网膜下腔的积液增多，即颅骨和大脑组织之间的一个腔隙内水的积聚过多。正常情况下，蛛网膜下腔有少量的液体，其数量由于分泌和排泄处于动态平衡下而保持恒定。但是，如果在病理情况下如脑膜炎症和蛛网膜下腔内血管炎症和出血，则会出现脑脊液分泌增多或和排出障碍而导致蛛网膜下腔液体潴留，另外，在大脑额叶萎缩或发育不良的情况下，由于大脑与颅骨之间蛛网膜下腔空隙增大，也会出现继发性液体增多。外部性脑积水不同于通常所说的先天性或炎症性脑积水，后者是指脑室内积水增多，其结果是积水压迫脑组织而出现脑萎缩，预后差，多需手术治疗。而外部性脑积水是室外型的积水，预后较好，一般不需要手术治疗。近50％的患有外部性脑积水的患儿生长发育正常，但也有约一半的小儿在其生长发育过程中出现不同程度的异常或遗留不同程度的神经系统后遗症。如较严重的有：瘫痪、智能发育落后、癫痫等，轻者有：运动发育迟缓、一过性抽搐发作、热性惊厥、言语发育落后、体重不增加、难喂养、易兴奋、易激惹、多动、注意力难集中、学习困难或障碍。但总的来说，最常见为：运动发育迟缓、言语发育迟缓、行为问题。3个月的孩子，可以通过细致的神经反射检查来判断是否出现了功能障碍或发育落后，并且进行有针对性地综合治疗。所以你最好带孩子去省一级的儿童医院神经内科或脑瘫医院做一下神经反射检查，看孩子有没有功能障碍或发育落后状况，如果没有，证明积水没有影响孩子的功能发育。如果有异常，只是注射神经生长因子是没有什么作用的，必须配合细致的，有针对性地综合治疗才有效果。如果你女儿的情况真像你说的情况,则不需治疗,因为有些外部性脑积水的孩子可以是正常的,但要注意追踪观察，以后会否出现语言迟缓或抽搐等。刚才看到你的留言：婴儿由于各种原因出现脑发育不良,造成脑组织与颅骨之间没能填满,但也不是真空的,是液体填充的,不同于外伤等原因造成的"脑积水".这些液体是促进脑发育的,不必治疗,观察一个时期,如一岁左右发育仍落后再治疗不迟,现在不需用药治疗,更不能做针灸按摩之类.对于此症状的检查最好的核磁共振，但是费用较高，一般ＣＴ检查，也能作出清晰判断！我建议你还是带孩子作一个详细的检查，因为有些疾病是发现的早，治疗的早，愈后的效果也最好，为了宝宝的未来独立生活能力的保障，为了驱除你心中的一份担忧，及早的给孩子作一个检查，让孩子生活与妈妈心情在质量上有一个百分之百的安全放心保障！妈妈的爱是宝宝化解一切困难的力量！让科学给你一个准确的答案！</t>
  </si>
  <si>
    <t xml:space="preserve">老年女性尿频如何治啊老母亲80多岁,近二年尿频(偶尔尿失禁),夜 </t>
  </si>
  <si>
    <t>老年女性的尿感是可以不用治疗的</t>
  </si>
  <si>
    <t xml:space="preserve">鸡蛋有几种做法，那种做法最营养 </t>
  </si>
  <si>
    <t>你喜欢吃怎么样做的鸡蛋，就吃怎么样的，开开心心吃的东西是最有利于营养吸收的．要是不喜欢那样吃，强迫自己吃，营养也吸收不了，再有营养的东西也变得没有营养了，是不是呢？？？</t>
  </si>
  <si>
    <t xml:space="preserve">帮忙翻译一段话从日文到中文そうまた始まった。病?荬?私の恋人は </t>
  </si>
  <si>
    <t>是的，又开始生病了。 我的恋人很擅长交友。 现在我知道的就有4位。 一个是后辈； 一个是在研讨会上遇到的； 一个是出差的时候遇到的酒馆的女招待； 一个是公司同事介绍的 难道不觉得过多吗？ 在我拼命工作的时候他只顾到处玩。 而且最不能容忍是 撒谎。 一直是这样的。 我们相处就始于说谎，所以这也算是相互的默许吧。 我容忍到什么程度才好呢？ 装着什么也不知道的就行了？ 为什么要付出这么多的牺牲？对此我有疑问。 本不应该在此（位置）存在，但是我却想要操心。 这样持续下去相互的心肯定会越离越远的。 迄今为止是如此，但是我讨厌今后还是如此。 他说不想让我受伤才和我在一起的， 结果还是一样呀。 我想和心中只有我一个人的人在一起。</t>
  </si>
  <si>
    <t xml:space="preserve">英语问题（初一）改写句子，每空一词。Whendoeshegoto </t>
  </si>
  <si>
    <t xml:space="preserve">When does he ( go ) ( to ) ( the ) ( cinema / theatre)? </t>
  </si>
  <si>
    <t xml:space="preserve">1个巨人士兵需要多少精灵弓手才能杀死 </t>
  </si>
  <si>
    <t>如果要想一个都不死的话要16个 必须要16个 否则那么低的肉搏  弓手会全挂 的</t>
  </si>
  <si>
    <t xml:space="preserve">机构认证需要提交什么资料啊？为什么每次都说我不通过？ </t>
  </si>
  <si>
    <t>建议提交完整真实的资料，如个人职业认证，最好能够提供工作证，企业营业执照，和本人身份证等。</t>
  </si>
  <si>
    <t xml:space="preserve">HP2100笔记本电脑求助!我有一台HP2100笔记本电脑,但是 </t>
  </si>
  <si>
    <t xml:space="preserve">你的光驱有问题吗？声卡驱动没有装好，你的笔记本是集成的声卡吗？再重装一下吧？北京的朋友你可以咨询：010-62981359或是 </t>
  </si>
  <si>
    <t xml:space="preserve">老年人睡眠不好怎么治疗? </t>
  </si>
  <si>
    <t>老年人睡眠不好，是因为人体整体健康水平的下降，所以想要改善，应该让他补充整体的营养，增加血气水平，就能改善！</t>
  </si>
  <si>
    <t xml:space="preserve">韩语好学不?国内有哪些好的培训机构？ </t>
  </si>
  <si>
    <t>吉林朝鲜族的是讲朝鲜语吧。朝鲜语和韩语是有区别的。我学了一点点皮毛韩语，我们老师说韩语入门不算难，不过越学到后面会越难。关键是看你学韩语有什么用途了。世上无难事，只怕有心人。</t>
  </si>
  <si>
    <t xml:space="preserve">怎么才能不丢自行车?现在自行车太容易被偷了!买的车锁跟纸糊的似的 </t>
  </si>
  <si>
    <t>一般加把链子锁会好些，出去可以套在固定杆上，另外建议你自行车一定不要洗，显的越旧越好！能骑就行，代步工具嘛。停时也尽量放在显眼的地方，如大门口，或者交警亭旁，万一被偷了，别嫌麻烦，去报个案，那怕百分之一的希望，有总比没的强！不瞒你说，我骑了十你年了，就只被偷过一辆！</t>
  </si>
  <si>
    <t xml:space="preserve">电脑开机密码如何修改？我的系统是98，是开机时未出现界面时的密码 </t>
  </si>
  <si>
    <t>在控制面板中点"用户账户",然后选择你使用的那个用户,再点创建密码就好了.</t>
  </si>
  <si>
    <t xml:space="preserve">我想买一台联想6399元山东专供的电脑，显示器是液晶的，我想知道? </t>
  </si>
  <si>
    <t xml:space="preserve">　　按其工作原理分许多类型，比较常见的是阴极射线管显示器（CRT）、液晶显示器（LCD）、等离子体显示器（PDP）和真空荧光显示器（VFD）等，这里主要是介绍液晶显示器。由于液晶显示器的技术原理与传统的CRT显示器大相径庭，其标称方法和标称值也与人们熟悉的CRT显示器不同。 　　那么如何来识别液晶显示器的技术参数呢？ 　　准备知识ＬＣＤ（ＬｉｑｕｉｄＣｒｙｓｔａｌＤｉｓｐｌａｙ）液晶显示器的工作原理与传统ＣＲＴ显示器完全不同。它最基本的显示组件是液晶材料。通俗地说液晶显示器就是两块玻璃中间夹了一层（或多层）液晶材料，玻璃后面有几根灯管持续发光，液晶材料在信号控制下改变自己的透光状态，于是你就能在玻璃面板前看到图像了。 　　点距和可视面积液晶显示器的点距是指组成液晶显示屏的每个像素点之间的间隔大小，目前主流１５英寸液晶显示器产品的标准点距一般为０．２９７毫米，对应的分辨率为１０２４×７６８。 　　液晶显示器的可视面积是“实实在在”的，大体上有这样一个参照：１５英寸液晶显示器的可视面积接近１７英寸的ＣＲＴ显示器。 　　屏幕坏点屏幕坏点最常见的就是白点或者黑点。黑点的鉴别方法是将整个屏幕调成白屏，那黑点就无处藏身了；白点则正好相反，将屏幕调成黑屏，白点也就会现出原形。通常一般坏点不超过３个的显示屏也能算合格出厂，但价格和没有坏点的相差很大。因此用户在选购液晶显示器的时候一定要注意挑选没有坏点的产品。如果看不出什么白点黑点坏点，那只能选择品质比较有保证的大品牌了。 　　亮度显示器亮度一般以ｃｄ／ｍ２（流明每平方米）为单位，亮度越高，显示器对周围环境的抗干扰能力就越强，显示效果显得更明亮。此参数至少要达到２００ｃｄ／ｍ２，最好在２５０ｃｄ／ｍ２以上。 　　而ＣＲＴ显示器的亮度越高，它的辐射就越大，而液晶显示器的亮度是通过荧光管的背光来获得，所以对人体不存在负面影响。 　　对比度对比度是指在规定的照明条件和观察条件下，显示器亮区与暗区的亮度之比。对比度是直接体现该液晶显示器能否体现丰富色阶的参数，对比度越高，还原的画面层次感就越好。目前液晶显示器的标称为２５０∶１或者３００∶１，高档产品在４００∶１或５００∶１。 　　这里要说明的是，对比度必须与亮度配合才能产生最好的显示效果。 　　可视角度液晶显示器属于背光型显示器件，其发出的光由液晶模块背后的背光灯提供，这必然导致液晶显示器只有一个最佳的欣赏角度———正视。当你从其他角度观看时，由于背光可以穿透旁边的像素而进入人眼，就会造成颜色的失真，不失真的范围就是液晶显示器的可视角度。液晶显示器的视角还分为水平视角和垂直视角，水平视角一般大于垂直视角。目前来看，只要在水平视角上达到１２０度就可以满足大多数用户的应用需求了。 　　响应时间响应时间指的是ＬＣＤ显示器对于输入信号的反应速度，也就是液晶由暗转亮或者是由亮转暗的反应时间。一般来说分为两个部分：Ｔｒ（上升时间）、Ｔｆ（下降时间），而我们所说的响应时间指的就是两者之和，响应时间越小越好，如果超过４０毫秒，就会出现运动图像的迟滞现象。目前液晶显示器的标准响应时间大部分在２５毫秒左右，不过也有少数机种可达到１６毫秒。  </t>
  </si>
  <si>
    <t xml:space="preserve">现在学什么技术好？我是一名初中生，没有考上高中自己又不想去买来读 </t>
  </si>
  <si>
    <t>找个职业学校学一门手艺。现在中国最缺少技术工人，不是工程师。技术工人讲的是经验和技巧。好的技工（技师）待遇也是相当优厚的，因为他们有他人不可替代的作用。你这么年轻就进入一个行业，前途无量。认准一个有技术含量的事情，一直做下去。朝三暮四最后什么都没有。祝你成功。</t>
  </si>
  <si>
    <t xml:space="preserve">狗狗有智障么？我们家狗狗四个月了，还听不懂自己的名字。每次和他玩 </t>
  </si>
  <si>
    <t>不能说是智障，只是反映慢而已</t>
  </si>
  <si>
    <t xml:space="preserve">解答下鬼王75的法宝在哪搞啊,做任务得还是必须买啊 </t>
  </si>
  <si>
    <t>普通的门派法宝可以在NPC那里购买  买过来大多是宝器，特殊的如山河扇，万毒鼎就得通过其他途径来获得了！</t>
  </si>
  <si>
    <t xml:space="preserve">请问在莆田能买到护肘活筋贴吗？看着这个护肘活筋贴对治疗网球肘的效 </t>
  </si>
  <si>
    <t>莆田的药店买不到的，这个得从网上购买，或者是去易齐堂医馆，易齐堂为了方便距离远的患者，已经开了网上销售店铺，希望我的回答能帮助到您。</t>
  </si>
  <si>
    <t xml:space="preserve">如何讨一个并不喜欢自己的女孩的欢心 </t>
  </si>
  <si>
    <t>不求回报的关心她脸皮厚点双鱼座的男生  就超级会 关心人让人 受不了像 爸爸 关心 女儿 一样</t>
  </si>
  <si>
    <t xml:space="preserve">懂电脑的来看看我打开游戏界面选择好区以后。点开始游戏后显示已是最 </t>
  </si>
  <si>
    <t>多是显卡的关系1 看下显卡和主板接触是否良好 2 把屏幕分辨率和屏幕刷新频率调低些 3 更新显卡驱动 4 机箱内部除灰 5 电源是否正常6 软件冲突</t>
  </si>
  <si>
    <t xml:space="preserve">网上购物要注意什么？想在“淘宝”或“易趣”上购买数码类产品，请问 </t>
  </si>
  <si>
    <t>想在“淘宝”或“易趣”上购买数码类产品，请问我该注意些什么？那上面的货品的质量有没有保障？怎样分辨商家的信誉？一般那上面的报价还有没有还价的空间？竞价商品有何技巧？请高手帮我详细解答，并有高分相赠！多谢！！！我来帮你：我在易趣上已经购买了万元左右的东西了。只有一次上当——损失了3000元。但是我认为易趣上好的卖家还占多数。在易趣买东西，首先要搜索你要买的物品的型号，来个市场调查，选信誉度高，销量大的卖家。数码产品，一般至少要得到过200个以上的好评，而且一定要看他销售数码产品的记录和评价，千万注意信誉度高的可能是他买东西得到好评呢，而且也可能是卖小商品得到的好评，那就不可信了。报价还有非常小的商量空间，当然也有注明不再讲价的。竞价的好处不大，因为很多情况是：你拍到便宜货，但是人家说没有货了。参考阿弥陀佛。</t>
  </si>
  <si>
    <t xml:space="preserve">男友伤我太深,忽然有种对他心死的感觉男友伤我太深,忽然对他有种心 </t>
  </si>
  <si>
    <t>嗯，感情是需要发泄的，说出来大家看到了，给你些安慰和建议，肯定好受些。送你一首钢琴曲吧，很短小的，听听看：  刚才那个链接不对，改了一下，这个对了。哦，是吗，我这里其实两个都能打开的。要不你用下载工具把它下载下来再听吧。肯定可以下载的，我都试过。再贴另外一个地址吧，曲子是一样的： 别人的话都只能看看，作为参考。路怎么走还看你自己。要对自己有信心。</t>
  </si>
  <si>
    <t xml:space="preserve">为什么我最近提的问题不在“我的提问情况一览”上？最近提了一些问题 </t>
  </si>
  <si>
    <t>我最近也有几次,可能是系统升级还不够稳定。</t>
  </si>
  <si>
    <t xml:space="preserve">宝宝嗓子一直发炎！宝宝从3个月的时候嗓子就经常发炎，到现在已经1 </t>
  </si>
  <si>
    <t>多喝水。复方瓜子金颗粒你可以试试。我觉得要注意饮食卫生，经常性的复发又不发烧一般是爱哭。从饮食上找问题，喝牛奶时水跟不上也会引起嗓子经常发炎。</t>
  </si>
  <si>
    <t xml:space="preserve">哪个学校的法学比较好？ </t>
  </si>
  <si>
    <t>中国大学研究生院法学 A等学校 　　排名 校名 等级 　　1 北京大学 A++　　2 中国人民大学 A++　　3 武汉大学 A++　　4 中国政法大学 A+　　5 清华大学 A+　　6 复旦大学 A+　　7 吉林大学 A　　8 西南政法大学 A　　9 中南财经政法大学 A　　10 浙江大学 A　　11 厦门大学 A　　12 中山大学 A　　13 华东政法学院A　　14 南京大学 A    中国大学研究生院法学九个二级学科排名   一、法学理论 　　1 吉林大学 A++　　2 北京大学 A++　　3 中国人民大学 A++　　4 西南政法大学 A+　　5 中国政法大学 A　　6 山东大学 A　　7 南京师范大学 A　　8 浙江大学 A　　9 中南财经政法大学 A　　10武汉大学 B+　　11华东政法学院 B+　　12厦门大学 B+　　13中山大学 B+　二、史 　　1 中国政法大学 A++　　2 中国人民大学 A++　　3 华东政法学院 A+　　4 中南财经政法大学 A　　5北京大学 B+　　6西南政法大学 B+　三、宪法学与行政法学 　　1 武汉大学 A++　　2 浙江大学 A++　　3 北京大学 A++　　4 中国人民大学 A+　　5 中国政法大学 A　　6 中南财经政法大学 A　　7 苏州大学 A　　8西南政法大学 B+　　109华东政法学院 B+　　11厦门大学 B+　　12吉林大学 B+　　13上海交通大学 B+　　14郑州大学 B+　　15山东大学 B+　　16南京师范大学 B+　四、刑法学 　　1 北京大学 A++　　2 中国人民大学 A++　　3 武汉大学 A+　　4 中国政法大学 A　　5 华东政法学院 A　　6吉林大学 B+　　7西南政法大学 B+　　8中南财经政法大学 B+　　9厦门大学 B+　五、民商法学 　　1 清华大学 A++　　2 中国人民大学 A++　　3 中南财经政法大学 A+　　4 中国政法大学 A　　5 武汉大学 A　　6 西南政法大学 A　　7 厦门大学 A　　8北京大学 B+　　9吉林大学 B+　　10华东政法学院 B+　　11黑龙江大学 B+　　12复旦大学 B+　　13山东大学 B+　　14南京师范大学 B+　　15对外经济贸易大学 B+　六、诉讼法学 　　1 中国政法大学 A++　　2 中国人民大学 A++　　3 西南政法大学 A+　　4 湘潭大学 A　　5 北京大学 A　　6 中国人民公安大学 A　　7 南京师范大学 A　　8四川大学 B+　　9中南财经政法大学 B+　　10华东政法学院 B+　　11武汉大学 B+　　12厦门大学 B+　　13吉林大学 B+　七、经济法学 　　1 西南政法大学 A++　　2 北京大学 A++　　3 南京大学 A++　　4 中国人民大学 A+　　5 华东政法学院 A　　6 中国政法大学 A　　7 中南财经政法大学 A　　8 武汉大学 A　　9 湖南大学 A　　10 厦门大学 A　　11安徽大学 B+　　12吉林大学 B+　　13南京师范大学 B+　　14辽宁大学 B+　八、环境与资源保护法学 　　1 武汉大学 A++　　2 北京大学 A++　　3 中南财经政法大学 A+　　4 中国政法大学 A+　　5 中国人民大学 A　　6 华东政法学院 A　　7 西南政法大学 A　　8 厦门大学 A　　9吉林大学 B+　　10南京师范大学 B+　　11重庆大学 B+　　12福州大学 B+　　13中国海洋大学 B+　九、国际法学 　　1 武汉大学 A++　　2 厦门大学 A++　　3 北京大学 A++　　4 华东政法学院 A+　　5 复旦大学 A　　6 中国政法大学 A　　7 中国人民大学 A　　8对外经济贸易大学 B+　　9西南政法大学 B+　　10大连海事大学 B+　　11中南财经政法大学 B+　　12吉林大学 B+　　13湖南师范大学 B+　　14南京师范大学 B+ 这是关于中国大学研究生院法学的排行表，可以给予参考</t>
  </si>
  <si>
    <t xml:space="preserve">猫的尾巴有什么作用 </t>
  </si>
  <si>
    <t>猫咪的尾巴除了触觉和平衡两大重要的作用以外，我们可以通过尾巴来解析猫咪的心理状态：1、高兴、放松地打招呼--直立站定，尾巴伸直，尾巴尖端轻轻地左右摆。头上仰，眯着眼。2、想靠近你，准备撒娇--坐着，瞳孔微微放大，尾巴直立，或是轻轻地摇，一眼看了就感觉到它想要过来。3、欢迎--当你回家时，它会跑到门口坐着，缓慢而幅度很大地摇晃着尾巴表示"很高兴，你回来了，欢迎欢迎。4、好奇--用后脚站起来，耳朵朝前倾，尾巴垂下，末端轻轻地摇。5、小心，我会生气--胡须竖起，尾巴迅速地摆动，表示它觉得来着不善，下一步也许 是逃走，也许是进一步恐吓，甚至攻击。6、生气--全身压低，尾巴卷起来，双耳后压，张嘴，漏出犬牙，并且出声。7、准备出击--前低后半高，尾巴平伸，双耳超前倾，爪子全露出来。这时，快逃吧，它要攻击了。8、警戒，生气--双耳平放，身体拱起，尾巴直挺向上，全身的毛竖起。9、迷惑、或愤怒--身体底底地站着，尾巴垂下，慢慢地摇动。10、投降--耳朵垂下，尾巴卷进身子，胡须也下垂，身体缩成一团，表示服输我投降。</t>
  </si>
  <si>
    <t xml:space="preserve">我以前已经买了基金，但今天要赎回时却提示：您没有已注册网银的基金? </t>
  </si>
  <si>
    <t>不知道你买的时候是银行买还是网上银行买的，如果是银行买的可能你还没有开通网银功能，如果买时是通过网银买的话，建议你与银行联系，尽快查明原因，以防意外</t>
  </si>
  <si>
    <t xml:space="preserve">圣域传说现在还是封测阶段嘛? </t>
  </si>
  <si>
    <t>圣域传说现在还是封测阶段,要到12。29号</t>
  </si>
  <si>
    <t xml:space="preserve">在东莞本科应届毕业生的工资有多少我是05年的本科应届毕业生，现在 </t>
  </si>
  <si>
    <t>普通学生刚毕业一般都是在 1.5-2k　，　主要是要选对一家企业为以后的发展奠定一个好的基础</t>
  </si>
  <si>
    <t xml:space="preserve">好看的小说，结局要好的给位资深的小说迷有没有什么好的介绍，玄幻的 </t>
  </si>
  <si>
    <t xml:space="preserve">凤临天下：王妃13岁（完结） 强推这本。超喜欢 她，是特种雇佣兵的首领，生杀予夺，我行我素。 他，是帝国的绝色王爷，铁血冷酷，威震天下。 当现代雇佣兵，穿越时空，成为娇小的十三岁王妃。 当古代的绝色王爷，浴室之内，对上喋血的利剑 谁能降伏谁？ “少打我的主意，否则别怪我不客气。” 黑暗王者之妖临天下 作者：幽冥森罗　 一个职业的杀人机器，在一次任务中因意外被枪杀，以一个婴儿的身份重生，被养父掳劫，当男子养大，一身武功诡异难测，医术出神入化，进入江湖掀起腥风血雨，她乃混元星相，亦正亦邪，正可福厚苍生，麒麟之才，邪则祸乱于世，妖临天下。六国战乱止于此女，自此，黑暗王者盛出江湖. 宁非 作者：狂言千笑 朝辞将军去，暮遇山中匪…… 下面呢？ 下面没了…… [综漫]无尽的回廊 作者：莲妖银夜 批命师所做的判词，揭示了所有的悲剧。 “你的命运是上天闲暇时的调剂，永远与平淡安稳无缘。” 时光流转，她能否得到安心栖息之所？ 请不要忘记我，请忘记我，到底哪一种，才是更深的在乎？ 九岁小妖后 作者： 那﹁抹妩媚ㄟ 色遍天下 唯恐天下不乱 作者：小鱼大心 跋涉千年 女主很强大。 一女n男。 心里承受能力较差的就不要看了。 女主很黑暗 （写简介太麻烦了。直接写名字吧。都很好看） 穿越，没有理由 穿了不悔 仙子戏凡尘 女尊（很好看） 百变郡主 嬉戏红尘 穿越之千年倾君 懒散女人 不要相信这傻子 绝色逍遥 无方少年游 就怎么多了 哈。不够可以去红袖添香看看 (刚才又找了些 看下) 《大小姐驾到》 带着里的极品装备宠物，一朝穿越，她成为陆家最不成器的大小姐。 被族人轻视，被喜爱的情人抛弃，被家里偏室暗害，她被剥夺了继承家位的权利，更被分配到边境小郡! 但此时她早不是当初那个无能的大小姐，神器神兽在手，天下有何惧也？ 她囤积兵力，聚集财富，更广交天下英豪！ 她上得山下得海，更折服了大批魔兽圣兽！ 当她以强劲的气势横扫整个大陆，谁又识得她是当初那个可笑的陆家大小姐？ 他，秦国王子，腹黑小正太，扮猪吃老虎，在一轮轮碰撞交锋中，又如何沦陷身心？ 他，恶魔之子，杀伐天下，无心无情无欲，一场争夺，几番打斗，为何他那冰封的世界 《云狂》 柳云狂，当世九大世家之一的柳家独子，楚京柳王府小王爷。翩翩公子，俊美不凡，风流天下，招蜂引蝶，是为楚京第一纨绔子弟也 可是谁知道，此等不求上进的纨绔少年，实际却是个令人惊叹的超级天才，琴棋书画诗词歌赋无一不通，更是天下间屈指可数的武道高手 谁又知道，这... 《绝色帝师红颜》 其实她一直希望有一个人可以和她逐鹿天下，并肩看天地浩大。一朝穿越，她竟然成为了云染大陆最为出色的学院帝师，与一群将来要成为帝王的男人打成了一片，但是却没有一个人知道她竟红妆，只因她冷酷傲气，自有一股帝王的威严。这是一片奇幻的大陆，有着不可思的异能和凶兽... 《九岁小妖后》 狂世轻颜；前世的她是古文化天才，是诡异的杀手绝影，今世的她武功高绝，医毒双修，为仇恨她付出了所有，不惜再次手染鲜血蜕变成魔，喋血江湖路，她走的艰难，也走的潇洒，恩怨了结，她以女子之身成就了旷世的功名，她的一生，前无古人，后无来者，一念成魔，一念成佛，她... 《一缕幽魂闯异世》 自我感觉良好的政治大学美女校花不幸发生了车祸……等她再有了意识发现自己已经成了一缕幽魂，阴差阳错之间她穿越到了一个陌生的世界...没错就是白痴！一只来历不明的神奇魔兽……一把穿越而来的半神器太极剑……一段刻骨铭心的爱恨情仇……且看白痴女主如何玩转异世大陆... 《天魔》（女主女扮男装） 女主强大睿智加腹黑，笑看天下。众人皆以为是男子的他在某一天却摇身一变成了她，刹那光芒万丈，慑人心魂。 这个世界，还有什么是真的呢？ 他瞬间杀戮万人，只为一个哑女。 他伫立苍穹之间，笑看人世浮华。 谁人懂他心？谁人能伴他左右？ 挥袖离去，原本以为什么也不会带走，却不知，原来有那么多的心遗落在了他的身上。 后来，才知，原来，他不是他，而是她！所有人眼中的他不过是个美的让人无法直视，美的让人窒息的女子！ 邪瞳》 火彤…前生血族邪瞳，转生成为火家痴儿。前世，已不堪回首。今生，生杀予夺，翻云覆雨，且看她手段如何。尔虞我诈，风起云涌，五行纷争，七国战乱。纷乱天下，压五行，平七国，纵横九界。一啸万兽奔腾，一舞九龙长吟。且看她邪瞳治世，轮回九界。【逆我者烛影风残，顺我... 《醉玲珑》 醉里红尘，淡看半生旧痕 玲珑解语，翻作一词新曲 《兰陵缭乱》 清绝感人的家仇、国恨、爱情、亲情、友情的一幕。看世事缭乱，她笑，她哭，她喜，她悲，她乐，她怒……唯一不变的，是她的心底那抹与生俱来的温情与善良，犀利地刺破黑暗，呈现着最美丽的性灵。合上那张狰狞的面具，从这一刻起，她就是—? 《傲风》 《云狂》 《兽妃》 《绝色帝师红颜》 《天纵邪狂》 《大小姐驾到》 《带着农场去异界》 《凤御万兽》 《无双》 《战神王妃》 《天纵妖娆》 《十世转生》 《驭妖》 《翻手男覆手女》 《魅惑异世》 《女武神》 《血瞳妖巫》 </t>
  </si>
  <si>
    <t xml:space="preserve">我为什么爱出汗？很少排尿 </t>
  </si>
  <si>
    <t>出汗因人而异，有的人毛孔大就比较爱出汗，还和你每天喝的水有关系，出汗多了，尿相对就少了，应该是正常的。</t>
  </si>
  <si>
    <t xml:space="preserve">诺基亚N73手机充电问题不知道为什么这两天手机老是充不进去电，提 </t>
  </si>
  <si>
    <t>如果用直充充不进的话就用万能充充一下，激活一下，这样就会恢复的。我的70电池也出现过直充充不进电的情况。</t>
  </si>
  <si>
    <t xml:space="preserve">我老婆刚怀孕2个月，可是现在反应特别大，该怎么办？ </t>
  </si>
  <si>
    <t>吃些清淡的食物，避免食用油腻的食物。可以适当吃些青菜，水果，清汤之类的，还要注意房间的通风。我当初怀孕时，只要在家吃饭，吃完饭后一会就吐了，可以在单位或是别的地方就没事。（说明：当时我家刚装修完，没办法。）一般情况下，怀孕4个月后，这种妊娠反应就会自然消失。也有一直到临产的（不过这种情况比较少见）。祝你老婆顺利度过妊娠期！愿你们的宝宝早日出生！</t>
  </si>
  <si>
    <t xml:space="preserve">请问灵芝的药用价值及如何挑选?前阵子老人家来,嘱咐要多煲灵芝水来 </t>
  </si>
  <si>
    <t>楼上的回答真是惊人。灵芝的药用价值请你查看《本草纲目》，现在灵芝的作用因为商业炒作而神化了。灵芝确实可以提高肌体的免疫力，但不能实现人体的免役调节机能，而且灵芝在促进健康细胞生长的同时，也促进了不正常细胞的生长，如癌细胞。因此，灵芝是不可以随便吃的。</t>
  </si>
  <si>
    <t xml:space="preserve">请问绩效管理和销售管理有什么区别？公司已经有详细的绩效管理机制， </t>
  </si>
  <si>
    <t>绩效管理比销售管理的面要广一些绩效管理才是对员工的全面管理考核；而销售管理只针对了销售部门销售人员，其他职能部门就考核不到了绩效管理基本上包括：业绩考核、是否遵守公司制度、人员基本素质与形象、可培养发展的潜力等业绩考核单一包括：业绩高低、市场拓展能力、客户服务质量等所以对一个公司的管理来讲：1、行政人事、财务部、品质部等部门同样需要管理考核，有平等的接受管理监督的义务，享受公司福利、奖励的权利。2、以上职能部门的管理加强可有效提高公司整体运作工作效率，与市场部互相促进3、销售部门不能单纯以业绩说话，综合评价一个市场人员的能力有助于人力资源的开发，市场人员应德才兼备，提高管理才是公司发展的“命脉”所在，否则人走了，市场就丢了。可以跟老板说：绩效管理是综合管理，全方位管理；销售管理只限于市场管理管理公司要“内外兼修”！</t>
  </si>
  <si>
    <t xml:space="preserve">电影《好奇的乔治》详细剧情是怎样的？ </t>
  </si>
  <si>
    <t xml:space="preserve">《好奇的乔治》的剧情 乔治是一只小猴子，住在非洲。他生性，可就是有一个缺点：过于好奇。 有一天，乔治看到一个人。这个人头戴黄色的大草帽，他也看到了乔治。 他想：“多么可爱的小猴呀！我要把他带回家。” 他把帽子放到地上。不用说，乔治的好奇心上来了，他从树上下来，察看这个黄色的大草帽。 那个人曾经戴着这个帽子，乔治认为戴在自己的头上准好看。他拣起帽子，戴到头上。帽子盖住了乔治的头，他什么都看不见了。那个人飞快地抱起乔治，猛地塞进口袋。乔治被抓住了。 戴黄色大草帽的人把乔治放到一条小船里，一位水手划着船，把他们两个送到了一艘大船上。乔治很伤心，可还是有些好奇。 在大船上，乔治遇到了好玩的事儿。那个人解开口袋，让乔治坐到一个小板凳上。这个人说：“乔治，我要带你到一个大城市的大动物园里，你会喜欢那里的。现在跑着玩去吧，但是不要惹麻烦。” 乔治保证要听话。可是，小猴子的记性最差了。 在甲板上，乔治发现了一些海鸥。乔治纳闷：这些鸟儿怎么会飞呢？乔治非常好奇。最后，乔治决定试一下。飞翔看起来容易，可是根本不是这么回事儿！ 开始，乔治伸开双臂，轻飘飘地从船上飞下去。 随后，乔治头朝下面，哗啦一下子栽进了海里！ “乔治去哪儿了？” 水手们到处寻找，最后他们看到乔治在水里挣扎，他几乎精疲力竭了。 “乔治落水了！”水手们喊着，扔给乔治一个救生带。乔治抓住救生带，牢牢地攥紧，终于平安地上了船。 从那以后，乔治可就乖多了，直到旅途结束都是一只听话的猴子。 乔治与好心的水手们告别，和戴黄色大草帽的人下船上岸，到了这个人居住的城市。 乔治好好地吃喝了一顿，觉得非常累，便爬上了床，立刻熟睡了。 次日清晨，那个人给动物园打电话。乔治看他打电话，特别着迷。随后，那个人出了门。 乔治的好奇心又来了，他也想打电话。1、2、3、4、5、6、7，多好玩呀！ 嘟、嘟、嘟、嘟！ 乔治拨通了消防队！ 消防队员们拿起了电话，着急地问：“喂！哪里？喂！哪里？”但是没人回答。 紧接着，他们在大地图上寻找打来电话的信号位置。他们不知道是乔治打的电话，还以为是真的火灾呢。 快！快！快！ 消防队员跳上消防车和云梯救火车。“呜――，呜――。”大家都让开了路！快！快！快！ 消防队员冲进屋子，打开了门。 根本没有火！只有一只调皮的小猴子。 “哦，抓住他，抓住他。”他们喊着。 乔治想要跑，而且差一点就逃走，就是被电话线给缠住了。结果，一位瘦瘦的消防队员捉住他的一条胳膊，一位胖胖的消防队员捉住另一条胳膊。 他们说：“你敢愚弄消防部门，我们要把你关进不能干坏事的地方。” 他们把乔治带走，关进了监狱。乔治想出去，便爬上窗户，晃了晃铁栏杆。正在这时，看守进来了。看守上了木板床来抓乔治，但是看守的个子大、身体重，木床一下子翻倒，看守摔下来。乔治快如闪电，跑出了打开的房门。 他急急忙忙地出了大楼，上了楼顶。随后，乔治享受到了作为猴子的优越性：他能在电话线上走路。乔治轻巧地越过哨兵的头顶，逃出了监狱。乔治自由了！ 在监狱大墙外面的街道上，站着一个卖气球的人。一个小姑娘给她弟弟买了一个气球。乔治看到了，又感到好奇，觉得自己也一定要有一个鲜红色的气球。乔治不管不顾，上来就拿。但是乔治拿的不是一个气球，而是把所有的气球都抓过来了。一瞬间，风刮起来，吹跑了所有的气球，乔治双手抓紧，跟着气球飘上了天。 乔治向上飘啊、飘啊，越飞越高。房子看着就像玩具房子，人们就像玩具娃娃，乔治害怕了，紧紧地抓着气球不放。 开始刮的是狂风，随后风小了，最后风完全停了。乔治累坏了，向下落啊、落啊，“砰”地一声掉在交通灯的顶上。大家都吃了一惊，交通全都乱了。乔治不知所措，跟着就听到有人喊：“乔治！” 他向下看去，瞧见自己的朋友――那个戴黄色大草帽的人！乔治非常高兴，那个人也很高兴。乔治滑下了灯柱，戴黄色大草帽的人把他抱在怀里，随后向卖气球的人支付了所有气球钱。再后来，乔治和这个人上了车，最后到了动物园！ 乔治住在动物园里，成为最快乐的小猴子！ </t>
  </si>
  <si>
    <t xml:space="preserve">甲抗病的症状表现在什么地方 </t>
  </si>
  <si>
    <t xml:space="preserve"> （一）一般表现甲亢的临术表现与患者发病时的年龄、病程和激素分泌过多的程度有关。一般患者均有神经质、怕热、多汗、皮肤湿热、心悸乏力和体重减轻等。部分患者可有发热，但一般为低热。（二）甲状腺甲状腺肿大是甲亢的重要表现之一，部分患者以此为首发表现就诊。甲状腺肿大通常为弥漫性肿大，两侧对称。但右侧甲状腺略大于左侧者并不少见。在疾病早期阶段以及甲亢较重者，甲状腺质地多柔软，病史较久者或经治疗后甲状腺质地变韧。一般来说甲状腺肿大多为轻中度肿大。（三）眼部表现眼部表现是甲亢的另一重要临床表现。（1）上眼睑挛缩（2）眼裂增宽（3）上眼睑移动滞缓（4）眼睛慈祥或呈惊恐眼神（5）瞬目减少（6）向上看时，前额皮肤不能皱起（7）两眼内聚减退（8）复视（9）视物模糊（10）眶内肿胀使眼睑鼓起，严重时可使眼睑外翻膨出。（11）球结膜水肿，角膜充血或溃疡。（12）眼部异物感或疼痛（13）眼球突出（14）泪腺增大（15）视力下降（四）精神神经系统神经过敏、多言多动、紧张多虑、烦躁易怒、失眠等是甲亢的常见症状，患者常诉记忆减退、工作耐力下降等。检查会发现患者动作敏捷，兴奋多语，但注意力不集中，说话缺乏连贯性。让患者双手平伸，闭眼和伸舌时均可出现细震颤。腱反射活跃。少数可有幻觉，甚至出现躁狂或精神分裂症表现。也有少数患者寡言少语、精神抑郁，尤以老年多见。（五）心血管系统甲亢时由于甲状腺激素对心血管系统的作用，以及交感神经兴奋性增高等，常使甲亢患者有明显临床表现，心悸、气促是大部分甲亢患者的突出主诉。除此以外。还有心动过速、心律失常、心脏扩大、脉压增大等体征。（六）消化系统食欲亢进是甲亢的突出表现之一。但少数老年患者出现厌食，以致恶液质。也有少数患者呈顽固性恶心、呕吐，以致体重在短期内迅速下降。由于过多甲状腺激素的作用，使肠蠕动增加，从而使大便溏稀、次数增加。（七）肌肉骨骼系统甲亢时多数表现为肌无力和肌肉萎缩。由于神经肌肉兴奋性增高，可出现细颤，腱反射活跃和反射时间缩短等。  </t>
  </si>
  <si>
    <t xml:space="preserve">坐骑不骑的话，吃的风灵丸浪费吗？就是，我吃了风灵丸，还有十天的效 </t>
  </si>
  <si>
    <t>你不骑，风灵丸也是扣时间的，所以，有风铃时间的就坐上骑，不然浪费了！！</t>
  </si>
  <si>
    <t xml:space="preserve">我的实况7PC版速度奇慢.请问怎么解决请知道的人帮忙啊 </t>
  </si>
  <si>
    <t>呵呵！你的显卡肯定是MX440或者以下吧？这样肯定很慢！你把游戏开2倍速度会稍好一点！不过人多（几个球员抢球）的时候仍然会很慢！最好是换显卡！没说的！推荐ATI的9550</t>
  </si>
  <si>
    <t xml:space="preserve">.5买的,是不是买高了短期顶是多少?请教各位老师,谢谢了 </t>
  </si>
  <si>
    <t>600884杉杉股份，买的是有点高，不过个股走势良好，只是短期随大盘回调，耐心等待几个交易日，调整结束后继续上攻的概率还是比较大的（只要大盘不出现持续阴跌的走势）。仅供参考。</t>
  </si>
  <si>
    <t xml:space="preserve">过了追诉时效，丧失诉权的问题？过了追诉时效，民事主体丧失诉权，即 </t>
  </si>
  <si>
    <t>司法实践中，一应受理。只不过如果被告以诉讼时效提出抗辩，法院将驳回原告诉讼请求。</t>
  </si>
  <si>
    <t xml:space="preserve">大家推荐几款祛痘和祛痘痕的产品谢谢~~我是个男的李医生的产品我指 </t>
  </si>
  <si>
    <t>可能用下理肤泉的痘痘清。祛痘先用它家的青春痘洁肤?ㄠ缓笥枚欢磺逅羲詈笥枚欢磺迦橐海混疃缓塾枚欢磺寰换藁に芎茫揖驼庋模衷诤昧恕?</t>
  </si>
  <si>
    <t xml:space="preserve">3D怎么点亮 </t>
  </si>
  <si>
    <t>点亮【3D秀用户】图标的方法:①你先点你的形象下面的3D图标，进入3D官网②你一进去它会提示你下载3D控件，你点击下载，(不能下载的到  6B2873109F45EF770368BFAD1360911CBAEBFDF6下载）只有下载才可以看见3d秀③有可能你还需要登录，如果要的话你就登陆④在在最上面找“3d秀动作馆”⑤点击最上面的动作馆，里面是免费的！⑥你买一件装扮上去，在保存形象，就好了</t>
  </si>
  <si>
    <t xml:space="preserve">有关有机化学问题氯乙烯（　ＣＨ２＝ＣＨ－ＣＬ）中的Ｐ～π共轭是怎 </t>
  </si>
  <si>
    <t>你先看乙烯的π电子,然后把边上一个H换作Cl,可以发现Cl富有2个电子的Pz轨道和π分子轨道是平行(都垂直与氯乙烯作分子所在的平面)的,之间产生了P-π共轭</t>
  </si>
  <si>
    <t xml:space="preserve">搜哪位大虾能帮我想一个适合女性的涉及到狼的一个好听一点的名字或者 </t>
  </si>
  <si>
    <t>夜明狼.银尾狼.万幽狼.蓝眼狼.冰暴狼.忍影狼.诺灵狼."大致参考.自己联想.</t>
  </si>
  <si>
    <t xml:space="preserve">世界上有真正的爱情吗？我的看来世界上是没有真正的爱情的。 </t>
  </si>
  <si>
    <t>尽管物欲横流 却一直相信，人世间最大的美好是因为有爱 尽管情难独钟 却一直相信，人世间有着生死相许，缠绵刻骨专一的爱 尽管永远很远 却一直相信，人世间的真爱不老，真爱无憾</t>
  </si>
  <si>
    <t xml:space="preserve">评价下这些个天赋战士的方案一：35/5/21武器:355/5偏斜 </t>
  </si>
  <si>
    <t>本人2区3组JJ 22 2100+,33 2000+,55 2000+的战士,提出1点点个人的看法,有不同之处,恳请指正.方案一：35/5/21  我认为不好,可以改成33/5/23武器:33 5/5 偏斜 5/5 钢铁意志 2/2 强化压制 3/3 重伤 3/5 双手武器专精 2/2 穿刺 1/1 死亡之愿 5/5 (锤)类武器专精 (看武器)2/2 强化拦截 2/3 强化断筋 1/1 致死打击 2/2 复苏之风 狂暴:5 5/5 残忍 防御:23 3/3 战术掌握 2/2 血腥狂暴 5/5 坚韧 1/1 破釜沉舟 3/3 挑衅 3/3 强化复仇 3/3 强化破甲 1/1 震荡猛击 2/2 强化盾击适合33和22,个人感觉33用这个天赋最好,配置是战猎德或战法骑或战术德(萨),防御天赋21点出3个战士控制技能,复仇,震荡,强化盾击(带沉默)和保命技能破F,如果为何出血腥和坚韧都看不明白,那我也无话可说.输出的主力是另1个DPS,战士来控制1个DPS或治疗,出武器33点出致死,能有强力的输出,没有激怒瞬间伤害会弱1点，但总体上说作为辅助输出还是很好.攒怒气上断筋,堆破甲,丢震荡,换盾牌开复仇和盾击和盾反,对操作要求和大局观都很高.当然玩战士的都不喜欢辅助输出主控制,如果你是那种喜欢一直拿双手追1个职业砍到死,除了砍什么都不会,那请你用方案三,保证爽.此天赋需要操作难度高,新人不推荐.方案二:36/22/3   我认为很不好，推荐33/25/3武器:33 5/5 偏斜 5/5 钢铁意志 2/2 强化压制 3/3 重伤 3/5 双手武器专精 2/2 穿刺 1/1 死亡之愿 5/5 (锤)类武器专精 (看武器)2/2 强化拦截 2/3 强化断筋 1/1 致死打击 2/2 复苏之风 狂暴:25 5/5 震耳嗓音 5/5 残忍 1/1 刺耳怒吼 1/5 统御之力3/3 血之狂热 2/2 强化斩杀 5/5 激怒 2/2 武器掌握1/1 横扫防御:3 3/3 战术掌握 适合所有JJC,个人感觉55用这个天赋最好,原因是3点战术掌握,可以在被急火的时候切姿态盾反(需要25点怒气),适合做主要输出,多1个辅助的技能是刺耳,有激怒瞬间伤害有很大提升.比较适合休闲玩家,操作要求稍微高一点,至少会拿盾牌开反射,冲入人群开横扫和刺耳.实在不知道盾牌该放在主手还是F手的战士可以选择方案三,那个天赋只需要你追着砍.此天赋需要操作难度中，新人可尝试.方案三:36/11/14  看不懂,我只玩了2年战士,时间不长,第1次见这么+的,可以改成33/28武器:33 5/5 偏斜 5/5 钢铁意志 2/2 强化压制 3/3 重伤 3/5 双手武器专精 2/2 穿刺 1/1 死亡之愿 5/5 (锤)类武器专精 (看武器)2/2 强化拦截 2/3 强化断筋 1/1 致死打击 2/2 复苏之风 狂暴:28 5/5 震耳嗓音 5/5 残忍 1/1 刺耳怒吼 1/5 统御之力3/3 血之狂热 2/2 强化斩杀 5/5 激怒 2/2 武器掌握1/1 横扫3/5 乱舞非常经典的天赋,玩过JJC超过2个月的战士一定不会陌生,适合一切JJC,个人感觉22用这个天赋最好,适合战德和战骑(萨),不用切姿态盾反(怒气不够),基本就是追着砍,适合新人使用.美F中最流行的是我上面的3种JJC天赋,大体思路不变,个别的点可以有一点个人的想法.我不希望战士为了RAID+出一些看似防T的武器战士,打JJC就是娱乐,弄个深武器天赋(&gt;31点武器系)去RAID中当T,是不负责任的表现,真不如1身蓝装的野德.当然JJC需要有很好的团队,永远记住这个:不怕神一般的对手,就怕猪一般的队友.多打打就会有体会的,我希望你能多去实践,只通过想想而得到的天赋,往往不实用.</t>
  </si>
  <si>
    <t xml:space="preserve">元素使怎样练级？ </t>
  </si>
  <si>
    <t xml:space="preserve">52之前还是当WS打还不错 就是慢了点.宽裕的话买+n的灵活何门接铜钱任务在猎人村打拉金 49之后去象牙北打胖子和猩猩到52.52-56在青天烧胖子用蓝马56-68去迷宫打半血怪 招蓝马打豹子 高伦 和熊 熊用烧的68以后组个召唤或舞 XL包+8房52之后用QL 法和灵活圣堂 就可以用一辈子了 QL轻没QL法好 你不PK还是蓝多 回蓝快的装备好 </t>
  </si>
  <si>
    <t xml:space="preserve">为什么各种星体都是圆形的？不管恒星，行星，为什么都是圆形的。 </t>
  </si>
  <si>
    <t xml:space="preserve">要 回 答 这 个 问 题 ， 我 们 首 先 要 介 绍 万 有 引 力 的 现 象 。 　　　物 理 学 家  顿 发 现 ， 所 有 物 质 都 有 相 互 的 吸 引 力 ， 叫 作 万 有 引 力 或 重 力 。 这吸 引 力 和 物 质 的 质 量 及 距 离 有 简 单 的 关 系 ： 物 质 愈 多 ， 质 量 愈 大 ， 吸 引 力 就愈 大 ； 而 物 质 之 间 的 距 离 愈 近 ， 引 力 亦 愈 大 。 即 使 是 两 个 人 之 间 ， 也 有 引 力； 当 人 处 身 於 重 力 极 小 的 太 空 ， 人 与 人 之 间 的 引 力 便 会 将 大 家 的 身 体 拉 近 ；两 个 大 胖 子 的 引 力 就 比 同 样 距 离 的 两 位 小 朋 友 大 。 万 有 引 力 支 配 著 宇 宙 内 各星 体 的 运 动 。 比 如 说 月 球 围 绕 著 地 球 转 ， 就 是 月 球 和 地 球 之 间 的 万 有 引 力 造 成 。 　　　每 个 行 星 都 包 含 很 多 物 质 ， 例 如 地 球 ， 把 它 的 质 量 以 公 斤 写 出 来 ， 就 要 在 ６ 之 後 加 上 廿 四 个 零 ！ 而 在 宇 宙 中 ， 地 球 只 是 一 颗 比 较 小 的 行 星 哩 。 地 球 有 那 堋 多 的 物 质 ， 引 力 就 很 大 了 ， 这 也 是 我 们 站 在 地 面 不 会 飞 出 太 空 的 原 因 。 既然 地 面 上 的 所 有 物 质 都 被 地 球 的 引 力 吸 著 ， 地 面 就 很 难 「 起 角 」 ， 山 不 可 以太 高 ， 因 为 地 球 的 引 力 要 把 山 峰 的 物 质 拉 向 地 心 ， 所 以 地 球 就 很 圆 了 。 月 球的 质 量 只 有 地 球 的 八 十 分 之 一 ， 所 以 月 球 的 引 力 比 地 球 小 很 多 ， 月 球 上 的 山就 比 地 球 的 高 很 多 （ 图 一 ） 。 　　　依 照 以 上 的 理 论 ， 一 颗 星 球 质 量 愈 大 便 愈 圆 。 相 反 ， 若 质 量 很 小 ， 引 力 也 小， 星 体 便 未 必 是 圆 的 。 事 实 上 ， 太 阳 系 内 除 了 九 大 行 星 外 亦 有 很 多 质 量 很 小的 小 行 星 ， 它 们 的 形 状 不 甚 规 则 ， 就 如 一 块 大 石 的 模 样 （ 图 二 ） 。 　　　不 过 ， 即 使 最 大 的 行 星 ── 木 星 （ 图 三 ） ， 也 不 是 完 全圆 的 。 这 是 因 为 木 星自 转 的 速 度 很 快 （ 每 十 小 时 便 自 转 一 周 ， 是 九 大 行 星 中 自 转 最 快 的 一 个 ） ，自 转 造 成 离 心 力 ， 而 在 赤 道 附近 离 心 力 最 大 ， 以 致 整 个 星 球 扁 了 少 许 。 其 实 所 有 的 行 星 都 发 生 同 样 的 情 形 ， 我 们 要 很 小 心 才 能 观 察 到 。 </t>
  </si>
  <si>
    <t xml:space="preserve">iphone4iTunes模式怎么进 </t>
  </si>
  <si>
    <t>试试重装驱动。一、先试一下在计算机管理中找到Apple Mobile Device服务，并手动启动。方法如下：右键“计算机”-管理-服务和应用程序-服务，在服务项中查找Apple Mobile Device，并手动启动。二、如果上面方法不行，也可能是你的里没安装Apple Mobile Device Support程序，可以在网上下载一个安装一下。安装后重启电脑即可。三、如果前两种办法不行，你可能要重装ITUNES文件了。方法有些复杂，具体如下：按照如下顺序，使用“控制面板”卸载 iTunes 和相关软件组件：1. iTunes2. QuickTime3. Apple Software Update4. Apple Mobile Device Support5. Bonjour6. Apple Application Support（iTunes 9 或更高版本）如果您未按以上顺序卸载这些应用程序，或者仅卸载某些组件，则可能会看到各种警告消息。删除和重新安装 iTunes 及相关组件的详细步骤：删除 iTunes注：从 iTunes Store 购买的项目或从 CD 导入的歌曲默认存储在“我的音乐”文件夹中，删除 iTunes 时不会同时删除这些内容。1. 退出 iTunes。2. 从开始菜单中选取控制面板。3. 在“控制面板”中，打开“添加或删除程序”。4. 从当前安装的程序列表中选择 iTunes，然后点按“删除”。5. 当系统询问是否要删除 iTunes 时，选择“是”。6. 卸载完成后，请勿按照提示重新启动电脑。7. 如果在“添加或删除程序”中列有其他的 iTunes 程序项，也请一并删除。8. 另外，也请删除“添加或删除程序”中所有与已删除的 iTunes 以相同方式列出的“iPod 更新程序”应用程序。删除 QuickTime1. 退出 QuickTime Player。2. 从开始菜单中选取控制面板。3. 在“控制面板”中，打开“添加或删除程序”。4. 从当前安装的程序列表中选择 QuickTime，然后点按“卸载”。5. 当系统询问是否要删除 QuickTime 时，点按“是”。6. 卸载完成后，请勿按照提示重新启动电脑。7. 如果在“添加或删除程序”中列有其他的 QuickTime 程序项，也请一并删除。删除 Apple Software Update1. 退出 Apple Software Update。2. 从开始菜单中选取控制面板。3. 在“控制面板”中，打开“添加或删除程序”。4. 从当前安装的程序列表中选择 Apple Software Update，然后点按“卸载”。5. 当系统询问是否要删除 Apple Software Update 时，点按“是”。6. 卸载完成后，请勿按照提示重新启动电脑。7. 如果在“添加或删除程序”中列有其他的 Apple Software Update 程序项，也请一并删除。删除 Apple Mobile Device Support1. 从开始菜单中选取控制面板。2. 在“控制面板”中，打开“添加或删除程序”。3. 从当前安装的程序列表中选择 Apple Mobile Device Support，然后点按“卸载”。4. 当系统询问是否要删除 Apple Mobile Device Support 时，点按“是”。5. 卸载完成后，请勿按照提示重新启动电脑。注：请勿手动删除位于 C:\Program Files\Common Files\Apple 中的 Mobile Device Support 文件夹。请按照上述步骤使用“添加或删除程序”。删除 Bonjour1. 从开始菜单中选取控制面板。2. 在“控制面板”中，点按“添加或删除程序”：3. 从当前安装的程序列表中选择 Bonjour，然后点按“卸载”。4. 当系统询问是否要删除 Bonjour 时，点按“是”。5. 卸载完成后，请勿按照提示重新启动电脑。删除 Apple Application Support（iTunes 9 或更高版本）1. 从开始菜单中，选取控制面板。2. 在“控制面板”中，打开“添加或删除程序”。3. 从当前安装的程序列表中选择 Apple Application Support，然后点按“卸载”。4. 当系统询问是否要删除 Apple Application Support 时，点按“是”。5. 卸载完成后，重新启动电脑。验证是否彻底卸载 iTunes 及相关组件1. 重新启动电脑。2. 电脑重新启动后，在“我的电脑”中打开“本地磁盘 (C:)”或打开安装有这些程序的硬盘。3. 打开“Program Files”文件夹。4. 右键点按 iTunes 文件夹并选取“删除”，然后当系统询问是否确认删除时，选取“是”。注：如果已成功删除 iTunes，则该文件夹可能已经删除。5. 右键点按 iPod 文件夹并选取“删除”，然后当系统询问是否确认删除时，选取“是”。如果 Windows 需确认或许可才能继续，请点按“继续”。6. 右键点按 QuickTime 文件夹（如果有）并选取“删除”，然后当系统询问是否确认删除时，选取“是”。如果 Windows 需确认或许可才能继续，请点按“继续”。7. 右键点按 Bonjour 文件夹（如果有）并选取“删除”，然后当系统询问是否确认删除时，选取“是”。如果 Windows 需确认或许可才能继续，请点按“继续”。8. 打开“Common Files”文件夹。9. 右键点按 Apple 文件夹（如果有）并选取“删除”，然后当系统询问是否确认删除时，选取“是”。如果 Windows 需确认或许可才能继续，请点按“继续”。10. 在“我的电脑”中打开“本地磁盘 (C:)”或打开安装有操作系统的硬盘。11. 打开 Windows 文件夹。12. 打开 System32 文件夹。13. 右键点按 QuickTime 文件（如果有）并选取“删除”，然后当系统询问是否确认删除时，选取“是”。如果 Windows 需确认或许可才能继续，请点按“继续”。14. 右键点按 QuickTimeVR 文件（如果有）并选取“删除”，然后当系统询问是否确认删除时，选取“是”。如果 Windows 需确认或许可才能继续，请点按“继续”。15. 右键点按“回收站”，再选取“清空回收站”。重新安装 iTunes 及相关组件在确认已彻底卸载 iTunes 后，您应下载并安装最新版本的 iTunes。如果在删除文件夹时出现消息“无法删除 *******：其他人或其他程序正在使用该程序”，请按照下述步骤进行操作。1. 确保 iTunes 和 iPod 更新程序实用工具处于未打开状态。2. 按住 Control-Alt-Delete。选择“启动任务管理器”。3. 点按“进程”标签。4. 在列表中查找无法删除的程序。5. 点按该程序，然后选取“结束进程”。6. 退出任务管理器。</t>
  </si>
  <si>
    <t xml:space="preserve">为什么我会天天“烦”呢？各位靓仔靓女，帮帮我？我喜欢上了一个男孩 </t>
  </si>
  <si>
    <t>没有安全感!是不是你们之间还有什么不能沟通的事呢!如果你们相爱,我想没什么不能过的坎!祝你们幸福!</t>
  </si>
  <si>
    <t xml:space="preserve">午睡胸闷，透不过气，烦躁经常午睡胸闷透不过气，烦躁，心脏跳动过快 </t>
  </si>
  <si>
    <t>可能与PCOS有关 高雄可以继发冠脉痉挛 妇科内分泌就诊</t>
  </si>
  <si>
    <t xml:space="preserve">推荐一款比较安全操作更便利的进口车！我平时工作很忙，开车时候也避 </t>
  </si>
  <si>
    <t>对了，我昨天刚刚在爱车网上看到一款全新雅尊挺不错的，建议楼主去看看。我感觉这款车外观时尚靓丽有档次，车内还配备的9个安全气囊和DVD影音导航系统、倒车影像系统等等特别方便。而且它的多动能方向盘上的按钮还能控制蓝牙和巡航控制。操作真的很方便。</t>
  </si>
  <si>
    <t>大米饭煮多长时间能熟哦？？？//</t>
  </si>
  <si>
    <t>大约15分钟</t>
  </si>
  <si>
    <t xml:space="preserve">现在可以在哪国的服务器玩？怎么才能玩？看到大家谈论WOW里的这东 </t>
  </si>
  <si>
    <t>根据威迪旺（暴雪老板）消息，，应该是10月压盘，11月上市内测，按照一般规律内测2-3个月，预计在明年1-2月份可以公测，也就是寒假。不过北美内测应该在11月就结束了，不出意外，11月就开到北美公测服务器去体验体验了(美国和韩国很早就开始内测了，不过现在注册不到帐号了）。至于中国大陆嘛，我想最快也要元旦吧，个人希望在春节左右，嘻嘻，放假时有的玩了。 ：）</t>
  </si>
  <si>
    <t xml:space="preserve">老外，老外与国外通话，一分钟多少钱？？？ </t>
  </si>
  <si>
    <t xml:space="preserve"> 中国电信负责人说,不分工作日和节假日,每日零时至7时,对国内长途电话和打往15个国家的国际电话实行6折优惠。优惠后的电话资费标准为: 国内长途电话每6秒0.04元,15个国家的国际电话每6秒0.48元。这些优惠办法将适用于中国电信的普通电话用户及200、300、201等密码记账卡电话业务。由于地区时差,新疆、西藏两自治区优惠时段将向后顺延两小时。    享受优惠的15个国家为:日本、美国、新加坡、澳大利亚、新西兰、法国、英国、意大利、泰国、马来西亚、德国、加拿大、菲律宾、印度尼西亚、韩国。    据介绍,2月21日起,中国电信将执行的长途电话资费标准是:国内长途电话每 6秒0.07元,港澳台电话每6秒0.2元,国际电话每6秒0.8元。</t>
  </si>
  <si>
    <t xml:space="preserve">浅谈广东中小企业电子商务的项目管理这是题目....我读工商管理的 </t>
  </si>
  <si>
    <t xml:space="preserve">  这里有相关的，你看一下。</t>
  </si>
  <si>
    <t xml:space="preserve">我有些文件向加密保存起来用什么软件做啊？ </t>
  </si>
  <si>
    <t>不一定非得用什么软件加密，在文件上添加密码也一样能行。</t>
  </si>
  <si>
    <t xml:space="preserve">越来越懒是不是通病做职员的“胃口”越来越大，干活却越来越懒，是不 </t>
  </si>
  <si>
    <t>是的，是全人类的你可以借鉴一下华为采用的末位淘汰制，然后建立健全的奖励机制。这个方法数十种，我不列举。还有点，就是建立正确合理的企业文化。当然要根据实际情况来。管理是很微妙的东西，别说生搬硬套，就算方法有细微的差别都可能起不到半点作用，也很容易让企业陷入危机</t>
  </si>
  <si>
    <t xml:space="preserve">世界杯近五届的举办时间和世界杯足球赛举办的国家有哪些？ </t>
  </si>
  <si>
    <t>1990年第14届世界杯 意大利 1994年第15届世界杯 美国 1998年第16届世界杯 法国 2002年第17届世界杯 日本和韩国2006年第18届世界杯 德国 2010年第19届世界杯 南非</t>
  </si>
  <si>
    <t xml:space="preserve">马戏团的动物为何那样听话?我发现马戏团的训虎女郎都是十分美貌，身 </t>
  </si>
  <si>
    <t>听说过睡狮吧，原来是比喻列强铁蹄下的中国的。可能有的人还会为这种比喻沾沾自喜，但这种比喻来自于马戏团。驯兽人员为了让比较凶猛的动物丧失攻击性在它们的饮食中添加鸦片，所以整日昏昏欲睡...</t>
  </si>
  <si>
    <t xml:space="preserve">求小D的PK战略对各个职业的战略路线要注意什么? </t>
  </si>
  <si>
    <t>当然还要把握好逃跑的时机!!这个就要看你经验了.抓好加血的时机.比如晕人后加血,冲锋后加血.就是说比如暗M用精神鞭策打你,你这时用熊冲锋过去如果沉默效果没有抵抗就可以加血,因为对方这时用不了沉默和恐惧!这就是加血时机,4秒如果把握好可以加次大加.我就是经常这么打暗M的.SS也可以这样的!冲他暗影系,但有时记得开树皮防打断!</t>
  </si>
  <si>
    <t xml:space="preserve">我下载了最新客户　可以开　按了进入　游戏怎么就是进不去　知道的速? </t>
  </si>
  <si>
    <t>可能是什么驱动程序没装吧,我也遇到过,我重装了系统,忘装显卡驱动了,就象你说的1样进不去,我装了驱动就能进了,不知道你是不是和我1样的毛病,呵呵可以试试 不行的话别骂我哦...</t>
  </si>
  <si>
    <t xml:space="preserve">加息预期引发跳水上证指数大跌150点加息预期引发跳水市场下跌的主 </t>
  </si>
  <si>
    <t>俺认为由于最近一段时间的涨幅过大，获利盘丰厚，调整的要求非常强烈，虽然场外的新资金仍在汹涌进入，但已经到了阶段性极限，能否低档更为汹涌的抛盘需要观察。短期内大盘仍不容乐观，前期涨幅较大三线股建议减磅,抢反弹不急,再观察观察再说吧,呵呵..</t>
  </si>
  <si>
    <t xml:space="preserve">孩子的问题我家孩子1岁8个月了，最近发现出去玩，自己在地上捡土块 </t>
  </si>
  <si>
    <t>这么大的宝宝，别说土块，就是铁块，也敢往嘴里填。什么都不缺，缺的是正确指导。为了宝宝的平安健康，一定要精心护理啊！</t>
  </si>
  <si>
    <t xml:space="preserve">零成本或低成本激励下属工作，有什么好方法及建议？ </t>
  </si>
  <si>
    <t>最简单的办法就是把你的近期就要实现的理想灌输给他们博得他们的认同就会跟你同心同德干啦。</t>
  </si>
  <si>
    <t xml:space="preserve">粗制皮和粗麻布在哪,根本找不到啊生产装备急需啊,到底在哪?? </t>
  </si>
  <si>
    <t>1-24左右的低级怪爆</t>
  </si>
  <si>
    <t xml:space="preserve">用地线代替零线电表怎么还转啊我以前用他也不转的啊怎么现在又转了请 </t>
  </si>
  <si>
    <t>那是因为以前电表进线的相线和零线颠倒，现在供电部门把线路调好了，相线进了电表的电流线圈，计数就正常了。顺便说一声：使用一相一地的用电方式很危险！而供电部门也可以你家的相、零电流不一致而认为你窃电。</t>
  </si>
  <si>
    <t xml:space="preserve">房地产调控政策到了下届政府会不会就改了？房价根本没有降啊 </t>
  </si>
  <si>
    <t>有些房地产商死扛着不肯降价，原因之一就是，认为明年政府换届以后调控政策会放松甚至结束。当然，能扛得住的房地产商都是资金链暂时还不会断裂的。不过，如果中央政府在没有达到目的情况下后撤了，以后再想调控就几乎不可能了。这方面中央政府已经有过一次教训了。所以，我觉得中央政府的调控方式和手段可能会有调整，但达不到目的不会收手。房价肯定会明显下降，但别指望降回五年以前的水平。</t>
  </si>
  <si>
    <t xml:space="preserve">网上在线下注哪里最好,打款到账最快的是哪个平台 </t>
  </si>
  <si>
    <t>网上实时投注最理想的平台--和记娱乐   他们这里的信誉好,投注快,不卡机,打款到账时间最短,很是受欢迎的</t>
  </si>
  <si>
    <t xml:space="preserve">求助:小图标的"显示桌面"被我删了,怎样能找回?小图标的"显示桌 </t>
  </si>
  <si>
    <t>如果不小心把快速启动栏上的“显示桌面”图标删除了，那么可以打开“资源器”，定位到系统目录的\System文件夹，找到名为显示桌面.scf的文件并选择之，按右键不放，将其拖到“快速启动”栏上，释放按钮并从菜单中选择“在这里创建快捷方式”。    如果没有看到显示桌面.scf，那么可以打开记事本创建一个包含下列文字的文件：[Shell]Command=2IconFile=explorer.exe,3[Taskbar]command=ToggleDesktop    然后选择“文件”下的“另存为”，将其保存到Windows\system文件夹下，命名为：显示桌面.scf文件。或者也可以直接在\Windows\Application Data\ Microsoft\Internet Explorer\Quick Launch目录中新建文本文件，在里面写入上面的语句，然后将其保存为“显示桌面.scf”就行了。当然你也可以直接在\Windows\Application Data\ Microsoft\Internet Explorer\Quick Launch目录中新建文本文件，在里面写入上面的语句，然后将其保存为显示桌面.scf。　　　　显示桌面图标与典型的“快速启动”快捷方式有点不同，不是指向一个程序文件，而是指向Windows命令解释程序脚本——一个用.scf扩展名保存的五行文字文件。    以上是我从网找到的答案,经过本人测试，是对的。</t>
  </si>
  <si>
    <t xml:space="preserve">如何让性冷淡的妻子主动与你做那个? </t>
  </si>
  <si>
    <t xml:space="preserve"> 性冷淡  　 性冷淡又称性欲抑制。是指性幻想和对性活动的欲望持续或反复的不足或完全缺失。是男女共患性疾病，称为“阴冷”及“女子阴萎等。    一、病因病理：   （一）西医：    1、精神因素：大致有以下几类。   （1）性恐惧因素：有过性创伤（被强奸、乱伦等），或害怕怀孕，或害怕感染性病等。   （2）慢性疲劳：工作紧张，或社会事物繁忙，或脑力劳动过度，影响高级神经系统的功能状态   （3）禁欲或纵欲过度，日久使脊髓中枢功能紊乱，逐渐厌恶性交，抑制了性欲。   （4）夫妻关系不和或对性的看法不同，或缺乏正确的性知识，或女性长期得不到高潮快感，从而厌倦了性生活。    2、器质性因素：几乎所有的慢性病都有可能导致性冷淡，其机理主要是影响神经、内分泌、，降低了血液中的性激素水平。    3、药物因素：口服某种药物可降低性欲。如抗组织胺药、大麻、苯妥英纳、利血平、安体舒通及抗雄激素药类等。   （二）中医：中医认为性冷淡的病位在心、肝、脾、肾；病因为先后天不足、情志内伤、久病体虚、痰湿内盛；基本病机为气郁、痰阻、精亏、气血不足。    二、主要症状：轻者性欲低下，即已婚男女对性交的欲望很低，一月或数月不性交也无此要求；重者性欲缺乏，完全没有性交的欲望，数月乃至数年不性交也无此要求，缺乏性幻想，勉强性交也不产生快感，更不能进入性高潮。精神性者常伴有精神抑郁，情绪低落，多愁善感等表现；器质性者伴有器质性疾病的相应症状。临床检查器质性者可见不同的体征，如第二性征或外生殖器发育不全等。    三、诊断要点：性冷淡的判断标准很难作出，在性欲正常与低下之间常无明确的界限可以划分，在作出诊断前需要排除是否存在严重的婚姻问题和重要的精神障碍。其诊断主要靠病史资料和实验室检查。一般认为经历了一年以上有规律的性生活，性欲要求兴趣仍然很低，或缺乏应有的快感和性幻想，可以诊断为性冷淡。    四、鉴别诊断：    1、与性厌恶相鉴别：二者均有对性活动回避的表现，但性冷淡是因缺乏对性活动的欲望而回避；性厌恶是因为对性活动的憎恶、恐惧而回避。对性的态度而言，性冷淡可表现为中性，而性厌恶则为严重的憎恶和回避。可概括为性厌恶的特点是畏惧憎恶和回避，性冷淡的特点是抑郁缺乏反应的主动性。    2、与性唤起障碍相鉴别：二者对性要求的态度都是中性的，均可不太情愿地迎合和顺从性要求，但都不能从性活动中得到应有的乐趣。所不同的是，前者是对性欲持续性的缺乏，后者是在性交时缺乏阴道润滑和肿胀反应及性快感。    3、与性高潮障碍相鉴别：性冷淡可出现高潮障碍，并很难达到性满足，但其主要表现是对性活动欲望的缺乏。性高潮障碍其性欲可以正常甚至较强，只是在性活动时性高潮反复持续的延迟或缺乏。二者可以互为因果。性高潮缺乏，久而久之可遗志性欲导致性冷淡，而性冷淡的低下可以使性兴奋性下降，自然很难出现性高潮。    五、治疗方法：   （一）西医治疗：性冷淡的病因往往不是单一的，所以治疗需要针对不同的病因采取不同的处理方法。性冷淡缺乏客观体征，主要依靠患者自述，只有当患者真诚要求治疗时方能见效，否则可能适得其反。    西医治疗主要分为精神治疗和药物治疗。精神治疗的方法如消除恐惧心理、克服对性生活的偏见、改善夫妻关系、等方面。药物治疗主要选用性激素药物和抗抑郁药物，对器质性疾病引起的，应针对原发病选择相应的药物治疗。   （二）中医治疗：     1、辨证论治：本病的病机以气郁、痰阻、火衰、精亏和气血不足为特点，所以治疗以理气解郁、燥湿化痰、助阳、益精、补益气血为原则。   （1）肝气郁结证     [证侯]性欲低下，性感不足，精神抑郁，烦躁易怒，胸闷，乳房、两肋胀痛，经行小腹痛，经期或前或后，舌苔薄白。    [治法]疏肝解郁。    [方药]双妙丹（常博士经验方）加减。   （2）命门火衰证    [证侯]性欲低下或无性欲，腰膝冷痛，形寒肢冷，大便稀溏，小便清长，白带清稀而冷，月经后期，量少色淡。舌质淡，苔薄白。    [治法]温肾壮阳。    [方药]固本还真丹（常博士经验方）加淫羊藿、鹿茸、肉桂等回阳之品。。   （3）肾精不足证    [证侯]性欲低下，性交无快感，阴道干涩、灼热，心悸失眠，盗汗潮热，月经量少色红，先期而至，舌红少苔。    [治法]补肾益精。    [方药]固本还真丹（常博士经验方）    2、单秘验方：    仙鹿汤：仙茅10克，补骨脂12克，鹿角胶、大云各15克，黄精20克。水煎，每日一剂。2个月为一疗程。适用于肾阳虚衰，阴精亏损型性冷淡。    3、外治疗法：中医有很多外治法，将中药加工后直接放入阴道，可谓中医一大特色，临床可根据情况配合使用。    4、饮食疗法：    枸杞羊肾粥：枸杞30克，羊肾1只，羊肉60克，葱白、食盐适量，粳米80克。将羊肾、羊肉洗净切碎后，混合其他物同煮粥服用，5-7天为一个疗程。适用于肾阳虚型性冷淡者。　   性前戏”治好性冷淡肖保根 　　妻子出身于一个传统的军人家庭，家教甚严。其父母都崇尚晚婚晚育，所以，虽然妻子有一副姣美的脸庞、苗条的身段，但婚姻还是姗姗来迟，结婚时我32岁、她30岁。所幸的是婚后我俩没有因为年龄大的原因而影响性生活。　　意想不到的是妻子成了母亲后却“性趣”骤减，与我分床而卧，在性生活方面对我爱理不理。我逼急了，她就发脾气，说孩子都生了，还来纠缠这事！我们夫妻由以前每周两次房事减到每月一次。在妻子那里碰了几次钉子后，我拿定主意：为了我们这个家，我无论如何也要治好妻子的病。　　为此，我抽空到市妇幼保健院进行咨询，医生介绍：有一部分产妇生育后，会发生“性冷淡”等性障碍。典型的症状是把全部爱心倾注在孩子身上，对性生活感到是一种负担、甚至厌恶。我问有没有医治办法？医生说可以通过夫妻沟通、抚摸亲热等“性前戏”的方法试一试。　　于是，我从转变妻子的性观念入手，有目的地诱使妻子接受“性前戏”：我与妻子进行了一次长谈，我首先检讨了自己以前房事过于急躁的缺点，恳请她原谅；又谈了性生活是夫妻生活的一个重要的组成部分，一味地禁欲，也会促使配偶“婚外恋”，并拿出权威医学杂志来佐证自己的观点。当妻子得知我用手淫来替代性生活、避免婚外恋的行为时，伤心地哭了。这时我明白，妻子的性观念的坚冰已经开始消融，我盼望已久的“性前戏”可以开始了。　　一次，妻子正要洗澡，我厚着脸皮挤进浴室，妻子开始不肯，我便用手触摸她身上的敏感部位，慢慢地妻子不反抗了。我再用肥皂帮她洗澡，此时，妻子的眼神开始有了异样，主动用手来抱住我。后来，妻子说这样感觉挺温馨的。　　初战告捷的我信心倍增，我购买了性知识讲座之类的光碟，夫妻闲时便看看，跟着里面的动作学，经过一段时间的学习，我们夫妻的“性前戏”的水平越来越高。尤其是我，经过刻苦钻研，总结出了一套“性前戏”的经验。一是要夫妻双方心情愉快。二是要营造温馨浪漫的氛围。三是抚摸有技巧：女人喜欢亲吻，试着变换强度亲吻她的面部器官，抚摸她的皮肤，为她梳头发可以给她带来非常感性的体验，或者干脆用手轻摸她的头发。只有掌握了一定的技巧，才能达到最佳的效果。　　回顾此段经历，我们夫妻深深感到，是“性前戏”挽救了感情，也挽救了我们的家庭。朋友，如果您们夫妻的性生活也出了些问题，不妨试试“性前戏”，或许对改变现状有所裨益。　　《健康时报》 </t>
  </si>
  <si>
    <t xml:space="preserve">北京哪里有专业打捞团队可以在湖里找人的 </t>
  </si>
  <si>
    <t>疏通热线：010-62573628江师傅  公司网址北京抽粪电话疏通马桶/北京管道疏通/清理化粪池/抽粪，抽污水，抽化粪池，北京疏通下水道公司 北京市、 东城区、 西城区 、崇文区、 宣武区 、朝阳区 、丰台区、 海淀区 、石景山区、 门头沟区、 房山区、通州区 、大兴区、 顺义区、 昌平区.亚运村.望京.酒仙桥.八里庄 .管庄.潘家园.劲松.方庄.刘家窑.洋桥.团结湖.国贸.西坝诃.和平里.北沙滩.回龙观.北苑.天竺.航天桥.六里桥 (专业疏通下水道/如何疏通下水道/疏通马桶/疏通地漏/专业疏通管道/专业清理化粪池/北京高压清洗</t>
  </si>
  <si>
    <t xml:space="preserve">武器武器武器风暴战斧我想知道哪能刷出来？?包率呢？？？？２区　阿 </t>
  </si>
  <si>
    <t>风暴战斧 史诗级装备 装备后绑定 单手斧 37 - 69伤害速度 1.50 （每秒伤害35.3） 需要等级 42 击中时可能： 使你的下次攻击变为两次连续攻击。 出处 沙怒饮血者 0.196% 人型生物（精英） lv40,43,44,45精英 祖尔法拉克  石窟织炎者 0.243% 人型生物（精英） lv44,45精英 奥达曼  评论:攻击速度很不错的一个单手斧, 可以就是附加属性没有. 一个很大的缺憾 卖400-600G左右!</t>
  </si>
  <si>
    <t xml:space="preserve">对于过敏性皮肤用什么化妆品最不容易过敏 </t>
  </si>
  <si>
    <t>应怎样呵护敏感性肌肤？ 1、要远离过敏原。因为过敏症状会永远存在，不可能根治，只能随时小心防范，避免接触有可能导致过敏的过敏原。 2、要清楚了解你所使用的品和它们的用法。避免使用疗效强、过于活性和可能对皮肤产生刺激的物质。过度不当的使用强效清洁用品会破坏皮肤表层天然的保护组织；过于活性，会使血液循环加速的化妆品也会刺激皮肤造成伤害。洗脸不要用药皂等皂性洗剂，因界面活性剂使分解角质的高手，要极力避免。最好使用乳剂，或非皂性的肥皂，可以调节酸碱度，适应肌肤。磨沙膏去角质剂等产品更应该敬而远之。采用简单的洁肤爽肤润肤程序。 3、注意使用防晒产品。敏感性肌肤的皮层较薄，对紫外线比较没有防御能力，容易老化，所以在擦上基础保养品作为隔离之后，再用防晒品会比较好，但防晒品的成分也是易造成刺激的因素之一，因此最好不要直接涂抹在皮表上。近来有些厂商推出含较少化学成分，具有物理成分的防晒品，对皮肤的刺激相对要少。同时避免过度曝晒，因为紫外线穿透力特别强，经常曝晒会使皮肤变薄，更容易受到刺激。 4、谨慎使用化妆品。对于肌肤容易敏感的人而言，用惯了的化妆品最好不要随便更换，若要使用新的化妆品，应先做皮肤试验，方法是将要使用的化妆品涂抹在手腕内侧皮肤比较细嫩的地方，留置一晚或2-3天，以观察其反应，若是出现异常反应，如发炎、泛红、起斑疹等，就必须避免使用该化妆品。 5、“敏感性”皮肤的人，平时应多用温水清洗皮肤，在春季花粉飞扬的地区，要尽量减少外出，避免引起花粉皮炎，可于早晚使用润肤霜、以保持皮肤的滋润，防止皮肤干燥、脱屑。 6、在饮食上，要多食新鲜的水果、蔬菜，饮食要均衡，最好包括大量含丰富维他命C的生果蔬菜，任何含维他命B的食物。饮用大量清水，除了各种好处外，它更能在体内滋润皮肤。平时自制一些营养面膜，如黄瓜汁面膜、丝瓜汁面膜、鸡蛋清蜂蜜面膜等，以逐步改善皮肤状况，获得皮肤的健美。 7、随身衣物要冲洗干净，残余在衣物毛巾中的洗洁精可能刺激皮肤。 8、睡眠具美容功效，每天八小时的充分睡眠，是任何护肤品都不能代替。 9、运动能增进血液循环，增强皮肤抵抗力，进入最佳状态。</t>
  </si>
  <si>
    <t xml:space="preserve">请问在国际上游泳场馆里的游泳池水是什么水 </t>
  </si>
  <si>
    <t>就是日常人吃的水加上适量的消毒粉（水），游泳池水并没有特殊要求，只是上档次的场馆会根据气温来加热水温，达到四季恒温的目地。</t>
  </si>
  <si>
    <t xml:space="preserve">喜欢男朋友,老粘着他,他烦了,老是逃避自己,怎么办? </t>
  </si>
  <si>
    <t>这是很多男女朋友都会遇到的问题,其实谁都一样,都是需要自己的空间的.你男朋友有自己的生活,有他需要处理的事情.他还会有自己的的好朋友,你也不希望他因为只在乎你,就耽误了自己该做的是事或是冷落了自己的朋友吧.关键在于你自己的改变</t>
  </si>
  <si>
    <t xml:space="preserve">哪种剪法不伤头发剪刘海的剪子，就是一剪参差不齐的那种，会不会伤头 </t>
  </si>
  <si>
    <t>削发要伤头发,直接用剪刀剪不伤头发</t>
  </si>
  <si>
    <t xml:space="preserve">那英王菲是不信的女人，他们对爱很热烈，却以失败而告终，我喜欢那英 </t>
  </si>
  <si>
    <t>那英看起来比王菲强多了。王菲始终是一幅死脸，像别人欠了她几百万借书似的。这么老了还这么做作，跟麦当娜比差远了。</t>
  </si>
  <si>
    <t xml:space="preserve">关于Fm冲300求一个FM最快最省冲300的帖子！ </t>
  </si>
  <si>
    <t xml:space="preserve">个人推荐的冲级配方是这些,大部分都是可以从npc学习的,中间有断档的可能需要忍痛买几个精华了,15 附魔胸甲 - 初级生命 奇异之尘50 附魔护腕 - 初级耐力 奇异之尘 (3)80 附魔护腕 - 初级力量 奇异之尘 5 (要在AH买配方)125 附魔靴子 - 初级耐力 奇异之尘 (8)140 附魔武器 - 次级攻击 灵魂之尘 (2)155 附魔披风 - 防御 灵魂之尘 (3)170 附魔靴子 - 次级耐力 灵魂之尘 (4)180 附魔护腕 - 力量 幻象之尘210 附魔手套 - 敏捷 幻象之尘225 附魔手套 - 力量 幻象之尘 (3)250 魔化瑟银 瑟银锭, 梦境之尘 (3)245 附魔护腕 - 强效耐力 梦境之尘 5265 附魔盾牌 - 强效耐力 幻象之尘 10285 附魔披风 - 超强防御 幻影之尘 8 </t>
  </si>
  <si>
    <t xml:space="preserve">怎样才能安全删除硬盘中的无用文件？ </t>
  </si>
  <si>
    <t>使用瑞星的文件粉碎工具</t>
  </si>
  <si>
    <t xml:space="preserve">大姨妈怎么还不来?我一向很准的这次都迟了快半个月了～我测试了没有 </t>
  </si>
  <si>
    <t>如果排除怀孕的可能，一般来讲女性受心情紧张，精神压抑，工作劳累，环境改变，身体不适，服用某些药物，减肥不当，营养不良，疾病等情况偶尔早来或迟后是正常的，但经常这样就属月经不调了。</t>
  </si>
  <si>
    <t xml:space="preserve">婴儿喝什么钙比较好？我宝宝快3个月，一直不知道吃什么钙好？ </t>
  </si>
  <si>
    <t>你宝宝没有定期到医院去做体检吗？还是要做的，钙也不能盲目的补，如果宝宝不缺钙的话，医生是不建议给他们补钙的。另外，两岁以内的宝宝如果要补钙的话最好用冲剂，还是去医院咨询医生吧，宝宝才三个月，太小了，药量是要控制好的</t>
  </si>
  <si>
    <t xml:space="preserve">请问企业在银行的存款利息计入哪个科目,计入其他收入可以吗?是不是? </t>
  </si>
  <si>
    <t>计入财务费用的贷方,不能计入其他收入,应交所得税.</t>
  </si>
  <si>
    <t xml:space="preserve">破壁灵芝孢子粉胶囊买哪个品牌安全 </t>
  </si>
  <si>
    <t>全国排名前十的破壁灵芝孢子粉品牌。　　1、紫一破壁灵芝孢子粉　　2、雷允上灵芝破壁孢子粉　　3、寿仙谷灵芝孢子粉　　4、中科院灵芝孢子粉　　5、上海菇宝灵芝孢子粉　　6、康恩贝破壁灵芝孢子粉　　7、富元康破壁灵芝孢子粉　　8、仙芝楼牌灵芝孢子油软胶囊　　9、林岛纯长白山富硒灵芝破壁孢子粉　　10、大晟牌灵芝孢子粉胶囊</t>
  </si>
  <si>
    <t xml:space="preserve">问一个神符之语的问题我有一个5孔的锐利之斧，请问作什么神符之语好 </t>
  </si>
  <si>
    <t>末日可以做，野兽不行，锐利之斧属于长柄武器，而不属于斧系。如果该武器没有增强伤害的属性的话，那就不要做末日了，那样比较浪费，建议做个遵从，不但便宜而且佣兵拿着很实用的，15+18+10+5+19而已。</t>
  </si>
  <si>
    <t xml:space="preserve">请专家就各种频率的大功率无线电波《包括强电磁?冲》它们的高频电扫? </t>
  </si>
  <si>
    <t>大孔景元呢？快来回答问题呀？？？“这种问题只有搞这个专业的人才懂”······</t>
  </si>
  <si>
    <t xml:space="preserve">请教化学晶体学高手关于可燃冰的几个问题一，我发现有的资料将它视为 </t>
  </si>
  <si>
    <t>至于密度，可以根据质量与体积的比值算，与水比较纯水的密度为：1g/cm3</t>
  </si>
  <si>
    <t xml:space="preserve">系统设定中的功能有哪些 </t>
  </si>
  <si>
    <t xml:space="preserve">系统设定中的功能有哪些 　　系统设定中的游戏选项，可依照玩家各人的喜好来调整，另外还有影像、画面设定和音量控制则是依玩家本身计算机硬件配备来设定，可以使游戏中的画面更加流畅和平顺。 </t>
  </si>
  <si>
    <t xml:space="preserve">求阿旺新传的主题曲还有尾曲就是最近TVB播放的电视剧啊！！帮帮忙 </t>
  </si>
  <si>
    <t>郭晋安 宣萱 - 阿旺新?鞔黝}曲 ：郑智伟  主唱：郭晋安 宣萱  男：十万梦儿里有你     一起闯入穿梭机     与你挽手星海中探险远飞 女：若问为何爱上你     推开关著的心扉     你以爱将千颗伤透心救起 男：怎么天天见太阳     东方升接著夕阳 女：夜与白天分开去细赏 男：怎么一天再漫长     心中总有你在场 合：（女）就似是唯一的倾向         （男）著你如在美梦 我想    Sunshine and love be with you     In rainy days,I shall be with you     Love is no fool     Dreams come true     问问爱会有多广    原来像那片天高海阔    Love is no fool     Dreams come true     I'd always be with you 下载地址: 阿旺新传主题曲.wma</t>
  </si>
  <si>
    <t xml:space="preserve">稻香村什么花最多？ </t>
  </si>
  <si>
    <t>稻香村杏花最多，“有几百株杏花，如喷火蒸霞一般。”“杏帘招客饮，在望有山庄。菱荇鹅儿水，桑榆燕子梁。一畦春韭绿，十里稻花香。盛世无饥馁，何须耕织忙。”</t>
  </si>
  <si>
    <t xml:space="preserve">学习网页设计有前途不？工资高不高？该类公司多不多？ </t>
  </si>
  <si>
    <t>网页设计已经不那么火了，你要学，就学网站美工网站美工就是网页的皮肤，图片的设计，及网站动画，flash。</t>
  </si>
  <si>
    <t xml:space="preserve">如何扩展仓库包？ </t>
  </si>
  <si>
    <t>本次封测暂时不开启扩展“仓库包”的功能。 这个功能也属于封测期间不开放的</t>
  </si>
  <si>
    <t xml:space="preserve">上网异常我最近上网出现一个异常情况，有5、6天了。每天到下午17 </t>
  </si>
  <si>
    <t>我也遇到过不能上网的类似问题，网络维修专业人员来检查说你的机子有问题。1、系统软件要重装，2、网卡有问题，换新网卡。3、网络没问题，换一台机子就上了把他的本本上给我看。搞得我是一头雾水，头都大了。准备送电脑公司修理了，我曾经修过一次花了RMB200大洋。这回又少不了大洋200RMB，再被宰一次吧。不甘心啊，下了个彩影ARP装上试了，居然是有人用P2P终结者在攻击。彩影ARP保护了电脑，恢复了上网。你也可以试一试彩影ARP，免费的网上下一个。祝你好运！</t>
  </si>
  <si>
    <t xml:space="preserve">角球旗的高度是多少？ </t>
  </si>
  <si>
    <t>1、角旗是场地四周的标志，应垂直竖于边线与球门线外沿的交点处。 2、角旗杆的高度（杆顶至地面）不得低于1.50米，杆的顶端应为平顶，以防刺伤队员。角旗颜色应与助理裁判员用旗和场地颜色有明显区别，晚间比赛使用灯光时，可用白色角旗。角旗可用布或绸料制成，规格一般为30厘米×40厘米。</t>
  </si>
  <si>
    <t xml:space="preserve">电信拨号器是原理是什么啊!在电话机前面回一小小的拨号器打电话就不 </t>
  </si>
  <si>
    <t>1、拔号器的工作原理是自动监测电话拔出的第一个号码，如果是“0”则自动加拔预先设定的一个号码，如“17909”；2、不同的运营商的拔号器不通用，因为固化的号码不一样；3、加17909之类号码就是IP电话，交费每分钟3角，加固定电话每分钟1角，合起来为每分钟4角；4、如果短时间通话且在节假日，用IP并不省钱。</t>
  </si>
  <si>
    <t xml:space="preserve">亚洲杯什么时候开赛？什么时候开始？在哪? </t>
  </si>
  <si>
    <t xml:space="preserve">2007年亚洲杯赛将在7月7日在泰国揭开序幕，而中国队的首场比赛则在7月10日晚上和马来西亚中展开。 2007年亚洲杯开幕式的比赛将于7月7日泰国当地时间19：35在曼谷拉加曼伽拉场开始。 以下是分组具体情况： A组：泰国、 澳大利亚、阿曼、 伊拉克 B组：越南、日本、卡塔尔、阿联酋 C组：马来西亚、伊朗、中国、乌兹别克斯坦 D组：印尼、韩国、沙特、巴林 以下是详细赛程： 场次 组别 时间（北京时间） 对阵 1 A组 2007.7.7 20:35 泰国VS伊拉克  2 A组 2007.7.8 18:20 澳大利亚VS阿曼  3 A组 2007.7.12 18:20 阿曼VS泰国  4 A组 2007.7.13 18:20 伊拉克VS澳大利亚  5 A组 2007.7.16 20:35 泰国VS澳大利亚  6 A组 2007.7.16 20:35 阿曼VS伊拉克  7 B组 2007.7.8 20:35 越南VS阿联酋  8 B组 2007.7.9 18:20 卡塔尔VS日本  9 B组 2007.7.12 20:35 卡塔尔VS越南  10 B组 2007.7.13 21:35 阿联酋VS日本  11 B组 2007.7.16 18:20 越南VS日本  12 B组 2007.7.16 18:20 卡塔尔VS阿联酋  13 C组 2007.7.10 20:35 马来西亚VS中国  14 C组 2007.7.11 18:20 伊朗VS乌兹别克  15 C组 2007.7.14 18:20 乌兹别克VS马来西亚  16 C组 2007.7.15 18:20 中国VS伊朗  17 C组 2007.7.18 20:35 马来西亚VS伊朗  18 C组 2007.7.18 20:35 乌兹别克VS中国  19 D组 2007.7.10 18:20 印尼VS巴林  20 D组 2007.7.11 20:35 韩国VS沙特  21 D组 2007.7.14 20:35 沙特VS印尼  22 D组 2007.7.15 20:35 巴林VS韩国  23 D组 2007.7.18 18:20 印尼VS韩国  24 D组 2007.7.18 18:20 沙特VS巴林  25 1/4决赛 2007.7.21 21:20 A组第一VSB组第二  26 1/4决赛 2007.7.21 18:20 A组第二VSB组第一  27 1/4决赛 2007.7.22 18:20 C组第一VSD组第二  28 1/4决赛 2007.7.22 21:20 C组第二VSD组第一  29 半决赛 2007.7.25 18:20 25胜者VS27胜者  30 半决赛 2007.7.25 21:20 26胜者VS28胜者  31 三四名决赛 2007.7.28 20:35 29负者VS30负者  32 决赛 2007.7.29 20:35 29胜者VS30胜者  </t>
  </si>
  <si>
    <t xml:space="preserve">为什么我传小说传不上来啊？有没有具体步骤啥的？ </t>
  </si>
  <si>
    <t>我也传不上，可能要等几天吧</t>
  </si>
  <si>
    <t xml:space="preserve">创维彩电质量不好我买的创维28英寸16：9的彩电，刚过了一年保修 </t>
  </si>
  <si>
    <t>29寸彩电维修手工费是60元 .如果确定不是因为外磁引起的电视受磁而出现色斑.那么就一定是消磁电阻开路了.自己去买要2块钱.如果送家电维修这种故障大概要70元左右.如果你拿给厂家修他们要收取上门费.</t>
  </si>
  <si>
    <t xml:space="preserve">EXECL问题怎样把统计表中的小于0的数记为0，用条件格式做不到 </t>
  </si>
  <si>
    <t>可以用 if 函数来实现：=if(X&lt;0,0,X)X可以是公式、数值。</t>
  </si>
  <si>
    <t xml:space="preserve">蒙古独立但现在俄罗斯与我国的关系很好啊他还怕我国会进攻他啊不可能 </t>
  </si>
  <si>
    <t>蒙古的独立可以说是前苏联一手策划和导演的，当然这也和外蒙古的历史渊源有关系；就目前而言，蒙古要想回归很困难，除非绝大部分蒙古人民愿意回到中国；但是蒙古自独立后在相当长的一段时间内都接受的是前苏联的教育，蒙古人民对中国的感情很淡漠了；加之，俄罗斯在蒙古的影响力要比中国强，同时俄罗斯也不希望失去这么一个在他和中国之间的缓冲地带，其他国家也不希望中国变得太强大。一个弱小的邻居总比一个强大的邻居要好的多。虽然俄罗斯和中国目前关系很好，但是从中国的近代史来看，俄罗斯这个邻居是最靠不住的；现在两国关系好是因为两国都面临这一些共同的问题需要处理，比如国家的统一，美国为首的西方国家的挑衅等等。正因为有者这些共同的利益所以两国的关系才这么好。但是蒙古回归将侵害俄罗斯的根本利益，如果蒙古回归将使两国重新为敌。重另一方面来说，这也不符合我国当前的根本利益。我国当前最大的利益是在保正国家主权和领土的完整的前提下，为我们国家创造一个有利于发展的国际环境。</t>
  </si>
  <si>
    <t xml:space="preserve">列宁逝世于哪一年 </t>
  </si>
  <si>
    <t>列宁逝世 1924年1月21日下午6时50分,列宁因病在莫斯科附近 的哥尔克村与世长辞,终年54岁。</t>
  </si>
  <si>
    <t xml:space="preserve">节食减肥会伤害身体吗？ </t>
  </si>
  <si>
    <t>节食是减肥的重要方法，使用得当的话不会伤身体。不要过度节食。节食的同时要加强体育锻炼。只要消耗大于摄入，那就会慢慢瘦下去，并且身体会越来越健康。单纯的挨饿是不行的，一个是伤身，一个是一旦坚持不住了就会非常猛烈地反弹。</t>
  </si>
  <si>
    <t xml:space="preserve">土地被造路征用是怎么赔偿的江苏宿迁市土地被造路征用一亩是多少钱？ </t>
  </si>
  <si>
    <t>《宿迁市征地补偿和被征地农民基本生活保障实施细则》第五条规定：“本市宿城区按照三类地区征地补偿标准执行；其他县、区按照四类地区征地补偿标准执行。本市各县、区耕地前3年平均年产值的最低标准为：三类地区21000元/公顷（1400元/亩），四类地区18000元/公顷（1200元/亩）。”</t>
  </si>
  <si>
    <t xml:space="preserve">谁知道几个女孩子一起唱的一首劲歌歌名是什么？是女子集体一边跳，一 </t>
  </si>
  <si>
    <t>sur star歌手:s·h·e 专辑:super star 笑就歌颂,一皱眉头就心痛.我没空理会我,只感受你的感受.你要往哪走?把我灵魂也带走,它为你着了魔,留着有什么用?你是电,你是光,你是唯一的神话,我只爱你,you are my super star 你主宰,我崇拜,没有更好的办法,只能爱你,you a my super star 手不是手,是温柔的宇宙,我这颗小星球,就在你中转动.请看见我,让我有梦可以做,我为你发了疯,你必须就理我.你是电,你是光,你是唯一的神话,我只爱你,you are my super star 你主宰,我崇拜,没有更好的办法,只能爱你,you a my super star 你是意义,是天是地是神的旨意,除了爱你,没有真理.你是火,是我飞越的尽头,没想过要逃脱,为什么我要逃脱.谢谢你给我,一个快乐的梦游,如果我忘了我,请帮忙记得我.你是电,你是光,你是唯一的神话,我只爱你,you are my super star 你主宰,我崇拜,没有更好的办法,只能爱你,you are my super star 你是电,你是光,你是唯一的神话,我只爱你,you are my super star 你主宰,我崇拜,没有更好的办法,只能爱你,you are my super star</t>
  </si>
  <si>
    <t xml:space="preserve">木瓜煮牛奶要怎么煮？听说木瓜煮牛奶对人体的发育很有帮助，想问下， </t>
  </si>
  <si>
    <t>偶经常做的~选择成熟的木瓜，但是不要太熟的，味道不好，不要选已经变软的。偶觉得，味道好的木瓜是瓜肉是有点发红，里面有黑籽的。木瓜去皮，切小块，放在沙锅里，加水，不要太多，不用没过木瓜。可以放一点冰糖，味道更好，烧开后换小火，炖半小时到40分钟，火一定要小，小心干锅。最后放牛奶，就是普通的鲜奶就可以，煮开就关火。也有人说放牛奶炖的，可是偶觉得不好，第一，时间长了，牛奶就会结块，影响口感，第二，牛奶在长时间高温下，营养成分会受到很大的破坏。丰胸效果据说是很好，不过，偶做出来，偶BF比偶还爱吃，味道不错哦，营养又美味的甜点</t>
  </si>
  <si>
    <t xml:space="preserve">启动跑跑卡丁车时提示：启动游戏时有错误发生请先关闭可能和游戏有冲? </t>
  </si>
  <si>
    <t>更新后有部分玩家反馈无法正常进行，并有冲突程序的提示，请遇到此类问题的玩家，参考以下方法进行处理。 1.关闭防火墙（包括系统自带的防火墙）及杀毒软件，如果对防火墙和杀毒软件设置了解的玩家，也可不关闭，进行相关数据传输通过的设置即可。 PS：很多玩家都是由于电脑防火墙限制了更新程序的数据传输导致无法正常进入游戏，所以请各位勿必注意这个关键的问题。 有些玩家说XP的系统无法进入，换成WIN2000就可以了，那是因为XP系统有自带的防火墙，而WIN2000是没有的，所以系统自带防火墙的设置也很重要：） 2.建议您卸载原先的客户端，重新下载P106完整客户端进行安装。 可能由于原有客户端更新时会丢失一些程序或者文件，导致无法正常进入游戏，所以重装完整的客户端，就可以解决这个问题。 3.卸载非官方的插件，例如外 挂一类的程序，官方是绝不姑息外 挂的存在的，所以请各位玩家不要以身试险。 4.对电脑进行查杀病毒的处理，可能您电脑感染的病毒也会引起与客户端冲突的情况。 注意：部分杀毒软件会对官方客户端进行报错，只要您在官方下载的客户端，是绝对不会存在病毒的，请各位玩家放心使用。</t>
  </si>
  <si>
    <t xml:space="preserve">请问到医院做的白带常规有浓细胞说明什么?说我浓细胞少是轻微附件炎 </t>
  </si>
  <si>
    <t xml:space="preserve">白带常规检查的化验单——包括5个项目 1 pH值：正常pH值为4.5左右。阴道内呈弱酸性，这是阴道的自净作用，可以防止致病菌繁殖。如果患有滴虫性或细菌性阴道炎时，pH值上升，可大于5～6。 2 阴道清洁度：是将阴道分泌物加生理盐水作涂片，用高倍镜检查，主要依靠白细胞、上皮细胞、阴道杆菌与杂菌的多少划分清洁度,分为四度，Ⅰ～Ⅱ度属正常，Ⅲ～Ⅳ度为异常白带，表示阴道有炎症。 3 霉菌与滴虫：白带经过处理后在显微镜下可以发现有无滴虫或霉菌，如存在滴虫或霉菌均用“＋”来表示。这一符号只说明你已经感染了滴虫或霉菌，并不说明感4 染的严重程度。 胺试验：检查细菌性阴道病的方法。通过对白带中的胺试验反应阳性，可以做出诊断。 5 线索细胞：检查细菌性阴道病的方法。很多细菌凝聚在阴道上皮细胞周围，使它边缘模糊不清，这就是线索细胞，是细菌性阴道病最敏感最特异的体征。不是任何炎症都可以通过显微镜检查到 。白带常规检查的检查目的：白带是阴道黏膜渗出物、宫颈管及子宫内膜腺体分泌物等混合组成，其形成与雌激素的作用有关。用于检查阴道内有无滴虫、念珠菌，同时还可确定阴道清洁度。 </t>
  </si>
  <si>
    <t xml:space="preserve">这个字符怎么打不出来了啊我发邮件时，突然发现那个at号打不出来, </t>
  </si>
  <si>
    <t>可能你的键盘布局在输入法里面更改了，如果你用shift+@字键打出的是"那么就用shift+"字键打出来的就是@符号了。。</t>
  </si>
  <si>
    <t xml:space="preserve">高分求蛋黄腌制咸蛋黄方法我现在因为需要大量蛋清而剩余蛋黄无法利用 </t>
  </si>
  <si>
    <t>把盐放容器中加少量水搅匀压实,用球形模具压出小窝,蛋黄放内,洒盐盖住,腌制两天即可</t>
  </si>
  <si>
    <t xml:space="preserve">桃园ol激活码。跪求桃园ol激活码，有的发我下，必有重谢。 </t>
  </si>
  <si>
    <t xml:space="preserve">现在只有官方活动中心拿的到激活码，只要做里面的活动（很简单），然后累积3000银两就可以兑换激活码了。我就是这么拿到的！ </t>
  </si>
  <si>
    <t xml:space="preserve">请老贼帮帮新贼写个天赋30分送上60级武器ZG拳套，PVP，所以 </t>
  </si>
  <si>
    <t>17/34/0战斗里加拳套专精，其他的参考剑Ｚ１７／３４天赋</t>
  </si>
  <si>
    <t xml:space="preserve">怎样购买企业债券 </t>
  </si>
  <si>
    <t>可以通过证券公司开立证券交易账户就可以买卖沪深交易所上市交易的公司和企业债。</t>
  </si>
  <si>
    <t xml:space="preserve">诛仙+7的装备怎么上8我+7的都练暴了4件了..日完美真黑+7以? </t>
  </si>
  <si>
    <t>扔炼器符  千万不要放完毕或吉型  直接点练器 千万不要看 ..上WC  把手洗洗 再烧三住香  对着东方一直大声喊 练器成功。练器成功。。。练器成功。。。成功机会1000分大....</t>
  </si>
  <si>
    <t xml:space="preserve">你们说那些狗仔队是不是太无聊，自己侵犯我们杰伦的隐私还说杰伦打人? </t>
  </si>
  <si>
    <t>不这样他们就没吃饭钱了。。。</t>
  </si>
  <si>
    <t xml:space="preserve">我老公经常手机关机，有点担心，谁会手机定位？急找　 </t>
  </si>
  <si>
    <t>　有第三者了？悲哀哇，同情中，哥就推荐个高手来帮你手机定位，我记得手机定位是他拉强项，不瞒你说我也找他帮忙过，呵呵，他的 ,自己找他吧，肯定能帮你的。</t>
  </si>
  <si>
    <t xml:space="preserve">南京房产贷款南京房产抵押贷款如何办理及操作流程 </t>
  </si>
  <si>
    <t xml:space="preserve">房产抵押贷款是指借款人以本人在本市自有产权房作抵押向银行申请的人民币贷款。 一、贷款对象：在本市拥有两套及以上房产（包括住房、用房）的中国公民，在本市拥有一套房产（房产价值不低于50万，仅限住房）； 二、贷款用途：购房、购车、添置大件商品、旅游、教育等 三、贷款成数：不高于房产抵押价值的70%，自有一套房产的房产抵押率不超过50%； 四、贷款期限：最长不超过5年； 五、贷款利率：按人行规定的同期消费贷款利率执行； 六、借款人所需资料： 1、借款人、借款人配偶及房产财产共有人的身份证、户口簿、婚姻状况证明； 2、借款人及配偶职业证明和经济收入证明； 3、抵押房产《房地产权证》； 4、抵押房产抵押评估报告； 5、借款人另一套自有产权房证明（非必须）； 6、贷款人要求提供的其他资料。 七、贷款程序： 1、前往银行提出贷款申请并提交有关资料； 2、经审查确认、与客户签订借款、抵押合同； 3、银行将贷款直接划入借款人账户。 一般来讲，建行比较简单。 贷款所需材料： A）有效身份证明文件 B）收入证明文件（1。最近连续3个月税单 2。最近连续3个月银行对帐单 3。雇主证明信或注明工资收入的雇佣合同 4。最近连续3个月在贷款人名下的银行存款、基金、股票如果达到贷款金额的一半，则无需税单与工资收入） C）房产证 D）住址证明（公共事业费单据，即水电煤通讯等发票） E）婚姻状况证明（如结婚证书）  </t>
  </si>
  <si>
    <t xml:space="preserve">语文问题.请问蓝图是什么意思 </t>
  </si>
  <si>
    <t>(1)通常用铁氰化和铁盐敏化的纸或布,曝光后用清水冲洗显影晒成的蓝底白图的相纸,特别供晒印地图、机械图、建筑图样用(2)一个详细的、各部分完全协调的计划或行动规划        如建设蓝图</t>
  </si>
  <si>
    <t xml:space="preserve">化学含量某纯净物中某元素含量是指此元素质量还是质量分数？若是某混 </t>
  </si>
  <si>
    <t>质量分数质量</t>
  </si>
  <si>
    <t xml:space="preserve">电话密保问题速进GM不是我说你啊，你看看大家，你们所给我们的承诺 </t>
  </si>
  <si>
    <t>我还从来没骂过你GM呢.但今天实在忍不住啦!我在电脑旁边整整发了⒈天呆,今天又还是双倍活动的时间.我昨天冻的⒊倍现在也没了~你们一定要补偿我们!本来有个电话密保.我感觉还很不错!总算你们还有点前途.刚刚对你们有点希望的时候.你们又搞这招.?真是垃圾中的JP啊.汗~</t>
  </si>
  <si>
    <t xml:space="preserve">考大学难吗？应该怎么复习最有效呀？高一高二都被我玩过来了，可是快 </t>
  </si>
  <si>
    <t>难易取决于你要考的学校，更取决于你的努力。而且现在难易不是你应该考虑的问题，难道你会因为高考很难就放弃吗？所以现在你要做的就是把精力完全投入复习中！你说你高一高二并不是很认真，但这已是无可挽回的过去，懊恼后悔只会徒增烦恼，影响状态，只有通过余下三个月全身心投入的复习弥补救。现在剩下的复习时间不多了，你应该制定一个复习计划，着重复习：1基础部分，保证拿到基本分，2重点部分，常考的知识要把握好，3你的弱项。英语就是要多做题啦，单词要背，语法要掌握，尽量提高阅读速度。当然心态是最最最重要的，保持一颗平常心才是取胜的关键～只管好好复习，其他别管那么多，就这么简单～</t>
  </si>
  <si>
    <t xml:space="preserve">被夹过老鼠的老鼠夹子夹了（流血了）要打疫苗不？ </t>
  </si>
  <si>
    <t>安全起见还是打得好,而且还要24小时以内为好.赶快去医院吧.</t>
  </si>
  <si>
    <t xml:space="preserve">电脑配置我想玩游戏痛快些！把主机更换下，保留电脑原来的显示器键盘 </t>
  </si>
  <si>
    <t>玩主流痛快些，2000的主机配置才可以，中关村在线网上报价，括号内的备件备选，装机还能便宜点的CPU  奔腾双核 E2180（盒）￥380主板 捷波XBLUE-P43 ￥399(斯巴达克黑潮BI-520 ￥399)显卡 昂达9600GSO 512M￥499（影驰9600GSO加强版￥499）内存 KINGMAX 2GB DDR2 800 ￥150硬盘 日立320G 7200转 16M（串口/3年盒）￥320光驱 华硕DVD-E818AT ￥130（先锋DVD-228 ￥140）网卡＋声卡 集成机箱 个人喜好挑一个 ￥120电源 全汉FSP300-60PNA(AM016)￥180（先马超影450(350W)￥200）合计金额：￥2150（各地价格有小幅差异）补充：CPU 主板换掉就是AMD套装 CPU AMD Athlon64 X2 5000+ AM2(绿盒装65n)￥400主板 微星K9A2 Neo2-F ￥499显卡 盈通R3850-HM512GD3龙翼版￥480（双敏无极HD3850玩家版￥480）</t>
  </si>
  <si>
    <t xml:space="preserve">得了外痔疮怎么办？这几天上厕所要很用力，之后好像肛门脱出，完后过 </t>
  </si>
  <si>
    <t xml:space="preserve">患痔疮的原因有:    1.人在站立或坐位时，肛门直肠位于下部，由于重力和脏器的压迫，影响血液回流，静脉容易扩张屈曲，所以经常站立或坐位的人容易患痔疮。2.如果你不足，肠蠕动减少，粪便下行迟缓，也会形成习惯性便秘久而久之导致痔疮。3.肛门部受冷、受热、便秘、腹泻、过量饮酒和多吃辛辣食物，都可刺激肛门和直肠。 4.因肝硬变、肝充血和心脏功能代偿不全等和腹腔内肿瘤、前列腺肥大等疾病都可使腹内压增加而形成痔疮，当然也包括妊娠。5.还有一些生活习惯问题，比如饮食过饱、常吃精细食品或憋便、蹲厕过久等，都是形成痔疮的原因。痔疮的治疗首先要保持大便通畅，进食易消化、少含渣滓的食物。饮食应粗细搭配，少饮浓茶、咖啡、酒类及少进辛辣食物，以减少对肛管的刺激。便后要温水坐浴，局部应用痔疮栓或痔疮膏。根据病情的不同，可以采取注射治疗、冷冻治疗及物理治疗。严重者可手术治疗，包括结扎法、胶圈套扎法、痔切除等痔的初期治疗只要注意饮食，保持大便通畅，预防出现并发症等。当痔块出血、痔块脱出或疼痛时，需到医院处理，可根据痔的大小采用硬化剂注射、手术切除等等。 轻度痔疮的治疗方法原则上以非手术疗法为主，同时应每天坚持热水坐浴；保持大便通畅；严重或伴有炎症时，应卧床休息，用抗生素治疗，外敷药膏；血栓性外痔伴有剧痛时，应在局麻下作梭形切口，取出血栓，每日1次用1：5000高锰酸钾溶液坐浴。 （一）、药物疗法： 1、枯痔散疗法：将枯痔散涂于痔核表面，使痔核坏死、干枯脱落、伤口自愈，该法适用于Ⅲ期内痔及嵌顿痔。 2、口服中药：运用益气固脱、收敛止血、涩肠化痔的内服中药，以减少出血或使出血停止、痔核缩小、减少脱出、减或消除症状，该法适用于任何患者。 3、外用药物：一是采用清热解毒，固脱涩肠的中药，煎汤外洗，如苦参汤 ，有较好疗效。二是运用马应龙痔疮膏等治痔疮膏进行治疗，也有很好的疗效。 （二）、手术疗法： 外科手术疗法，切除痔核，仍是目前最常用的治疗方法，其特点中随着手术方法的改进，手术中及后痛苦较轻，创面愈合快，疗效肯定，但要求手术条件较高，是目前治疗痔疮最可靠的方法。 （三）、其他疗法： 1.药物注射疗法：即硬化萎缩疗法，将硬化剂直接注射于痔核内，可使痔核硬化萎缩或使痔栓坏死脱落。 2.枯痔疗法：即药捻疗法，可使痔组织发生异常和化学炎症反应，引起纤维组织增生，达到治疗痔疮目的。 3.红外线治疗：采用红外线照射或烧烙痔核，从而使痔核萎缩。 4.冷冻疗法：即使用冷冻机、液态氮作冷冻剂，把痔核冻成块，让其坏死脱落。 5.激光疗法：采用CO2或YAG激光切除痔核，适用于各类痔疮。其特点是出血少。 【痔疮常用偏方秘方】 [方一] 蒲公黄、黄柏、赤芍、丹皮各30克，桃仁20克，土茯苓30克，白芷15克。水煎外用，每日1剂，日用2--3次，先加水2500---3500毫升，煮沸后过滤去渣，将药液倒入普通盆内，患者趁热先熏后洗，每次15--30分钟。 本方为邹桃生方，功能清热解毒除湿消肿，凉血散瘀，适用于痔疮。 [方二] 硫黄、雄黄各10克，樟脑3克，麻油适量。前药研成细末，用麻油调匀，擦患处。 本产适用于湿热而致痔疮。 [方三] 乌梅、五倍子各10克，苦参15克，射干、炮山甲各10克，煅牡蛎30克，火麻仁10克。水煎服，日1剂，日服2次。 本方为凌朝光方，功能清热解毒，润肠通便，适用于痔疮。 [方四] 浮萍适量。水煎，趁热擦洗患处。 本方适用于痔疮抓破出血不流水者。 [方五] 槐花、地榆各10克，仙鹤草、旱莲草、侧柏叶各15克，枳壳10克，黄芩5克，胡麻仁15克，勒莱苋30克。水煎服，每日1剂，日服2次，另外，可用此药煎液熏洗肛门。 本方为黄洪坤方，功能清肠利湿，止血，适用于痔疮。 [方六] 柞树叶30克。捣烂敷患处。 本方源于《黑龙江常用中草药手册》，适用于痔疮。 [方七] 刘寄奴、五倍子备等分。研为细末，空心酒下，仍用其末敷，遂愈。 本方源于《类编朱氏集验方》，治痔疮。 [方八] 生豆腐渣，锅内炒干为末，每服9克，白砂糖汤下，日3次。 本方源于《危氏方》，适用于血痔。 [方九] 丝瓜，烧存性，研末，酒服6克。 本方主治肛门久痔。 痔疮患者注意事项: 1.禁食酒类及辛辣、油炸等刺激性食物。 2.多吃蔬菜、水果,养成每天短时间排便的习惯。 3.养成有规律的生活习惯,避免熬夜。 4.排便后用温水洗肛门。 5.每天早晚及排便后以温水坐浴,坐浴时间不宜太长,约十分至十五分为宜。 6.避免一直保持同样姿势,为除去瘀血,偶而应做些轻微的运动(坐着工作的人每隔一小时最好能走动三、四分钟)。 </t>
  </si>
  <si>
    <t xml:space="preserve">幼儿咳嗽不止该怎办幼儿七个多月，发烧、咳嗽、流鼻涕，上医院打了两 </t>
  </si>
  <si>
    <t>你把梨皮削了，断成块状然后放冰糖和少量水在锅里煮！然后把汤和梨吃了！效果很佳！</t>
  </si>
  <si>
    <t xml:space="preserve">请问1.8花冠的发动机和变数箱是日本原装的吗？ </t>
  </si>
  <si>
    <t>不是。这一点很肯定。组装的，CKD.个人建议你不要买小日本的车子。有机会的话我给你讲讲其中的道理和日本车的质量。再给你发几份资料数据，拿事实来说话。好吗？</t>
  </si>
  <si>
    <t xml:space="preserve">可以推荐一个国内新闻的英文网站吗?我想看看国内新闻,用英语看,有 </t>
  </si>
  <si>
    <t xml:space="preserve">进中国日报网站看看吧： </t>
  </si>
  <si>
    <t xml:space="preserve">怎么样才能把博客主页装饰的很漂亮？我觉得模板里的模式太老套了 </t>
  </si>
  <si>
    <t>你好！ 在新浪博客的首页，你可以看到一个《博客帮助中心》，进入帮助中心，你就可以看到好多关于博客的页面制作方式。 不过，随着加入新浪博客的网友越来越多，自从新浪博客版面升级之后，为了保证系统能正常的运行，目前系统对于许多自定义的代码有限制。</t>
  </si>
  <si>
    <t xml:space="preserve">我反反复复得阴道炎,外阴红,有丘疹,阴道里是烫人的热.老是不好. </t>
  </si>
  <si>
    <t xml:space="preserve">   从你的症状看，中医可以辩证为湿热蕴结证，可能与你的体质有关。平时应注意饮食结构，多吃蔬菜、水果。少食辛辣油腻饮食，保持心情舒畅，适当运动。运动过度使体内水分过量消耗，对便秘没有好处。   关于阴道炎的问题，应进行一些检查。如白带有异味，呈“豆腐渣”样，考虑为霉菌性阴道炎。应局部应用抗霉菌的药物，如达克宁栓等。平时应注意养成良好的卫生习惯。如穿透气的纯棉内裤，使用优质的卫生巾，尽量不要自行阴道冲洗。还应注意性伴侣是否有包皮过长，或霉菌性包皮龟头炎，防止交叉感染。</t>
  </si>
  <si>
    <t xml:space="preserve">电脑开机后，在没有宽带连接前，总是自动出现一个拨号连接对话框。为? </t>
  </si>
  <si>
    <t>能删。这是IE的连接设置中的“始终拨默认连接”导致的。方法：打开IE，点“工具”--Internet选项...--点“连接”选项卡，点选“从不进行拨号连接”--确定即可。以后需要上网的时候，在点宽带连接就行了。</t>
  </si>
  <si>
    <t xml:space="preserve">做了包皮环切后性生活时间有提高吗?不做是否影响性生活呢?可以完全? </t>
  </si>
  <si>
    <t>包皮过长或包茎的人做包皮切除术是可以提高性生活质量的.这一点很肯定,我是包皮过长,平时龟头完全不外露,所以龟头很敏感,性交时间一般只有2-3分钟,后来做了包皮环切术,龟头在内裤的摩擦下角化了,敏感度降低,现在一般都在15分钟以上.既然你的龟头能在正常情况下外露,而且你平时又经常让它露出来,说明你的包皮只是有点长而已,你的龟头平时是经常和内裤摩擦的,它的敏感度就不会象包皮过长那样低,所以你完全不用去挨那一刀.现在的医学研究认为,龟头能正常外露的,不考虑手术.根据你的情况,以后不会影响你们的性生活质量,你只要经常注意清洗,夏天天天洗澡是没有问题的,到冬天每晚临睡前用热水进行清洗(去掉包皮垢),特别是婚后,包皮垢是导致子宫癌的祸首,所以一定要注意.</t>
  </si>
  <si>
    <t xml:space="preserve">为什么鼠标碰到杀毒软件的图标就消失了？ </t>
  </si>
  <si>
    <t>因为杀毒软件已经被关闭了而且是被强行关闭可能是病毒或者木马所为 现在木马都有这个功能建议到安全模式做个全面的杀毒！good luck~不懂的话M我～</t>
  </si>
  <si>
    <t xml:space="preserve">电脑高手进来帮忙指导! </t>
  </si>
  <si>
    <t>晕！一头雾水，你没有说清楚，又能指导你什么？</t>
  </si>
  <si>
    <t xml:space="preserve">NDS多少钱？ </t>
  </si>
  <si>
    <t>买IDS吧,支持神游啊.普通版价格都差不多．限定版才１６００多．　　　预定限量版包括，iQueDS一台　　·首发同捆IDS游戏《直感一笔》　　·特赠iQue GBA游戏《瓦力欧制造》　　·特赠行货用户iQue GBA游戏《密特罗德 零点任务》　　·预订官方证明金卡(有惟一序列号)！等。</t>
  </si>
  <si>
    <t xml:space="preserve">脸上出油，整天在电脑前工作，头皮屑多，有些掉头发，怎么办啊？ </t>
  </si>
  <si>
    <t>多给头发增加营养：　　要想拥有健康的头发，仅仅靠选择好的素是远远不够的，头发同样需要各种营养，因此保持平衡饮食，合理摄取富含蛋白质、维生素和矿物质的食品十分重要。只有保证全面合理的营养，才能有利于头发的生长。　　调查发现，脱发常见于喜吃肥肉、奶油、油炸食物、蜜糖以及经常饮用碳酸饮料和酗酒者中。这些食品含头发生长所需的营养成分较少，影响毛囊的营养。此外，酗酒过度常会导致胃肠疾病，影响蛋白质、维生素及矿物质的吸收，从而影响头发生长。　　头发的主要成分是含硫氨基酸的蛋白质，因此每日应摄入适量富含蛋白质的食品，如鱼类、瘦猪肉、牛奶、乳制品及豆制品。　　维生素 A对于维持上皮组织的正常功能和结构的完善，促进头发的生长起十分重要的作用，含维生素 A丰富的食物有胡萝卜、菠菜、莴笋叶、杏仁、核仁、芒果等瓜果蔬菜，其次动物肝脏、鱼虾类以及蛋类也富含维生素 A。　　维生素 B可以促进头皮的新陈代谢，维生素 B类存在于新鲜蔬果、全谷类食物中，如小麦、红米、花生、大豆、菠菜、番茄、香菇、扁豆等，此外沙丁鱼、奶酪中也含有丰富的维生素 B类。　　维生素 E可以促进血液循环，它主要存在于核桃仁、橄榄油、玉米、麦芽、豌豆、芝麻、葵花子等食品中。　　矿物质摄入不足同样会影响头发生长。这是因为铁、锌、铜、钙等微量元素是人体组织细胞和皮肤毛发中黑色素代谢的基本物质，缺乏这些物质会引起头发过早变白。黑色食品则含有较多的这类微量元素，常见的包括黑豆、黑米、黑木耳、黑枣、黑芝麻、乌骨鸡等。　　保护头发还要注意忌食辛辣刺激食物，如葱、蒜、韭菜、姜、花椒、辣椒、桂皮等，忌油腻、燥热食物如肥肉、油炸食品等，也要忌食高糖和高脂肪类食物。　　健康的头发有赖于全身的健康，而健康的身体离不开营养。如果把头皮当作花园，头发当作花草、树木，那么头皮需要耕种，头发需要养分。　　头发的正常生产有赖于：毛乳头内有供应头发营养的血管；毛乳头周围的毛母角化细胞分泌角朊和硬蛋白质合成头发，使头发生长茂盛；毛母色素细胞分泌黑色素，合成色素颗料，并充盈毛干，使头发乌黑。显然，如果头发得不到各种必需的营养，就会枯焦、稀疏、脱落和早白。　　据分析，头发成分中97%的蛋白质，头发的生长需要一定量的含硫氨基酸，而这种氨基酸人体并不能合成须由摄入的蛋白质来提供。假如人们每天蛋白质的摄入量少于50克，就会造成人体蛋白质的严重缺管，这势必影响头发的生长。　　能说明蛋白质与头发生长有关的最典型例子，要数发生在非洲黄金海岸地区土著民族儿童的一种恶性营养不良病。得这种病的儿童，其头发明显减少，而且干、脆、无光泽、易拔脱，从正常的黑色变为淡红色或白色。当患儿的营养状况改善时，头发则很快变黑。但营养再度缺乏时，头发又很快变白。于是同一根头发上就会出现“斑马线”一样的黑白相间颜色。这种特征现象也是见于患者溃疡性结肠炎或作过部分肠道切除术而引起蛋白质摄入不足的病人。</t>
  </si>
  <si>
    <t xml:space="preserve">帮忙翻译几句日语往日本公司应聘面接时必被问到的十二个问题，它们是 </t>
  </si>
  <si>
    <t>1.为什么要到这个公司应聘2.为什么选择这个工作3.觉得在这个业界工作的契机是什么4.对本公司?N怎样的印象5.是为何变得想转业的6.在现在的公司做着怎样的工作7.如果进公司了，想做怎样的工作8.请提供你的长处和短处9.有加班也不介意吗10.工作地希望哪边11.工资是希望多少12.何时能进公司</t>
  </si>
  <si>
    <t xml:space="preserve">请赚钱高手进来回答高分问题请问现在什么职业最赚钱和好练级，听说是 </t>
  </si>
  <si>
    <t>收集 10级学自体 这时候去挖动物皮、研磨（去狼营）还个说话岛的什么怪我忘了20级2级自体去挖DN外面的熊，赚皮革的钱28级3级自体 挖DN庙里的怪挖高皮，或者遗忘神殿的水房挖石头赚钱36级4级自体 不怕降级的话，就降到32去挖水房，继续赚或者直接去烙印挖后面有了6级自体去挖龙洞 死亡波动：冒险卷，一般的怪掉铸摸 三色石 价格都是1W多一个很赚，再到后面偶也不知道鸟</t>
  </si>
  <si>
    <t xml:space="preserve">成都汽车4s店是不是放假了？买车在哪儿才便宜？我现在就在网上看车 </t>
  </si>
  <si>
    <t>朋友，汽车团购是实惠，但是要选对地方啊，有些网站打着汽车团购的幌子招摇撞骗，给你介绍一个专业性的汽车团购网站，车乐购----报价精准，价格实惠，质量第一，服务至上是他们的经营理念，还有车乐购打破传统的经营理念“一辆汽车也团购”是它在同行业中销量排名超前的重要优势！！！</t>
  </si>
  <si>
    <t xml:space="preserve">【情报转载】潼关之战全势力武将如图：CC：CC、吓猴蹲、夏侯渊、 </t>
  </si>
  <si>
    <t>辽来来？口罩男？小正太？都是谁？火星了………</t>
  </si>
  <si>
    <t xml:space="preserve">最近可以买债券型基金吗？债券型基金的买入时机要怎么选择，最近可以 </t>
  </si>
  <si>
    <t>买的话就买驾驶债卷或南方宝元，其他的不行。</t>
  </si>
  <si>
    <t xml:space="preserve">女朋友不爱我？我和我女朋友因为我以前过去的事闹了些别扭，她问我和 </t>
  </si>
  <si>
    <t>她不爱你怎么可能让你抱着她?还天天抱?你可以把她的行为当成一种变相的撒娇.一个女孩突然知道自己的男友与另外一个陌生的女子有那样的关系,在她的潜意识里,让你抱着会让她感到安心和心情舒畅。而让你抱着的同时，她一定在你的怀里也抱着你，这也许是种心灵的慰藉吧。所以，她的行为正是她在乎你的表现。你确实累的话，在路边有歇脚处可以抱着她歇歇，也可以继续和她打商量；；她不听你的是暂时情况，她感受到你的爱和温暖，过了这几天就会好了。</t>
  </si>
  <si>
    <t xml:space="preserve">北京市对企业搬迁改制的相关政策对［５１］文件是否有实施细则，还有 </t>
  </si>
  <si>
    <t>找不到这类政策资料。提供相关的一个给你研究一下，希望能帮你的忙　　摘　要　煤炭企业非煤产业结构调整问题是特定历史背景下的产物。非煤产业结构调整具有系统性、目标多元性、动态性、差异性等特征，要求不同煤炭企业在进行非煤产业结构时，应制定不同的调整策略和方案。重点分析了不同发展阶段煤炭企业非煤产业结构调整的模式，并得出了相关结论。　　关键词　煤炭企业　非煤产业　结构调整　比较研究　　产业结构调整指煤炭企业通过扩张、收缩、改组、创新等方式，不断优化各非煤产 业之间的比例关系、制约关系和数量关系，其实质是对各产业进行动态的资源配置，以新的主导产业代替老的主导产业，促使非煤产业结构合理化，以保证企业非煤产业的持续健康协 调发展。　　煤炭企业非煤产业发展的过程就是产业结构不断调整的过程，是非煤产业由安置型向安置效益型，再向效益型转变的过程，是企业在政府支持下向自主发展的过程，也是非煤体制不断变革的过程。　　1　非煤产业结构调整的特征　　1．1　非煤产业结构调整的系统性　　从系统论的角度看，煤炭企业是一个复杂的经济系统，此经济系统有着独自的特征，包 含着许多产业类型，每个产业发展的涨落变化，都会影响系统整体效能的发挥。非煤产业结 构调整就是要通过对非煤产业结构的优化，最大限度地发挥这一经济系统的整体效能。　　　1.2　非煤产业结构调整的目标多元性　　煤炭企业非煤产业结构调整是多目标决策问题。在安置员工的同时，要考 虑产业及产品发展的市场前景，要考虑实现较好的经济效益，要考虑资源的充分利用，要考 虑保护生态环境，要考虑企业长远的发展，要保持矿区社会稳定，实现环境、 人口、资源、经济、社会的协调发展。随着企业的发展，企业要实现这些目标的先后顺序是 变化的。非煤产业发展的初衷是安置矿区富余人员，随着煤炭企业改革的深化，以及社 会保障体制的不断完善，非煤产业逐步朝效益型的方向转变。因此，当前考虑非煤产业结构调整，主要是考虑煤炭的综合利用，将部分产业做大做强，而舍弃一些 不具有竞争优势的产业，增强煤炭企业活力，提高煤炭企业经济效益，实现煤炭企业的可持 续发展。　　1．3　非煤产业结构调整方案的动态性　　煤炭企业非煤产业结构调整是长期的、艰巨的任务。随着时间的推移 ，煤炭企业在不同的阶段，其生态环境、资源、劳动力、管理、技术水平、资金等方面表现出不同的特征 。而且，外部环境也是变化的，要实现可持续发展，非煤产业必须根据其特点，不断地进行产业和产品结 构的调整，采取有效的措施，重组各产业和企业的生产经营活动。　　1．4　产业链延伸发展的局限性　　在煤炭企业中，煤炭开采按照先易后难原则渐次进行，煤炭开采成本会不断增加。受市 场需求波动的影响，煤炭产品价格波动大，产业增长不稳定；而且，矿区煤炭资源的储量又 有限，总有一天会消耗殆尽。因此，煤炭矿区作为产业部门的空间聚合体，其相关产业抵御 市场风险的能力较弱。随着主导产业部门的衰退，与主导产业部门前后向联系的产业部门也 随之衰退，使煤炭矿区陷入衰退的境地。　　从战略管理的角度看，产业链延伸发展模式属于相关多元化成长模式，有着独特的优势 ，也存在一定的风险。也就是说，通过产业链延伸方式来发展，将使整个煤炭企业的产业 结构更加依赖于资源，一旦资源衰竭或资源的开采成本大幅度增加，会使得整个矿区的发展重新陷入困境，会使矿区内经 济、社会、环境、人口、资源的矛盾更加突出，煤炭产业对相关产业具有“一荣俱荣，一损俱损”的波及效果。　　 从宏观上讲，如果国家不对煤炭企业的产业链延伸加以指导和控制，任凭企业选择综合 开发项目，在可以预见的未来，会出现煤炭综合开发相关产业的生产能力过剩问题，会给煤炭企业的发展 带来新的问题。另一方面，由于我国市场经济体制尚不健全，资本市场发育不够完善，企业 投资融资体系改革不到位，煤炭企业通过兼并、联合、重组等各种方式，整合现有的生产资 源，进入相关产业，又存在一定的困难，增加了产业链延伸的不确定性。　　1．5　非煤产业调整方案的差异性　　煤炭企业非煤产业涉及面广，企业类型较为复杂，结构调整方案应该因产业、因企业而 异。不同的煤炭企业处于不同的区域，有的地方资源丰富、交通便利，有的地方信息闭塞，有的地方经济发 达，有的地方经济落后。因此，从行业的角度讲，并不存在统一的、千真万确的非煤产业结构调整的模式 。而且，一个煤炭企业非煤产业也涉及较多产业和企业。从企业规模上看，大中小企业并举；从企业所有 制性质上看，有全民、集体、个体等多种形式；改制形式又涉及到承包制、股份制、租赁制 、股份合作制等。另外，不同产业也有着不同的发展演变规律，有着不同的竞争结构。这些 都表明，煤炭企业非煤产业结构调整是一项庞大的系统工程。　　2　非煤产业结构调整的比较研究　　2．1　衰老矿区的多元模式　　由于长期受计划经济体制的影响，衰老矿区煤炭产业情况比较复杂，问题较多，不能期 望用同—种模式解决所有问题，必须针对不同情况，采取多种多样的产业结构调整方式与 途径。但不论采取哪种方式，都是充分利用煤炭衰退企业的资金、技术、人才、管理等生产要素，或借助外部力量，建立起基本不依赖原有的全新产业群。具体来讲，可采取以下方式： 　　一是高起点创新型。对于依托于工业基础较好，现处于工业化中期的城市或地区的煤炭 企业，在非煤产业结构调整上，可充分利用其所在城市或地区现有的工业基础，兴建高新技术开发区，重 点发展高新技术产业，可与科研院所合作，以控股方式设立高科技股份公司，进入信息产业 ，发展电子商务、软件开发、信息产品销售代理、信息咨询等业务。　　二是内部特区型。通过制定特殊政策，鼓励非煤企业采取个人出资、集资、合伙、合资 、股份合作等多种形式对现有非煤企业进行改制和改革，扩大非煤企业融资渠道，盘活社会 闲散资金，促进经济发展；制定政策鼓励非煤企业员工发展个私经济，鼓励职工自谋职业， 鼓励待岗、待业人员从事护理、清洁、家政、维修、搬迁、驾驶、烹饪、餐饮娱乐、信息咨 询等服务业，鼓励员工办厂、开店、经商、搞流通，广开就业门路。制定优惠政策，鼓励外 资进入矿区，鼓励非煤企业迁入矿区，不求所有，但求所在。另外，煤炭企业应与地方政府 加强联系，争取地方政府将一些新增投资项目建在矿区，以带动矿区经济发展。　　三是贸工农型。对那些依附于农村兴办的煤矿，无任何工业基础，在非煤产业结构调整 时，发展第三产业处于劣势，却有着发展第一产业所必需的土地资源及林业资源优势。衰老 报废煤矿还有闲置的工业场地、房屋设施以及废弃的巷道等，都可用来发展第一产业。 而且发展第一产业符合衰退矿区人员富余、资金缺乏的实际情况。衰老矿区可按照农业产业 化的要求和运作方式，组织矿区富余人员进行系统培训，向农业中注入管理和技术等优质生 产要素，搞规模化经营、产业化开发，搞种植、养殖、农副产品深加工一体化产业经营，将农业做大做强，形成新的利润增长点。　　3．2　中兴矿区的产业链延伸模式　　中兴矿区由于经济效益较好，资金雄厚，非煤产业结构调整的重点是要投资相关产业， 进行煤炭综合开发，延伸产业链。煤炭工业是与多个行业发展相关的诱导性产业，煤炭的产业链很多很长 ，如煤—电—高能载体产业链，煤—焦(气)一化产业链，煤—油—电产业链，煤—路—港— 航产业链等，煤炭企业可采用适合自身特点的产业延伸方式予以发展。而且，对煤矸石、煤 泥、瓦斯、 矿井水等废弃物的利用，技术上也已经比较成熟，煤炭企业可建立以煤矸石发 电为龙头的产业链，如煤矸石—发电—高能载体产业链；煤矸石—发电—水泥—水泥制品产 业链等。　　我国的神华集团充分发挥煤炭产业链的功能，实施煤、电、港、油综合发展，太原煤气 化公司重点发展的煤—焦—化产业链，都是高技术、高效益、高水平的产业链延伸发展模式 。 兖矿集团将非煤产业重点确定为“三大产业链”：即以煤炭的洁净生产和出口为导向的煤、 路、港、航产业链，以煤炭的转化和洁净利用为导向的煤、化、电产业链，以综合利用和节 能降耗为导向的煤、电、铝产业链。　　2.3　新采矿区的规避调整模式　　煤炭企业发展非煤产业是我国经济体制转轨过程中的一种特殊现象。非煤产业规避调整 模式是采取逆向思考的方式，即在新矿区(井)开采伊始，就把原有煤炭企业转型过程中遇到 的环境、就业、替代产业等诸多问题，估计、考虑在先，通过市场化的手段，解决在煤炭开 采的各个阶段、各个环节过程中。这样，就避免了非煤产业结构调整的成本高、代价大、效 果差等一系列后患问题。其具体做法是：　　(1)优化产业结构，努力形成一业为主、多业并举、共同发展的局面。这样做，当煤 炭资源枯竭时，仍能保持矿区的活力，实现可持续发展。　　(2)合理确定开采强度和服务年限。　　(3)重视技术进步，不断提高机械化水平，减少用工人数。　　(4)改变传统的用工制度。对于需要较多的开采大军，通过公开向社会招标，实行 吨煤工资制，运用合同规范双方的权利和义务，彻底摒弃以往那种大包大揽的用工制度，这 样，矿区到了煤炭开采后期也无需安排他们再就业了。　　(5)从开采的第一天起就要做好规划，把环境污染消灭在萌芽之中。　　(6)宜建城就建城，宜建镇就建镇，就近有城市或城镇的宜利用就利用，彻底改变有煤 矿就必然产生城市的传统观念，减轻新采矿区办社会的负担。　　20世纪80年代末期以来，澳大利亚采用了煤炭矿区发展的长距离通勤模式(Long Distan ce Commuting,LDC)来规避矿区的衰退和转型问题，取得了较好的效果，值得我国煤炭 企业 借鉴。其基本做法是不在偏远矿区建立新的居民点，而是依托距离较近的中心城镇，雇员集 中时间轮岗上班，长距离通勤。其优势有：　　(1)节约了大量的新城建设费用；　　(2)较好地解决了矿区企业办社会的问题，减轻了企业负担，增加了企业决策的灵活性 ；　　(3)煤炭企业招募雇员更容易，因为雇员家属不必迁往偏远的矿区，雇员的替 换率也较低。　　3　非煤产业结构调整的相关建议根据以上的分析，我们可以为非煤产业结构调整提出以下建议：　　(1)非煤产业结构调整，是煤炭企业发展过程中的必然现象，是煤炭企业自身发展规律 的客观反映。　　(2)非煤产业结构调整的目的在于通过产业结构调整取得各产业之间的协同效应，增加 资源附加值，提高煤炭企业的整体经济效益，实现产业升级，以保证煤炭经济社会系统的可 持续发展。　　(3)非煤产业结构调整具有目标多元性、动态性等特征，相关管理部门需要对非煤产业 结构调整的过程予以监控，落实保证措施，以最大限度地减少非煤产业结构调整给企业发展 带来的负面影响，降低非煤产业结构调整的风险。　　(4)非煤产业结构的调整，要受煤炭主业发展的影响和制约。非煤产业结构调整需要的 资金，要靠煤炭主业提供，非煤产业的选择受煤炭主业发展阶段和效益的影响，不同煤炭企 业应制定不同的调整策略与方案。　　(5)非煤产业结构调整，必须结合区域发展实际，优先选择煤炭下游产业、信息产业、 新能源产业和环保产业加以发展。特别是煤炭综合开发可增加煤炭产品的附加值，提高煤炭 企业经济效益，为煤炭企业带来新的活力，是非煤产业发展的主要方向。　　(6)非煤产业结构调整的同时，需要进行组织结构、产权制度和管理体制的适应性调整 。非煤产业要朝组织结构简单化、产权制度多元化、经营管理体制多样化的方向发展。 　　(7)对新建矿区，应及早规划，避免煤炭企业的结构失衡问题，实现煤炭企业经济、社会、人口、资源、环境的可持续发展。</t>
  </si>
  <si>
    <t xml:space="preserve">汽车在要刹车时需要先踩离合吗？ </t>
  </si>
  <si>
    <t xml:space="preserve">如果先踩离合车有可能很难控制,特别是在紧急情况下非常危险,先踩刹车还可以省油,其实这都是很多人不知道的.由于现在很多驾校的教练都没经过正规的培训,所以很多教练都认为应该先踩离合再踩刹车,其实正确的方法是先踩刹车后踩离合.但一切动作应配合默契. </t>
  </si>
  <si>
    <t xml:space="preserve">我想问一下我的地图怎么无法打开阿我是可以听见打开地图的声音的就是? </t>
  </si>
  <si>
    <t>彻底下线重上一次。退到选人物那一步没用的。我也遇到过这种情况。希望可以帮到你。</t>
  </si>
  <si>
    <t xml:space="preserve">阴阳偏衰总的治疗原则是什么？ </t>
  </si>
  <si>
    <t>寻求阴阳平衡，用补法，一般不用泻法。阳虚补阳，阴虚补阴。</t>
  </si>
  <si>
    <t xml:space="preserve">子宫分为哪三种型?医学上是怎样区分A型B型和C型的?C型是代表最 </t>
  </si>
  <si>
    <t>◇ 子宫正常形态像一个倒挂的梨，无论少女还是成年女性，宫体与宫颈的正常比例都是2 ：1◇ 子宫正常位置有三种：前位、中位、后位，只要不是过于前屈、后屈就正常。前位、中位与后位相比，更容易怀孕。◇ 子宫正常大小：未孕未育成年女性：平均长5.0cm，宽4.5cm，厚3.5cm（不加宫颈长度）已生过小孩的女性：平均长6.5-7.0cm，宽5.0-6.0cm，厚3.5-4.5cm（不加宫颈长度）。绝经后：平均长5.0-5.5cm，宽4.5-5.0cm，厚2.5-3.0cm（不加宫颈长度），绝经时间越长，数值越小。◇ 子宫内膜正常厚度（青春期开始至绝经前后）：月经干净时：约1-3mm卵泡接近排卵：8mm（此时B超可见卵巢优势卵泡17-18mm，即将排卵）排卵后的1-2天内(相当于受精卵着床时间)：10-11mm（此时B超看不见优势卵泡，可见子宫直肠腔有液性暗区，为排卵挤出的卵泡液）下次月经前：15-16mm左右早早孕的当月或非孕期月经过多者：18-20mm或以上绝经后：不超过4mm，绝经时间越长、内膜越薄。如绝经后内膜超过4mm，尤其绝经后又再出血者，应立即去医院作详细检查。</t>
  </si>
  <si>
    <t xml:space="preserve">能开不能开了总掉线玩个鸟啊？什么意思从下午北京八就没消停过能消停 </t>
  </si>
  <si>
    <t xml:space="preserve">    您好,您的问题已解决,感谢您的反馈,谢谢!</t>
  </si>
  <si>
    <t xml:space="preserve">Thestudentsarehavingintheschool. </t>
  </si>
  <si>
    <t>I. 一般疑问句　　1. 概念　　能用yes / no(或相当于yes / no)回答的问句叫一般疑问句。　　2. 含系动词be的一般疑问句的构成　　具体地说，就是当陈述句中有am /is / are时，可直接将它们提至主语前，The students are having in the school.Are the students having in the school?但如遇第一人称，最好将其置换成第二人称。如：　　I'm in lass 2, Grade 1.     Are you in Class 2, Grade 1 ?    你是在一年级二班吗？　　It's a map of China.     Is it a map of China ?    这是一幅中国地图吗？　　3. 含情态动词的一般疑问句的构成　　一般疑问句面前人人平等：情态动词与am / is / are一样，也可直接将它们提至主语前，所以问题迎刃而解了。如：　　I can spell it. →Can you spell it? 你会拼写它吗？　　4. 含实义动词的一般疑问句的构成　　含实义动词的一般疑问句的构成稍微有点讲究，要在句首加do；如逢主语为第三人称单数，谓语动词为一般现在时单数第三人称形式"v-(e)s" 时，奉does为座上宾并要变回原形(如has→have，likes→like等)；有时陈述句中的some还要变作any等。如：　　She lives in Beijing.      Does she live in Beijing?   她住在北京吗？　　I like English.    Do you like English?    你喜欢英语吗？　　There are some books on my desk.     Are there any books on your desk?</t>
  </si>
  <si>
    <t xml:space="preserve">２００５年下半年的一个网络工程师题目理解下午第4大题的第三小题不 </t>
  </si>
  <si>
    <t>1-99代表标准访问控制列表只设置地址不涉及协议和端口100-199代表扩展访问控制列表需要设置协议如TCPUDP等还有相应服务以端口确定既tcp后应为源地址和目的地址eq后为端口号扩展访问控制列表涉及1.源地址2.目的地址3.协议4.端口号#access-list100denytcp0.0.0.25 eq23以上为100号扩展访问控制列表阻止掩码为网段到掩码为网段的telnet服务注:你写的掩码有问题访问控制列表使用的是反掩码</t>
  </si>
  <si>
    <t xml:space="preserve">宝宝湿疹与哺乳期间服用维生素问题宝宝现在24天，这几天脸上长了好 </t>
  </si>
  <si>
    <t>的护理方法　　婴儿湿疹是吃奶的孩子身上较常见的一种皮肤疹，也叫奶疹，此病一般是由过敏引起的，具体原因比较复杂，在吃牛奶的孩子身上更为多见，所以有人推测可能是由于对异性蛋白不适应而引起过敏的。　　典型的婴儿湿疹多发生在头、面、耳部周围。开始呈红色小米粒大小的疙瘩，，较密集，后出现黄色、半透明的粘稠渗出液，而后结痂。在双眉、头皮、耳垂周围黄痂较多。此疹也可发生在大腿根、液下、外阴部、颈部等处，常因磨擦而使皮肤红肿、，糜烂，形成鲜红色潮湿的伤面。患儿因剧痒而烦躁不安，用手抓患处，可引起出血，继发细菌感染，严重者可化脓发烧。患处附近的淋巴结肿大。　　对患湿疹的婴儿一般采用以下护理方法：　　给孩子洗脸洗澡时不要用肥皂刺激，如身体、四肢湿疹较重时，暂时不要盆浴，洗后要立即涂药。 　　给孩子换上清洁柔软舒适的衣服，枕头要常换洗，衣服被褥均要用浅色的纯棉布制做，不要用化纤制品。 　　不要使孩子着冷受热，要躲避冷风，夏季不要暴晒。 　　乳母应忌食辛辣刺激性食物，如辣椒、葱、蒜、酒等。 　　喂孩子的牛奶应多煮些时间，用以破坏牛奶中的致敏物质。孩子患湿疹严重时要及时请皮科医生治疗，家长不要随便给孩子涂病，以免加重过敏。一般湿疹经治疗后容易好转，但敢容易复发，不过不用着急，一般停牛奶后（大约6个月）就会逐渐痊愈。　　可以试试“郁美净”～～～～～擦湿疹的～～～各大超市有售～～～　　祝宝宝健康～～～～</t>
  </si>
  <si>
    <t xml:space="preserve">C语言程序题main(){charch[3][4]={"123" </t>
  </si>
  <si>
    <t>char ch[3][4]={"123","456","78"},  表示定义一个2维数组，3行4列，并对其进行付初值。  "123" ==&gt;第一行,1=&gt;第一列,2==&gt;第二列,3==&gt;第三列,'\0'==&gt;第四列  "456" ==&gt;第二行 4=&gt;第一列,5=&gt;第二列,6=&gt;第三列,'\0'=&gt;第四列  "78"  ==&gt;第三行 7=&gt;第一列,8=第二列,'\0'=&gt;第三列,第四列值由器决定，一般为0其结果是:   ch[0][0]=1,ch[0][1]=2,ch[0][2]=3, ch[0][3]='\0'   ch[1][0]=4,ch[1][1]=5,ch[1][2]=6, ch[1][3]='\0'   ch[2][0]=7,ch[2][1]=8,ch[2][2]=='\0',ch[1][3]='编译时决定'char *p[3],指定义一个一维字符串指针数组（从左向右看，首先是一个指针*p,然后又是是个数组[3])for(i=0;i&lt;3;i++) p[i]=ch[i];这句话是将指针p[i]指向第i行数据，ch[i]表示第i行的行数据首址，在数字上＝&amp;ch[i][0]，一个静态数据，编译时决定。for(i=0,i&lt;3;i++) printf("%s",p[i]);表示连续输出3个字符串指针所指的内容。%s表示输出对应字符串内容，遇到"\0"表示输出结束('\0'本身不输出).输出内容当然是:12345678  ^_^</t>
  </si>
  <si>
    <t xml:space="preserve">主机一直响开机后就一直这样响，偶尔停顿三秒又接着响了，并说说排除 </t>
  </si>
  <si>
    <t>“风扇也上过油，没用”注意检查下，到底是电源，CPU,显卡的哪一个风扇？？？这个跟擦金手指没关系的饿然后确定这个风扇也上过油了，如果无效的话，拿着旧的去配个新的就可以，没多少钱的？或主机下面垫点棉布等软的东西缓冲下看看</t>
  </si>
  <si>
    <t xml:space="preserve">世界杯决赛的主裁判是谁?前几天新闻说过了,但当我反应过来要去听是 </t>
  </si>
  <si>
    <t>阿根廷裁判埃利松多将执法决赛日本裁判上川策将执法三四名决赛</t>
  </si>
  <si>
    <t xml:space="preserve">公务员:病句分析1.原中国书法协会主席启功先生看过她的作后,称赞 </t>
  </si>
  <si>
    <t>1.原中国书法协会主席启功先生看过她的作后,称赞其"深得神韵,独有所长".可改为：原中国书法协会主席启功先生看过她的作品后，称赞她“深得神韵，独有所长”。原因：“作”应为“伤口”；“其”含混不清，可能指她，也可能指伤口。2.大量事实证明,气功疗法不失为一种好的治疗癌症的方法.("大题事实证明,气功疗法不失为一种治疗癌症的好方法",这样改对吗?)这样改是正确的。3.上海市对贵州省的援助是早有准备的.可改为：上海市早就准备好对贵州省的援助。原文意义含混，既可能是指上海市对贵州省援助，也可以理解为贵州省的援助。</t>
  </si>
  <si>
    <t xml:space="preserve">酒馆问题酒馆怎么建！雇佣英雄在哪里啊？ </t>
  </si>
  <si>
    <t>空地点了后，选酒馆，再点修建。酒馆修好后，点酒馆进入，点要选的英雄下面的雇佣即可</t>
  </si>
  <si>
    <t xml:space="preserve">今晚竞猜给大家看双选难啊周一001荷兰乙级联赛阿培尔顿VS赫尔蒙 </t>
  </si>
  <si>
    <t>1阿培尔顿 () 赫尔蒙德 31 2勒阿弗尔 () 沙托鲁 31 3桑坦德竞技 () 巴伦西亚 30 4洛里昂 () 梅斯 3 5雷恩 () 兰斯 3 6美洲狮 () 利马联盟 3</t>
  </si>
  <si>
    <t xml:space="preserve">淄博在建酒店有哪些???? </t>
  </si>
  <si>
    <t>中国陶瓷科技城五星大酒店,在昌国西路.</t>
  </si>
  <si>
    <t xml:space="preserve">请帮我翻译一下！treadinganddrillingofcol </t>
  </si>
  <si>
    <t>集电极棒的攻丝及钻孔</t>
  </si>
  <si>
    <t xml:space="preserve">过敏性鼻炎9年，无特效药29岁，男，河北张家口人。2005年得过 </t>
  </si>
  <si>
    <t>对脱敏治疗反应不佳，约百分之15的人会有这个情况。花粉过敏原目前没有进口药，脱敏是否包含了所有过敏原也会影响疗效。可以应用调节免疫药如肌注卡介菌多糖3个月。季节前预防性用药可改善症状</t>
  </si>
  <si>
    <t xml:space="preserve">力五庄该怎么加点如题 </t>
  </si>
  <si>
    <t>五庄不适合练力，伤害加成太低，烟雨限制太大，没好的攻击技能，没有天宫那样的气血加成，没有地府的伤害能力。练力五装消耗也很大，极品装备不能少，修炼也要很多钱 。练力五装，还不如把暗器技能点高一些，平均伤害不比砍的少，而且PK的能力比力的好。力五装只适合做任务，PK太差。只有跑镖打图什么的有些优势。强烈不建议练。你要练，那就三力一体一耐吧，或者力再多加一点点。</t>
  </si>
  <si>
    <t xml:space="preserve">请问外汇交易市场里的IB指的是什么？ </t>
  </si>
  <si>
    <t>IB是英文Introducing Broker的缩写，也就是介绍经纪人的意思。对于国内外汇行业，所谓IB就是境外一些外汇交易商的国内代理经纪公司或个人。随着国内银行保证金业务的开展，相信不久就会有国内银行的IB出现。</t>
  </si>
  <si>
    <t xml:space="preserve">男朋友这样正常吗与他认识是是朋友介绍的，相处时间很短，三个月前他 </t>
  </si>
  <si>
    <t xml:space="preserve">   等到他回来，你们真正的相处了再下决定。男人也是善变的。</t>
  </si>
  <si>
    <t xml:space="preserve">塞纳里奥议会声望怎么刷知道的告诉我谢谢啊 </t>
  </si>
  <si>
    <t>任务先全做了,可以等尊敬了再交因为尊敬后杀小怪不涨声望了.不过我觉得交不交随便啦,不差这点.然后去废墟G团是最快的,杀BOOS声望很多的还能赚钱.当然,很有钱的话就捐信.捐信基本就是烧钱,感觉有点划不来.</t>
  </si>
  <si>
    <t xml:space="preserve">浙江2005年高考复习资料谁有?请问谁有浙江2005年高考复习资 </t>
  </si>
  <si>
    <t>有的。但是学校发的</t>
  </si>
  <si>
    <t xml:space="preserve">帮我说说这段话是别人的，想表现下呵呵帮帮忙。人生渺茫。做什么找不 </t>
  </si>
  <si>
    <t>你不去说,没有人会听的到你不去看,你不知道别人也在注视你你不去听,你不会知道其他人的想法你不去追求,没有人知道你想要你不去爱,没有人知道你会爱...就是这样不表达自己,什么也得不到....不去努力什么都得不到.....你觉得呢?呵呵~</t>
  </si>
  <si>
    <t xml:space="preserve">魔兽怎么玩？我刚玩，誰告诉我怎么玩 </t>
  </si>
  <si>
    <t>去WWW. HAO JJ.COM 上自己照</t>
  </si>
  <si>
    <t xml:space="preserve">坦克悬挂系统日本人对90式坦克和挑战者2坦克的对比中说，90式坦 </t>
  </si>
  <si>
    <t>你好!对于你的问题,的悬挂以及行走系统是基于一个国家的工业制造基础与能力紧密相关,同时也与作战理念有所影响.当今的坦克主要是战后三代和二代的坦克,扭杆悬挂的优点是成本低,维修保障要求低.故我国的采用此悬挂方式.对于坦克你不能单纯的以技术来衡量其战斗力.另外;不一定采用扭杆液气悬挂就平稳.还与悬挂系统的配置,行走系统的布置有关并相互影响,制约.日本的90式主战坦克强调的是火炮射击前的车体稳定性,要求火控系统提供最佳的赋予条件,也就是说火炮射击前,行走,悬挂系统尽可能降低因车体的颠簸而对射击精度的影响,悬挂系统的缓冲性改善了,可是射击后却需要数秒才能使车体回到原来的姿态.这的确对坦克高强度快节奏作战增添了负面影响.这就像坦克等一些强调高精度射击的火炮采用身管热护套或激光校正仪的问题了,你仔细观察就会发现不同国家的坦克都不尽相同.比如;有采用自动装弹机的坦克,有继续保留装填手的,有采用炮射导弹的,有沿用线膛炮的,有采用贫铀装甲的,有采用模块装甲的,甚至有无炮塔的和动力系统前置的.总之;不同国家的坦克都根据其需求与条件有着不同的样式.就像图中的意大利"公羊"主战坦克是以突出根据本国相对轻松的防卫任务而开发的经济型坦克.</t>
  </si>
  <si>
    <t xml:space="preserve">智能窗帘去哪里可以买到？想用智能窗帘，网上看到格瑞斯朗的介绍觉得 </t>
  </si>
  <si>
    <t>我们一直用着是格瑞斯朗的牌子啊，是挺方便的，而且这么长时间了没发现有什么问题啊，买的时候厂家担保的，如果有什么质量问题都管的。这个牌子的还不错啦</t>
  </si>
  <si>
    <t>闲聊联盟杯，简单预测01赫　塔VS里斯本</t>
  </si>
  <si>
    <t xml:space="preserve">01 赫　塔(12-17 01:00 里斯本 02 巴塞尔 12-17 02:00 富勒姆 03 索陆军 12-17 02:00 罗　马 1004 帕纳辛 12-17 02:00 布加迪 30 05 布鲁日 12-17 04:05 图卢兹 31 06 贝游击 12-17 04:05 矿　工 07 国民队 12-17 04:05 维也纳 3 08 毕尔巴 12-17 04:05 不来梅 01 09 阿贾克 12-18 02:00 安德莱 310 热那亚 12-18 02:00 瓦伦西 11 快　速 12-18 02:00 凯尔特 3 12 夏普尔 12-18 02:00 汉　堡 13 维拉利 12-18 04:05 萨尔斯 3 14 本菲卡 12-18 04:05 雅　典 30 </t>
  </si>
  <si>
    <t xml:space="preserve">买出股票如果赚了能立刻收到钱吗 </t>
  </si>
  <si>
    <t>可以收到钱，但是那钱暂时还取不出来，得等1天。</t>
  </si>
  <si>
    <t xml:space="preserve">观世音（一词双意）观世音既是人，也是事，谁帮忙对一个好词，不限平 </t>
  </si>
  <si>
    <t>观世音 解百纳***一种称作“解百纳”的干红葡萄酒，正令不少消费者“醉”入纳闷之中。***张裕公司提供了“解百纳”由来的一个版本：早在上个世纪三十年代，当时兼任张裕经理的中国银行行长徐望之先生，组织一批公司和银行人员研究定名，他们决定秉承张裕创始人张弼士倡导的“中西融合”理念，取“携海纳百川”之意，将这种高档葡萄酒命名为“解百纳干红”。“解百纳干红”一直作为张裕的核心子品牌，已有70多年的历史了。</t>
  </si>
  <si>
    <t xml:space="preserve">弱势状态不要轻易出手　　暴跌之后市场选择了沉闷，多空双方都泄了气 </t>
  </si>
  <si>
    <t>其实,现在心虚的倒是空方了,尤其是那些大肆沽空打压而被别人抄底成功,这些资金有点慌神了--低位回补现象出现了.活该,这些家伙还以为现在是1993年,没料到QFII们一声不谢地就接走了地位廉价筹码，再打呀，干吗收手了呢？所以我才在这里嘲笑这类土狗主力--太自信了，被人家踹屁股了，呸~</t>
  </si>
  <si>
    <t>AnEnglishproblem</t>
  </si>
  <si>
    <t>貌似选B，while句首表让步，尽管喜欢颜色，（但）不喜欢式样。though不放在句首使用。To iamwhatiwas老师，我确实在很多GRE阅读理解中见过While句首表让步的情景，那都是美国高级知识分子写的严谨的学术文章啊，应该是比较地道的吧。</t>
  </si>
  <si>
    <t xml:space="preserve">桃花岛的镇岛之宝是什么？ </t>
  </si>
  <si>
    <t>软猬甲不地，私以为，黄药师或者她女儿，也都可以算是“镇岛之宝”啊，暴笑~</t>
  </si>
  <si>
    <t xml:space="preserve">慈禧得了富贵病(打一成语) </t>
  </si>
  <si>
    <t>后患无穷</t>
  </si>
  <si>
    <t xml:space="preserve">深圳哪家发型设计室较好？十一我要去设计个发型，给自己定个发型…… </t>
  </si>
  <si>
    <t xml:space="preserve">建议你参看深圳消费指南，或许对你很有用:)  ＝＝＝＝＝＝＝＝＝＝＝＝＝＝＝＝＝＝＝＝＝＝＝＝＝＝＝＝＝＝＝＝＝＝＝＝艺轩发型创作室创立於1996年，曾在多次美发大赛中获奖，在深圳发型创作界享有很高的知名度，在客户当中也有很好的口碑。本制作室环境优雅，服务一流，使用的美容美发产品是美国专业美容美发产品的美爵士(MSTRIX)产品，是世界四大名牌之一，本制作室愿以最好的产品，最好的发型设计师，最好的服务为您创作精美的发型，让您高兴而来，满意而归。我们的宗旨是客人就是上帝。　地址：深圳市蛇口工业九路113号 电话： 性质：美容化妆服务中心，美发发型店时间：10：00AM-00：00AM交通：由火车站乘的士到达本店需人民币50元，车程30分钟货币：人民币，港币　服务范围 发型设计(剪,吹)、美容面部祛斑护理、专业美甲设计、专业电发设计、美容暗疮中药护理、专业新娘化妆、法式水晶指甲、专业头发护理设计、专业指甲彩绘、专业纹眉纹眼线、专业指压推拿按摩、专业宴?薄⒚廊菝娌炕だ怼⒚拦ド逞彰婊だ怼⒆阍?　各项服务收费表 服务项目　　收费(人民币:元) 洗剪吹　　　　　68元 电发设计　　　　380元 头发?h油护理　　280元  颜色护理　　　　380元 美容洗面全套　　68元 专业纹眉纹眼线　400元 专业美甲手指　　50元 专业美甲脚趾　　65元 专业指甲彩绘　　20元 以上所有项目八折优惠 ＝＝＝＝＝＝＝＝＝＝＝＝＝＝＝＝＝＝＝＝＝＝＝＝＝＝＝＝＝＝＝＝＝＝一则报道，或许你喜欢听:)近日，深圳最大的专业发型设计沙龙－HAIR3国际连锁在众人期待的目光中，以全新的姿态、独特的理念、强大的阵容开业经营。由深圳美发界两大巨头陈志麟、林飞雄先生联合开办的HAIR3国际连锁登陆深圳，不仅吸引了众多爱美人士的眼球，也成为各大媒体关注的焦点。位于深圳黄金地带———华发北路铜锣湾广场的HAIR3分店，占地近1000平方米，是深圳唯一采用自然光上色、测试标准达100％的专业色彩吧。深圳美发界两大巨头陈志麟、林飞雄以“全国十大名校”枫雅职业中心和万百形象设计有限公司为依托和后盾联手打造HAIR3,标志着特区美发企业经营运作上升到了前所未有的高度，逐步走上了规范化、企业化、产业化和国际化的发展道路。本报记者唐军图／文 </t>
  </si>
  <si>
    <t xml:space="preserve">宝宝不爱吃饭，老说肚子疼，大便两三天一次，怎么办？我家宝宝3岁9 </t>
  </si>
  <si>
    <t>大多数的厌食与不良的饮食习惯有关。零食过多、餐前饮用大量饮料、进食时注意力不集中(如边听故事、边看电视边吃饭)等等不良的习惯，可以扰乱或抑制胃酸及消化酶的分泌，从而使患儿食欲减退。食不定时：有的父母见孩子哭就喂奶或喂饭,进食没有一定的规律。家长长期强迫进食：由于过分担心小儿营养不足，体重增长不快，进食量过小等，强迫小儿进食。大大影响了小儿的情绪，产生了进食等于受罪的错觉，并逐渐形成了条件反射性拒食，最终发展成厌食。首先要纠正吃零食的习惯，另外创造一个好的“相互进取”的就餐环境，鼓励孩子和大人一起吃，我猜你家宝宝主要是靠喂饭的吧。对已经有厌食习惯的孩子，遇到他不肯吃饭时，不要大惊小怪，而要不动声色地把食物拿开，孩子少吃一点或不吃一餐，是没有什么问题的，这时仍要注意不随便给零食吃，坚持一段时间。</t>
  </si>
  <si>
    <t xml:space="preserve">自动挡车被拖车要注意哪些事项？ </t>
  </si>
  <si>
    <t>自动档被拖车，挂N空档只能慢速且短距离，如果时间长车速快，因变速箱是处于断油状态，会因为缺少润滑和油温高而损坏的；正确的做法是：放松手刹，前驱的车子要托起前轮拖车、后驱的要后轮托起拖。</t>
  </si>
  <si>
    <t xml:space="preserve">如何消除痤疮？黑头粉刺很多，什么方法可以消除 </t>
  </si>
  <si>
    <t>黑头是硬化油脂阻塞物，通常出现在颜面的额头、鼻子等部位，当油脂腺受到过分刺激，毛孔充满多余的油脂而造成阻寒时，在鼻头及其周围部分，经常会有油腻的感觉。这些油脂最终会硬化，经氧化后成为黑色的小点，这些小点就是被称作黑头的油脂阻塞物。用珍珠粉可以很好地清除老化角质和黑头。其具体作法如下： 1.在药店选购质量上乘的内服珍珠粉。 2.取适量珍珠粉放入小碟中，加入适量清水，将珍珠粉调成膏状。 3.好的珍珠粉均匀地涂在脸上。 4.部按摩的手法在脸上按摩，直到脸上的珍珠粉变干，再用清水将脸洗净即可。 5.每周可用两次。能很好地去除老化的角质和黑头。</t>
  </si>
  <si>
    <t xml:space="preserve">脑筋急转弯3:吃苹果时，咬下一口......，发现竟一条虫，觉得 </t>
  </si>
  <si>
    <t>半条虫。。。。。。。。。。。。。。。。。。。。。。</t>
  </si>
  <si>
    <t xml:space="preserve">第68期方案[请教]阿森纳[13]，布莱克[3]，米德尔[30] </t>
  </si>
  <si>
    <t>阿森纳 [13]，布莱克 [3] ，米德尔 [30]，-----01朴茨茅 [1]，-----0雷丁 [31]，谢菲联 [13]维冈 [30]，比勒菲 [31]， ----30多特 [13]，拜仁 [3]，科特布 [31]-----30不来梅 [0]，波鸿 [30]，-----13欧塞尔 [03]------13</t>
  </si>
  <si>
    <t xml:space="preserve">高中毕业能学软件开发吗 </t>
  </si>
  <si>
    <t xml:space="preserve">你好：当然可以了，自学也可以，只要你用心就可以学习，但学习软件设计需要一定的英语和数学，以下是学习软件开发的基础计算机语言，我推荐你先学习C语言，学精后再学习C++语言。一共28课，一共1.74G。C语言视频教程 谭浩强编，曾怡教授讲解！                            专门播放器下载华军软件园:  太平洋软件:  </t>
  </si>
  <si>
    <t xml:space="preserve">经济利益合同可以附加道德行为准则吗？ </t>
  </si>
  <si>
    <t xml:space="preserve">    一般情况下不可以附加道德行为准则：    从法律与道德所规范的作用及范围来看，它们对人们行为有着不同层次的要求。前者一般只能规定最起码的行为要求，而后者可以解决人们精神生活和社会行为中更高层次的问题。   例如：“毫不利己，专门利人”的道德要求，不一定能够得到经济合同法的认同。</t>
  </si>
  <si>
    <t xml:space="preserve">?ず旁夤偻?炔?T工盗用 </t>
  </si>
  <si>
    <t>不是吧~真还有这样的问题?</t>
  </si>
  <si>
    <t xml:space="preserve">怎样设触发剧情,不但英文我不懂,我还不知道怎么做 </t>
  </si>
  <si>
    <t>去下个中文补丁先~（U9上应该有）PS：我共享了个WE自学教程，有兴趣的可以去看看</t>
  </si>
  <si>
    <t xml:space="preserve">值此抗日战争胜利60周年之际，中韩朝三国应不忘国耻，同仇敌忾，共? </t>
  </si>
  <si>
    <t>好,要好好错错日本老的锐气,我怀疑这个裁判是小泉的亲戚,受小泉指使的</t>
  </si>
  <si>
    <t xml:space="preserve">席林骑士的练级！我准备在盟里练个席林骑士去做队长开怪，选他是因为 </t>
  </si>
  <si>
    <t>呵呵放心吧，没问题，78的都可以开了。晶体没必要都开，抗物理攻击的一般也抗毒，你开干扰和吸血就可以了。 我练的就是XLQS,又找到个朋友,加油呀!</t>
  </si>
  <si>
    <t xml:space="preserve">号被骗子盗了怎么办我的号也是，前几天被骗子盗了，用送奖品来骗取我 </t>
  </si>
  <si>
    <t>确实应该提高防范意识也不要随便相信中奖这种事</t>
  </si>
  <si>
    <t xml:space="preserve">脂溢性皮炎用阿红皮肤王可以治好吗？我的脂溢性皮炎在头上，用过一些 </t>
  </si>
  <si>
    <t>我哥哥也有脂溢性皮炎，我也是给他买的这个阿红皮肤王，用了2个星期就好得多了，，现在正在巩固治疗中，希望对你也同样的有效果</t>
  </si>
  <si>
    <t xml:space="preserve">我是8月23号来的月经，请问排卵期是哪一天？ </t>
  </si>
  <si>
    <t xml:space="preserve">一般月经期的第十四天是排卵日， 如没有吃会影响月经的食物，情绪稳定、休息足够、保持平常心态，排卵日也会准的。 排卵期会出现白带清、透明多而且可以拉很多，很长的丝，拉丝长的那天最贴紧排卵，想增加怀孕的机会 ， 自己要留意白带的情况。 在排卵日的中午时份同房，怀孕的机会会高些。 留意自己白带，然后做功课~~ </t>
  </si>
  <si>
    <t>新赛季投石问路决定捐款32元1.比利时VS克罗地</t>
  </si>
  <si>
    <t>好久不见骑驴兄了。。</t>
  </si>
  <si>
    <t xml:space="preserve">怎么做梅干菜啊?一直很向往梅菜扣肉,但是我们这是四川,主要出产冬 </t>
  </si>
  <si>
    <t xml:space="preserve">梅干是享誉海内外的一种客家乡土菜。秋末冬初，菜园里的芥菜抽了苔，它姆指粗细，顶带花蕾，形如秋萄，脆嫩味甘。这时，村妇摘下菜心(长约5寸左右)，晾挂几天。待叶子变软时，放进盆里，撒上盐，用手揉搓，待渗出一些汁液时，便装入陶瓮，码放一层撒一层盐，装满后用芥菜叶或竹笋壳把瓮口封严。过了半月二十天，取出晒干，便成了色泽金黄，咸酸味甘的梅干菜。     霉干菜有芥菜干、油莱干、白菜干之别，多系居家自制，使菜叶晾干、堆黄，然后加盐腌制，最后晒干装装坛。 油光黄黑，香味扑鼻，解暑热，洁脏腑，消积食，治咳嗽，生津开胃，故绍兴居民每至炎夏必以干菜烧扬，其受用无穷也，至于“霉干菜切肉”更为绍兴特色菜肴，已入《中国菜谱》。    梅干菜本身就是黑色的做此菜，本身就需要肥一点的肉，这样靠肉里面油使得梅干菜有味 一，先把放在家里的梅干菜先蒸一下（因为买来的时后，卖家是放在袋里的，为了吃得干净） 二，把蒸过的梅干菜晾一下，第二天准备做 三，买带肥肉多点的五花肉，或别的。告诉菜场卖肉的，你要做梅干菜蒸肉，他会帮你选。（我个人不吃肥肉，所以专买乐块纯瘦肉，个人爱好问题） 四，把肉切块，放在锅里干煎，直到两面成黄色，因为有肥肉，锅里会煎出些油 五，把梅干菜和肉倒在一块，搅伴，放鸡精，放糖。（无需放盐，梅干菜本身就是咸的，按个人口味，可在梅干菜上散上红碎干椒） 六，蒸 或 放在干净的容器里用小火直接烧蒸（此种蒸法要注意放水，用最小的火，在每隔十五分钟时后，放三到四勺的水，火会慢慢的把水收干。） 七，用筷子戳肉，一碰就一小洞的时后（只要你觉得熟了，适合你入口的熟度了），散上大葱，便可以关火了。 八，关火，让它闷个十分钟左右， 九，开吃 注：最后，梅干菜蒸肉，一般情况下，是多量的。分好几顿吃。要吃的时后，盛些出来和青红辣椒回锅一炒便行。不过不炒也可，再蒸便是，这是个人爱好问题。 </t>
  </si>
  <si>
    <t xml:space="preserve">四六级考试能否用临时身份证报名和进考场考试时要出示身份证，有没有 </t>
  </si>
  <si>
    <t xml:space="preserve"> 在四级考试的时候出示身份证,目的只是对照准考证与身份证上的名字是否相同而已,临时和长期一样的效果,不过如果考试进行改革那么准考证上将有本人的照片,这时候,就还要对照照片是否相符了,还有你本人是否和身份证照片一样.  它的功能只在于此,不考虑临时和长期与否.放心准备考试吧.</t>
  </si>
  <si>
    <t xml:space="preserve">在社会生活中，我们要怎样才能是大家都友好和睦相处 </t>
  </si>
  <si>
    <t>亲：这个问题真的好大哦，我在想啊如果把我想说的全部说完的话.这里肯定装不下了，那怎么办呢？就简要点吧：正确看待自己，认清自己的地位和角色。人贵有自知之明，人是在别人对自己的评价中认识自己的。众多的“别人”形成一面社会镜子，可以使我们从中发现自己的本色。只有与别人交往、比较，才能估价自己的形体情况，自己的知识、能力、兴趣、爱好、气质、性格等情况。（2）正确看待别人。对别人不满意，人际关系紧张是社会适应不良的重要表现。人对自己有所期待，因此而改变自己，人对别人也有所期待。但是，我们不能用自己的意愿去改造别人。固执地以自己的意愿要求别人应该怎样，不应该怎样，是引起人际关系紧张的主要原因。假如我们经常“将心比心”，站在别人的位置，扮演别人的角色，我们就会理解别人的需求和感受，从而改善待人态度，减少很多不必要的误会与不愉快的冲突，建立并维持和谐的人际关系，面对共同的工作，尤其是遇到晋升、加薪等问题时，同事间的关系就会变得尤为脆弱。此时，你应该抛开杂念，专心投入工作中，不耍手段、不玩技巧，但决不放弃与同事公平竞争的机会，当你苦于难以和上司及同事相处时，殊不知你的上司或同事可能也正在为此焦虑不堪。相处中你要学会真诚待人，遇到问题时一定要先站在别人的立场上为对方想一想，这样一来，常常可以将争执湮灭在摇篮中，世间会有君子就一定会有小人，所以我们所说的真诚并不等于完全无所保留、和盘托出。尤其是对于你并不十分了解的同事，最好还是有所保留，切勿把自己所有的私都告诉对方，最后再提醒你一句：同事间相处的最高境界是永远把别人当作好人，但却永远记得每个人不可能都是好人哦，还有很多想说但.....此处省略1000字了.谢谢记得评价哦</t>
  </si>
  <si>
    <t xml:space="preserve">青岛钢厂怎么样？工资待遇怎样？工作环境怎样？效益好吗？ </t>
  </si>
  <si>
    <t>工资待遇一般，在青岛属于平均工资型，工作环境挺脏的，效益随着国际大趋势走，钢需求量大时它的效益就好。肯定随国企。如果去那里工作，估计温饱没问题，想要高收入挺难的。</t>
  </si>
  <si>
    <t xml:space="preserve">什么是变量地址？变量地址是变量名吗？ </t>
  </si>
  <si>
    <t xml:space="preserve">一个整数在32位系统中是占用4字节的,而返回的只是这4个字节的起始地址,它的全地址就是以这个地址开始的后面的4个字节. 而数组是相同类型的一组变量组成的,它们每个元素之间的地址是连续的 数组的名称本身就是表示这个数组的起始地址啦!再加上数组的类型的长度就是下一个元素的起始地址 </t>
  </si>
  <si>
    <t xml:space="preserve">日交叉tagjw汇友,我的日元现在被套,今天104.1左右交叉到 </t>
  </si>
  <si>
    <t>现在日元走势不太明朗.但是本人认为日元应该反扑了.这时交叉不是太好.建议您持有日币,等待时机.咱们同样被套.等-----------交叉与否,主要看您的判断.别人的意见只是参考.祝好运!</t>
  </si>
  <si>
    <t xml:space="preserve">一个丑陋的男人会有女孩子去爱吗？ </t>
  </si>
  <si>
    <t>　　当然。　　你不要担心，外表其实是次要的，只要有才有德就足够了，再好看的人，看常了也不过是一般般。而往往那些长相一般的人，越看越耐看。你说呢？　　真正爱上一个人是没有理由的。　　努力的充实自己，让自己每天进步一点点，你就会变的越来越自信，那时候你就什么都不用担心了！</t>
  </si>
  <si>
    <t xml:space="preserve">合肥哪里的橱柜最便宜,急需购买 </t>
  </si>
  <si>
    <t>在合肥性价比最高的橱柜要算三乐橱柜了,所以说同类品牌同等质量的产品最便宜的要算三乐橱柜了,他们主要是通过网络销售,有个橱柜实体展厅在元一对面.我家是江汽六厂的,买了一套UV橱柜3000不到,感觉很爽</t>
  </si>
  <si>
    <t xml:space="preserve">把服务端公布出来吧`让有能力的人来弄``如提 </t>
  </si>
  <si>
    <t xml:space="preserve">破天老总你跟我滚出来```你爹我都不能玩了``快叫你的罗罗给我个答复时间能给你爹我玩，不然老子撤了你的职！！！！！还有把前天回档玩家所丢失的物品全赔给人家，老子不是教你了啊——做人要厚道！  </t>
  </si>
  <si>
    <t xml:space="preserve">问问练级怪什么怪适合远程职业打?现在39,打螳螂感觉太慢了 </t>
  </si>
  <si>
    <t>我的枪号40来级就去跳石头了```但是慢``跳是可以跳```去77吧```那个好打点``不行就只能跳螳螂或狮子了`````QS打不动````</t>
  </si>
  <si>
    <t xml:space="preserve">唐山那里有游乐场?大型一点的. </t>
  </si>
  <si>
    <t>唐山没有大型游乐场。我在唐山生活了40多年，还没发现那里有北京那样的大型游乐场。</t>
  </si>
  <si>
    <t xml:space="preserve">为什么我的电脑上不能新建文件夹了？？？右击后没有那个选项了怎么回? </t>
  </si>
  <si>
    <t>一般情况下都是中毒了，好好杀杀毒。重装电脑那是最后一步了，不得已的情况下才重装。</t>
  </si>
  <si>
    <t xml:space="preserve">太阳还可以烧多久？太阳的组成以什么构成？是液态还是固态的？ </t>
  </si>
  <si>
    <t>氢约占71％, 氦约占27％, 其它元素占2％ 太阳从中心向外可分为核反应区、辐射区、对流层和大气层。由于太阳外层气体的透明度极差，人类能够直接观测到的是太阳大气层，从内向外分为光球、色球和日冕3层。 光球层： 光球表面另一种著名的活动现象便是太阳黑子。黑子是光球层上的巨大气流旋涡，大多呈现近椭圆形，在明亮的光球背景反衬下显得比较暗黑，但实际上它们的温度高达4000℃左右，倘若能把黑子单独取出，一个大黑子便可以发出相当于满月的光芒。日面上黑子出现的情况不断变化，这种变化反映了太阳辐射能量的变化。太阳黑子的变化存在复杂的周期现象，平均活动周期为11.2年。 色球层： 紧贴光球以上的一层大气称为色球层，平时不易被观测到，过去这一区域只是在日全食时才能被看到。当月亮遮掩了光球明亮光辉的一瞬间，人们能发现日轮边缘上有一层玫瑰红的绚丽光彩，那就是色球。色球层厚约8000千米,它的组成与光球基本上相同，但色球层内的物质密度和压力要比光球低得多。日常生活中，离热源越远处温度越低，而太阳大气的情况却截然相反，光球顶部接近色球处的温度差不多是4300℃，到了色球顶部温度竟高达几万度，再往上，到了日冕区温度陡然升至上百万度。人们对这种反常增温现象感到疑惑不解，至今也没有找到确切的原因。 日珥： 在色球上人们还能够看到许多腾起的火焰，这就是天文上所谓的“日珥”。日珥是迅速变化着的活动现象，一次完整的日珥过程一般为几十分钟。同时，日珥的形状也可说是千姿百态，有的如浮云烟雾，有的似飞瀑喷泉，有的好似一弯拱桥，也有的酷似团团草丛，真是不胜枚举。天文学家根据形态变化规模的大小和变化速度的快慢将日珥分成宁静日珥、活动日珥和爆发日珥三大类。最为壮观的要属爆发日珥，本来宁静或活动的日珥，有时会突然"怒火冲天"，把气体物质拼命往上抛射，然后回转着返回太阳表面，形成一个环状，所以又称环状日珥。 日冕： 日冕的范围在色球之上，一直延伸到好几个太阳半径的地方。日冕里的物质更加稀薄，它还会有向外膨胀运动，并使得热电离气体粒子连续地从太阳向外流出而形成太阳风。</t>
  </si>
  <si>
    <t xml:space="preserve">请教法师到80级的加点我看了很多法师到70级的加点,现在开80级 </t>
  </si>
  <si>
    <t>智精法80级最高能穿女神+10套,3个女神雪晶套必须要有,配点为精神95智力147 自然200点 如果楼主装备好的话可能穿上更高级的女神!如装备都是加2智力2精神的!在用个7智4精的杖...反正办法很多,我看见有人穿+12女神!也可能是配点不一样!智精法技能点很有争议,我说一下我个人的配点办法,风掌握和地掌握加到8 法力再生+6 智精法的蓝总不够用,没办法之好加!开100级的时候再洗下去攻击技能,火枪 缠绕 毒藤 掌心 岩石加10 天蹦1 瞬移1 群雷1 冰封1星辰4 加冰封是为了PK用,在火龙副本里冰封也是相当好用的技能!星辰+4在PK和打怪中都很实用,风系魔法暴击很高,以后GF的主要魔法主要是围绕风的地,楼主不妨去看一下我的帖子关于天蹦讨论,那里有我的很多想法,朋友们也没少帮忙,相信会对你有所帮助!还有各位大虾,意见不同,不要骂我啊</t>
  </si>
  <si>
    <t xml:space="preserve">盘盘和局(历史名词一) </t>
  </si>
  <si>
    <t>长平之战</t>
  </si>
  <si>
    <t xml:space="preserve">女性输卵管堵塞的症状？输卵管堵塞的表现？ </t>
  </si>
  <si>
    <t>问题分析：您好！主要症状1、不孕症：输卵管本身受到病损的侵害，形成阻塞而致不孕，以继发不孕较为多见。2、腹部不适：下腹有不同程度疼痛，多为隐性不适感。3、月经不调：输卵管与卵巢相邻，一般输卵管的疾病并不影响卵巢的功能，对月经量的多少也没有影响，只是当炎症波及卵巢对卵巢功能造成损害时才会出现月经的异常。4、痛经：因盆腔充血而致成瘀血性痛经，多半在月经前1周开始即有腹痛，越临近经期越重，直到月经来潮。5、其他症状：如白带增多，性交疼痛，胃肠道障碍，乏力，劳动受影响或不耐久劳、精神神经症状及精神抑郁等。意见建议：由于输卵管堵塞会造成不孕，所以要及时的检查，平时避免久坐！</t>
  </si>
  <si>
    <t xml:space="preserve">w7重装想把c盘格式化，是否可以，怎样操作，谢谢各位大侠指教~ </t>
  </si>
  <si>
    <t xml:space="preserve">拿光盘启动计算机，会复制安装文件，然后提示你全新安装还是修复，选择全新安装，选择安装到C（默认安装盘），会让你按F确认，选择格式化磁盘安装 </t>
  </si>
  <si>
    <t xml:space="preserve">印尼头号球星是谁 </t>
  </si>
  <si>
    <t>印尼头号球星是库尔尼亚万。库尔尼亚万全名库尔尼亚万-德威-尤利安托(Kurniawan D.Yulianto)，他1976年7月13日出生于印尼瓜哇省玛琅，1993年曾为印尼夺得亚洲中学生锦标赛立下头功。1993年7月赴意大利桑普多利亚学习。在1994年5月随桑普多利亚作远东之行，在印尼雅加达对印尼选拔队攻入致胜一球，令桑队3比2取胜，从此名声大噪。1996年9月入选亚洲19岁以下青年锦标赛最佳阵容。他被印尼球迷称为“上帝的礼物”，因为库尔尼亚万在印尼语中就是“上帝的礼物”之意。他还曾在欧洲短暂淘金，曾先后效力过两家瑞士甲级球队卢塞恩和伯尔尼小男孩队。</t>
  </si>
  <si>
    <t xml:space="preserve">电器原理图中的符号各代表什么机床类的电器原理图，里面的各零件的画 </t>
  </si>
  <si>
    <t>建议，买两本专业的和一本电路电子的入门基础的书来读</t>
  </si>
  <si>
    <t xml:space="preserve">关于行会战问题（急急急）！哪个高手能告诉我怎么样才能打赢行会战? </t>
  </si>
  <si>
    <t>行会战主要是要打掉对方的 公会之心.只要打掉对方的公会之心,你们公会就赢了.关键就是打公会之心,一般打公会战冲进去就是在中门的地方,要攻进城就需要打掉对方吊桥才能进去呢,如果对方有守卫那就必须有防高的角色去引开火力.不过可以使用攻城车,带好弹药,砸吊桥很容易的.建议楼主组织一支突击队,直接顶吊桥上的守卫,其他人抓紧拆掉吊桥冲进对方建筑里.然后找到对方公会心争取直接打掉,当然自己要防好自己的公会心不要被打掉,所以怎么安排人手就留待楼主跟自己公会里的朋友去商量啦.OVER~~~</t>
  </si>
  <si>
    <t xml:space="preserve">118期，英超几个强队基本面简析。利物浦主场平局太多，始终另人不 </t>
  </si>
  <si>
    <t>周中阿森纳冠军杯有所保留，而且是第一比赛日打，体能应该不成问题，原有的战术体系又渐渐找到感觉，主场可信，3；曼联的伤病令弗爵爷头疼，周中欧冠是第二比赛日，上的是目前最强阵容，小胖、纳尼更是打了全场，体能可能会有问题，还是防一手比较好，个人意见在资金充裕的情况下补个1，小单的话，3还是首选；曼城方面，队长孔帕尼停赛，QPR虽然没什么像样的进攻套路，但锋线的冲击力对曼城防线是个考验，加上曼城现在火的发烫，不知道什么时候会出意外，出1应该是个冷门</t>
  </si>
  <si>
    <t xml:space="preserve">为什么我的家族接不了升4级的任务? </t>
  </si>
  <si>
    <t>不是每次上线都能接到多退出几次试试实在不行就验证游戏吧</t>
  </si>
  <si>
    <t>寻求一张电路原理图！！我是一名电器初学者</t>
  </si>
  <si>
    <t>我知道。在今日电子上有这篇文章！可以查到</t>
  </si>
  <si>
    <t xml:space="preserve">请问在现在的石器商业C中哪一款最值得买就是说在现有的情况下(资金 </t>
  </si>
  <si>
    <t>商业宠完全不值得买的~~~有前车之鉴的因为在石器的更新换代中.商业会慢慢被替代.以长远来看是完全不值得的.如果要买的话还不如买多张点卡~~~</t>
  </si>
  <si>
    <t xml:space="preserve">为什么我退出游戏时不见了'取消',第个号就有取消 </t>
  </si>
  <si>
    <t xml:space="preserve">您好，出现这种情况有可能是您的客户端更新不完整造成的，请您下载完整的手动更新包进行更新。手动更新包下载地址：    </t>
  </si>
  <si>
    <t xml:space="preserve">我遇到了这样的上司,我该怎么办?我是机关里的一个老姑娘,前几年发 </t>
  </si>
  <si>
    <t>他是否暗恋你呀?</t>
  </si>
  <si>
    <t xml:space="preserve">请问黑暗精灵法师在转职前穿奉献是不是就可以了啊？将来转职为那种职? </t>
  </si>
  <si>
    <t>可以。喜欢单练就是狂咒，有盟有组就练席林吧。单练最好也找个席林跟你加状态和蓝。</t>
  </si>
  <si>
    <t xml:space="preserve">会计帐务处理——弥补亏损去年年度有亏损，今年如果第一季度有盈利在 </t>
  </si>
  <si>
    <t>季度所得税要交的，年度所得税可以抵。</t>
  </si>
  <si>
    <t>word里的工具栏中的符号栏不见了怎么办在word里，点视图</t>
  </si>
  <si>
    <t>你试一下如下方法，看看行不行：依次打开C:\Documents and Settings\你的用户名\Application Data\Microsoft\Templates，把里面的Normal.dot文件删除就可以了。下次你再打开Word时会自动生成新的Word模板（即Normal.dot文件）。 注意：“Application Data”文件夹是隐藏的文件夹，所以你在找该文件夹时要先把文件夹选项设为“显示所有文件和文件夹”，否则会找不到。</t>
  </si>
  <si>
    <t xml:space="preserve">什么是最有效的最好的戒烟产品呢？无副作用。要安全的好的哦 </t>
  </si>
  <si>
    <t>最安全得就是自己本身，只要自己有毅力坚持不抽，哪就一定行，你说得戒烟产品，肯定都会说好得一面，坏得一面他们也不会告诉你呀</t>
  </si>
  <si>
    <t xml:space="preserve">你有没有看过〈名侦探柯南〉——雪夜的恐怖传说这个命案？不是雪女的 </t>
  </si>
  <si>
    <t>o 看过 是261 降雪之夜的恐怖传说（前篇） 262 降雪之夜的恐怖传说（后篇）连续的两集 被杀的是父亲 凶手穿上了铠甲杀的人 是那家的佣人 还嫁祸给了次子 应该就是这样的</t>
  </si>
  <si>
    <t xml:space="preserve">求刷怪升60的地点？如题本人55巨魔猎人，想刷怪练到60，哪个地 </t>
  </si>
  <si>
    <t>建议冬泉谷　在永望镇东南的雪人　东北的熊怪　都不错远点的话可以去南边的枭兽　　经验大概无干扰无双倍一小时2万　当然是理想状态　如果你用弓弩注意冬泉谷当地只有卖子弹的优势：离城近　联盟少　离奥格瑞玛也近　怪分布合理适合猎人如果你是用弓弩的　那么可以去东瘟疫和希利苏斯　但是没有冬泉谷平静　敌对阵营开打经常发生　怪也比较强　　风景更不如冬泉谷</t>
  </si>
  <si>
    <t xml:space="preserve">湘潭08新兵什么时候走？（具体时间） </t>
  </si>
  <si>
    <t>第一批已经走了 第二批在12.10左右</t>
  </si>
  <si>
    <t xml:space="preserve">阴道总是坠坠的感觉???经常感到阴道坠坠的,不知是否和宫颈糜烂有 </t>
  </si>
  <si>
    <t>去正规的医院问医师是最好的!!!他会给你答案的!!!别在这问,会误导你的!!</t>
  </si>
  <si>
    <t xml:space="preserve">桥本氏病对身体的危害有哪些？ </t>
  </si>
  <si>
    <t>本病多见于女性，表现为结节性甲状腺肿，起病慢慢，常在无意中发现，体积约为正常甲状腺的2～3倍，表面光滑，质地坚韧有弹性如橡皮，明显结节则少见，无压痛，与四周无粘连，可随吞咽运动活动。晚期少数可出现轻度局部压迫症状。桥本氏病发展慢慢，有时甲状腺肿在几年内似无明显变化意见建议：初期时甲状腺功能正常。病程中有时也可出现甲亢，继而功能正常，甲减，再正常，其过程类似于亚急性甲状腺炎，但不伴疼痛，发热等，故称此状态为无痛性甲状腺炎，产后发病则称为产后甲状腺炎。但当甲状腺毁坏到一定程度，许多患者逐渐出现甲状腺功能减退，少数呈粘液性水肿。桥本氏病有时可合并恶性贫血，此因桥本氏病患者体内存在胃壁细胞的自身抗体。桥本氏甲亢,又称桥本毒症.桥本病即慢性淋巴细胞性甲状腺炎和毒性弥漫性甲状腺肿,均为自身免疫性甲状腺疾病.有时可以发现两者合并存在的病例意见建议：由于桥本氏甲状腺炎为慢性疾病，所以一旦发现脖子比较肿大，诊断也确切时，不要冒然就开刀将甲状腺肿大的地方拿掉。对付桥本氏甲状腺炎，正确的方法应该是：多运动、少吃含碘的食物桥本氏病慢慢发展的话，会有甲状腺功能减退的趋势。多见于30～50岁女性，起病隐匿，发展慢慢病程较长，大部分病人在开始无症状，桥本氏病最早症状为乏力。主要表现为甲状腺肿大，多数为弥漫性，少数可为局限性，可呈结节状，质较硬。部分以颜面、四肢肿胀感起病。随着病情的发展，可出现甲状腺功能减退及粘液水肿表现。本病多见于女性</t>
  </si>
  <si>
    <t xml:space="preserve">轻功到哪里学啊?????????? </t>
  </si>
  <si>
    <t>当然是少林寺,现在就少林寺有啊,不过要练成最低要20年呀,建议你还是别想了,呵呵</t>
  </si>
  <si>
    <t xml:space="preserve">困扰我六年的初恋，我该怎样了断？我和他相处了一年半，感情至深，但 </t>
  </si>
  <si>
    <t>人生是真实的，爱情是缥缈的！试问有几个人能和自己的最爱在一起一辈子呢？时间可以淡忘一切，就看你是怎么去面对了！我也有我的最爱，但是我们没有在一起，我虽然很伤心，但是没有办法！人生就是这样，有欢乐也有悲伤，不管怎样都要走下去的！也许多少年后你回头看看你走过的路，也许能给你带来美好的回忆！保留那一点点属于你自己的东西，我想朦胧也未必不是一件好事，既然已经散了，为何还要继续在一起呢？清醒巴，从另一个角度来看，未必不是一件好事，我们不是圣人，我们只是凡人，精神生活不是全部！心静如水，可能对你是一件好事！不要冲动，冲动是魔鬼亚</t>
  </si>
  <si>
    <t>武器装备</t>
  </si>
  <si>
    <t>那是他的装备，　武器都有加Ｓ的</t>
  </si>
  <si>
    <t xml:space="preserve">宝宝四个多月不爱睡觉一般的晚上八点半左右就睡了，到了下半夜四点多 </t>
  </si>
  <si>
    <t>不爱睡觉的问题很多，你介绍的不太详细。我无法给你一个准确的回答，但有一个原则可以告诉你，只要你的宝宝能吃，能玩的开心就不必担心了。</t>
  </si>
  <si>
    <t xml:space="preserve">借人气问一下，急大家帮我解答我是一名初4学生，马上就要毕业了，可 </t>
  </si>
  <si>
    <t xml:space="preserve">有如下的办法：1、改正自己的缺点，好好学习。提高学习成绩，做一名好学生，       2、和同学搞好关系，和老师搞好关系，尊敬老师，3、通过父母等关系，想办法，和校长或学生处的主任，疏通疏通，也就是说，和能负责，学生档案的老师疏通关系，（也就是花点钱，走走后门）    但要有前提，1和2你自己要做好的基础上，做 3的时候，就相应的容易些了，否则，就很难了，    </t>
  </si>
  <si>
    <t xml:space="preserve">请问门虫老师门虫老师：　　晚上好！朋友建议我明天申购华夏回报，我 </t>
  </si>
  <si>
    <t>我也正在发愁明天进不进华夏回报,真拿不准.我喜欢他的分红方式,毕竟可以将随时取得的收益派送给基民,对基民还是挺负责的嘛.</t>
  </si>
  <si>
    <t xml:space="preserve">我真的恨自己,为什么要把感情看的太重,而我的女友她却无所谓呢!难? </t>
  </si>
  <si>
    <t>一个人不说话并不代表她是哑巴！爱她就坚持！</t>
  </si>
  <si>
    <t xml:space="preserve">战机型号常识测验指定题：他人请绕行围观。（图）如图，请“逆火T2 </t>
  </si>
  <si>
    <t>谢谢，这是英国博尔顿.保罗公司P.75“欧佛斯特兰德”型轰炸机的机头。1933年首飞的颇有一战遗风的一款轰炸机，造了28架，全部服役于英国空军。1941年退役。但不同于一战前辈的是该机机头炮塔和驾驶舱为封闭结构，但背部和腹部仍为开放结构，该机是英国第一款采用外动力操作炮塔的飞机，由气动马达驱动炮塔旋转。该机有采用可收放起落架的改进计划版本，称为P.80“超级斯特兰德”，后该项目被放弃。</t>
  </si>
  <si>
    <t xml:space="preserve">为什么网络总是繁忙？ </t>
  </si>
  <si>
    <t>因为我们还是社会主义初级阶段啊，登陆使用的人多，服务器忙不过来，嘿嘿</t>
  </si>
  <si>
    <t xml:space="preserve">昆明理工大学的48个国家重点学科是那些是那些？谢了！急用。dax </t>
  </si>
  <si>
    <t>昆明理工大学只有一个国家重点学科： 有色金属冶金  冶金与能源学院的专业都不错，如：冶金工程、金属材料工程、无机非金属材料工程（金属材料工程、无机非金属材料工程2002年后合并为材料科学与工程一级学科招生）、宝石与材料工艺学</t>
  </si>
  <si>
    <t xml:space="preserve">为什么日本要在南京进行大屠杀呢？为什么要全强奸妇女，杀光平民呢？ </t>
  </si>
  <si>
    <t>南京当时是国民政府的首都，日本猪侵略到此处时，虽然国民军败北，但遇到的抵抗是最为强大的，代价是惨重的，入城之后，以报复心理，屠杀了我们30万同胞，身为中华儿女，不可原谅日军对手无寸铁的平民百姓进行的屠杀，我们不可以忘记历史。在如今世界和平的大环境下，日本政客公然否定侵略历史，美化战争，我们要提高警惕，不能让历史重演，即使发生，也要在东京，而不是南京。</t>
  </si>
  <si>
    <t xml:space="preserve">俺咋在各大网站找了半天也没找到R14R9开奖信息请教先知的高手了 </t>
  </si>
  <si>
    <t>14场还有R的？呵呵彩票机开奖最快，当然了，得这台机器有人中才行，看当日报表，比信息传输到机器上还要块10分钟-15分钟</t>
  </si>
  <si>
    <t xml:space="preserve">今天突然阴道里面感觉像针刺一样疼,我好害怕,有人能告诉我怎么回事? </t>
  </si>
  <si>
    <t>对于,这种情况以前没有出现过吗?小便有没有刺痛感或许变黄之类的?初步判定是阴道炎或是尿道炎,建议你要妇科做检查,还有不要过于紧张,放松心情!</t>
  </si>
  <si>
    <t xml:space="preserve">武昌地区哪里有宠物用品专卖店啊???我养了一只宠物仓鼠,很可爱的 </t>
  </si>
  <si>
    <t>中北路的花鸟市场呀！很多的。在姚家岭那一站下车。农行大楼的斜对面。</t>
  </si>
  <si>
    <t>预测:中超辽宁中誉</t>
  </si>
  <si>
    <t>01:01:00</t>
  </si>
  <si>
    <t xml:space="preserve">爱！始终不渝，真的存在吗？哎！我不想说了，有谁能告诉我这个世界真 </t>
  </si>
  <si>
    <t>这个世界万事万物都需要,要不,怎成世界?动物都需要爱,确切的说,是人更需要爱.自盘古初开天地,就有爱了;没有爱,人类会变得冷血,没有爱,这个世界变得荒芜,死寂,有了爱,世界才有生机,有了爱,生活就会多姿多彩......有了爱,才有你的存在.</t>
  </si>
  <si>
    <t>办理香港自助E</t>
  </si>
  <si>
    <t>1. 十八歲或以上；2. 持有效的往來港澳通行證（下稱通行證），並附有效的一年多次赴港簽注（包括探親、個人旅遊或商務）；3. 於剛過去12個月內（以登記日計算）訪港3次或以上4. 在香港沒有不良紀錄</t>
  </si>
  <si>
    <t>反</t>
  </si>
  <si>
    <t>甲基和叔丁基处于横键，见图</t>
  </si>
  <si>
    <t xml:space="preserve">蚂蚁有视觉吗？谢谢 </t>
  </si>
  <si>
    <t>回答：蚂蚁是有视觉。蚂蚁有一双触角和复眼，通过复眼视觉细胞传送大脑才知道景物的，；六角形的复眼视觉细胞，人眼无法看清。一双触角的功能是感知气味的，味道直接传到触角再通过分析物体的具体位置，此外工蚂蚁还有一个特点：具有相互配合的特点和雌雄交配也用触角辨认对方的气味。所以蚂蚁也是完整系统的昆虫，从而是优秀的“建筑专家”也是归功于本能的协调统一！</t>
  </si>
  <si>
    <t xml:space="preserve">假如在绝对没有摩擦力的情况下,人从百米高空跳下,会摔死吗?我的前 </t>
  </si>
  <si>
    <t>不会死，地面由无数分子组成，分子由摩擦力等力使之连在一起，如无摩擦力，地面比水还软，当下跳到地面时，将继续下降。</t>
  </si>
  <si>
    <t xml:space="preserve">请问600900后市如何操作 </t>
  </si>
  <si>
    <t>目前看来上升通道依然完好,但有走弱的趋势,建议可在不亏的情况下,逐步减仓!</t>
  </si>
  <si>
    <t xml:space="preserve">脑筋急转弯三个孩子吃三个饼要用三分钟，九十个孩子九十个饼要多少分? </t>
  </si>
  <si>
    <t>解:三个孩子吃三个饼要用三分钟,因为是一起吃的,所以一个孩子吃一个饼要用三分钟,九十个孩子九十个饼要三分钟</t>
  </si>
  <si>
    <t xml:space="preserve">我要刘涛在《天龙八部》中的照片 </t>
  </si>
  <si>
    <t>给</t>
  </si>
  <si>
    <t xml:space="preserve">豆汁好不好消化我喜欢晚上喝豆汁，不知道晚上喝对身体好不好？好消化 </t>
  </si>
  <si>
    <t>豆汁有什么好不好消化的？晚上当然可以喝，但睡前不要喝太多。</t>
  </si>
  <si>
    <t xml:space="preserve">最近有什么书看嘛求各位推荐好看的书不要小说。 </t>
  </si>
  <si>
    <t>《人性的弱点》《人性的优点》 《我与地坛》 《丑陋的中国人》 《林肯自传》伟人的传记 读史《史记》》《汉书》《后汉书》《三国志》《资治通鉴》...家春秋，活着，围城，明朝那些事儿，挪威的森林，红树林，乱世之鞭，平凡的世界，被腰斩的王朝，人性的弱点，丰乳肥臀，蛙，简爱，双城记</t>
  </si>
  <si>
    <t xml:space="preserve">关于月经不调专家们你好,我咨询月经不调，我78年11月出生，应该 </t>
  </si>
  <si>
    <t xml:space="preserve">月经不调是泛指各种原因引起的月经改变，包括初潮年龄的提前，延后，周期、经期与经量的变化，是妇女病最常见的症状之一。 引起月经不调的原因有两大类： 1、神经内分泌功能失调引起：主要是下后脑--生茶杯-卵巢轴的功能不稳定或是有缺陷，即月经病。 2、器质病变或药物等引起：包括生殖器官局部的炎症、肿瘤及发育异常、营养不良；颅内疾患；其他内分泌功能失调如甲状腺、肾上腺皮持功能异常、糖尿病、席汉氏病等；肝脏疾患；血液疾患等。使用治疗精神病的药物；内分泌制剂或采取宫内节育器避孕者均可能发生月经不调。某些职业如长跑员容易出现闭经。此外，某些妊娠期异常出血也往往被误认为是月经不调。 临床上诊断神经内分泌功能失调性的月经病，必须要排除上述的各种器质性原因。 每个月的那几天，都是女性颇为烦恼的日子。有规律、无疼痛地过了还算好，如果碰到不按规律“办事”的时候，更够女性朋友们烦的了。许多女性发生月经失调后，只是从子宫发育不全、急慢性盆腔炎、子宫肌瘤等妇科疾病去考虑，而忽视了生活因素。殊不知，许多你往往没意识到的不良习惯，都可能是导致月经失调的罪魁祸首。 检查自己不良的生活方式及习惯，是跟月经失调彻底说Bye～bye的前提！ 罪魁祸首一：压力 每天的工作节奏让25岁的李娜行色匆匆，一次，李娜惊讶地发现刚刚拜访后离开十多天的“好朋友”又再度降临。为什么一个月中会有两次呢？仔细想想，好长时间以来月经就不太“循规蹈矩”了，有时提前，有时推后，量也比以前多了。 医生在排除了器质性病变的可能后，询问了李娜的生活情况，并肯定地告诉她，是她长期压力过大导致了精神紧张，从而使内分泌紊乱，改变了月经的规律。 专家分析：正值生育年龄的女性，如果长期处于压力下，会抑制脑下垂体的功能，使卵巢不再分泌女性荷尔蒙及不排卵，月经就会开始紊乱。同样，长期的心情压抑、生闷气或情绪不佳，也会影响到月经。 温馨小贴士 1.缓解精神压力，可从事一些全身运动，如游泳，跑步，每周进行一至二次，每次30分钟。 2.多食用一些有减压作用的菜肴，如香蕉、卷心菜、土豆、虾、巧克力、火腿、玉米、西红柿等。 罪魁祸首二：贪凉 许妍是个喜欢打扮的女孩子，即使是在冬天，她也常常穿得很单薄，属于典型的“要风度不要温度”的贪靓一族。而且，她还和很多都市女孩子一样，寒冬的日子也吃冰激凌。许妍的我行我素让月经不再按时造访了，有时一个多月或是两个月来一次，量也比以前少了许多。 专家分析：女性经期受寒，会使盆腔内的血管收缩，导致卵巢功能紊乱，可引起月经量过少，甚至闭经。 温馨小贴士 1.经期要防寒避湿，避免淋雨、涉水、游泳、喝冷饮等，尤其要防止下半身受凉，注意保暖。 2.不妨在食谱中添加大葱、豆类、南瓜、大蒜、生姜、栗子、橘子等食物；另外，醋、酱、植物油、辣椒、胡椒等调料及炖牛肉、鸡肉高汤，都对这种情况引起的月经不调有一定作用。 罪魁祸首三：电磁波 呼机、手机、商务通，一个都不能少；DV机、电炒锅、无绳电话、吸尘器……阿云的生活被电器所包围。但阿云的“好朋友”却不像这些电器一样听她指挥，而是时多时少，袭击的时间也没有规律，令阿云很是烦恼。 专家分析：各种家用电器和电子设备在使用过程中均会产生不同的电磁波，这些电磁波长期作用于人体会对女性的内分泌和生殖机能产生坏影响，导致内分泌紊乱，月经失调。 温馨小贴士 1.日常操作电脑时，要做好防护。 2.在手机上装个免持听筒对话器是比较安全的选择。当然，最好不要长时间使用手机。 3.少用微波炉，冰箱不宜放在卧室里。讲究电器的科学使用，尽量避免多种电器同时开启使用，持续使用时间不可过长，次数不宜过频。 4.多吃一些胡萝卜、豆芽、西红柿、瘦肉、动物肝脏等富含维生素A、C和蛋白质的食物，经常喝些绿茶，都能有效预防和减轻电磁污染对人体的危害。 罪魁祸手首四：便秘 朱莉供职于外企，工作节奏快，午餐通常是叫外卖或到附近的快餐店解决，所吃的食物也大多是主食和肉类，水果、青菜很少。渐渐地，朱莉有了便秘，后来一向准时的月经也开始捣乱了。朱莉很不解：难道月经变得不正常也与吃快餐有关吗？ 专家分析：便秘可能会引起女性月经紊乱。直肠内大便过度充盈后，子宫颈会被向前推移，子宫体则向后倾斜。如果长时间反复发生子宫后倾，阔韧带内的静脉就会受压而不畅通，子宫壁会发生充血，并失去弹性。若子宫长久保持在后倾位置，就会发生腰痛、月经紊乱。 温馨小贴士 1.甜蜜药方：取麻油、蜂蜜各一匙，搅拌后服用，可滋润肠胃、促进肠胃蠕动。 2.每日早起空腹喝一碗或两碗热菜汤，对治便秘有显著疗效。 3.杜仲茶是便秘者的上好饮品，可解除便秘、减少脂肪。每天早晚或饭后喝柠檬汁，能增进肠胃消化，减肥并有软便功效。 4.核桃、酸奶、青梅干都是润肠通便的零食；少食用咖啡和多吃香蕉也能起到促进排便的作用，但过量食用会弄巧成拙。 罪魁祸首五：滥用药 英子平时总爱感冒、咳嗽，为了快点康复，她总是吃很多药，有时还要医生给她打抗生素针剂。刚开始病很快就好了，但后来“低级药”就不起作用了，只好用更高级更新的抗生素。与此同时，她发现自己的月经开始推迟来临。 专家分析：滥用或经常大量使用抗生素，对女性而言可致月经失调、不排卵、闭经，这可能是药物抑制和伤害了人自身的抵抗力，导致了机体功能障碍。 温馨小贴士 1.良好的自身免疫力会帮助你抵抗轻微的小病。 2.不要随便给抗生素“升级”。一旦用了高级的抗生素，再用低级的就不起作用了，因为病菌对其已产生了耐受力。因此，用药应询问医生，“升级”要慎重。 罪魁祸首六：蹦迪 王可是都市时尚生活的实践者，经常下班后与朋友或同事去蹦迪，乐此不疲。在震耳欲聋的音乐环境中时间呆得长了，听力似乎有些下降，但更令王可惊奇的是，月经的周期也发生了变化，间隔有时长有时短，这倒底是怎么回事呢 专家分析：噪声会导致女性机能紊乱，对月经和生育能力均有不良影响 温馨小贴士 尽量选择清静的地方聚会，减少对噪声的接触。可以缩短每次光顾迪吧的时间，或在自己家中开party。 罪魁祸首七：吸烟 璐璐常叼着雪茄烟、摩根吞云吐雾，后因连续几个月的月经不调到医院诊治，最后医生给她开出的药方是：戒烟。这使她惊讶极了。 专家分析：烟草中的尼古丁能降低性激素的分泌量，从而干扰与月经有关的生理过程，引起月经不调。每天吸烟1包以上的女性，月经不调者是不吸烟妇女的3倍。 温馨小贴士 1.改变不良生活习惯，果断地戒烟。 2.适量补充维生素C。维生素C能够减轻吸烟对身体的危害，可服用一些药片，或多吃橘子、橙子、猕猴桃等水果。 月经不调治疗的饮食宜忌 1．水果类：瓜类（西瓜、小玉、香瓜、哈蜜瓜）、橘子、水梨、蕃茄、椰子、杨桃、葡萄柚、荔枝、芒果、香蕉、龙眼等。 ◎上述生冷或燥性水果请尽量少食，月经期间则避免食用。 2．冰凉饮料及冰冻物（布丁、果冻等）。（30分后，待凉后可少服。） ◎热咖啡和热茶一般没有限制。 3．蔬菜类：萝卜、空心菜、大白菜、苦瓜等，这些蔬菜一般在热煮时已有加葱、蒜、姜、豆豉等配料，寒性已减少，所以上述蔬菜可以食用。 （二）月经不调治疗的平时注意事项 1．请养成运动习惯，运动可以增强体力，促进血循，并可减少服药时间。 2．在水上活动或一般运动后，请速擦干身体着衣，勿贪凉吹风；若不慎淋雨应尽速吹干头发及换衣保暖；月经期间应避免水上活动。 3．日常作息——不要熬夜，以免影响生理节律及内分泌协调性。 4．情绪保持平和，紧张焦虑也会使卵巢功能紊乱。 （三）月经不调治疗的注意事项 1．月经不调治疗的疗程为三个月，第四个月停药观察月经周期情形，一般规律服药后治疗一个疗程后即可恢复正常。 2．月经不调治疗期间，若有感冒，请停服调经药物，等感冒好后再服。 3．月经不调治疗期间，若有服其它药物类（白凤丸、四物汤等），请告知医师。 4．月经恢复正常后，请特别节制生冷瓜果、冰凉饮料，以免复发。 5．调经须较长时间配合，请耐心服用药物。 </t>
  </si>
  <si>
    <t xml:space="preserve">大家给出出主意最近刚买了房子，所有的家电家具都要买，房子也要装修 </t>
  </si>
  <si>
    <t>亲力亲为最节约了。不管工程队还是装修公司好不好要看他们的师傅干活怎么样。你要是装的富丽堂皇就需要设计。要不你在哪里买的房子直接参考一下，再根据自己对造型。颜色的喜好。最主要的是实用价值。根据这些你就可以知道做成什么样子。            知道要做成的样子就是材料了。材料你最好用环保的。再者就是货比三家了。质量跟价格你就知道了。                           剩下的就是做活的师傅了。最节省的就是快交工的大工地。（有精装的）你直接跟他们谈。他们也会给你建议房子该怎么装的。    当然以上说的存在着风险。你或者你的朋友要是有懂行的你就会生下一大笔钱。</t>
  </si>
  <si>
    <t xml:space="preserve">我的桌面浏览器属性中的很多选项都没有了。请问如何恢复 </t>
  </si>
  <si>
    <t>桌面上的仅仅是个快捷方式 而并不是原来的能够打开很多属性的哪个了修复方法：先删除桌面上的哪个ie浏览器图标右键点桌面空白处－选“属性”－“桌面”－“自定义桌面”－勾上ie－确定如图：祝你好运</t>
  </si>
  <si>
    <t xml:space="preserve">请问女的想要认识一个陌生男人，该如何开口？而且只是一面之缘 </t>
  </si>
  <si>
    <t>你要想认识一个陌生男人，首先要先进入他的视线，先混个眼熟，表现你的优雅与魅力，你要注意不要盯着他看，要让他看你，你就在他附近经常出现，如果成功了，后面的事你就不管了，后面的事就是一个男人想要认识一个陌生女人的事了。</t>
  </si>
  <si>
    <t>招商轮船601872合理价11</t>
  </si>
  <si>
    <t>以前我也这样看,但现在我更看好中远航运</t>
  </si>
  <si>
    <t xml:space="preserve">我和女朋友做了好几次她都很痛,都流血了,那怎么办啊我女朋友是处女 </t>
  </si>
  <si>
    <t>　之前的爱抚是非常重要的，让她有多多的水就会好的，就不那么疼了．不过她现在会有恐惧感的，又碍于你的面子，不好拒绝．你应先让她用阴道给的消炎药，用一周．之后你们再在一起．还有一点就是要讲卫生，一定要洗干净了，尤其是你．不干净会给她带细菌的，有炎症，两人一接触就会出血．</t>
  </si>
  <si>
    <t xml:space="preserve">小女孩任务我现在91J很久没做这任务，现在开始做，做到到幻彩找人 </t>
  </si>
  <si>
    <t>做小女孩心愿这任务是完全考验耐心的  刷的东西都是  要刷上点时间的  而且   东西都交完后还是等3天才能回来 所以比较郁闷   任务用品在幻彩珊瑚礁才会有</t>
  </si>
  <si>
    <t xml:space="preserve">清明想去看海,去哪里比较好（国内）? </t>
  </si>
  <si>
    <t>到厦门玩吧，是个好去处，挺好的</t>
  </si>
  <si>
    <t xml:space="preserve">全世界有少球迷有多少人关注足球 </t>
  </si>
  <si>
    <t>世界杯决赛有10亿人以上观看~~~包括那些没买到票的啊,家里停电的啊~~~至少20亿吧~~~算我一个~~</t>
  </si>
  <si>
    <t xml:space="preserve">趋势线是连接收盘价还是最高/最低价而得到的？看了一些书似乎说法不 </t>
  </si>
  <si>
    <t>趋势线基本上是作为商品标价的离散形态的线性曲线出现的，用一条直线去模拟一组离散变量，你只能确定该数据组的波动区间我们在做外汇市场的分析的时候由于外汇市场的离散性态要比股票和期货市场大的多，所以严格的讲由期货和证券市场技术分析中的趋势线理论在外汇市场上总是有一些误差，如果你要去除这种误差的话，我可以介绍给你一个简单的方法，当你确定了去观察某个货币的话，你可以对该货币的K线图中历史上的每一个波段都做出两种趋势线，然后计算趋势线被击穿的概率，被骗线的概率，趋势线成功扭转行情的概率，找到那个可信度比较高的趋势线，但是你要注意趋势线不是100%有效的，那么你在做交易的时候，你就需要去按照概率控制你的风险</t>
  </si>
  <si>
    <t xml:space="preserve">我没有初中毕业证可以考成人大专吗? </t>
  </si>
  <si>
    <t>一般来讲,成人高考要求具有高中以上学历,现在好多省市在实际报名时,都是通过网上报名,然后再进行现场审核证书,这个时候你就可以说是毕业证丢失了或都什么的,找几个理由,只要能说服他们,就能通过报名审核了,然后就OK了,好好复习,考上自己理想的学校和专业,三年后,再争取专升本的考试,那个时候报名就容易的多了,因为你了大专证书了.祝你好运.</t>
  </si>
  <si>
    <t xml:space="preserve">上行宽带/下行宽带（KB/S）/日流量（MB）什么意思？上下行宽? </t>
  </si>
  <si>
    <t>1：上行就是上传的速度，也叫上载。2：下行就是下载的速度，就是迅雷等下载上看到的下载速度。3：日流量，顾名思义，就是用户每天上网所累计的总网络流量，有些软件用KB来统计，而有些软件有MB来统计。1024KB=1MB。上下行带宽当然是越大越好，数字越大，说明你的网络带宽越大。另外纠正下，不是上下行宽带，而是带宽。宽带是现在普遍使用的ADSL和LAN的统称，而带宽是用来表示一个网络的网速。形象地说，就是一条路有多宽，可以同时容纳多少车并排行驶。带宽越宽，网速也就越快。关于P2P终结者。我猜楼主你是跟其他人共用一条网线，然后对网速不满意，才听别人说用P2P终结者来限制别人的网速。不知道我猜的对不对？其实，P2P终结者是应用于网吧等地方的一款软件，并不适合你这样的网络环境。为什么呢？因为P2P终结者的工作原理是：在网络中发送大量的ARP数据包来欺骗其他PC机，从而误导其他PC机的网卡，达到控制网速，甚至断网的目的。而你发送大量数据包，自然会占用自己那本来就所剩不多的带宽，使网络中充满了垃圾信息（ARP数据包），你自己的带宽当然更小啦，这是损人不利己的事情。而在网吧中，使用P2P终结者的机器是网吧机房里的一台机器，而且那台机器一般情况下是不使用的。另外建议一下楼主，不要使用P2P终结者，这只会使大家上网更困难。解决办法是召集大家一起定下规章制度，在某些时间段不要使用占用大量带宽的软件，比如迅雷、BT、PPS等。这样，才能最大化地使用网络。希望能帮到你。</t>
  </si>
  <si>
    <t xml:space="preserve">一句话翻译7公司产品广泛应用于新型电池原料、橡胶粘结剂，石油催化 </t>
  </si>
  <si>
    <t>The company product widely applies in the new battery raw material, the rubber cementing agent, the petroleum catalysis, the paint, hard alloy, arrester manufacturing industry, ceramic colored glaze industry, professions and so on electric cable.The product mainly meets the domestic market need, the part exportation international market.</t>
  </si>
  <si>
    <t xml:space="preserve">今天足彩有延期的比赛吗？请教各位大虾了。 </t>
  </si>
  <si>
    <t>晚上再看啊。。。天还没亮呢</t>
  </si>
  <si>
    <t xml:space="preserve">知道这是谁吗？从小一头金发 </t>
  </si>
  <si>
    <t>内德维德</t>
  </si>
  <si>
    <t xml:space="preserve">谁有能用的激活码求谁有能用的激活码啊大哥大姐们给个啊 </t>
  </si>
  <si>
    <t>80000456512345</t>
  </si>
  <si>
    <t xml:space="preserve">在上海买车能否南京上牌我是南京人，如果在上海买车，能不能在南京上 </t>
  </si>
  <si>
    <t>可以的你只要准备好购买汽车时的发票、合格证、等一些手续道上牌地去就可以上牌了。可以的。上海大众可以当然可以呀，现在异地购车挺多的</t>
  </si>
  <si>
    <t xml:space="preserve">卡塔尼亚能否爆冷?感觉他是佛罗伦萨和国迷的克星,他遇见罗马不抵抗 </t>
  </si>
  <si>
    <t>你是大师  水平肯定高 我建议卡塔尼也有平机会</t>
  </si>
  <si>
    <t xml:space="preserve">怎样才能得到群星陨落？请介绍下详细流程！ </t>
  </si>
  <si>
    <t>前提是 你先把黄 1和 黄 2的 任务过了，积齐500个 星辰之石，再带一个日光 盒子，到黄3那个 炉子里面合成一个灿烂的 星辰结晶，出  FB，带上结晶还有碧蓝怒火戒指（就是 过完 黄2  给的 那个 戒指）进 黄昏  FB，找向导小妖合成就可以了~游戏愉快哦 ^_^</t>
  </si>
  <si>
    <t xml:space="preserve">C顶装备，最少多少级装备不减移动速度。我买了套C合金，37级穿上 </t>
  </si>
  <si>
    <t>一般来说是40级以后有了C级专家，但是也要注意职业啊，合金甲是重装是骑士之类穿的，穿在弓手和刺客这类职业身上也减少一点！</t>
  </si>
  <si>
    <t xml:space="preserve">正常分娩的出血量不超过多少 </t>
  </si>
  <si>
    <t>正常分娩出血量多数不超过300ml阴道流血量与月经期流血量相差不大即为正常您好，一般情况下是产后出血主要集中在产时和产后2h以内;产后24h的出血量占总出血量的30%以上.建议：用称重法和容积法可以估计阴道分娩产后出血量,这样是可能防治产后出血的有效方法.</t>
  </si>
  <si>
    <t xml:space="preserve">6年寒窗磨砺，再不起飞，天理难容从一名技术统计的数字英雄，向决定 </t>
  </si>
  <si>
    <t>先生所言,道出很多弟兄们的心声,买彩的过程中,收获着进步,同时也遇到更多的困惑,从刚开始的舍我其谁,到屡次碰壁后慢慢怀疑自我,经过痛苦的历练后,依然不断地试探,又逐渐地心明眼亮,到最后所差的可能就是运气了,新的赛机就要来了(比赛的机会),新的激情又该迸发,借用一句古诗"春风又绿江南岸,明月何时照我还",祝愿先生和弟兄们早日中大奖,当然预祝我自己,呵呵!</t>
  </si>
  <si>
    <t xml:space="preserve">如何在ppt中输入拼音？ </t>
  </si>
  <si>
    <t>切换成英语状态就可以输入拼音了啊qie huan cheng ying yu zhuang tai jiu ke yi shu ru pin yin le a。或者??从网上下载拼音转换器一类的软件，这类软件可以自动生成??想要的拼音。亦或者，??可在线从网上转换成拼音，然后将转换后的拼音直接拷贝到你想要拷贝的文档或是文本里。</t>
  </si>
  <si>
    <t xml:space="preserve">FS最高级的造餐哪里弄怎么85了还是吃黄色那种，那种紫蓝色的是哪 </t>
  </si>
  <si>
    <t>哪里有紫蓝色的面包。。。你到了85自动就学到了</t>
  </si>
  <si>
    <t xml:space="preserve">我原来的鼠标是没有滚轮的，我想换一个滚轮，除了拔掉旧的换上新的之? </t>
  </si>
  <si>
    <t>一般的3键鼠标(左右键+滚轮)不需要安装驱动的多功能鼠标(4键+)通常会带套装的驱动盘,如果没有带的话,可以到厂家的主页上下载</t>
  </si>
  <si>
    <t xml:space="preserve">孕六个月了感冒已四天症状只有狂咳嗽出汗严重无鼻涕未发烧试过冰糖雪? </t>
  </si>
  <si>
    <t>如果没有发烧一般就不会有很大影响</t>
  </si>
  <si>
    <t xml:space="preserve">有谁知道伦敦期货交易所的正确网址是多少？ </t>
  </si>
  <si>
    <t xml:space="preserve">怎么用快捷键截图（用于截图软件）？ </t>
  </si>
  <si>
    <t>ALT + PRTSCR键</t>
  </si>
  <si>
    <t xml:space="preserve">几个字谜？从今莫把仇人靠。（打一字）千里相思一撇消。（打一字）分 </t>
  </si>
  <si>
    <t>九十八卡</t>
  </si>
  <si>
    <t xml:space="preserve">周杰伦的新歌千里之外是和谁合唱的? </t>
  </si>
  <si>
    <t>费玉清这首歌很不错啊~~~~~~~~~~~~~~~~~~~~~~~~~~~~~~</t>
  </si>
  <si>
    <t xml:space="preserve">单位非车间生产用电，如办公室照明，单位宿舍用电等取得的电费发票能? </t>
  </si>
  <si>
    <t>增值税一般纳税人企业所发生的用于生产经营的电费，增值税可以抵扣。用于非生产经营的电费，增值税不能抵扣。</t>
  </si>
  <si>
    <t xml:space="preserve">孕三个多月要补充钙片吗?什么钙片好些,美国乐力的好吗,还是安利的 </t>
  </si>
  <si>
    <t>一般都是怀孕五个月左右才补钙、补锌的，补早了也没有用。你才三个月，胎儿才刚刚成形，到四五个月的时候正是长身体的时候，这时候补最好了，也容易吸收。</t>
  </si>
  <si>
    <t xml:space="preserve">手机丢了,通迅录如何找回呜呜~~手机丢了，那么多电话号码呢，怎么 </t>
  </si>
  <si>
    <t>1:带上你的身份证,去移动(联通)公司补张同样号码的卡2:若有备份号码在移动公司网站里,直接还原,没有请看33:让移动公司的MM把你的通话单子打出来,一个一个抄回来4:友情提示,若号码的户主不是你,就补不回来了,就没办法弄回你的号码</t>
  </si>
  <si>
    <t xml:space="preserve">蜂王浆能代替蜂蜜食用吗？哪个营养价值更高些？“卵磷脂“适合男人吃? </t>
  </si>
  <si>
    <t xml:space="preserve">蜂王浆 royal jelly 亦称蜂乳。是蜜蜂巢中培育幼虫的青年工蜂（保姆蜂）咽头腺的分泌物。是供给将要变成蜂王（母蜂）的幼虫的食物。对变成工蜂的幼虫，在孵化后也要供给大约2天半的时间，但通过实验看到，如果供给更长的时间，供给量越多，时间越长，则生殖腺越发达，将会变成近于蜂王形态的个体。王浆是高蛋白，并含有维生素B类和乙酰胆碱等。【简介】蜂王浆又名蜂皇浆、蜂乳，是天然营养滋补品。它是由工蜂舌腺分泌的物质，颜色淡黄、有光泽感，口感酸涩、回味微甜、有辛辣味。【功用】益肝血，健脾气，补肾精。主治：气血不足，头晕目眩，少气乏力，易感冒，失眠多梦等；肾精不足，腰膝酸软，畏寒，发育迟缓或早衰健忘，男子精少不育，女子闭经或不孕等；以及多病或久病所致的体弱、神经衰弱（神经症）、贫血。【性味归经】性平，味甘、酸。入脾、肝、肾经。【用量用法】内服：用开水冲服。常用量：每日王浆含量40～400毫克。【现代研究】蜂乳含有蛋白质、脂肪、糖类、维生素A、维生素Bl、维生素B2、丰富的叶酸、泛酸及肌醇。还有类似乙酰胆碱样物质，以及多种人体需要的氨基酸和生物激素等。【进补应用】本品无毒，但由于含有大量维生素及激素样作用，故一次用量不宜过大。1.气血亏虚，身体虚弱，心悸乏力，腰膝酸软，久病不愈 蜂乳水：蜂乳20克，用温开水，搅拌均匀。饮用，每日2次。2.肝病胁痛，神疲乏力，动则气急，头晕失眠，大便秘结 王浆蜂蜜：王浆1克，蜂蜜100克。将王浆倒入杯内，加入蜂蜜，搅拌均匀。饮用，每日2次，每次10克。3.阴精亏虚，腰膝酸软，发育迟缓，闭经不孕，胃脘隐痛 王浆牛乳：王浆0.2克，牛乳150毫升。将牛乳倒入锅内，煮沸，晾至温，加入王浆，搅拌均匀。饮用，每日2次。【注意事项】蜂皇浆不能用开水或茶水冲服，因温度过高易破坏其活性物质，茶水中的鞣酸与铁，会降低其疗效。还有一点就是必须长期服用，才能见效。何谓蜂王浆？蜂王浆是蜂王一生的食品，也是各种蜜蜂小幼虫（1～3日龄）的乳品，故又叫蜂皇浆、王浆或蜂乳。它珍稀名贵，出产奇特，成份复杂，有着极强的保健功能和奇异的医疗效用。蜂王浆源于何处？蜂王浆是青年工蜂头部营养腺中所分泌出来的混合物，是一种乳白色或淡黄色，略带香甜味，并有较强酸涩、辛辣气味的粘稠浆状液物。蜂王浆是蜜蜂采食了花蜜、花粉等蜜源植物的有效成份，充分消化、吸收后，在营养腺中加工升华成为蜂王浆的，是集蜂蜜与花粉的精华，并已产生本质变化，其作用和用途也大大提高。蜂王浆如何分类？作为商品的蜂王浆是养蜂人通过人工做王台诱蜂泌浆，并从王台中挖取王浆得以实现。在分类上人们有的习惯以什么花期生产王浆就称为什么王浆。例如，在油菜花期所采集到的蜂王浆称作油菜浆，在荆条花期采集到的王浆称作荆条浆，同理，还有刺槐浆等。还有按生产季节来分类的，主要把王浆分为春浆、夏浆、秋浆等。按照理化指标来确定蜂王浆的等级是比较的。蜂王浆中含有自然界独有的10-羟基-△2-癸烯酸（10-HDA），我国出口蜂王浆基本都是按此指标来确定质量和价格的，并被国外客户所公认。根据我国目前国家标准一等品蜂王浆10-HAD指标是大于1.4%，而10-HDA指标大于2.0时，是专供日本的王浆，是王浆中的极品。蜂王浆颜色的深浅主要取决于什么？新鲜蜂王浆颜色呈乳白色到淡黄色，个别的呈微红色，蜂王浆颜色的深浅，主要取决于蜜粉源及其新鲜程度和质量的优劣。（１）产浆期蜜粉源植物的花粉色重，如荞麦、山花椒等蜜粉源，其花粉色较深，所产蜂王浆呈微红色；而花粉色浅的油菜、刺槐、荆条等蜜粉源，其间所产的蜂王浆颜色呈乳白色或淡黄色。（２）蜂王浆贮存方法不当或贮存时间过长，以及加工方法不当造成污染或掺有伪品的鲜王浆颜色较深，反之则淡。蜂王浆有哪些主要成份？蜂王浆成份对人类是一个谜。它营养成份特别丰富，化学成份非常复杂，并且各营养组合十分微妙。现代科研水平还无法准确地做出定性、定量分析，也无法人工合成。其中最重要的是癸烯酸（10-HDA），又称王浆酸，它是至今人类发现仅在王浆中天然存在的有机烯酸。更为神秘的是，蜂王浆中还含有占重量的2.48%的未明确物质，被人们称为“R”物质。由此，人们一般认为蜂王浆的奇特之处，不仅在于其丰富的常量营养素的含量，更重要的是特有的营养素含量。现已发现蜂王浆中含有丰富的蛋白质（如白蛋白、a蛋白、b蛋白、不透性蛋白），其蛋白类活性成份可以分为三类，即类胰岛素、活性多肽和G球蛋白，具有调整机体新陈代谢和提高机体免疫力的作用。蜂王浆含有二十多种氨基酸，含量较高的是赖氨酸、甘氨酸、谷氨酸等，其中有8种是人体不能合成而必须靠从食物中摄取的氨基酸。蜂王浆中含有大量的多种维生素，其中维生素B族量最多，其它有叶酸、泛酸、肌醇、维生素E等。还高含矿物质（钾、钙、镁、钠等）、酶类（抗坏血酸氧化酶、转氨酶等）和激素。蜂王浆有哪些生理药理作用？经国内外多年科研和医学临床实践证明，蜂王浆对人类医疗、保健等具有奇特的功效。（１）改善营养、补充脑力：蜂王浆中含有大量的营养素，经常食用能改善营养不良的状况，治疗食欲不振、消化不良，可使人的体力、脑力得到加强，情绪得到改善。（２）提高人体免疫力：蜂王浆中含有免疫球蛋白，能明显的提高人体免疫力，食用蜂王浆一段时间后，人们明显感到体力充沛，患感冒和其它疾病的机率减少了。（３）预防治疗心脑血管疾病：长期服用蜂王浆对三脂异常症、血管硬化、心律不齐、糖尿病等疾病患者均有很好的疗效。（４）治疗贫血：蜂王浆中含有铜、铁等合成血红蛋白的物质，有强壮造血系统，使骨髓造血功能兴奋等作用，临床上已用于辅助治疗贫血等疾病。（５）消炎、止痛、促进伤口愈合：蜂王浆中的10-HDA，即王浆酸有抗菌、消炎、止痛的作用，可抑制大肠杆菌、化脓球菌、表皮癣菌、结核杆菌等十余种细菌生长。医学临床上用王浆和蜂蜜配制成外用纱条，用于烫伤、冻伤、外科于肛科创面，其止痛、消炎，改善创面血循环及营养等效果明显优于凡士林等外用纱条。（６）预防癌症：实验表明，蜂王浆能抑制癌细胞扩散，使癌细胞发育出现退行性变化，对癌症起到很好的预防作用。（７）蜂王浆是一种很好的美容剂：由于蜂王浆中含有丰富的维生素和蛋白质，还含有SOD酶，并有杀菌作用，是一种珍贵的美容用品，长期使用，皮肤红润、光泽、倩丽。蜂王浆如何鉴别？购买蜂王浆时，应选择具有三证（营业执照、卫生许可证、税务登记证）的正规商店或蜂产品专卖店，可保障产品质量。切记不可购买三无蜂王浆（无厂名厂址商标、无批准文号、无生产日期）。另外，目前市场存在一些蜂王浆出口厂商将淘汰下来的不合格品给商贩低价出售的现象，请顾客留意。蜂王浆可通过以下4步进行鉴别：（１）眼观：一般为乳白色或淡黄色，上下颜色一致，有光泽。（２）鼻嗅：有独特的芳香气味，不允许有腐败发酵气味、牛奶等气味。（３）口尝：有酸、涩、辛、辣味，且回味略甜，太甜可能掺假。（４）手捻：应有细腻感，因品种不同，有的有细小的晶体。世界各国对蜂王浆的质量要求不太一样。比如日本侧重于以王浆酸(10－HDA)的含量判定蜂王浆质量的好坏；而欧美国家侧重于感官指标和水分。10－HDA确实是蜂王浆的重要成分，可用来衡量蜂王浆的真假；但10－HDA性质稳定，即使王浆变质了，其 10－HDA的含量几乎没有变化。所以，以10－HDA的含量衡量蜂王浆的质量是片面的、不科学的。我国的蜂王浆10－HDA的含量要求1.4%以上。优等蜂王浆色乳白，光泽明显，无杂质、气泡，香气浓、气味正，有明显的酸涩、带辛辣、回味略甜，不得有发酵、发臭等异味，水分为62.5--67.5%。蜂王浆如何贮存？蜂王浆贮存需冷藏或冰冻，4℃左右冷藏期为3个月，-5℃左右冷冻保存一年，-18℃以下保存两年以上。没有冷藏、冷冻条件的，可掺入蜂蜜在室温条件下供临时食用和保存。蜂王浆如何食用？（１）蜂王浆是天然物质，可直接食用并被人体吸收。一般早、晚各一次，每次3－5克，空腹服用效果更佳。舌下含服，或用温开水送服，切勿加热食用。（２）年老体弱及病状较重者，可适量增加，剂量增大时不会产生副作用。高血压、高血脂、冠心病等心血管疾病患者，以清晨服用或睡前2-3小时服用为宜。（３）蜂王浆的口感特殊，为改善口感和使营养更全面、品质更稳定，可配制成王浆蜜食用。一般1000克蜂蜜100-200克王浆混匀，早晚各一次，每次10-20克，温开水送服，配制的王浆蜜不用时可放在冰箱的冷藏室保存。 </t>
  </si>
  <si>
    <t xml:space="preserve">元素之石有什么用?打墓碑打出来好多元素之石,也不知道有没有用,放 </t>
  </si>
  <si>
    <t>寻龙任务有用 不做就买商店</t>
  </si>
  <si>
    <t xml:space="preserve">我老婆最近感冒发烧一个星期，总算好了。但是瘦了10斤，请问可以吃? </t>
  </si>
  <si>
    <t>不必要单补 照常合理膳食 注意休息即可</t>
  </si>
  <si>
    <t xml:space="preserve">如何加入新浪广告共享计划？ </t>
  </si>
  <si>
    <t xml:space="preserve">您好：请登录后输入网址：  即可申请加入博客新浪广告共享。 您同时还可以参看广告共享计划FAQ </t>
  </si>
  <si>
    <t xml:space="preserve">请大家帮忙起个服装店名字！我一个女性朋友要开服装店，是那种自己买 </t>
  </si>
  <si>
    <t>依衣服装设计室 或者用个英文的比较洋气Made-to-order clothes（定制的服装）A clothing store （服装店）Modeling  (造型)</t>
  </si>
  <si>
    <t xml:space="preserve">同事说空腹吃胃药不好，会刺激胃，可我早上空腹吃了斯达舒……要不要? </t>
  </si>
  <si>
    <t>放心没事，斯达舒可以在饭前吃。我妈之前犯胃病都是在饭前吃斯达舒的，也没见有什么问题。不过最好是在饭前半小时吃，或者饭后半小时吃。</t>
  </si>
  <si>
    <t xml:space="preserve">多少级以前打吉拉还有声望? </t>
  </si>
  <si>
    <t>胡说八道，我70+的巫师去打吉拉还有声望呢！！！</t>
  </si>
  <si>
    <t xml:space="preserve">《魔力宝贝》中的剑士如何+点？第一次玩这个游戏，不知道如何+点才 </t>
  </si>
  <si>
    <t>楼上说的是什么？？这跟问的问题有关系么？？我以100级为例子~满攻~~120的敏捷~~其余加血~~~剑的迅速果断PK时是和舞者的1级舞发挥威力的~~~~所以敏捷不用加得特别多~~~何况10级迅速为200%的速度回答完毕</t>
  </si>
  <si>
    <t xml:space="preserve">中次任九真难,还是水平不行 </t>
  </si>
  <si>
    <t>看了你的单子，感觉问题很大，唉 ！卡昂30你也敢博，塞维利亚和摩纳哥31基本上说是可以封死的，你还带了0，这两单的钱不如汇总起来买一张大点的单。老哥你没事学学看欧赔吧，还是有点帮助的，像你这样投大单就应该更谨慎，再继续这样买你的损失肯定大大地</t>
  </si>
  <si>
    <t xml:space="preserve">我该怎样与她沟通去年年底回老家,经亲戚介绍认识了一个女朋友（亲戚 </t>
  </si>
  <si>
    <t>这也说不定,我觉得你应该似着改变一下自己,多了解她.不过从普通朋友做起,也没事啊,我觉得,如果你喜欢她的话,就别给她太多压力.</t>
  </si>
  <si>
    <t xml:space="preserve">关于打火机......很多打火机中间有一个隔板,塑料,透明的.在 </t>
  </si>
  <si>
    <t>你是说一次性打火机吧～～那个隔板底部两边不是连通的，再好好观察一下～～你的意思是说：底部连通，顶部不连通？？只要不是上面和下面都连通的，液面高度就可能不一样，主要原因是液面以上封闭的那段气体的压强造成的。见图，A、B为被分别封闭的气柱，C、D为底部连通的液柱。液柱C高于液柱D，在重力的作用下有C下降，D升高的趋势。但是由于A和B的顶端是封闭的，C的下降将使A的空间变大，压强下降，而D的上升使B的空间减小，压强上升。所以气柱B的压强较大，它阻止了液柱D的上升，使两侧的液面形成了图示的状态。</t>
  </si>
  <si>
    <t xml:space="preserve">108期晒一小单了，火不火锅不是现在说了算的 </t>
  </si>
  <si>
    <t>一切皆有可能，买了就安心看球吧！</t>
  </si>
  <si>
    <t xml:space="preserve">8号来的月经12号停的19号同了次房20号吃了次紧急避孕药23号? </t>
  </si>
  <si>
    <t>如果你的月经周期是28--30天，推算的出你的安全期和排卵期日程如下：9月8号--16号，是前安全期。9月17号--26号，是排卵期。其中24号左右是排卵日。9月27号--10月7号，是后安全期。9月23号同房，正好紧挨着排卵日，应该说还有几率是很高的。建议你用测孕试纸检测一下（利用晨尿---起床后的第一次尿）。现在应该可以测出结果了。</t>
  </si>
  <si>
    <t xml:space="preserve">室内地毯正常厚度有多少? </t>
  </si>
  <si>
    <t>朋友你好!    一般来说室内地毯正常厚度为5--8毫米,普通工程地毯厚度5毫米左右,而居室用地毯厚度为8毫米左右.有空到建材市场看看就知道了.</t>
  </si>
  <si>
    <t xml:space="preserve">妇科病你好,我想问一下宫颈糜烂三度能只好吗?我目前还没有生育呢? </t>
  </si>
  <si>
    <t>你好。对于三度的宫颈糜烂是需要进一步做TCT的检测明确是否有异常细胞的增生如果说TCT的检测排除异常的细胞的增生而且对于有生育要求的女性最好是采取药物的治疗方式可以采取三氯乙酸上药。而对于TCT的检测出现异常细胞增生的患者需要进一步做活检明确诊断采取相应的处理措施。</t>
  </si>
  <si>
    <t xml:space="preserve">面向连接服务处理数据传送时需要进行哪几个步骤？ </t>
  </si>
  <si>
    <t>有三个步骤：1、建立连接2、传送数据3、终止连接。</t>
  </si>
  <si>
    <t xml:space="preserve">妈妈生日送什么礼物 </t>
  </si>
  <si>
    <t xml:space="preserve">你就是妈妈最好的礼物啊 生日那天你一定要去 给妈妈唱歌生日快乐歌  不比那些贵重的礼物差的 最重要的是你的心意 </t>
  </si>
  <si>
    <t xml:space="preserve">15万以内A级车的省油车排行，新福克斯油耗怎么样？ </t>
  </si>
  <si>
    <t>我买的1.6三厢自动挡风尚型，油耗问题在买车的时候也对比了很久，看了看官方油耗，及一些车主的使用情况，觉得还行，所以就下手了。目前行驶了大概3200多公里，百公里油耗只有7.4个，如果买个手动挡应该还要更低一点，呵呵，不过有这油耗我也比较满意了。</t>
  </si>
  <si>
    <t xml:space="preserve">爱上老男人该怎么办?我爱上一个比自己大20多岁的老男人,他有妻子 </t>
  </si>
  <si>
    <t>你是对的,知道不?你已经选择了一种路就不能回头了你就妹妹大胆向前走!!!</t>
  </si>
  <si>
    <t xml:space="preserve">我还应该继续爱他吗我们在一起已经有四年多了，但一直都是分开的时间 </t>
  </si>
  <si>
    <t>和我有很相似之处我在上海 她在广州 我们认识三年了基本上都是分开两地的她去了广州两年我在上海待了两年 原来我们是一起的两年后我觉得分开时间长了快磨灭我们之间的思念了我在电话里跟她说我们两个人始终会有个人牺牲掉自己现在的事业的她说恩我问她你什么时候离开广州？她说大约三年后吧后来没几天，就打电话给我 让我去广州我在这边现在的工作很适宜我而且又刚升职 或然之间我不知道怎么回答她了我说晚点再说吧她说要不你这个礼拜过来 要不然就不要在一起了我很生气 我就说那吧我去不了 她说 那你的承诺是什么？你说可以放弃的我原本以为可以的，但我现在办不到我们就这样子冷了几天然后我请假了 我打算过去看她一下在去的时候打电话给她 她说要不然你就留下来要不然就不要来了我气的直接挂掉电话买了去我姐姐那里的车票在我姐姐那边待了2天回来继续上班现在20天过去了我才发觉我们根本不了解我连她现在长什么样子都不知道我连她的眼睛的波动都感觉不到甚至我只知道她的名字而已后来才发觉 离开真的冷漠了我选择了分手 她也是 她三天打电话给了 说让我送几本书给她我笑着说好的 你把书的名字给我她说了两本书 不知道怎么回事 记的特别清楚今天我把书买好了 明天就寄出去了也许是落幕的纸张吧 发觉分开真的很坦然 一点负担都没有你和我完全不一样 你是女的 如果你爱他就珍惜他吧 有些时候男人脆弱的象灰尘，也许他替你想的太多了 怕他给不了你幸福 然后违背着自己的内心去做一些事情而且男人年龄越大 越无法控制寂寞的夜真的会很希望有人陪在身边 但自己爱的人又被自己幻想成圣女般不可侵犯，所以很矛盾的希望你付出点努力吧 我想4年的坚持很难的 证明那个男人还是有责任的</t>
  </si>
  <si>
    <t xml:space="preserve">现在的天堂我真的看不懂当时2002年上半年天堂才公测，我就开始玩 </t>
  </si>
  <si>
    <t>鄙人也是从公测过来的,那时候我在二区,哎,还是那段时光好啊,根本就没有外挂,我还记得那次一只小飞龙屠古鲁丁的场面啊,一百多号人没顶的住的!!!!!!!</t>
  </si>
  <si>
    <t xml:space="preserve">脑筋急转弯猪为什么在泥塘里洗澡？ </t>
  </si>
  <si>
    <t>要防止寄生虫</t>
  </si>
  <si>
    <t xml:space="preserve">用万能充对手机充电好吗？ </t>
  </si>
  <si>
    <t>万能充是一个临时的办法，一般来说最好是使用原装的充电器来充电，这样可以更好的延长手机和电池的使用的寿命，而万能充只能够偶尔而用之，不能够经常使用！</t>
  </si>
  <si>
    <t xml:space="preserve">当我今天看到他的婚纱照。。。今天无意在一个空间里看到了他的婚纱照 </t>
  </si>
  <si>
    <t>宝贝，首先，咱不能把你男朋友婚纱照也附上（如果那个相关资料是你男朋友的话），因为如果一不小心让他看到了你的问题，你就会很被动，很掉价，你男朋友反而感觉会很好，说白了就是你的难受不能让他知道。其次，你应该好好开始你的新生活，既然他都结婚了，你就应该放下，毕竟咱不能当小三啊。相信我吧，这世界上绝对有一个适合你的男的等着你呢，如果你总这样封闭自己，那何时是头啊，你总不想孤单一辈子吧。女人的好年华就那么几年，错过了，等以后你就更不好找~！希望能帮助你！</t>
  </si>
  <si>
    <t xml:space="preserve">装修新房的注意事项?什么时候装修最好,都应该注意什么问题? </t>
  </si>
  <si>
    <t>家庭装修8种错误不要犯居室装修安全往往被人们所忽视，其实由错误的装修方式所引发的事故不在少数。一般说来，在装修工程中应该注意以下几点： 一、楼房地面不要全部铺装大理石。大理石比地板砖和木地板的重量要高出几十倍，如果地面全部铺装大理石就有可能使楼板不堪重负。特别是二层以上，因为未经房屋安全鉴定站鉴定的房屋装饰，其地面装饰材料的重量不得超过40公斤／平方米。 二、不得随意在承重墙上穿洞、拆除连接阳台和门窗的墙体以及扩大原有门窗尺寸或者另建门窗，这种做法会造成楼房局部裂缝和严重影响抗震能力，从而缩短楼房使用寿命。 三、阳台、卫生间的装修应尽量选用荷载小的材料，因为阳台过度超载会发生倾覆。 四、厕浴间防水也是装修中一个关键环节。一般的做法是，在装修厕浴间前，先堵住地漏，放5厘米以上的水，进行淋水试验，如果漏水，必须重做防水；如果不漏的话，也要在施工中小心铺设地面，不要破坏防水层和擅自改动上下水及暖气系统。 五、选择电线时要用铜线，忌用铝线。由于铝线的导电性能差，使用中电线容易发热、接头松动甚至引发火灾。另外在施工中还应注意不能直接在墙壁上挖槽埋电线，应采用正规的套管安装，以避免漏电和引发火灾。 六、在施工中要注意避免在混凝土圆孔板上凿洞、打眼、吊挂顶棚以及安装照明灯具。 七、室内装饰要保证煤气管道和设备的安全要求，不要擅自拆改管线，以免影响系统的正常运行。另外要注意电力管线及设备与煤气管线水平净距不得小于10厘米，电线与煤气管交叉净距不少于3厘米。 八、厨房装修中不要把煤气灶放置在木制地柜上，更不能将煤气总阀门包在木制地柜中。一旦地柜着火，煤气总阀在火中就难以关闭，其后果将不堪设想。 1. 鞋柜的隔板不要做到头，留一点空间好让鞋子的灰能漏到最底层，水槽和燃气灶上方装灯。定卫生间地漏的位置时一定要先想好，量好尺寸。地漏最好位于砖的一边，如果在砖的中间位置的话，无论砖怎么样倾斜，地漏都不会是最低点。 2. 卫生间,空调插座均未设计开关.特别是卫生间电热水器,以一双级开关带一插为宜.如要关去电热,拔插头有危险 3. 关于面砖阳角部分的处理方法，归根到底是看工人的水平。如果泥水工工人水平不错，而且磨瓷砖的工具比较好的话，就应该毫不犹豫的选择磨 45 度角的做法。从效果上来看，只要磨的好，磨45度角的阳角做法，是最漂亮的！如果工人的水平确实不怎么样，那么你还是选择用阳角条吧，因为磨的不好的45度角做法还不如用阳角条的效果。 4. 排好水管后的水管加压测试也是非常重要的。测试时，大家一定要在场，而且测试时间至少在 30 分钟以上，条件许可的，最好一个小时。10 公斤加压，最后没有任何减少方可测试通过。 5. 塑钢门的时候一定要算好塑钢门门框凸出墙壁的尺寸，知会安装人员，使得最后门框和贴完瓷片的墙壁是平的，这样既美观，又好做卫生。 6. 木工的包门套和泥工的贴瓷砖也是要配合的，包门套的时候，要考虑下面的地面（门的两边地面的任何一面）是否还要贴瓷砖或者其他水泥砂浆找平的事情，因为门套如果在贴瓷片前钉好，一直包到地面，将来用水泥的时候，如果水泥和门套沾上了，就会导致门套木材吸水发霉 。 7. 床垫下方和床板一定要透气。床板一般用杉木板最好 8. 做油漆尽量多用纸胶带 。 9. 买灯具要注意：一般尽量选用玻璃、不锈钢、铜或者木制（架子）的，一般不要买什么铁上面镀什么其他镀层啊、什么漆啊之类的，容易掉色。 10. 脸盆尽量用陶瓷盆，玻璃盆难搞卫生 。 11. 水电改造要自己计划好，要求他们按直线来开曹。自己看着他们画线，全按画的线开曹。每一项都要自己验收才行。 12. 防水一定要做好，一定要试水！ 13. 很多施工中口头上的协议成了结帐时被宰的缺口,一定要写成白纸黑字，增减的项目都一定要把价格问清，写出来! 14. 地面如果装地板，地面均要重新做水泥层重新抹平。 15. 厨房门，还是要装修的木工做木制的吊轨门为好。 16. 客厅里尽量多地装电源插头。 17. 洗手间的淋浴外还是要做隔断。不能图省事拉一个浴帘了事，实际很不方便，水流满地。 18. 做门与门框的材料要选木纹细致的材料。 19. 在安装橱柜前一定要确认你家的水路是否OK。 20. 厨卫地砖一定别挑白色。 21. 天花板要特别注意抹平腻子后才能抹多乐士 。 22. 客厅灯光盏数不宜过多，简洁为好，否则象灯具店！ 23. 买那些需要安装的东西尽量要求卖货的安装，实在不包安装，也一定要坚持安装完后才付完全款！ 24. 装修期间，把你以前所收集到的厂家商家的名片随身带着 。 25. 铝扣板的保护膜最好在装之前就去掉。 26. 鞋柜最好用百叶门，防臭。鞋柜边可以留一个插座，用来插烘鞋。 27. 切菜的地方可以安个小灯。 28. 餐厅也可以安排气扇，这样吃火锅或做烧烤时就不会弄脏厅屋的天花板。 29. 门口最好安排一个放杂物的柜子，可以放在鞋柜的上面。把常用的东西，如伞，包，剪刀，零钱，常吃的药等等放在那里，这样就很方便了。 30. 完全没有必要用贵的天花，如不太担心潮湿和油烟问题，建议用使用防潮石膏板刷防水漆，我家一个客卫这样做的，漂亮得很。如果一定要用铝扣板天花，建议1、不用太贵的，2、使用净色的，尤其是厨房天花，纯白的就很好了，颜色相间除非和装修风格相配，否则很容易不协调，3、自己抓主意，不要相信卖天花的眼光，他们的眼光真土。4、自己在现场盯着，收边很重要，不要让他们马虎，不然留下黑缝，怎么看怎么难看。 31. 第三天主要是打孔和继续贴瓷片，抽油烟机和热水器的排气孔要预先打好的，如果等贴好瓷片后再打孔，就不方便了。所以，在装修前一定要选好抽油烟机，炉具和热水器等，以确定打孔的大小。 32. 考虑到订做的橱柜虽然好看，但是不耐用，综合了网上一些同学的意见和经验后，地柜采用水泥做框架，内外两面贴瓷片，台面铺大理石，吊柜及柜门还是选用木材来做。这样做出来的橱柜结实耐用，防潮。并且花费又不多。很多邻居看了都说好，这不是我吹的。 33. 做好门套后，泥水工就开始了安装石膏线条，墙面批灰工程。我家的墙面原本比较平整，批2-3道就可以了。批灰时是批一次灰打磨一次，然后刷底漆，刷完后又要打磨，最后用ICI刷面漆两遍，整个墙面看起来光滑又平整，还真不错。墙面天花工程完成后，木工师傅开始做衣柜了。衣柜是用18cm的伟业牌大芯板做的，外面再贴饰面板，虽说没有家俱店买的那么好看，但经久耐用，质量应该比买的要好。我站在柜的板上都不怕。买的恐怕是不行的。背板也比较厚，买的是很薄的。 34. 其他同学在贴瓷砖时一定要注意以下几点：①最好自己能在现场②部分不太完美的瓷砖可以让工人贴在将来一些看不到的位置，比如橱柜、洗手台、镜子等后面，还要注意花砖、腰砖等不要被工人贴在以上位置，否则将来你什么都看不到，还花冤枉钱。③墙砖、地砖在贴之前，泡水时间一定要够。④一定要将地漏用东西塞好，防止掉水泥下去堵塞。我家的地漏就因为掉水泥被堵塞了，花了30门找管理处疏通，弄上来好多小泥块。⑤人在现场，工人不会太浪费瓷砖。贴瓷砖时我家人不在现场，后来去看，被浪费不少砖，很是心痛，都是血汗米米呀。 35. 一面墙的长、高。如一个卫生间有四面墙，每面墙都要量出它的长、高。然后再扣除一个窗户和门的面积。最后算地面的面积。你把尺寸量好后，也可以拿到卖瓷砖的店子，他们会帮你再符合的。加5%的损耗就行。 36. 卧室的顶灯最好是双控的，省得大冬天躺在床上了再起来关灯。 37.插座的位置一定要算好，高度，间隔。偶先是打暗盒位置遇到了钢筋，后是放好了暗盒发现刚好被电视柜、微波炉、书桌挡住，只好把前两个家具的位置移高，最后发现不仅高度不符合人体工程学，还买不好合适的不锈钢柜脚，只能订做铝脚。 38. 只需要在过道拐角处各装一盏就好了，即明亮又有效果。 39. 装灯时没考虑餐桌摆放位置，现在灯不在餐桌正中。 40. 卫生间瓷砖不要用太素的，一是容易脏，二来时间长了太过平淡！ 41. 插座要多装,家具要外买,地面要耐脏安全要考虑,样房要多看,原则要坚持 。 42. 铝扣板根本没有必要买高价格的，再多花钱也看不出显著的效果。买铝扣板特别要注意龙骨而不是铝扣板本身（铝扣板的目标太大不容易做手脚），龙骨上往往会完鬼。 43. 地砖的颜色很难找到满意的，我就没有找到，不过两种不满意的颜色交错拼花再转个45度角却能够达到我很满意的效果。这倒是瓦工自己提出来的好建议。 44. 在阳台顶端上打柜子的话柜子背面加上一层泡沫塑料板隔热防水效果很好。阳台柜门最好用防火板不变型。阳台的环境比较恶劣。 45. 木线条如果没有合适的不妨定做，定做的质量好象比样品还好些。而且定做比较个性化。 46. 卫生间地柜用的不锈钢脚属于暴利，找一些店面背的地方买价格狂便宜。 47. 安装门锁要注意锁舌头上些腊，撞坏再上腊就晚了。如果没有门吸的话还要注意防止把手撞墙而损坏。 48. 柏高地板很好，俺喜欢，唯一要提醒的是直接找老板谈价格可能比和营业员谈价格更好。 49. 亚光油漆就是比高光漂亮。 50. 如果再装修会选用成品腻子而不用滑石粉 。 51. 安装漏电保护器和空气开关的分线盒的工程不能够省，而且不要放在室外要放在室内，原来想省工钱将就门外旧分线盒用的，电工建议放在室内换新的，现在发现他这一点建议很有价值。 52. 漏电保护器和空气开关要用名牌的。俺用的“梅兰日兰”。想买真货也简单，直接打电话查梅兰日兰总部的电话号码，然后打过去问本地分公司号码。 53. 台下盆比台上盆秀气，好看，好打扫。 配台下盆龙头要注意，考虑到盆边厚度，龙头嘴要长些。 54. 墙面顶角不做任何修饰也很漂亮，不过要事先在找油漆工的阶段就和油漆工明确提出来. 顶角弹线有助于把顶角线做直。 55. 在线槽的水泥表面批腻子之前表面处理很重要，对于不结实的表面用清洁球处理很合适。 56. 石膏适合补墙面上较大的洞洞，当然如果洞洞太大还是需要用水泥的。 57. 毛玻璃背面千万保护好别沾上油漆，很难清洁！ 58. 菜盆龙头一定要能用手背开关的，那种必须用手指的不容易保持干净，手上有油的时候转动起来也有困难。 59. 豪华自动晾衣架的价格水分太大，比较后发现一些不出名的牌子在结构设计上反而胜过了一线品牌，价格却低很多。 60. 可以考虑采用安在地面的金属插座，这种插座很贵100多，但是挺方便，平时与地面齐平，脚一踩就可以把插座弹出来。适合大的客厅。或安在饭厅餐桌的下面，用来插火锅（防止来回走动时挂动电线）。 61. 储藏室。已经有TX说过了，只是我没做柜门，看上去不太美观，放衣服的柜子又容易脏。 62. 床的启动架（是这么叫的吗）。我是专业床公司买的布艺床，又花了350元加了这么个东西，床尾有个把手一拉，床板会翻起来，露出底下的储藏空间，好棒哦！ 63. 不实用的双杆毛巾架！ 目前和单杆用途一样，基本不会往里层挂杆上再晒毛巾。 64.觉得橱柜里面的垃圾桶不实用，不如放在外面。还有千万不要装门板式的垃圾桶和台面垃圾桶，夏天的时候打开柜门会很臭的。垃圾桶还是放在外面好。 65. 餐桌旁小柜子的好，可放置些东东，很方便。 66. 就我认为，拖把斗在性能方面的要求不高，完全可以自己砌一个出来，铺上和周围环境相符的瓷砖或马赛克即美观，又省钱。 67. 卫生间可钉点钉勾用来挂点东西的。 68. 卫生间设计了一个小橱放衣服，再也不用担心洗澡忘了拿干净的衣服。 69. 洗衣机带烘干严重不实用，除了一年中仅有的黄霉天，又恶巨。厚衣服、浴巾还是烘不干，让太阳消消毒多好。偶已透支，需要节省点银子。 70. 偶在洗衣房里做了一个洗衣池，用来手洗一些东西。原本以为用的较少，所以买了一个很便宜的特丽龙头。没想到这个洗衣池真是太方便了，成了我家使用频率最高的一个洗涤区。什么抹布啊，袜子啊，地巾啊，统统在里面洗，就连洗手大多也在那里。 71. 装灯带真不实用，装修完了到现在没开过。有客人来也只是SHOW一下射灯，我自已根本都忘了还装了个这玩意。原来是想开PARTY时浪漫下的，现在开射灯的机会都不多。 72. 最大的心得就是其实装修越简单越好，少污染，少花钱， 省心。 73. 实用的东东：①设计合理的储藏室。②.北阳台用的洗污物的水槽。区别与卫生间的洗脸盆和厨房的洗菜和洗碗的水斗。③卫生间可以拔出来洗头的龙头。（从来不在面盆洗头的TX例外）。④便于清洁的地板和合适的清洁工具。⑤厨房的台面工作灯。 74. 买马桶一定要量好自家的孔距，要不买了再去退货那真是…… 75. 卫厨地砖贴好后没干前最好量一下水平，看最低点是不是地漏处，要不等干了后再和装修队扯皮，死很多细胞的。 76. 窗台用长城的珠矶石，是一种800X800的磁砖。厂家切好磨边，泥工贴的。花纹好看还没辐射。 77. 洗手间的淋浴房一定要尺寸够大，用透明玻璃，在里面冲凉不会显得狭促。 78. 瓷砖勾缝不该用白水泥勾。没有一个月就变成黑缝，难看死了。结果自己买了勾缝剂自己勾，那个累 。 79. 橱柜的人造石下应该垫有后木板的，结果安装后发现没有，现在不敢在上面砍肉，答应给我补装都快两个月了还没装好（只来打磨了一次）。 80. 别信设计师的蛊惑。当然，可以多走访几家装修公司，从每家的设计里提取出真正有用的东西，关键是你自己想把家装扮成什么样子。 81. 如果地漏原来发展商已经装了那种防臭的“碗”，千万别取出来。 82. 卫生间地面瓷片贴好后就试水，如果流水比较缓慢就立即返工。俺家的流水比较慢，当时心软了一下，现在洗澡时就总是有点积水，搞得我们的主卫几百银子的淋浴头都闲着，现在总在琢磨着怎么补救。 83. 装洗手盆时要考虑好和镜子、放刷牙杯的架子、毛巾架的相对位置。 84. 买镜子时考虑一下镜前灯的位置，如果暂时不想装镜前灯，镜子的大小要能遮住为镜前灯预留的线最好。 85. 放洗衣机的阳台上做个小柜，方便放一些如洗衣粉之内的杂物。既美观又实用。 86. .一定要盯着楼上做防水，不然楼上往下滴水，弄的吊柜，墙面一片狼藉......... 87. 不要盲目的跟从网上团购，我后来发现，有些自己去砍价会比团购还便宜。 88. 电视背景墙一定多设几个插座，电视，DVD.........一摆上，就会发现插座不够用。 89.改水路前就要考虑好将来所装的洗脸盆的大样，比如说是左盆还是右盆，进水和排水该设在什么地方。否则，改好后才发现相中的洗脸盆却装不下！ 90. 关于窗帘，大家最好把那张尺寸自己留一份，对老板说明不能少尺寸。如果少了的话，怎么怎么的。或者自己看着他裁布。 91. 装修的施工工序： 1，进场，拆墙，砌墙。 2，卫生间，厨房地面做24小时闭水试验(需开发商完成此任务)。 3，凿线槽，水电改造并验收。 4，封埋线槽隐蔽水电改造工程，闭水实验无渗漏开始做防水工程。 5，卫生间，厨房贴墙面磁片。 6，木工进场，吊天花，石膏角线。 7，包门套，窗套。制作木柜框架。 8，同步制作各种木门，造型门及平压。 9，木制面板刷防尘漆（清油）。 10，窗台大理石台面找平铺设。 11，木饰面板粘贴，线条制作并精细安装。 12，墙面基层处理，打磨，找平。 13，家什，门边接缝处粘贴不干胶（保护边）。 14，墙面油ICI最少三遍。 15，家私油漆进场，补钉眼，油漆。 16，处理边角，铺设地砖，实木或复合木地板，防水大理石条，踢脚线。 17，灯具，洁具，拉手，门锁安装调试。 18，清理卫生，地砖补缝，撤场。 19，装修公司内部初步验收。 20。三方预约时间正式验收，交付业主。 首先是办理入场手续：一般来说，办入场手续需要装修队负责人的身份证原件与复印 件、业主身份证原件与复印件、装修公司营业执照复印件、装修公司建筑施工许可证复印件，还有装修押金，当然办理之前还需具体询问一下你的管理处。 接下来是敲墙：敲完墙后，垃圾清理完毕，泥水工应该进场了。敲墙面积的计算可以根据房屋的平面图纸，那上面有关于你房屋的所有详细的各种数据。记得在墙之前将要敲的墙的面积量好，要知道敲墙可是按面积算银子的。 泥水工主要负责砌墙、批灰、零 星修补、贴瓷砖、做防水、地面找平、装地漏。砌墙和批灰都要用到水泥砂浆，区别只是在于比例不同而已。砌墙、批灰是泥水工的前期作，做完这两项后，泥水工会自已先量好砌墙、批灰的实际面积，然后他会和业主复量这些尺寸的。另外，贴瓷砖最好由一个人来贴，如果由两个人来做的话，因其风格不一样有可能贴出来的效果会有差别的。瓷砖填缝最好用填缝料，我家用白水泥的部分有的已经了黄了。泥水工部分要注意：装修应用河沙。 泥水工砌墙之后批灰之前，水电工同时进场进行水电改造。水电改造的主要有水电定位、打槽、埋管、穿线。其中打槽虽不重要，可它间接影响后面埋管与穿线的质量。 水电改造的第一步是水电定位，也就是根据你的需要定出全屋开关插座的位置和水路接口的位置，水电工要根据开关插座水笼头的位置在墙上划出水管和电线的走向线也就是布置线路，记着向你的装修队要水电图，让水电工按图把线路走向给你讲清楚，别怕麻烦，水电工一定会满足你的要求的，水电改造完成后如果你不签字，水电工别想从装修队长那里拿钱的。 水电定位之后，接下来就是打槽了。好的打槽师付打出的槽基本是一条直线，而且槽边基本没有什么毛齿。注意打槽之前，务必让水电工将所有的水电走向在墙上划出来标明，记得对照水电图，看是否一致。 关于水电改造，还有几点需要注意：1、最好在合同中注明电路改造所用的电线的品牌。2、全屋的开关应基本处于同一水平位置。3、全屋的插座应尽量处于同一水平位置，特殊插座如空调、冰箱及有特殊要求的例外。4、电路改造中的相线、零线的颜色应各屋一 致，如果可以的话，最好在合同中注明火线、零线、控制线的颜色，保护线按国家规定是黄绿双色的。5、插座线（包括空调冰箱）最好用3线4.0多股，照明线用2线2.5多股就可以了。6、底盒埋设，如果可以，最好是自已买底盒，请装修队报安装费。7、关于音响线，如果你不是专业的发烧友，最好别装音响线：深圳的房屋面积基本上以100平方左右的居多，客厅的面积一般不会很大，在这样的面积里装上音响效果对一般人实在是没多大必要。空管也要算银子的。 关于水路改造中，有一点我觉得有必要说一下：关于泠热水的问题，以深圳的天气来讲，需不需要洗脸池、厨房的洗菜池都用泠热水呢？需要热水的话，打开热水器接一下就可以了。装修时我只感叹赚钱不易花钱却如此的容易! 最后要注意，最好在合同中注明务必等水电改造完成后木工进场，这样做的好处：你不用同时关注两样事情，水电改造是装修中一项很重要的支出，也是装修公司利润的大头，而且水电改造隐蔽性很大，如果木工同时进场施工，会分散你的注意力而不会全心关注水电改造。水路改造时，注意围一定要整洁。水路改造订合同时，最好注明水路改造用的材料。另外水路改造中要注意原房间下水管的大小，屋子里的接原下水管的管子最好和原下水管匹配。 电路改造中，应注意事先要想好全屋的灯具装在什么地方，以便确定开关插座的位置，同时要注意新埋线和换线的价格是不一样的。买门铃时最好买无线门铃。 水电改造完成后木工进场，做木工要注意：1、 拿到设计师的图纸时，最好自已在签字前仔细地复核一下尺寸。2、木工的工具箱、工作台、空气压缩机等工具的所有权是装修队长或是装修公司的。3、木工进场前，板材先进场，仔细看一下进场的板子是否与合同相符，是否正品。记得让白蚁公司来防白蚁。 和水电工一样，木工也是装修队利润的来源大头。装修中的甲醛来源大头。要控制这一点，除了板子是要符合国家环保规定外，用的木器清漆也要选好。这一点我会在后面提到的。 油漆工进场要在泥水工批完灰墙面干透之后进场批腻子，也就是进度表中所说的油漆第一阶段，如有装石膏线的，也同时在这个时候装，装石膏线是油漆工的事，记得批腻子一定不要用107，据我的楼上邻居讲，107会慢慢释放出一种什么对人体有害的气体，所以现在已经被108取代了。 装修刷漆如果是一底两面，那么必需用砂纸打磨三次，第一次打磨是在批完腻子开始刷第一遍底漆前，务必用砂纸将批完腻子且已经干透的墙面打磨一遍，第一遍墙面可以用标号低一点的砂纸打磨，如360＃；第二次打磨是在刷完底漆且干透刷第一遍面漆之前，这时用的砂纸最好是比第一遍打磨的砂纸高一些，如400＃以上的砂纸；第三遍是在刷完第一遍面漆且干透刷第二遍面漆之前，这时务必用高标号的砂纸打磨墙面，最好用600＃或以上的砂纸打磨墙面，只有这样才可以保证墙面的涂刷效果。否则的话，你的墙面涂刷完之后，十有八九会出现摸上去象面粉的那种手感。 还要说的一个问题是油漆加水的问题，每一种油漆对加水比例都有一定限制，应注意要严按按施工说明施工。 92. 烟道的阀门装回去之前，一定要擦干净，保证阀片能够开关自如并能开到最大，否则会影响油烟机的排烟效果。可以在装吊顶时留两条不装，等油烟机安装完并试用无误后再把吊顶装好。 93. 在客厅和餐厅这么大的空间，吊顶能不做就不做。 94. 走线时要想好空调位，将电源尽量移近空调，免得装空调时看到一截电源线，留下一丝遗憾。 95. 亲自量度并记录房屋内可供使用的各个尺寸，可将楼书户型图上尺寸遮盖然后重新引线标注，最终的尺寸将直接影响装修设计和家具的购买。 96. 光线不好的小户型如果选黑胡桃总是不够大气，这时需要有取舍，或是迁就实际或是执着自己的想法，当然最好两者兼顾 。 97. 开始寻找装修人员。就个人经验而论，如果不是特别大户型并且打算简单装修，似乎找游击队更合算些。最好是别人装过后介绍，你自己也去亲眼看过并认同，特别对装修负责人的感觉更是重要，责任心和欣赏水平怎么样，前者更关键些，因为如果只是简装，其实那些活差不多在外面混的都会做，然而质量的好坏可就视乎责任心了。 98. 主要家具如沙发、衣柜、餐桌椅、橱柜等最好也提前多看看，若四处乱跑就太累了，可以找几个购物环境好的大型家居广场逛逛，基本趋势就看出来了，所以接下来你要做的就是根据自己预想的风格慢慢筛选出合适的东西。有些人对款式把握较好，有些人则对颜色把握得准，没关系，反正还有时间考虑，如果等到装修清场，虚位以待的步骤再去看家具难免最后会勉强接受而不是非常喜欢。 99. 对已经看好的家具最好把尺寸记下来，然后到房里虚拟将来的摆设情况。 100. 购买东西时必要的单据一定要保存好，此举对后期可能存在的退、换货情况绝对有益。特别是一些重要物品的购物小票、说明书等，因为好多东西是有保修期的，凭证丢了会比较麻烦。</t>
  </si>
  <si>
    <t xml:space="preserve">怎样让拳击有破坏力又能击中要害？ </t>
  </si>
  <si>
    <t>多打沙袋，多练拳靶，力量练习很重要！然后多进行实战。</t>
  </si>
  <si>
    <t xml:space="preserve">目前现在笔记本的主流CPU都是什么 </t>
  </si>
  <si>
    <t xml:space="preserve">目前最常见的，笔记本的主流CPU就是中档T6600、P7350之类的，高档9600GT、9650GT之类的。新近上市的酷睿i7－920XM处理器的价格已经能买一台配置不错的笔记本了。看到很爽，四核的！唉，恐怕不是绝大多数普通用户能承受的，除非以后大降价，三、四折能买到差不多！ </t>
  </si>
  <si>
    <t xml:space="preserve">有关枪兵的问题我想问下各位高手，枪兵的力量光环是不是按百分比来增 </t>
  </si>
  <si>
    <t>力量光环是在武器基础物理伤害的数值上按百分比增加伤害，噩梦进攻型雇佣兵在最高98级时，力量光环可以达到20级上限。</t>
  </si>
  <si>
    <t xml:space="preserve">桑拿浴有好处吗？有一次去桑拿，感觉到很难受！请问，桑拿浴真是有好 </t>
  </si>
  <si>
    <t>这种浴疗起源于北欧芬兰，故又名芬兰蒸气浴。它的主要作用是通过湿和热两种因素，或者是二者的合力缓解疼痛，松弛关节，增进安宁。对皮肤来说，由于蒸气浴过程中皮肤血管明显扩张，大量出汗，皮肤血管得到锻炼，血液循环改善，皮肤里的各种组织获得更多的营养。汗液排泄也大有助于体内废物的排除。对干燥的皮肤，积屑皮肤病如鱼鳞病、银屑病，瘙痒皮肤和粗厚皮肤都有不同程度的治疗作用。它对皮肤的锻炼和保护功能更是显而易见的。　　桑拿浴要求一个湿热环境，室内高温，布满蒸气。最初的浴法是入浴者呆在高温蒸气室内一段时间后离室，跳入冰冷的湖水中。一热一冷之后再用桦树条抽打身体，反复几次。浴室温度控制在80℃～90℃，湿度也作相应调控。室内停留10分钟左右，前后共反复3次，即3个回合。这种原始的桑拿浴，目前已作了不少改进，但总的原则即热冷交替，接连几次。　　桑拿浴还能导致全身性生理变化。一是高温高湿环境使心跳、脉搏加快，血压一度升高后降低，类似锻炼后反应。二是冷水浸泡后的反应恰与高温高湿者相反。1次桑拿浴可流汗500毫升，体内激素分泌也被激发。但只要条件合适即符合规定标准，洗浴按常规进行，即使对轻症心脏病患者，也不致于危害健康。</t>
  </si>
  <si>
    <t xml:space="preserve">白果的吃法？朋友给了一些白果是炖肉好还是熬稀饭好？炖肉怎么做？ </t>
  </si>
  <si>
    <t xml:space="preserve"> 白果是银杏的果实，但是一次不要吃太多。炒菜、做汤都是可以的。1、白果猪肚汤：猪肚一只，用盐或生粉擦拭、洗净后用开水烫过（水里加点料酒什么的），把白果、整只猪肚和党参、杞子、蜜枣、黄芪、淮山、薏仁等清补凉材一起放到沙锅里加水煮开，改中小火煮2小时就行了（猪肚可以捞起来切条再炒来吃哦）。 2、白果萍果猪汤：猪骨也先飞水，萍果去籽切块（我还喜欢把皮给削了，口感好些，但听说皮里维生素多，你看着办吧），把白果、萍果块、猪骨和几粒蜜枣一股脑地全丢到沙锅里煮开，再改中小火煮1.5小时即成。 3、白果付竹糖水：付竹泡软备用，白果用水烧开慢慢炖半小时，加冰糖，接着放付竹再炖十分钟，看到付竹煮锦了就行。 4、白果鸡蓉粥：鸡脯肉剁细成鸡蓉，加生抽、油、料酒、糖、胡椒粉、嫩肉粉、姜丝腌好备用，煮好一锅白粥（还可以在煲白粥时放少许干虾仁一起煮），把白果加到粥里继续煮十分钟，再放入鸡蓉煮熟，加点盐、麻油和葱花即成。 </t>
  </si>
  <si>
    <t xml:space="preserve">有哪些方法可以鉴别兰芝的隔离清爽（紫色）４０毫升真假呢？我从网上 </t>
  </si>
  <si>
    <t>国内专柜从今年开始，全是全进口的兰芝产品了，上面全是韩文的，我认为要买到真货还是在正规商场里买吧，保险一些</t>
  </si>
  <si>
    <t xml:space="preserve">武器升级耐久度和加所有属性会一起跟着升吗我有一把黄金紫阳5750 </t>
  </si>
  <si>
    <t>不会的，那些属性都是固定的，个别属性通过升级可以改变，其它属性是不变的。</t>
  </si>
  <si>
    <t xml:space="preserve">你喜欢吕燕吗？为什么？你怎么看吕燕的成功？回答。你怎么看待美和丑 </t>
  </si>
  <si>
    <t>她很美啊,每个人对美的定义不同,她很有个性,有东方女性的完美特点,她的单凤眼,高高的颧骨.那种慵懒而又神秘的眼神,很东方,很现代.</t>
  </si>
  <si>
    <t xml:space="preserve">高手请进来我在魔力截图里经常看到有人的游戏界面是用的老版魔力的界 </t>
  </si>
  <si>
    <t>现在能变的只是对话框，游戏中按CTRL+HOME即可改变对话框模式，想看血魔就CTRL+F11.想变化对话栏就CTRL+HOME ,你要看别人的只可以看到你队里的人的血魔，其他你看到以前3。0以前的截图是人家原来截的，要是能回去我还是希望要以前的魔力</t>
  </si>
  <si>
    <t xml:space="preserve">再给西班牙一次机会虽然西班牙每届都让我失望，但还是爱他 </t>
  </si>
  <si>
    <t>我喜欢的劳尔已经老去,但我依然爱他,依然爱西班牙</t>
  </si>
  <si>
    <t xml:space="preserve">离婚了房子怎么分割？表姐和老公2008年结婚，结婚时他老公贷款1 </t>
  </si>
  <si>
    <t>您好！1、根据你提供的情况来看，你姐姐要想得分得这房子的可能性比较小。因为这个房子是你姐夫婚前购买的，且登记为他一个人的名字。属于他的个人财产。同时，你姐姐又没有证据证明，婚后共同还贷了。如有证据证明婚后共同还贷还是可以让对方返还这笔钱的。2、因此，现在想保障你姐姐的最大权益，只能先让你姐姐与对方离婚。同时搜集证据证明对方有家庭暴力，致使夫妻感情破裂，进而导致离婚。3、如果有证据证明第二点，还可以提出损害赔偿的诉讼请求。在其他的财产分割时，法院也会酌情考虑。以上回答供参考，希望对你有所帮助。如有不清，可再与我联系。</t>
  </si>
  <si>
    <t xml:space="preserve">为什么女性感到兴奋的时候下面就会很湿？是所有的女性都是这样的吗？? </t>
  </si>
  <si>
    <t>是的,都会,这是正常的生理反应,不必奇怪.</t>
  </si>
  <si>
    <t xml:space="preserve">龟头太敏感没几分钟就射怎么办？和老婆做哎不到几分钟龟头太敏感了？ </t>
  </si>
  <si>
    <t>　　龟头太敏感是很多男性朋友都会出现的问题,但是男性朋友并不知道是什么原因.医院专家指出:龟头太敏感可能是包皮过长导致的.下面我们就来详细地介绍一下.　　龟头太敏感没几分钟就射可能是包皮过长引起的　　包皮过长是最有可能引起龟头敏感的原因.包皮掩盖龟头,勃启时龟头外露的情况,因为平常龟头粘膜隐藏于包皮下,激发较少,使得龟头粘膜的神经感觉过于敏感.当性生活时,勃启后龟头外露,当龟头和女性生殖道进行摩擦、激发时就会由于龟头粘膜神经过于敏感而触发射棈的过早出现,造成早泄.包皮过长的患者,其龟头不能正常地露在外面,尤其是包茎更无法外露,所以龟头受不到撫摸和摩擦的激发,这也就是包皮过长和包茎对性生活造成影响的一个重要方面.引起早泄的原因1、大脑皮层的兴奋偏盛；2、龟头的敏感性过强；3、精阜炎。建议行详细检查，明确病因。建议行龟头敏感性试验、及尿道镜下精阜病变检查明确病因。你可以在每天清晨采取洎墛方式使男性生殖器勃启后，用冷热水交替浸泡龟头，但不要射棈，如此反复锻炼一段时间就会下降龟头的敏感度，从而延长做愛時間。</t>
  </si>
  <si>
    <t xml:space="preserve">我可以自由地分配时间了。用英语怎么说？不要用太难的词汇。。。 </t>
  </si>
  <si>
    <t>I can take my time freely就这么说，我问了我们外教的，准没错</t>
  </si>
  <si>
    <t xml:space="preserve">如果勋章达到条件领取不到应该如何更加有效的解决？客服一般私信都回 </t>
  </si>
  <si>
    <t>大致分两种情况，第一，真的是达成勋章条件，但是系统需要认证信息，导致有几个小时的延迟，但在我拿到的70多个勋章里，大致只遇到过一，两次，大部分情况是第二点，貌似达成勋章简洁里的条件，但其实没完全做到，比如没有关注，没有转发微博等，当然具体情况可以百度，或者把你没拿到勋章的名字列出来，或许我帮得到忙</t>
  </si>
  <si>
    <t xml:space="preserve">关于高中生熬夜晚上要不要熬夜?现在上高一,在实验班,大家都很拼, </t>
  </si>
  <si>
    <t>以前上学时老师让我们要加劲，可后来临近高考，老师又让我们别太累着，到了高考前一两天，又说年轻人一两天不睡没关系。其实熬不熬夜没关系，只是你看怎么办，如果你觉得熬夜好就熬夜，如果觉得不好就不熬，我们最终目的是要拿高分，不是玩命。</t>
  </si>
  <si>
    <t xml:space="preserve">甲亢一年半前前后后一共治疗一年多了，当初发现特别瘦，但是每天都吃 </t>
  </si>
  <si>
    <t>你好，请附上治疗前后的化验结果。</t>
  </si>
  <si>
    <t xml:space="preserve">港澳签注我的港澳签证2010.12中期到期，想十月份去香港和澳门 </t>
  </si>
  <si>
    <t>你现在就去办签注,签注有效期最短也是三个月。办好签注后哪天?Q定某天去港澳了;提前十天左右定机票也不迟。去港澳要两地都要签注,香港和澳门各签注一次,这样就可以:香港往澳门再从澳门返回香港。</t>
  </si>
  <si>
    <t xml:space="preserve">当0＜A＜π时，求证2SIN2A＜COTA/2 </t>
  </si>
  <si>
    <t>当0＜A＜π时，求证2SIN2A＜COTA/22sin2A-cgt(A/2)=2sin2A-[sinA/(1-cosA)]=4sinAcosA-[sinA/(1-cosA)]=sinA{4cosA-[1/(1-cosA)]}=sinA*[-(2cosA-1)^2/(1-cosA)]=-sinA(2cosA-1)^2/(1-cosA)∵0＜A＜π∴sinA＞0；(1-cosA)＞0且(2cosA-1)^2≥0∴2sin2A-cgt(A/2)=-sinA(2cosA-1)^2/(1-cosA)≤0∴2sin2A≤cgt(A/2)怎么多了个等号？(在A=60°时相等)</t>
  </si>
  <si>
    <t xml:space="preserve">坯布种类到底有哪些？ </t>
  </si>
  <si>
    <t>按照加工方法坯布可以分为以下几种。机(梭)织物，即由相互垂直排列即横向和纵向两系统的纱线，在织机上根据一定的规律交织而成的织物。有牛仔布、织锦缎、板司呢、麻纱等。针织物，由纱线编织成圈而形成的织物，分为纬编和经编。纬编针织物是将纬线由纬向喂入针织机的针上，使纱线有顺序地弯曲成圈，并相互穿套而成。经编针织物是采用一组或几组平行排列的纱线，于经向喂入针织机的所有工作针上，同时进行成圈而成。非织造物将松散的纤维经粘合或缝合而成。目前主要采用粘合和穿刺两种方法。用这种加工方法可大大地简化工艺过程，降低纺织服装行业成本，提高劳动生产率，具有广阔的发展前途。编结(织)物两组或两组以上的线状物，相互错位、卡位或者交编形成的产品，如席类、筐类等竹、藤制品;或者是一根或多根纱线互相串套、扭辫、打结的编结产品。另外一类是有专用设备、多路进纱按照一定的空间交编串套规律编结成的三维结构的复杂产品。复合织物，由机织物、针织物、编结物、非织造织物或膜材中的两种或者两种以上的材料通过交编、针刺、水刺、黏结、缝合、铆合等方法形成的多层织物。</t>
  </si>
  <si>
    <t xml:space="preserve">经常腹泻是为什么？最近开始只要一吃辣的东西，尤其是红彤彤的有辣汤 </t>
  </si>
  <si>
    <t>　腹泻以大便稀薄、次数增多为特点，常伴随腹胀腹痛、恶心厌食、肠鸣矢气、疲乏无力等症状。从的证候分析，脾胃气虚、脾肾阳虚、湿热蕴脾、食滞肠胃、寒湿困脾等均可引起腹泻。脾肾阳虚证引起的腹泻多在天亮之前发生，故也称“五更泻”。中医根据不同病机可有补脾健胃、温补脾肾、清利湿热、温中散寒等多种治法。常用的中成药有胃苓散、保和丸、参苓白术散等。常见的涩肠止泻中药有石榴皮、诃子、椿皮、肉豆蔻、金樱子等。 　　现代医学通常把腹泻病程超过两个月者称为慢性腹泻。大肠肿瘤、肝癌、内分泌肿瘤患者常可长期间断性发生腹泻，故慢性腹泻应认真查找原因，血样便和腹泻与便秘交替常是大肠癌的表现。大肠癌手术后常有腹泻表现，某些化疗药及放射性肠炎也可引起腹泻。 　　腹泻除注重病因治疗外，首先应及时补充水和电解质以及纠正酸碱平衡失调，饮食口味不可太重，应及时补充盐分，多喝水，适当增加碱性食物，防止因腹泻引起的脱水和代谢性酸中毒。 　　具有止泻作用的食品有糯米、小米、山药、莲子、芡实、栗子、樱桃、大枣、黑枣、柿饼等。 　　食疗方1：白面约200克，慢火微炒至发黄，取出少许，滚开水冲炒面，酌加糖盐调味。 　　食疗方2：粳米200克煮粥，至八分熟时加入茯苓粉约50克，调匀，再继续煮熟，加糖喝粥。 　　食疗方3：糯米100克泡后煮稀饭，近熟时加入山药100克切块，栗子100克，慢火煮熟后加糖调味。 　　食疗方4：莲子、芡实米（鸡头米）各50克，先泡半日，与小米50克煮粥，快熟时加大枣适量，调糖喝粥。 　　食疗方5：柿饼去蒂，山楂及黑枣去核各等份，切块捣烂如泥，加水煮开后加糖，酸甜可口，随时食用。 　　腹泻者饮食不可过多，要保证营养，也要照顾胃肠休息。饮食应少纤维素和少油脂，刺激性食品和煎炸食品，荤腥厚味均属不宜。有人喝奶会加重腹泻，可改饮酸奶。 不少成年人常有慢性腹泻，大便次数多，大便不成形。有的是早晨一起床就先去厕所，吃完早饭又去厕所，便前腹痛急迫，便意难忍，便后腹痛消失，便意不尽感。一般早上和上午大便次数较多，常因吃凉食水果、腹部受凉、精神紧张、吃韭菜喝牛奶后，腹泻加重。许多患者病情反复、迁延难愈，病程可长达数年以上，去医院检查一般无明显的器质性病变，也不是细菌感染引起的腹泻。    医学将这种慢性腹泻称之为肠易激综合症，属胃肠功能性紊乱的疾病范畴。慢性腹泻患者很痛苦，怕出门，怕出去旅游，一出门首先做的事就是上厕所，因为一有便意，非上厕所不可。　　中医认为是健康原动力不足导致脾胃功能虚弱、脾气不足，脾主运化、胃主受纳功能受损，胃肠功能紊乱，是造成慢性腹泻的根本原因。 慢性腹泻　　症状：发烧、体重持续下降。　　原因：压力是导致腹泻的重要原因。　　解决方法：若腹泻持续，可能导致脱水。所以要多喝水，补充水分。注意不喝冷水，并适当吃些止泻药。少吃或不吃煎炸、油腻食物。有些女性在月经来潮前后或者每次月经期间出现大便泄泻 ,泻时小腹疼痛 ,每日次数多少不等 ,可为溏便 ,也可为水样便 ,甚或进食之物完全排出 ;伴有神疲力乏 ,脘腹胀满 ,饮食不香 ;日行数次 ,经净泻止 ,这在临床上称为经行腹泻。　　对于此病的发病原因 ,现代医学认为与女性月经期间体内激素比例失调有关。而中医则认为经行泄泻多与素体脾虚肾弱有关。脾气虚弱 ,脾的运化水湿功能失常 ,所以出现泄泻 ;肾虚 ,命门清冷 ,不能温煦脾阳 ,也将导致泄泻。　　中医对此病辨证施治 ,疗效显著。根据症状 ,将其分为脾虚和肾虚两类 :　　( 1)脾虚型 :表现为行经期或行经之前 ,大便稀薄 ,或面目及四肢浮肿 ,腹部胀满 ,舌质淡红 ,舌苔白腻 ,饮食不思 ,神疲肢乏 ,经行量多 ,经色淡浅 ,经质稀薄 ,脉象濡缓。方用参苓白术健脾汤。此方具有健脾益气 ,化湿调经之功效。　　若两胁胀满 ,兼腹痛即泻的经行腹泻 ,可采用白芍痛泻散 :白术 15克 ,芍药 15克 ,陈皮 10克 ,防风 10克。　　( 2)肾虚型 :表现为头昏耳鸣 ,肢冷畏寒 ,经行大便泄泻 ,或清晨起床泄泻不止 ,腰骶酸软 ,月经色淡 ,经质清稀 ,舌苔白润 ,脉象沉迟。　　方用党茯白术健固汤 :党参 15克 ,吴茱萸 15克 ,补骨脂 15克 ,茯苓 15克 ,白术 15克 ,肉豆蔻 15克 ,薏苡仁 15克 ,巴戟天 10克 ,五味子 10克。此方具有健脾固肠 ,温肾扶阳之功效。　餐桌上越来越丰盛，“吃”出来的疾病也越来越多。人们对糖尿病和心脑血管病关注度不断提高，慢性腹泻却未得到重视。长期腹泻带来的营养物质缺乏不但严重影响身体机能，还给“泻一族”带来巨大的心理压力。　　慢性腹泻中医称为泄泻，主要症状为排便次数增多，粪便稀薄如糊状，甚至稀如水样，脾胃功能异常是其根本病机。中医认为，脾胃主运化饮食，是人体气血生化之源，又称为“后天之本”。脾胃不和，百病始生。饮食不节伤肠胃脾虚胃弱湿邪盛　　37岁的冯先生，是某行政单位干部，大便不成形已有6年，排便时前段正常，后段则呈糊状不成形。饮食油腻、生冷或辛辣时大便就会更加稀薄甚至如水样，且排便次数增多，腹部满闷，无饥饿感。　　杨主任仔细询问了病人的发病过程，了解到病人工作应酬较多，饮食油腻辛辣且不规律，又望舌切脉发现其舌淡苔白，脉细弱，结合其症状认为证属脾虚湿盛型泄泻。这种原因导致的泄泻在临床上最为常见，由于饮食不节，脾胃功能受损，饮食得不到正常消化，下趋肠道而成泄泻。脾胃是人体气机升降出入的枢纽，脾胃功能异常则腹部胀闷不适，饮食减少。由于消化不良，本型病人还常出现食积内热的表现，可酌情加用消食、清热、祛湿的药物。　　近年来抗生素滥用造成的肠道菌群失调也可出现脾虚湿盛的表现。不正确使用抗生素会杀死肠道内的有益菌，破坏肠道内的微生态平衡，所以一见腹泻不问原因就用抗生素的做法是十分不可取的。　　负面情绪聚不散肝气郁结脾更虚　　42岁的刘女士，与丈夫感情不是很好，平时老感觉胸口胀闷，每次和丈夫吵架、生闷气时就会打嗝连连，腹痛腹泻。吃了很多药，效果却不好。　　杨主任根据病人的讲述，再结合其舌红脉弦的表现，诊断其泄泻属肝郁脾虚型。肝对人体气机的有序运行具有调节作用，脾胃消化功能的正常也有赖于肝的调节。各种不良情绪的刺激均可使肝脏气机不利，干扰脾胃的消化功能，出现腹痛泄泻等症状。治疗上应当舒肝解郁，益气健脾。　　病人的情绪对治疗效果有着显著的影响，所以在药物治疗的同时，病人应调节自己的情绪，保持平稳乐观的精神状态。专题推荐：中医专题　　中医养生专题　　中医美容专题　　久泻不止阳气伤肾不温脾五更泻　　51岁的张先生，苦恼地说自己早上很少能睡到七八点，因为每天早上五六点时他都会因为腹部疼痛而起来上厕所，上过厕所腹痛就会消失。平时比较怕冷，一受凉就会发生腹泻。　　杨主任望舌切脉后发现，病人舌淡苔白，脉沉细，再加上清晨腹泻的特点，诊断为肾阳虚衰型泄泻。腹泻日久，肾中阳气虚衰，不能温养脾胃，运化失常，黎明之前阳气较弱，阴寒较盛，故腹部作痛，肠鸣即泻，泻后痛减，所以本型腹泻又称为“五更泻”。　　本型腹泻和年老体虚、阳气不足及房事过度有较大关系，所以年老体虚的患者尤应注意节制房事。　　生活调养决定疗效　　杨主任特别强调的是，慢性腹泻难以彻底痊愈的原因在于肠胃每天都要接受饮食的考验，而本病患者的肠胃功能稳态极为脆弱，生活上稍不规律即可使其反复发作，缠绵难愈，因此养成良好的生活习惯特别是饮食习惯至关重要。　　患者吃饭应做到定时定量，生冷瓜果蔬菜、冷饮、油腻、辛辣及蜂蜜、核桃等滑肠的食物应尽量避免。儿童应彻底阻断零食，使脾胃得到充分的休息。造成病症反复的一个常见原因是症状好转之后，很多病人总是迫不及待地增加饮食，使部分恢复的脾胃功能再次受伤，更应切忌。　　杨主任认为常说的脾胃病“三分在治，七分在养”，虽有些夸大，但其重视生活调理的观点是十分正确的。</t>
  </si>
  <si>
    <t xml:space="preserve">吃辣椒有什么好处？那个东西就是感觉辣辣的。不知道为什么那么多人爱 </t>
  </si>
  <si>
    <t>绿油油的青辣椒，红彤彤的红辣椒，是许多人都爱吃的。 　　一般人喜食辛辣带甜的辣椒；有的南方人特别爱吃辣得厉害的朝天椒；北方人大多爱吃甜而不辣的灯笼椒。辣椒的营养比较丰富，尤其是维生素C的含量很高，在蔬菜中名称前茅，100克辣椒中就含维生素cl05毫克。 　　辣椒还有重要的药用价值。吃饭不香，饭量减少时，在菜里放上一些辣椒，就能改善食欲，增加饭量。单独用少许辣椒煎汤内服，可治因受寒引起的胃口不好、腹胀腹痛。用辣椒和生姜熬汤喝，又能治疗风寒感冒；对于兼有消化不良的病人，尤为适宜。　　为什么辣椒能健胃、助消化呢？原来它含有一种叫辣椒素的成分，对口腔及胃肠有刺激作用，所以能增强胃肠蠕动，促进消化液分泌，使食欲改善，并能抑制肠内异常发酵，排除消化道中积存的气体。适当吃些辣椒，对于居处潮湿的人，预防风湿病和冻伤也有好处。　　辣椒虽然富于营养，又有重要的药用价值，但食用过量反而危害人体健康。因为过多的辣椒素会剧烈刺激胃肠粘膜，使其高度充血、蠕动加快，引起胃疼、腹痛、腹泻并使肛门烧灼刺疼，诱发胃肠疾病，促使痔疮出血。因此，凡患食管炎、胃肠炎、胃溃疡以及痔疮等病者，均应少吃或忌食辣椒。由于辣椒的性味是大辛大热，所以火眼、牙疼、喉痛、咯血、疮疖等火热病症，或阴虚火旺的高血压病、肺结核病，也应慎食。</t>
  </si>
  <si>
    <t xml:space="preserve">化妆品过期，是不是一定不能用了？ </t>
  </si>
  <si>
    <t>你好最好别用 如果不是敏感性皮肤 那面部的乳液 如果刚过期 可以洗澡后用做浴后乳液 当然 如果过了很久的 不管什么皮肤都不要用了尤其防晒 本身会吸收热量 用的比较慢的 很可能还在保质期呢 效果就大打折扣了 所以 防晒的东西 过期就不要用了如果是彩妆品 口红一般过保质期也是可以用的 但是液体的彩妆品 还有用在眼睛部位的彩妆品 一旦过期 就不要用了</t>
  </si>
  <si>
    <t xml:space="preserve">怎样确定使用电机的功率20公斤总负载,直径为280的滚筒,700 </t>
  </si>
  <si>
    <t>要变速可以采用变频器来控制电机的转速</t>
  </si>
  <si>
    <t xml:space="preserve">哪里的辣椒机械比较好？ </t>
  </si>
  <si>
    <t>山东省 乐陵市 瑞祥辣椒机械  制造有限公司。咨询电话：18605347781.</t>
  </si>
  <si>
    <t xml:space="preserve">生产系声望问题生产系的没一转技能已经到4再挖东西就不长经验了那声 </t>
  </si>
  <si>
    <t>声望还长呀采集成功一次+0.5星声望(汗,是转职的吧,生产系很少为声望操心的,一般都是还没2转,3转的称号都够了)非转职的我试验过,攒够打卡时间,一天连到20+,技能冲到4,称号也够了,做完1转任务——当天一转</t>
  </si>
  <si>
    <t xml:space="preserve">青岛那个区最适合居住？白领密集的、空气新鲜的、上学方便的 </t>
  </si>
  <si>
    <t>你这三个白领、空气、上学。最佳居住地区是闽江路、云霄路、南京路南端。</t>
  </si>
  <si>
    <t xml:space="preserve">养鹦鹉鱼的基本知识 </t>
  </si>
  <si>
    <t xml:space="preserve">鹦鹉鱼饲养要点 1．水质要求 血鹦鹉喜欢弱酸性且硬度较低的软水。由于血鹦鹉先天性嘴唇不能闭合，吞吐水流的控制能力较差，经过鳃部的水流较小，靠水流与鳃部交换氧气的能力较其父本与母本及其它鱼类就差得多了。因此，饲养血鹦鹉的水体必须要有充足的氧气。水族缸最好配备生化过滤棉、水泵、增氧曝气设备。具体指标是PH值6．5左右、溶氧8毫克／升。 2．温度控制 血鹦鹉对温度适应性较强，在2 0～3 0℃的水温中能自由。但是血鹦鹉又对温度相当敏感，它在低水温和水温剧烈变动的情况下，容易产生应激反应而导致体色暗淡失去艳丽的光泽，甚至会出现黑色的条纹或者斑纹。饲养过程中最好使水温保持在2 5～2 8℃范围内，每次换水前后水温差不宜超过0．5℃。 3．饲养管理 血鹦鹉食性杂，人工饵料、薄片、颗粒、红虫、丰年虾、水虱等几乎什么都吃，而且相当贪吃，因此要养活血鹦鹉很容易，要养出体质健壮、体色艳的血鹦鹉却不是容易的事。每天要定时定量投喂饵料，合理搭配饵料的营养，定期投喂鲜活的小虾、小鱼，最好选用专门为血鹦鹉配制的人工饵料，这种添加了虾红素和D一类胡萝卜素的饲料，直接投喂不但方便而且可以使血鹦鹉的体色更加鲜艳好看。 有图:  </t>
  </si>
  <si>
    <t xml:space="preserve">公司投保问题我们公司签完合同后，就给员工投保。我现在不想投保。不 </t>
  </si>
  <si>
    <t>您好：　　为什么不投保呢，这是属于国家对企业的强制行为，是对员工的福利。从您工资中扣除的部分全部进入个人账户，而且单位交纳的小部分也会进入个人账户，个人账户中的钱始终是您的，谁也取不走。　　参加社保以后，经过大概半年的时间（各地略有差别），就可以享受医疗费用的报销，连续交纳一定年限后，退休时可以按月领取养老金，还可以享受退休后的医疗费用报销。　　由于非个人原因造成失业状态的，可以到社保中心领取失业保障金。　　上面提到的是社保中最基本的三险。如果有工伤和生育保险，那么将来在工作中或者上下班途中发生的意外伤害，是可以享受意外伤害医疗费报销及伤残赔付的。生育保险可以保证将来妻子在生育期间，您可以将部分费用报销，同时护理期间得到收入的保障。工伤保险和生育保险不需要自己交费。　　所以社保不但要参加，而且最好是五险一金附加补充养老和医疗。　　有了社保人生保障还很不完善，需要商业保险来作为补充，试问，如果您没有社保，那么您有多少商业保险？如果都没有，那么您的未来的生活有什么保障？　　很高兴为您解答！　　</t>
  </si>
  <si>
    <t xml:space="preserve">乒乓球里充的是什么气体 </t>
  </si>
  <si>
    <t>乒乓球里充的是什么气体 ..........就是普通的空气</t>
  </si>
  <si>
    <t xml:space="preserve">安装时出现下载更新失败下载好客户端安装的时候出现。。下载更新失败 </t>
  </si>
  <si>
    <t>我也有同样的问题，问过客服了。客服说下载的时候出现了问题，建议先把原先版本全部卸载，然后再次下载完整版。如果还不行，则换一个别的网站下载，如17173</t>
  </si>
  <si>
    <t xml:space="preserve">冬季小药的使用方法黑坑鲫鱼 </t>
  </si>
  <si>
    <t>你好，小药用的好钓的好，用不好可能直接死窝，在冬天用的多的有虾粉，香虎，酒，改善口感增加诱鱼性的小药，其实钓鱼中饵料只是众多重要环节中的一个。鱼是否开口，在鱼不开口的情况下，你饵料再好也是没什么效果。垂钓是人与鱼的斗智斗勇，不但要掌握一般的钓具、钓饵、钓技，还要掌握鱼性、天文和地理的基本知识，才能得到远不止鱼获的收获。如果只是尝鲜或者为鱼而钓，那么钓鱼则会变得无聊无味。换种说法，则是钓鱼为钓娱，只为娱不为鱼，即使鱼毛都没见到也兴高采烈，那么则表明你是一个真正的钓鱼人了。</t>
  </si>
  <si>
    <t xml:space="preserve">关于演戏想参加一部电视剧的演员海选最后准备什麽才艺表演？（具体点 </t>
  </si>
  <si>
    <t xml:space="preserve">你好!    主要看你个人的特点而决定!    评委要的是能吸引他们的眼球的东西!    具体谈不上,提供一些信息是应该的,你自己了解一下,能把自己的风采展示出来就是成功!    其他的"猫腻"我就不教你了!    </t>
  </si>
  <si>
    <t xml:space="preserve">气功怎么练 </t>
  </si>
  <si>
    <t>^_^你一定会建康的~~支持你~~加油^_^ 有一个简单的气功，但是还是那句老话，最好找个师傅，不然到了一定的程度你不会控制你体内的气会走火入魔的。 方法如下： 一、反运气，就是呼吸方法逆转，吸气时将肚子缩进去，呼气时将肚子凸出来，这种方法与我们平常的呼吸习惯相反，因此称为逆呼吸。（记住要深呼吸） 将这种呼吸方法每天练20-30分钟左右。最好是站着练，腰要挺直，最好是靠墙。这种运气方法在最初最大的功效是可以通大便。有不少初学者都有这个经验，站了之后很快就想上厕所。 二、约100天后可以试丹田运气，丹田在肚脐与膀胱之间在前面的方法运气的基础上尝试在练习的时候将呼吸的节奏放长，尽量一次吸入更多的气而且吸入的时间约长越好，但是要注意量力而为。慢慢就可以感到丹田发热发涨。 后面还有一些继续进阶方法，但是到了后面的阶段对于无师傅的人就有风险了，因此就此打住。还有一点要注意的，练功时尽量先入定（不想任何东西脑内一片空明），练功时环境要安静，和有清新的空气进入。 ^_^ (1)入门强身法 入门强身法是个自由功，只是一个入门法。动作： ①两脚与肩等宽、松静站立，面带笑微。 ②脚向前迈动，先右后左，脚跟落地，头转动先左后右，与行走配合协调。 ③迈步行走与平常一样，双手摆动的幅度不要大，尽量自然。 ④行走时，要求头转带动腰转，腰转带动手的摆动。 呼吸：开始时自然呼吸法，走熟后改为鼻吸鼻呼的吹息法。 意念：要怡然自得，轻松愉快。如入花丛左顾右盼，美不胜收。 (2)定步吹息法 定步吹息法是调息补气功的预备功。动作： ①双手自然下垂，迈右脚，脚尖点地，随即落平，然后跷起脚尖。 ②身躯自然左转，重心落在左脚。 ③臀部微后坐，坐腰，后腿弓，前腿松，腰向右转，两手臂同时向右摆，左手摆至中心线，右手摆至右胯旁。头部向右转，眼看右方。 ④腰向左转，重心自左向右移，两手自右向左摆动，左手在前摆到左胯，右手随后，摆至中线；头部自右方转至前方，再转向左方，眼视线亦自右到正前方，到左方。 ⑤重心右移至右脚跟，开始做吸气(鼻吸)两次，右脚落平，左脚脚跟提起；前腿弓，后腿松(右手已到中线)。鼻呼气一次。 ⑥两手向右自然摆动，重心左移，右脚脚尖重新跷起。至此为定步吹息一次，右脚在前共做九次。 ⑦左脚迈半步，两足平站，做三开合(参见下一题“跷步运化功三田开合法”)。 ⑧三开合后，迈左脚，做左方的定步吹息九次。做法和右方的做法相同，只是方向相反。 ⑨定步吹息做完，迈右脚向前半步，做三开合。接下一个功法。 呼吸：鼻吸鼻呼的吹息法。随着右脚落平，鼻吸两次，再将左脚跟提起，鼻吸一次。余者类推。 意念：意念随呼吸而行。 (3)吹息强肾法 将前节定步改为走步，即为吹息强肾法。要求每分钟行步60～70步，行走时按站与肩宽的站立状态，蛇形向前迈进(即两足平行走动)；头部、腰部在一定的水平上旋转，并做到转三面；走路要保持平稳，不要窜动，切忌斜肩；出胯时，要保持全身的中正。动作： ①先出右脚，跷脚尖，脚后跟着地。 ②迈左脚同样跷脚尖，脚后跟着地。 ③头部由右向前再向左，转扇形三面。 ④开眼做功，以留一线光为最佳。 ⑤腰随头部转动，胯不要随着转。 ⑥腰转动带动两臂摆动，迈出右脚的同时，左手由丹田上方心窝部下落丹田后向左胯方向摆动，右手自右向身中线、心窝部摆动，掌心斜向躯干；重心由右向左移动。 ⑦迈出左脚的同时，右手由心窝部向丹田，向右胯方向摆动，左手由左向身中线心窝处摆动，重心由右向左移动。 ⑧两手摆动时，两臂与身躯形成的夹角最大不超过60度为宜。 ⑨迈右脚的同时，用鼻吸气两次，迈左脚的同时，用鼻呼气一次。 呼吸：鼻吸鼻呼的吹息法。 意念：放在脚尖上。这样足跟着地才能轻灵，脚踵不会肿痛。 注意：走熟之后，做功时如果静不下来，可以用听息法，即听自己鼻吸鼻呼的声音，用以驱除杂念。或眼看三面时要看似茫茫，对于四周景象要似有若无，视而不见。 4 吹息强肺、脾、肝法 动作：基本步法是强肾法。不同之处如下： ①迈出右脚，两手摆动姿势相同，鼻吸气两次，再迈出左脚。迈左脚时不用脚后跟着地，而是用左脚尖点一下地。足尖点地时，脚跟勿转动。 ②脚尖点地时，两手在左侧屈握，大拇指与食指捻触，要求少商穴(大指内侧指甲根处)与商阳穴(食指内侧指甲根处)摩擦。 ③脚尖点地，手指摩擦，同时用鼻呼气。 ④左脚尖点地后，即迈出，以左脚跟着地，同时鼻吸气两次。 ⑤右脚尖点地，两手在右侧摩少商穴、商阳穴，同时用鼻呼气。 ⑥右脚迈出，脚跟着地，鼻吸气两次。 如此反复地做下去。以每分钟走50～60步为宜。 呼吸：此法迈右脚时，鼻要两次吸气，手由右向左摆，摆到左膀旁，左脚立起，用足尖点地，此时双手用食指搓少商穴，同时用鼻呼气。三者动作协同一致。点后左脚迈出，再点右脚，方向相反，做法相同。 意念：放在脚尖上。 5 吹息强心法 动作：仍以强肾法为基础的功法。四步连走不停顿。本法要领在神安、气和。 ①迈右脚时，用鼻连吸两次。 ②迈左脚时，仍用鼻连吸两次。 ③第三步迈右脚，用鼻呼两次。 ④第四步迈左脚，用鼻呼一次，B752一次。 ⑤在第四步用鼻B752的同时，用中指中冲穴点劳宫穴。 呼吸：吸气时要轻微小量，意用丹田吸，声音不要大。 意念：要求心情和畅，吸气时心气略有上升，呼气时心气略有下降。 6个月前 - 0个意见 - 检举 ^_^加油~~呵呵</t>
  </si>
  <si>
    <t xml:space="preserve">快两岁半的小女孩说话还不怎么清楚是怎么了?我弟弟的女儿快两岁半了 </t>
  </si>
  <si>
    <t xml:space="preserve">各个小朋友说话的快慢有差异，但家长最好要多花时间和心思在孩子上，会提高他对说话的勇力。要多带他到外面人多的地方走走，带他到多小朋友地方，制造更多的沟通 机会，平时多买一些带有创意性开发性的玩具，以便他更好地开启右脑，多思考，多做“想”的动作。 做家长的也要主动给他发问，多征求他的意见，让他大胆发言。这样慢慢孩子就会大胆而发言。一定要让他感到妈妈是尊重他在先。   </t>
  </si>
  <si>
    <t xml:space="preserve">有的电脑有U盘里打不开电脑.有的电脑却有没有U盘都能打开.这是什? </t>
  </si>
  <si>
    <t>进BIOS看看第一启动是什么如果是软驱启动那么插着U盘的就无法开机把U盘拔下来再启动就可以了或者把BIOS改成硬盘启动</t>
  </si>
  <si>
    <t xml:space="preserve">英语专业的，同时会一点韩语，不打算考研，二外日语和法语学哪个比较? </t>
  </si>
  <si>
    <t>选还是日语，首先要看你将来的择业方向，自古就讲求学以致用，用在哪，我想多半还是用在工作中。如果你偏向于欧美企业，那么就学法语，如果不是，就学日语。不过从目前中国形式看，扎根我国的法国企业毕竟少数，而日企却有雨后春笋之势，尤其是在深圳，上海，大连这样的沿海发达城市，更是遍地开花。所以从就业前景看，似乎是日语更有优势一些。   其次，要看你对这两种语言的兴趣所在。没有兴趣的学习不仅乏味而且收效甚微，相反，再困难的事情，如果有了兴趣的一臂之力，就会事半功倍。   另外，就要从个人角度看一下学习两种语言的难易程度。法语和英语都属于欧洲语言体系，有它们的相似之处，对于英语专业的你来说，学法语必然有一定的优势条件。但同时也不要忘记，在亚洲版块上中日两国隔海相望，自古以来文化交流渊源流长，在语言文字上更是有着千丝万缕的联系。日语中许多文字的读法写法都与汉语极其类似，即使不通晓日语的人也能根据汉语知识猜个大概，学起来自然也更容易上手。   还有一点不能不谈。学习语言就是为了去说，并且在别人说的时候你能听懂，所以听说能力便成为了学习语言的核心内容。课堂上往往只侧重于语法知识的灌输，听说的机会则少的可怜。而日本作为一个电影，电视剧，动漫动画的高产国，无疑为日语学习者提供了取之不尽的听说资源，有了这个广阔的第二课堂，学起日语来或许会多一条捷径。   至于你说日语越学越难，我想不见得越学越简单的东西就人人都能学好，也不见得越学越难的东西就没有人学会，关键看你努力了多少。况且越是困难的才越有挑战，我们还年轻，有的是时间和精力，为什么不去拼一拼，去搏一搏呢。即使结果不尽人意，也没什么后悔的，有时过程比结果更重要。   你说法语很帅，我想那一定是建立在熟练掌握并能自如运用的前提下，假如一个人只是通晓只字片语，说不清道不明的话又何“帅”之有呢。不要太过注重那些表面的光鲜，内涵丰富或饱含哲理的谈话内容远远比美妙的语腔语调更重要。   法语亦或日语，选择谁，只是一个开始，漫长的学习之路，还要你自己去耐心铺就。   祝你成功~~</t>
  </si>
  <si>
    <t xml:space="preserve">5区12月1日几点开放啊?怎么不开...网通区啊? </t>
  </si>
  <si>
    <t>是呀怎么还不开呀55555555555555</t>
  </si>
  <si>
    <t xml:space="preserve">巨蟹座26岁女孩生日送什么礼物好?是我的女朋友.以前做过flas? </t>
  </si>
  <si>
    <t>巨蟹 珍藏回忆、具纪念性            　　蟹子喜爱个人私密的感觉，所以送礼给她最好别到那种大批发或量贩店去买，而且也别选太俗气的东西。            　　挑本美观的相簿、剪贴簿，傻瓜相机或精致的相框、珠宝盒等能让蟹子自己存放个人的照片或纪念物品的贴心礼品，都很理想。蟹子通常对银制品很有好感，所以选择银制材质的制品，像银相框、银餐具应该很讨好。送她最爱的电影录影带、DVD；搜集她喜欢的歌曲，自己录成一卷卡带；自制的书卡、画作等，可以表达你的诚意又具有纪念价值的礼物，都会让蟹子觉得很窝心。</t>
  </si>
  <si>
    <t xml:space="preserve">如何和父母更好的勾通?现在我们的心里有自己的想发,父母好象变得很 </t>
  </si>
  <si>
    <t>青年时代有些事我是迫不得已的听从了父母的意见，而有些事却坚持已见。现在到了中年再回想过去，发现父母为我安排的就是我今天想要的，而自己坚持已见的却是我目前最遗憾的事。所以我现在常回家去看他们。天底下最了解你的、最为你着想的、最心疼你的大概就只有父母了，所以他们的忠告你要高度重视，他们的有些想法你现在认为真是太落伍了，但是生活的本身就是这样，如果你却实有不同的意见，要把真实的想法告诉他们，不是忍无可忍的事你遵从便是了，不会错的。你保持这样的心态去和父母沟通，大概就没什么问题了，因为他们是最爱你的人。</t>
  </si>
  <si>
    <t xml:space="preserve">剑网II免费区是永远不删档的吗?是永久免费而且不像体验服那样删档 </t>
  </si>
  <si>
    <t>我可以完全肯定的和你说是不删档的但是我劝你不要玩...花300RMB可以带73级+2000W经验花钱可以买战功花钱可以买师们贡献花钱可以买修为花钱可以直接买装备，连过程都不需要花钱可以直接买金。花钱可以买铁 采集技能花钱练...还有很多卖的.....你自己进去看我玩游戏7年  剑侠2是我见过卖得最彻底的游戏佩服！  要你自己都怕服务器奇卡无比经常交通堵塞白天 基本要冲半小时才进得了游戏</t>
  </si>
  <si>
    <t xml:space="preserve">公鸡下巴的那两片红肉叫什么名字 </t>
  </si>
  <si>
    <t>下巴下垂的肉叫“胡” 以下为转——鸡头顶上红色的肉状物叫“冠”或“鸡冠”，冠就是帽子，这东西犹如鸡头上的帽子，所以叫鸡冠，那么，鸡嘴下面也宕了一对和鸡冠相似的东西，这个东西叫什么，是否有文字？这确实是一个有趣而很少有人问津的问题。 实际上这“劳什子”叫“胡”。 《说文解字》：“胡，牛也。从肉古声。”段玉裁注：玄应、司马贞引皆作“牛领”。自颐至颈下垂肥者也。引伸之，凡物皆曰胡，如老狼有胡，夷鸟 胡、龙垂、胡须是也。胡与侯音转最近，故《周礼》“立当前侯”。注曰：车辕前胡下垂柱地者。 中国是农业国，多牛，而北方最多的是黄牛，牛从嘴至胸前的喉部，有很明显下重的肉，“胡”最初就是指牛的喉、颈间下垂的肉，许多动物的喉下有下垂的肉，于是所有喉间下垂的肉一律叫作“胡”。而“胡”与“侯”的古音十分接近，于是“胡”也被讲或写作“侯”。古代中原人称北方少数民族或外国人称之“胡人”，也许就是他们喉下多垂肉的原故吧，今天人们把咽喉叫作喉咙，而吴方言则讲作“胡咙”；人身上有许多毛发，头顶上的称“发”，眼上者为“眉”或“眉毛”，嘴上鼻下者为“须”，而嘴下喉上者就是“胡子”，它就是长在胡上的毛的意思。 在畜类中当以黄牛的“胡”最大最明显，而在禽类中当以鹈鹕的“胡”最大最有特征。李明珍《本草纲目》卷四十七“鹈鹕”中讲：鹈鹕处处有之，水鸟也，似鹗而甚大，灰色如苍鹅，灰色如苍鹅。喙长尺余，直而且广，口中正赤，颔下胡大如数升囊。好群飞，沉水食鱼，亦能竭小水取鱼。 文中讲：“颔下胡大如数升囊”，翻成白话就是：下巴下的胡很大，象一只可以装几升水的大皮袋”。可见李时珍也是把禽鸟下巴下垂的肉叫作“胡”的，我想，鸡或者其他禽类下巴下宕的肉应该就叫“胡”。 这里再补充一点，鹈鹕有许多别名，仅李明珍《本草》中所列就有：犁鹕、 逃河、淘鹅等，我到认为：鹈鹕应该叫作“提胡”，因为它的下巴下提着很大很大的“胡”。</t>
  </si>
  <si>
    <t xml:space="preserve">贴膜的问题~~~~我的膜贴了一个星期了后档的那些黑点一圈部分还有 </t>
  </si>
  <si>
    <t>您好网友：有问题您可以尽快到您贴膜的地方让师傅处理一下，时间长了处理效果就不理想。</t>
  </si>
  <si>
    <t xml:space="preserve">检查报告咨询医生，您好。我上次在医院体检做的血常规，想让医生看看 </t>
  </si>
  <si>
    <t>有单子吗？</t>
  </si>
  <si>
    <t xml:space="preserve">男性在哪个年龄的性欲最强? </t>
  </si>
  <si>
    <t>心理上应该是不分年龄，生理上同意楼上的说法16—23岁</t>
  </si>
  <si>
    <t xml:space="preserve">哪位高手知道这是什么虫吗？ </t>
  </si>
  <si>
    <t>这是锹甲  观赏性的甲虫 喂它吃苹果饲养吧，拿去昆虫宠物店能卖个好价钱的中华大扁锹型甲虫</t>
  </si>
  <si>
    <t xml:space="preserve">关于注册域名请问什么网站可以注册免费域名? </t>
  </si>
  <si>
    <t xml:space="preserve">你是做个人网站，还是商业网站，还是班级主页，还是交友空间？如果是个人网站，建议去     如果是做大型的商业网站，建议去官方用正试的一级域名，安全性能比较高如果是做班级主页， 的空是域名比较合适～～如果做交友空间的话： </t>
  </si>
  <si>
    <t xml:space="preserve">有丝分裂中会发生基因突变吗？会发生基因重组吗？ </t>
  </si>
  <si>
    <t>基因突变是在只要有DNA复制的任何情况下都可能发生,但基因重组不会,基因重组只发生在减数分裂里</t>
  </si>
  <si>
    <t xml:space="preserve">SS做了马的任务买来同级别的种族坐骑可以直接骑吗比如40级学了地 </t>
  </si>
  <si>
    <t>楼上的不懂就不要乱说哈!!SS40级马任务做完骑术直接就是75点了哈。。60的千G也是一样的。。只要其他种族声望到了买了就可以直接骑了的。只有大鸟骑术是要花5000G学习的</t>
  </si>
  <si>
    <t xml:space="preserve">力量贤者万均在那里啊？ </t>
  </si>
  <si>
    <t>这个NPC还没出来呢，有人说在魔方里面，其实没有，完美经常这样，大概过段时间就出来了吧，估计是又要花钱的任务</t>
  </si>
  <si>
    <t xml:space="preserve">五孔铁皮鞭可以做什么神符之语？如题，请各位达人指教，谢谢。 </t>
  </si>
  <si>
    <t xml:space="preserve">  五孔的神符之语本来没有多少，就算做也不可能用铁皮鞭做。</t>
  </si>
  <si>
    <t xml:space="preserve">1.为什么在短期中，有些企业尽管已经出现了亏损，却仍在经营？在什? </t>
  </si>
  <si>
    <t>　　这个问题，可以从两个方面来分析1.假亏损，即企业只是在账面上亏损，可能采用少做收入或虚增成本费用导致，这样其实企业在实质上还是盈利的，只是为了少交税而在账上做成了亏损，当然还会在经营啦。2.真亏损。在短期中，真亏损，现金流量肯定是减少的。但在亏损额小于折旧额的情况下，短期内，如果不需要购置固定资产等长期资产，现金还能足日常生产经营需要，但一旦要更新设备时，就没钱了，那时就会倒闭。相当于短期经营占用了长期资本，风险很大的。这个涉及财务管理方面的问题。如果亏损额大于折旧额，那就很快要破产了。　　总之，企业不能生存，有两个方面原因，1.长期亏损，2.不能偿还到期债务。　　我这样解释，楼主能明白吗？有什么问题，可以再问。呵呵</t>
  </si>
  <si>
    <t xml:space="preserve">强退的问题强退扣经验和积分,那有没有可能因为扣经验降级,把积分扣 </t>
  </si>
  <si>
    <t>积分最低扣到0,实际可能是负值.直到增加的积分把负的部分补回来,积分才会增加.经验也是,级数不会降低,知道增加的经验把负的补回来,才能继续加经验</t>
  </si>
  <si>
    <t xml:space="preserve">小孩晚上睡觉踢被子怎么办? </t>
  </si>
  <si>
    <t>太热了才会踢被子的，关键要宽松而且适宜，宝宝只有觉得舒适了，才会睡得好，不会踢被子了的。</t>
  </si>
  <si>
    <t xml:space="preserve">哪个城市的人口和香港的差不多面积呢？ </t>
  </si>
  <si>
    <t xml:space="preserve">    香港人口694万，总面积1110平方公里。    河北省唐山市总人口690万，总面积13472平方公里。    浙江省温州市总人口700万，总面积11783平方公里    湖北省武汉市总人口700万，总面积8400平方公里。    广东省深圳市总人口700万，总面积1952平方公里。    辽宁省沈阳市总人口671万人，总面积12980平方公里。    根据以上数据，人口总数接近香港的城市较多，但土地面积相差悬殊。看来深圳市的人口及土地面积与香港最接近。</t>
  </si>
  <si>
    <t xml:space="preserve">国际特许专营与一般许可贸易有何区别？ </t>
  </si>
  <si>
    <t>国际特许专营就是国际上独一份，别人要是和你做一样的，就是侵权，一般许可贸易就不存在侵权问题，因为许可证只要经贸委批下来，就可以了～</t>
  </si>
  <si>
    <t xml:space="preserve">附魔－猫X和稳固公式哪掉落的～！？ </t>
  </si>
  <si>
    <t>猫鼬附魔是卡拉赞老二，管家莫罗斯掉落的附魔长靴-稳固，是在往歌剧院走的路上的唯一几个小怪“幻影舞台工人”掉落的，我记得整个卡拉赞只有4-5个这个怪</t>
  </si>
  <si>
    <t xml:space="preserve">高手指点下本是是慢力想带一只有圈的雪女请问该怎么样加点,加抗~~ </t>
  </si>
  <si>
    <t xml:space="preserve">  人家都说是慢力了``雪女速度成长有65``当然是全体了`抗性加抗土或者抗金哈哈``我也是全力哦``BB比我快50  </t>
  </si>
  <si>
    <t xml:space="preserve">有谁知道南航金城学院的地理位置在哪里？ </t>
  </si>
  <si>
    <t>在南京的江宁校区，南京江宁禄口航金大道99号，禄口机场附近</t>
  </si>
  <si>
    <t xml:space="preserve">作为菜鸟，我斗胆评论下masocool相信各位都对此人并不陌生吧 </t>
  </si>
  <si>
    <t>现在他已经到了另人厌恶的地步．和他说没有用．他依然我行我素．今天实在没的写了，写了个人族的相貌．还热爱魔兽就整一个ＸＸ．他以貌取人的特点一开始就有了，什么山岭打的过牛头啊之类的．脑子绝对是刚出生时护士没抱好摔在地上把脑子摔坏了．他不是自信，他是不懂的什么叫脸皮．自我感觉太好．自以为是英雄．问以下他是ＤＨ还是ＢＭ？我看他就叫＂不要脸皮英雄＂好了．树不要皮必死无疑，人不要脸天下无敌．他的所作所为很好的诠释了这句话．至于他的职业，还声称要和我们探讨．撤谈，要探讨ＮＥ，好啊小弟不才我和你讨论讨论．你的职业我就不说了，现在是让傻叉也看的出来他就一个不要脸　自以为是　自我感觉过好的魔兽菜鸟．在他的话下面，ＭＯＯＮ就是疯狂，ＦＯＶ就整一个围人初学者．瓜比就是一个傻瓜．你说这个笑话好笑么？在我的贴里还声称石头人打的过牛头人图腾．以貌取人么．这样下来．ＤＨ永远找不到回家的路．４条腿的跑的过２条腿的．和他谈战术，我们所要做的不是和他说你那里不对，我们因该说你这个战术不行，我有个更好的战术．．．．要和他对吹，看谁吹的过谁．和他讲道理．不是一般的对牛弹琴，你就是对他弹棉花也没有用．自己绝对是对，别人绝对是错的．永远认可自己否定别人．我们魔兽区的管理员也够给他面子了．有啥用？几个ＩＡＳＫ的常客鸟都不鸟他．天使鸟他么？ＣＨＡＯＳ鸟他么？骂他还脏嘴．最后说以下，找个时候我要和他对切以下　教育网　网通　电信　铁通，随他挑．</t>
  </si>
  <si>
    <t xml:space="preserve">玫红好还是紫红好哪个好看呀，选择纠结症。 </t>
  </si>
  <si>
    <t>左边这个好看</t>
  </si>
  <si>
    <t xml:space="preserve">赌大小这样玩能稳赢吗？比如说每次下注是1元钱，我拿50元来玩，每 </t>
  </si>
  <si>
    <t>经常出现的逻辑错误！无论开了多少把大 下一句开大的机会还是百分之五十！并不会因为已经开了多少把大而改变！所以无论五十还是一百 都不存在概率问题！    而赢一块就跑 在理论上存在 现实中很难得到贯彻执行！人如果不贪婪 没赌性 又怎么会去赌博不劳而获呢？而一旦尝到了甜头 又有几人能及时收手呢？</t>
  </si>
  <si>
    <t xml:space="preserve">去泰国要准备什么东西？有什么好玩的啊？还有美食、、 </t>
  </si>
  <si>
    <t>泰国全年的平均温度在30度左右、非常炎热、请准备夏季服装、太阳镜、防晒霜等、参观泰国大皇宫时要求服装整齐、女孩子穿凉拖是可以的（进了王宫有很多地方是需要脱鞋才能进入的）、但穿没过膝盖的短裤和短裙的女孩要到进门处留押金租一个类似围裙的方布裹在腰上、离王宫不远处会有骗子、让花钱租衣服的、不要上当、租衣服只留押金、不收费用、参观完毕把衣服退还、押金返回、至于玩的----“东方威尼斯”的泰国水上市场、金沙岛、美食当地的有名燕窝糖水、冬荫功汤、椰浆饭、飞天通心菜、希望对你有所帮助~11、12月时泰国最好旅游季节。可以去曼谷或清迈，美食很多了，冬阴功汤 烤鱿鱼 地瓜羹 香竹饭 燕窝汤 绿咖喱 咖喱炒蟹 青木瓜沙拉 泰式炒河粉或 炒面 泰式椰汁鸡汤 泰式炒饭 马加鱼饼 烤椰塔。药物方面，最好带一些创可贴和泻立停。其他什么的，防晒啊，比较薄一点的长袖衣服，以防晒伤。带够钱就可以了。</t>
  </si>
  <si>
    <t xml:space="preserve">连续一定可导吗?请举例说明 </t>
  </si>
  <si>
    <t>狄利克莱函数处处连续,处处不可导,建义你看一下高数的有关这方面的书</t>
  </si>
  <si>
    <t xml:space="preserve">怎么鉴别皮肤的角质过厚呢？皮肤角质过厚？怎样可以看的出来呢？还有 </t>
  </si>
  <si>
    <t>角质过厚的话，皮肤比较暗黄，脸上有一些不光滑，不过也是相对而言，如果你是敏感薄弱皮肤，去角质可以少做一点，一般用磨沙膏，基本上可以差不多，不过身体用的磨沙稍微锐利粗糙一些，身体角质厚一些。也可以用湿化妆棉擦拭，也有轻微的去角质效果。</t>
  </si>
  <si>
    <t xml:space="preserve">梦见向日葵什么预兆？ </t>
  </si>
  <si>
    <t>正面说 你现实中看到自己比较羡慕的人了，见贤思齐。 羡慕有所追求的人，希望自己也能有一个可以追随的稳定的事或者人。</t>
  </si>
  <si>
    <t xml:space="preserve">你最喜欢触摸的异性部位，就是你心目中异性最吸引你眼球的部位吗？不? </t>
  </si>
  <si>
    <t>不是的，小孩子，你太幼稚了，一看就知道是刚长毛的小毛驴，比方说，成熟点，正确价值观的人都喜欢女性的脸蛋，（正常的爱）但是想触摸的一般是大腿，腰部，或者乳房，不过我是很喜欢女性的腹部，谢谢了</t>
  </si>
  <si>
    <t xml:space="preserve">请问北京哪里卖浪琴的手表打折最低不要假货.嘉岚系列的 </t>
  </si>
  <si>
    <t>去上品折扣看看，亚运村家和上面，王府井工艺美术上面</t>
  </si>
  <si>
    <t xml:space="preserve">脾虚怎么调理可以吃中药吗 </t>
  </si>
  <si>
    <t>你好：脾虚多因饮食失调．劳逸失度，或久病体虚所引起。你需要健脾益气，在饮食上不要食用生冷食物，以免伤脾破气。可多食健脾益气的食物，如山药、薏米、花生、马铃薯、地瓜等。食疗可用山药50克、薏米100克、茯苓15克熬粥，在上午9：00服用，可健脾益气，坚持服用可逐渐改善您脾虚气不足的问题。也可服用中成药附子理中丸调理。</t>
  </si>
  <si>
    <t xml:space="preserve">XP的连接数问题我想问一下XP的连接数限制会不会对局域网之间的数 </t>
  </si>
  <si>
    <t>会有一定影响！特别是影响下载速度！XP系统半开连接数即TCP并发限制连接数,系统默认为10,随着网络传输技术的发展和需要,如p2p网络电视,高速下载工具等,必须修改操作系统TCP并发限制连接数为10的限制数,改为256或更大,最大到2048,网络电视(视频)才能播放流畅,下载速度才会大幅度地提高,最大限度地利用网络宽带的带宽,在相同的网络环境条件下,是对系统的优化,等于提高了网速.在这方面,pplive 和 ppstream的网站以及迅雷等都提供破解补丁或破解工具 ,下载播放器等软件的同时,可以使用。不需要下载补丁或下载安装其他软件，以迅雷5为例：启动迅雷5——工具——系统优化工具——修改连接数--直接在上面修改即可，同时勾选“启用半开连接数检查”—— 关闭。就这么简单！</t>
  </si>
  <si>
    <t>大年初一推荐3场球土丙B19:30雷納?特</t>
  </si>
  <si>
    <t>给神话兄拜年了，祝新的一年心想事成</t>
  </si>
  <si>
    <t xml:space="preserve">什么是ipo? </t>
  </si>
  <si>
    <t>IPO就是initial public offerings(首次公开发行股票）的缩写。</t>
  </si>
  <si>
    <t xml:space="preserve">金融学研究生以后出来能做什么工作的？请问什么样的人适合学金融的， </t>
  </si>
  <si>
    <t>金融就是关于货币流通什么的学问啦。如果喜欢考古的话呢，那还是去考考古的研究生比较好。复旦大学和中国科学院等等单位都是有的啦。</t>
  </si>
  <si>
    <t xml:space="preserve">投资海外基金，最低认购金额是多少？现在准备投资海外市场，所以看下 </t>
  </si>
  <si>
    <t>普遍在20万美元以上，也有些产品门槛在10万美元。</t>
  </si>
  <si>
    <t xml:space="preserve">realplayer问题我用realplayer播放一些下载的电 </t>
  </si>
  <si>
    <t>这是电影中被加入了木马了，建议下载安装最强木马专杀软件ewido,下载地址： 下载后先注册升级到最新版 ，然后到安全模式下杀毒一定解决问题，注册码和升级方法在下载页面有说明。</t>
  </si>
  <si>
    <t xml:space="preserve">东泉谷精英豹我在做BL60级杀JY豹的时候，在把它杀到血一半的时 </t>
  </si>
  <si>
    <t>确切说是灰狮子，就是这样的，杀到一半时出来另一个，而且会恐惧，一个人杀不了，3人才行。</t>
  </si>
  <si>
    <t xml:space="preserve">被猫抓后我大概晚上7点的时候被猫抓了，约一厘米，没流血，但有红印 </t>
  </si>
  <si>
    <t>跟洗澡没什么关系呀,被猫抓了如果有伤口最好是马上用大量肥皂冲洗,其实被猫抓也不是什么大事,我家里的霸王猫基本上天天都抓,出血都多的是,没有流血没什么问题的,如果保险起见可以去防疫站打疫苗</t>
  </si>
  <si>
    <t xml:space="preserve">刚买的苹果5s新手不会用，需要注意那些，都需要安装什么插件，谢谢? </t>
  </si>
  <si>
    <t>先越狱，再装归属地的插件，中国农历等插件（希望能够帮到你）</t>
  </si>
  <si>
    <t xml:space="preserve">北京四中网校有网下辅导吗？家教 </t>
  </si>
  <si>
    <t>没有吧，不过您可以选择别的啊，如果您在城区，就可以选择巨人，龙门之类的如果您在郊区，就可以选择华美教育之类的</t>
  </si>
  <si>
    <t xml:space="preserve">谁能告诉我做什么运动能瘦腿瘦腰。。。 </t>
  </si>
  <si>
    <t>转呼啦圈能减肚子上的肉，效果非常好的，你可以试试，每天饭后200个，一个星期就有效果，瘦腿的话建议你晚上睡觉前平躺在床上，和墙面成九十度，就像倒立那样，每天坚持1个小时，时间长了就减下去了，很多明星都用这个方法减腿呢，诚心为你解答，给个好评吧亲，谢谢了（亲，如果对您有帮助，记得好评哦～）千万不要吃药，对肾脏不好，每顿饭吃7分饱，晚餐17:00前结束，配合适当运动，不要喝酒，不要久坐，最好有人陪你监督你！</t>
  </si>
  <si>
    <t xml:space="preserve">柿子的中药性能？柿子都有哪些药用价值呢？ </t>
  </si>
  <si>
    <t>药上说    【简介】柿子，为柿科植物柿的果实。     【功用】清热润肺，生津止渴，涩肠止泻。主治肺热阴亏，咳嗽痰黄等；热伤胃阴，热病后期低热不退，口干口渴等。     【性味归经】性寒，味甘、涩。人肺、胃、大肠经。    【用量用法】内服：可生食或做成柿饼食用。    【现代研究】本品内食含蔗糖、果糖、鞣质、花白苷、瓜氨酸、碘等。    【进补应用】胃阴不足，烦渴口干；肺热阴，咳嗽痰多 青柿汁蜜膏：青柿子1000克，蜂蜜适量。将柿子洗净，去柄，切碎捣烂，以洁净纱布绞取汁液，放人锅内，以文火熬至稠黏时，加人2份蜂蜜，再煎到稠黏如蜜时停火，每次1汤匙，每日2次，沸水冲服。    【注意事项】柿性偏寒，凡脾胃虚寒、脾虚泄泻、痰湿内盛、外感咳嗽、疟疾等均不宜食用。空腹时不宜食大量未成熟或未去皮的柿子，否则易发生柿石症，食柿后饮白酒、热水或菜汤更易发生本病。    此外，柿子含鞣酸，能抑制肠液分泌，并可与食物中铁质结合而妨碍铁的吸收，故便秘以及缺铁性贫血患者不宜食柿。民间有忌与螃蟹同食之说。此外还有降血压的作用，我前几天买来吃的才知道。</t>
  </si>
  <si>
    <t xml:space="preserve">我想转区我在的区人比较少我想转去其他区玩不知可不可以？ </t>
  </si>
  <si>
    <t>你给钱给完美公司。。看他们同不同意哈。。你只有等合区把。。但是合区了一定卡死你。。。郁闷到你放弃完美。。呵呵</t>
  </si>
  <si>
    <t xml:space="preserve">六个字连成一句话什么车无轮?什么猪无嘴?什么驴无毛?什么屋无门? </t>
  </si>
  <si>
    <t xml:space="preserve">共15个答案：一、 在明太主朱元章 贪官当道 人们有怨都很难得到公正的审判 有一穷书生 考试三年而不第 并且 家中田地被占 官官相卫 他无处伸冤 跟本不可能去告御状 终于 他想出个方法 能让太主知道他的冤情 他出了这么个 让别人猜 由于很难 很快传遍天下 也就传到了太主的手里 太主看了后 便把他招来 问 你有什么怨情？ 他把所有的委屈都说了出来 贪官被斩首了 可他们总不明白书生怎么告的御状 后来 迷揭开了 所有的秘密全在那个诗歌里: 何车无轮？：古时候，农民犁地，在牛身后的拉的叫犁车，犁车是用来开荒的，那时候，人们管开荒又叫‘起地’，所以‘起’通‘乞’代表乞求的意思 何猪无嘴？：这个自然代表太主本人，猪代表朱字，说太主很少慰问国事，像无嘴一样 何驴无毛？：也代表太主本人，太主本来当过和尚，那是广交贤良，以天下为心，用这句和上面的那句对比，说明太主应该管国事了 所以，这句代表的字就是‘为’字，表示太主该有所为了。 何屋无门：这个屋字通吾字，代表书生自己， 何书无字：古代的诏书都是太监念的，而太监根本不认识字，所以，诏书就是用口头来传达的，所以，这句代表的字就是‘昭’ 何花无叶：这个很简单了，大家都会想到的，就是雪花了，这句代表的就是‘雪’字 所以，整个句子连起来就是‘乞朱为吾昭雪’ 天下之博学者，当数书生，令以后之人没有不为之叹服的. 二、 安步当车无轮，安步当车即走的意思，走与祝谐音；亥本义指猪，字形无嘴，可说亥这个猪无嘴，亥为地支，与天干结合可纪年，年与你谐音，且亥在地支中位居十二，十二与是尔谐音，意是你；秃驴无毛，秃驴可借指和尚，和尚即僧，僧与升谐音；千年屋无门，千年屋即棺，棺与官谐音；天书无字，天书可理解为天子写的书，即圣旨，相当于“法律”，法与发谐音；妙笔生花无叶，妙笔生花指一个人的文采，即才气，才与财谐音。因此，可连成一句话为：祝你升官发财。三、 （风）车无轮 （雨）珠（谐 猪）无嘴 （秃）驴无毛 （中）午（谐 屋）无门 （桐）树（谐 书）无字 （心）花无叶 风雨秃中桐心 谐 风雨途中同心 四、 何车无轮：我（我）车无轮。我的车本来就没有轮子，轮子给我卸了，但没有钱买新的轮子，只好放在仓库里。 何猪无嘴：矮（爱）竹无嘴。矮竹，就是我们说的文竹。植物而已，哪里来的嘴巴？ 何驴无毛：泥（你）驴无毛。谁都知道。 何屋无门：蚁（一）屋无门。蚂蚁的家是洞口，没有门的。 何书无字：万树（书）无字。多少树都没有字的。 何花无叶：年画（花）无叶。年画而已，和叶子确实没有关系。 所以答案是：我爱你一万年。五、 “老鼠喜欢大米” 何车无轮：老车蘼帧3道狭耍鸬簦鸪凳窍炔鹇肿拥模赡苁怯捎诼肿由嫌邢鸾海梢灾匦禄厥盏脑倒省5比宦肿右裁挥辛恕? 何猪无嘴：紫（子）竹（猪），一种植物。不是动物，当然没有嘴。子猪的子，就是鼠。学过天干地支的人都知道。 何驴无毛：锡驴无毛。为什么呢？无锡古代盛产金属锡，北人用毛驴来运送锡矿，获利丰厚。何屋无门：幻（欢）屋无门。典出《金刚经》。 何书无字：大叔无字。大叔是农村的叫法。一般大叔是只有名字，不会专门学文人取什么“字”“号”等等乱七八糟的东西的。 何花无叶：米花无叶。谁都知道。爆米花直接可以吃的，不是什么植物。 合起来就是：老鼠喜欢大米。六、 冰车无轮，卤猪无嘴，酱驴无毛，烧屋无门，羊书无字（羊写不出字或洋书都是字母无汉字），蹄花无叶。连起来就是“冰卤酱烧羊蹄”，一道名菜是也。七、 何车无轮：（象）是指象棋里面的车，所谓车无轮，马无缰。象通像。 何猪无嘴：（只）通蜘，古人认为蜘蛛是没有嘴的。 何驴无毛：（笨）笨驴指骂人的，在此处只有毛驴才有毛，是字的意思。 何屋无门：（鸟）鸟屋无门，因为鸟的窝是朝天的。 何书无字：（先）在此处书是指书写的意思，是说还没有写之前当然是没有字的。 何花无叶：（飞）落叶飞花，所以飞花是没有叶的。八、何水无鱼？何山无石？何人无父？何女无夫？何树无枝？何城无市？原于释迦凡尘语录，名曰劝修经，南水无鱼？无山无石？阿人无父？弥女无夫？陀树无枝？佛城无市？六字乃南无阿弥陀佛，后列为语咒。释迦行于尘，无日，无食，不眠，不休，受想行识亦复如是，是诸法空相——南无阿弥陀佛。九、 清兵余孽处死 答案有段秘史： 辛亥革命后，黎元洪任湖北军政府都督，某日与众部下议事，常州人梁适武问及如何处理满清降将罗金成及其麾下清兵数拾人，黎略一思索，即召文房四宝书以&lt;何水无鱼？何山无石？何树无枝？何子无父？何女无夫？何城无市？&gt;一谜。 部下有通佛典者看后心领神会：此不隐喻&lt;南无阿弥陀佛&gt;六字？ 故皆拱手：“都督真菩萨心肠也！” 黎微笑不语。 至梁适武返办公署欲行收编降兵，其在场幕僚章公行阻之说：”梁公误矣，适才黎都督不愿于众部下前斩降兵致惑人心，但他应知降将罗金成为人善变无信，黎都督责令梁公秘密处决降兵呢！”梁大惑不解，章公行解释： 何水无鱼？ 隐喻 “清”字 何山无石？ 隐喻 “冰”(兵)字 何树无枝？ 隐喻 “余”字，余有残余之义 何子无父？ 隐喻 “孽”字 何女无夫？ 隐喻 “处”字 何城无市？ 隐喻 “死”字 梁适武闻言大悟，遂将降将罗金成及其麾下清兵数拾人设计秘密处决。 不想全国上下，古今近百年，除章公行外，皆无人能正解此谜，想黎都督也始料不及也！十、 夫子问小儿曰：“你知何山无石？何水无鱼？何门无关？何牛无犊？何马无驹？何刀无环？何火无烟？何人无妇？何女无夫？何日不足？何日有余？何雄无雌？何树无枝？何城无使？何人无字？” 小儿答曰：“土山无石，井水无鱼，空门无关，犀牛无犊，木马无驹，斫刀无环，萤火无烟，八仙无妇，玉女无夫，冬日不足，夏日有余，孤雄无雌，枯树无枝，空城无使，小儿无字。” 十一、 水至清则 无鱼 （请） 书山有路 无石 （走） 玉树临风 无枝 （人） 天皇老子 无父 （行） 凶残恶女 无夫 （横） 万里长城 无市 （道） 十二、 祸水无鱼，祸水指红颜，即所谓红颜祸水，红颜又专指女子，女子组字为好；人山无石，人山即仙字，仙与心谐音，其余猜法类似。连成一句话为：好心必（一）定好报。 十三、 ＜与（雨）你（泥）地（低）老天荒＞ 雨水无鱼，泥山无石，低树无枝，老子无父，天女无夫，荒城无市。 十四、 ＜血书建议少赌! ＞ 血水无鱼,书山无石,建树无枝,议(义)子无父,少女无夫,赌城无市 十五、 ＜开火把君处死＞ 开水无鱼，火山无石，巴蕉树无枝，君子无父，处女无夫，死城无市 </t>
  </si>
  <si>
    <t xml:space="preserve">怎么才能有效防瞌睡?早上上课经常打瞌睡. </t>
  </si>
  <si>
    <t>1.早晨不要喝牛奶,可以在晚上睡前喝,可以有助睡眠.2.课间可以嚼个薄荷口香糖,帮助你提神.3.用凉水洗脸可以提神.4.不要用眼紧盯着一个地方,容易引起视觉疲劳,从而引起困意.5.适当聊聊天,分散一下注意力.6.晚上不要熬夜,11点12点就要睡觉,保证每天7个小时的睡眠,中午有条7.件的话可以午睡一会,对身体有好处.7.困的时候在太阳穴涂抹点清凉油.</t>
  </si>
  <si>
    <t xml:space="preserve">合肥安平癫痫病的治疗医院在哪 </t>
  </si>
  <si>
    <t>治疗癫痫要到正规的医院治疗。大多数癫痫药物都有抗癫痫的作用，药物只是通过下降大脑神经兴奋性来起到抗癫痫的作用，而不能起到激活细胞的作用，而且长期服药会导致血药浓度过高，不但无法控制发作还会增加发作回数，没每发作一次脑细胞受损一次。癫痫病的治疗首先需明确原因,如果颅内有明确病灶所导致的继发性癫痫,应首先处理颅内病灶；否则需规律使用抗癫痫药物治疗,药物治疗无效的顽固性癫痫可考虑手术治疗建议及早治疗，切勿病急乱投医，导致病情的恶化，给今后的治疗增加难度，癫痫治疗应该选择正规权威的医院接受治疗是关键，希望患者早日康复。到正规医院治疗就好。</t>
  </si>
  <si>
    <t xml:space="preserve">东风日产VLS(VehicleLogisticsSystem)是? </t>
  </si>
  <si>
    <t xml:space="preserve">是针对商品车或其它需要单台管理的商品，从下线到交付给销售商或专营店(DLR)，库存、转库/出货运输、3PL交互/管理、费用管理以及KPI考核等功能为一体的信息系统。 </t>
  </si>
  <si>
    <t xml:space="preserve">我的CPU配DDR333的是不是和配266的一样啊? </t>
  </si>
  <si>
    <t>是一样的  100的外频  即使上333也会降到266</t>
  </si>
  <si>
    <t xml:space="preserve">她是一个放荡的女人吗？她是我老公的姐，我老公和另一个男人一人开一 </t>
  </si>
  <si>
    <t>这女人，不简单，，我觉的不是省油的灯...</t>
  </si>
  <si>
    <t xml:space="preserve">鬼故事里说的人的肉眼看不到的东西用照相机照下来就能看见，真的吗？? </t>
  </si>
  <si>
    <t>有可能,因为相机的感光范围和人眼的是不一样的,大多数相机的感光范围都比人眼的大,比如遥控器发出的光人眼是看不见得,但是你用照相机镜头或者手机的摄像头(开好摄像/拍照功能)去看,就可以看到发出的光,这也是一个检验遥控器是否损坏的办法哦~~!!!所以,人眼看不见的,相机可能可以拍下来,至于那些是不是某些东西....嘻嘻嘻...就看情况了/你信就是,不信就不是,自己去找找原因吧.当然有时候光和影的组合以及相机曝光等问题也可以造成假象的.网上就有不少这类鬼照片.</t>
  </si>
  <si>
    <t xml:space="preserve">天堂1法师技能找谁领取?怎么领养宝宝?地图是哪个快捷键?哪位高手? </t>
  </si>
  <si>
    <t>这是天2,走错地方了。随便回答一下，下次去天1那里。法师的技能是指魔法。魔法的学习有两个条件。1,等级（每隔4级学一级魔法，共10级）2,魔法书。这个靠打怪出。魔法分3种。正义魔法，邪恶魔法，中立魔法。正义魔法在正义神殿学习，邪恶魔法在邪恶神殿学习。中立的两个都可以。记住不要搞错了。邪恶的书有点红色的。正义的书有点淡绿色的。宝宝就是宠物。宠物靠自己抓。把它打到血很少的时候喂肉给它，就能抓到。打开地图，有快捷键的提示。看一下就可以。具体什么有点忘记了。应该是ALT+某个按键。</t>
  </si>
  <si>
    <t xml:space="preserve">QQ堂穿墙秘诀是什么呢？ </t>
  </si>
  <si>
    <t>目前没办法，所谓的“穿墙”就是因为你卡了，或他卡了，所以你看到他穿墙了。</t>
  </si>
  <si>
    <t xml:space="preserve">30级棍的一键连击时间和技能设置如题～～～～～～～～～～～ </t>
  </si>
  <si>
    <t>先用先攻 时间设置为2.8秒左右。如果你离怪远呢就设置3秒然后用直突 时间设置为1秒再后面如果你学了百裂连棍的话可以设置它。时间可以设置为3秒再后面就设置个强袭棍 时间设置为1秒（到这里普通怪基本挂了）再后面再设置个连打 时间为2.5秒到2.8秒左右再后面又用直突 时间设置1秒再后面又可以设置强袭棍 时间设置为1秒最后随便你自己了。可以设置百裂或速打都不错</t>
  </si>
  <si>
    <t xml:space="preserve">大家给我推荐一款耳机我喜欢听轻音乐,耳机价格最好在一百元左右. </t>
  </si>
  <si>
    <t>一百元左右的耳塞吧，不太好推荐，其实听轻音乐用akg314p很合适不过，它侧重细节和声场，低音很淡,大概是200元以内最好的选择，只是不知能不能承受这个价位，180元，不过你能淘到老款的K14p也不错，314是它的升级版，差不多的东西，14p在150元左右，不过都有假货，一定要注意。还有一款不知道市场上好不好找，她的性价比更高一些，也适合你的要求，sunrise 2，今年十月末刚上市的，99元，可以试着找找。具体还要看你的实际听感，选择满意的耳塞。</t>
  </si>
  <si>
    <t xml:space="preserve">老是梦见女朋友跑了..老做这梦..她就有这毛病一说不过我了就想走 </t>
  </si>
  <si>
    <t>看来你们还要争吵，不过会因为争吵取得更深入的理解并增进彼此的感情。</t>
  </si>
  <si>
    <t xml:space="preserve">THAT什么时候可以省略?Thereasonforthatist </t>
  </si>
  <si>
    <t>宾语从句中that一般情况可省 ,但也并不是任何情况下都可以省略。 具体如下： 宾语从句 1． 定义：用作宾语的从句叫宾语从句。 2． 构成：关联词+简单句 从属连词that。如： He told us that he felt ill. 他对我们说他感到不舒服。 I know he has return. 我知道他已经回来了。(that省略) 注:宾语从句中that一般情况可省 ,但that在引导宾语从句时也并不是任何情况下都可以省略。在以下情况下，that不能省略。 1． Everybody could see what happened and that Tom was frightened.(and连接两个宾语从句，that宾语从句放在and的后面时，that不能省略。) 大家都会看出所发生的事情并知道Tom非常害怕。 2．I know nothing about him except that he is from the south.(that引导的宾语从句作介词宾语时，that不能省略。) 对他我一无所知，只知道他是南方人。 3．That he ever said such a thing I simply don’t believe. (that从句位于句首时，that不可省略。) 我简直不相信他曾说过这样的话。 4． We decided, in view of his special circumstances, that we would admit him for a probationary period. (主句谓语动词与that从句之间有插入语，that不可省略。)</t>
  </si>
  <si>
    <t xml:space="preserve">网通二区怎么服务器进不了啊！公告也没说今天有更新啊什么的！现在就 </t>
  </si>
  <si>
    <t>通常每个星期二是维护的你是不是认为今天是星期一呢节假日过的我也以为今天是星期一</t>
  </si>
  <si>
    <t xml:space="preserve">我也花了钱的，为什么总是网络连接错误？所有的服务器都试了，没为什? </t>
  </si>
  <si>
    <t>目前服务器已经可以正常登录了，在期间给您带来的不便，深表歉意！</t>
  </si>
  <si>
    <t xml:space="preserve">野性之皮要什么材料？数量是多少？这些材料是从什么地方得到的？ </t>
  </si>
  <si>
    <t xml:space="preserve">野性之皮生命精华(环山杀油沼的怪掉)12   水之精华(东瘟杀水元素)10  幼虫酸液(东瘟杀大肉虫)6   熟化毛皮(硬甲毛皮+精炼石中盐)3    硬甲皮30  符文线8精炼石中盐是工程学造的 </t>
  </si>
  <si>
    <t xml:space="preserve">请领导吃饭,酒桌上应如何说想请领导吃饭,想在酒桌上说一些取悦于领 </t>
  </si>
  <si>
    <t xml:space="preserve">如：斟酒，倒茶，可以让领导感到你也参与在其中，对于一些不严肃的话题，他们可以说，你最好不参与，迟钝没什么不好，这是风格，不影响形象。时间长了，你面对这种场合多了，自然就会，你现在的问题是没有融入环境，总在想我该说什么，你看看他们都是张嘴就来，不用想，你以后也会这样，没事儿，加油吧！ </t>
  </si>
  <si>
    <t xml:space="preserve">出句:走马观花苟且度 </t>
  </si>
  <si>
    <t>出句：走马观花苟且度对句：骑驴看戏移着瞧</t>
  </si>
  <si>
    <t xml:space="preserve">这样的厨房好吗吴老师您好，我的厨房是在大门一进门右侧（进门是一条 </t>
  </si>
  <si>
    <t>可以，没有什么大问题。</t>
  </si>
  <si>
    <t xml:space="preserve">我的孩子11岁了，请问如果学习围棋是否已经晚了， </t>
  </si>
  <si>
    <t>首先看看孩子是否对围棋有兴趣。测试过吗。</t>
  </si>
  <si>
    <t xml:space="preserve">一道几何计算题在四边形ABCD中，M、N分别是AD、BC的中点， </t>
  </si>
  <si>
    <t>如下:</t>
  </si>
  <si>
    <t xml:space="preserve">为什么我的会声会影X3每次安装到《正在配置.Microsoft.? </t>
  </si>
  <si>
    <t>你先下载Microsoft.NET Framework 3.5 SP1 ，安装好后再安装会声会影X3（Microsoft.NET Framework 3.5 SP1 在网上可以搜索找到下载地址）这样就不会出现你说的问题。</t>
  </si>
  <si>
    <t xml:space="preserve">关于弹弹堂升到20级要多少时间。。。。如题。。。有知道的给个大概 </t>
  </si>
  <si>
    <t>上面那位朋友说的不对，一天玩15个小时只能升到19级。所以保守估计每天玩8小时玩2天就20级了。教你一些升级方法：跨区打竞技（2人组）每5分钟800经验以上                  打低级副本刷经验药水每半小时2000--3000经验。</t>
  </si>
  <si>
    <t xml:space="preserve">美国人真的会帮助中国制造航母吗?今天看到一个新闻:标题:美太平洋 </t>
  </si>
  <si>
    <t>中美在80年代就有过技术合作基廷的这个说法应该代表美国内部一部分人的对华政策观点－－既主张和中国加强接触与对话－－可以叫“鸽派”吧但美国国内主张强硬立场遏制中国的“鹰派”力量也很大“帮中国造航母”这事总体上看，不太靠谱众所周知，美国对华出口有很多限制，连欧盟对华军售解冻案都插手干预，在这种局面下，帮中国造航母－－光从美国国内法角度看，难度就很大所以即使提供帮助，也是很有限的弹射技术、舰载机、C4I这些核心的东西是不能指望的其他能提供的技术对我们的帮助有多大，在得失之间要考虑周到一些至于目的，各国当然是把本国利益至于最高地位考虑的，基廷这样说，并可能打算这样做，应该是基于以下考虑1.首先应该看作是摆出一种姿态－－渴望中美建立一种更为稳固可信的关系2.加强对话与接触，消除彼此产生误会的可能性3.通过更多的合作，加强两国、两军间的了解与信任4.进一步了解中国军工水平，解放军真实实力5.保持美国在亚洲乃至世界范围内的领先地位－－中国有句古话“不战而屈人之兵”，中国现在即可说是美国的朋友，也可以说是美国的竞争对手－－起码是潜在的对手美国用何种方式来“击败”对手，加强“朋友”关系，是中国//美国考虑中美关系时的节点－－－所谓美国内部鹰派、鸽派的分歧点也在这里但不管怎么说，我们对基廷这个说法，应该是表示欢迎的，哪怕美方只是停留在口头上的一种表示－－－合作总比对抗好</t>
  </si>
  <si>
    <t xml:space="preserve">2012年巨蟹座的星座运势是什么？ </t>
  </si>
  <si>
    <t xml:space="preserve">内容详解：整体运幸运眷顾指数：运气不佳，今年绝大部分的时间幸运之神都把你遗忘了！上半年，一些大小麻烦时不时就会来找你，只要你别太在意，慢慢它们就会消失的；进入九月份，你会感觉到自己的运气明显好转，只要乐观看待一切，你会发现你比许多人都幸运。享受快乐指数：上半年虽然可以享受清闲的时光很多，但你总是喜欢杞人忧天，所以过得并不是那么的自在。下半年的生活将迫使你时常要处于忙碌的状态中，但是相对忙碌之后，放松的感觉会让你得到前所未有的自在快乐。爱情运终结孤单指数：今年整体上你对恋爱的态度趋于谨慎，虽然很想告别单身，但是不会盲目地去追求或者逞一时之快。这种态度用在上半年对你来说并不是很好，因为你上半年桃花开得比较好，需要放开心胸去接受爱；不过，下半年有这种态度倒是能为你挡住不少烂桃花。恋爱甜蜜指数：今年你将从春天开始高唱《甜蜜蜜》到夏天，这主要还是受利于你的小心经营，以至于恋情持续高温。不过，从八月份开始你对另一半的信任感有所降低，容易和对方斗气，如果你能把心态放宽，凡事都坐下来好商量，两人之间的甜蜜将能延续至年底。事业运加薪升官指数：上半年你在工作上十分的努力，但对升官加薪之事看得比较淡，所以也能落个轻松自在。进入七月份，秉持坚持不懈的工作态度，会让你的工作表现屹然突出，频频受到上司和同事的高度赞赏，升职加薪的机率非常高。九月份之后激情渐渐殆尽，一切显得很平静。跳槽顺利指数：上半年你对跳槽考虑得比较少，因为稳定性对你来说比什么都重要，而且经验的积累比拓展创新更有利于你的事业成长。九月份跳槽之心异常强烈，不过朋友的劝说会形成一股强大的阻力，让你踌躇不前。之后的日子则适宜安分工作。财运吸金赚钱指数：今年你不会成为金钱的奴才，因为在赚钱方面你更在意过程中所获得的快感。如果要经营和投资，最好寻求与自己有共同喜好的伙伴，这样不仅成功机率较大，还会感到轻松快乐。越靠近年末赚钱对你来说会越辛苦，特别是十月期间，切勿把目标定得太高喔！ 守财节俭指数：今年你对金钱非常的敏感，即使是一分钱，你也会花在刀口上。这一年你精打细算的一面会表现得特别明显，什么该花，什么不该花，在你的脑海中可都是一清二楚。因此，等到年末你小金库就会很充实。需要提醒你的是，人情往来上的钱千万不能省哟！ </t>
  </si>
  <si>
    <t xml:space="preserve">600252止跌了吗 </t>
  </si>
  <si>
    <t>该股主业更换频繁，缺乏竞争力业绩也很一般短线将继续下调建议暂时不要介入，观望为好</t>
  </si>
  <si>
    <t xml:space="preserve">笑看三国风云，还看俺滴推介45期看过。。。笑过挪超01利勒斯(0 </t>
  </si>
  <si>
    <t>正在看！顶一下！感觉这期不怎么冷啊！明天晚上，赔率开全，再看看！兄弟，好运啊！</t>
  </si>
  <si>
    <t xml:space="preserve">我要帮别人从国外转入一笔钱，怎么可以联系我国驻当地大使馆呢？我想 </t>
  </si>
  <si>
    <t>如果此笔巨款来路分明,你承担的是逃汇责任,相关法律条例请查看外汇管理法规,如果此款来路不明你则要承担窝藏罪名,查看相关法律条文.</t>
  </si>
  <si>
    <t xml:space="preserve">我是新人。想练法术较高的？是哪一个属性？哪一个属性的法术较高阿？ </t>
  </si>
  <si>
    <t>金是天生的法师，法术攻击力厉害属性点为3灵1敏或者2灵1敏1体，有人带的话3灵1敏加，没人带的话就2灵1敏1体，加点体可以不那么容易死，可以前期211加法，等后面装备跟上了防高了再转为3灵1敏加</t>
  </si>
  <si>
    <t xml:space="preserve">thereareusuallyflowers.怎么翻译？usua? </t>
  </si>
  <si>
    <t>这里通常开满鲜花USUALLY是副词</t>
  </si>
  <si>
    <t xml:space="preserve">金星的自转和公转是顺时针还是逆时针？为什么？ </t>
  </si>
  <si>
    <t xml:space="preserve">金星是离太阳第二近，太阳系中第六大行星。在所有行星中，金星的轨道最接近圆，偏差不到1％。 金星的轨道是最圆的。公转速度仅次于水星，224.7天/周。金星是太阳系里唯一逆相自转的行星，金星上太阳西升东落，自转224.3天/周。轨道半径: 距太阳 108,200,000 千米 (0.72 天文单位) 行星直径: 12,103.6 千米 质量: 4.869e24 千克 金星 (希腊语: 阿佛洛狄特；巴比伦语: Ishtar)是美和爱的女神，之所以会如此命名，也许是对古代人来说，它是已知行星中最亮的一颗。（也有一些异议，认为金星的命名是因为金星的表面如同女性的外貌。） 金星在史前就已被人所知晓。除了太阳与月亮外，它是最亮的一颗。就像水星，它通常被认为是两个独立的星构成的：晨星叫Eosphorus，晚星叫Hesperus，希腊家更了解这一点。 既然金星是一颗内层行星，从地球用望远镜观察它的话，会发现它有位相变化。伽利略对此现象的观察是赞成哥白尼的有关太阳系的太阳中心说的重要证据。第一艘访问金星的飞行器是1962年的水手2号。随后，它又陆续被其他飞行器：金星先锋号，苏联尊严7号（第一艘在其他行星上着陆的飞船）、尊严9号（第一次返回金星表面照片[左图]）访问（迄今已总共至少20次）。最近，美国轨道飞行器Magellan成功地用雷达产生了金星表面地图（上图）。金星的自转非常不同寻常，一方面它很慢（金星日相当于243个地球日，比金星年稍长一些），另一方面它是倒转的。另外，金星自转周期又与它的轨道周期同步，所以当它与地球达到最近点时，金星朝地球的一面总是固定的。这是不是共鸣效果或只是一个巧合就不得而知了。金星有时被誉为地球的姐妹星，在有些方面它们非常相像：－－ 金星比地球略微小一些（95％的地球直径，80％的地球质量）。－－ 在相对年轻的表面都有一些环形山口。－－ 它们的密度与化学组成都十分类似。由于这些相似点，有时认为在它厚厚的云层下面金星可能与地球非常相像，可能有生命的存在。但是不幸的是，许多有关金星的深层次研究表明，在许多方面金星与地球有本质的不同。 金星的大气压力为90个标准大气压（相当于地球海洋深1千米处的压力），大气大多由二氧化碳组成，也有几层由硫酸组成的厚数千米的云层。这些云层挡住了我们对金星表面的观察，使得它看来非常模糊。这稠密的大气也产生了温室效应，使金星表面温度上升400度，超过了740开（总以使铅条熔化）。金星表面自然比水星表面热，虽然金星比水星离太阳要远两倍。 云层顶端有强风，大约每小时350千米，但表面风速却很慢，每小时几千米不到。金星可能与地球一样有过大量的水，但都被蒸发，消散殆尽，使如今变得非常干燥。地球如果再比太阳近一些的话也会有相同的运气。我们会知道为什么基础条件如此相似但却有如此不同的现象的原因的。大部分金星表面由略微有些起伏的平原构成，也有几个宽阔的洼地：Atalanta Planitia, Guinevere Planitia, Lavinia Planitia；还有两个大高地：在北半球的与澳大利亚一般大的Ishtar Terra和在沿赤道的与南美洲一般大的Aphrodite Terra。Ishtar内主要由Lakshmi Planum高原组成，由金星上最高的山脉所包围，包括巨型山Maxwell Montes。来自Magellan飞行器映像雷达的数据表明大部分金星表面由熔岩流覆盖。有几座大屏蔽火山，如Sif Mons（右图），类似于夏威夷和火星的Olympus Mons（奥林匹斯山脉）。最近发布的发现资料显示金星的火山活动仍很活跃，不过集中在几个热点；大部分地区已形成地形，比过去的数亿年要安静得多了。 金星上没有小的环形山，看起来小行星在进入金星的稠密大气层时没被烧光了。金星上的环形山都是一串串的，看来是由于大的小行星在到达金星表面前，通常会在大气中碎裂开来。金星上最古老的地带看来形成于8亿年前。那时广泛存在的山火擦洗了早期的表面，包括几个金星早期历史时形成的大的环形山口。  </t>
  </si>
  <si>
    <t xml:space="preserve">盜賊高手近?硐隆?1。盜賊怎麽?錢啊？以前聽説是刷血色，現在呢？ </t>
  </si>
  <si>
    <t>刷副本我感觉比较慢 还是练个双采集的贼比较好 挖矿肯定要学 以后赚钱多，采药和剥皮的话 如果你准备再练个小号 不如贼学采药 小号练个炼金 药水越来越需要了 所以钱赚的还可以，如果学剥皮 感觉是比较稳定型的赚钱技能 剥的快 把价钱压点的 应该很好卖天赋嘛 如果喜欢打架 8点的战斗 不如考虑再留出2-3点加到潜行或者是暴击上 多少会好点 在效果不会很明显了 21/8/22就已经很不错了 PK看的还是操作和意识 操作&gt;意识&gt;装备&gt;天赋</t>
  </si>
  <si>
    <t xml:space="preserve">打印机是爱普生R230,在普通复印纸上打印的文字,但一遇水就和水? </t>
  </si>
  <si>
    <t>R230打印机用的墨，不管是进口的还是国产的都是染料墨（水性墨）打在复印纸上遇水就会掉色。想不到就用防水的纸才行。如果你打的量大就用激光的，一个鼓打2000张才换一次鼓，或加一次粉，喷墨的就不是了打2000张要换好多次墨盒，很不方便。</t>
  </si>
  <si>
    <t xml:space="preserve">安徽理科考生450分上南京专科有哪些 </t>
  </si>
  <si>
    <t>专科 我推荐仙林的技师学校就在我们学校对面，看到的学生素质还不错，我们家有一人在那边做过实习老师，说学校建设还是不错的。其实技师学校最好最集中的还是苏州，并且这一块，苏州的就业环境和机会会比南京好很多。</t>
  </si>
  <si>
    <t xml:space="preserve">旁氏怎么样啊？听说旁氏不错，最近想换护肤品了，不知道大家觉得怎么 </t>
  </si>
  <si>
    <t>旁氏的化妆水,本人试比较推荐,的,但它的美白系列(粉红色的那种)就真是不敢恭维了,油得要死,而且带粉,皮肤负担很重</t>
  </si>
  <si>
    <t xml:space="preserve">敬请英语高人翻译文段5Thisisastoryabouthowa </t>
  </si>
  <si>
    <t>有一个关于老爷爷教他善良孙女在春天河流中捕蛙鱼的故事。在湖上一整天后，只有这个老爷爷很幸运。第二天早上，年轻的渔夫独自着急地奔向码头，一会儿她用鱼钩抓住了鱼。小读者们喜欢这个故事，它颂扬了老一代和年轻一代间的特殊纽带，就像绚丽的水彩画捕捉了自然界美丽的瞬间。</t>
  </si>
  <si>
    <t xml:space="preserve">臭豆腐怎么做？需要那些原料？那些器具~我指的是卫生点的！ </t>
  </si>
  <si>
    <t xml:space="preserve">做臭豆腐、酱豆腐的豆腐是特质的，压得比我们一般吃的豆腐要硬，但比豆腐干又软，如果你家附近有豆腐作坊可以定制一板几板的，如果没有就难了。 除了原料难搞，接种霉菌也不容易，一般家庭里不备这个玩意儿。 臭豆腐的做法是将定制好的豆腐一板一板地上架，木质架子可以放十几层豆腐，中间可通风，抹上盐，点上霉菌（菌种溶化在水中，用手指蘸了弹在豆腐上），在无阳光直晒的通风房间里放两至三天，夏天屋中气温可在32度上下，豆腐会长出一寸长的白毛，即霉菌。 南方用来炸制食用的臭豆腐发霉时间短些。 等等，中间还有一些细节，且各地的做法都有区别。 总之在家中自己做臭豆腐过于麻烦，一次霉几块豆腐还不够折腾的，最好还是认准些牌子买瓶装货吧，脏不到哪儿去，反正都是发霉的东西。" 附臭豆腐的吃法： 毛豆煎臭豆腐 做法： 臭豆腐洗净，切成小块，漓 干水分。毛豆剥壳去衣。油锅烧热， 将臭豆腐下锅炸至金黄捞起。锅内 留少量油，烧至八成热，下毛豆翻 炒至熟，再将臭豆腐倒入加少许水， 加盐、味精，待汤汁收干后装盘即可。 风味特色 味道鲜美 清蒸臭豆腐 材料：臭豆腐四块，酸菜二片，大豆芽四两，冬菇六只，红辣椒一只，芫茜适量。 调味：麻油，黑醋，盐，酱油，糖各适量。 做法：酸菜，冬菇，红辣椒切丝。芫茜切碎。豆腐放碟或碗内加入调味及酸菜丝等，中火蒸约十分钟，洒上芫茜碎即成。 麻辣臭豆腐 材料 绞肉、臭豆腐（A料）香菇、虾米（泡软切末）、大蒜、辣椒、葱（切末）、（调 味料）辣椒酱、酒、糖、水、酱油均适量 作法 平底锅倒少许油，开中火，将A料及绞肉入锅炒香后，放入臭豆腐及调味料、水（盖过臭豆腐即可）盖上锅盖煮滚至臭豆腐熟透，入味即可。 肉 酱 蒸 臭 豆 腐 材 料：1. 广香肉酱1罐2. 臭豆腐6块3. 毛豆仁2大匙4. 红辣椒1条 调味料： 1. 酱油膏1大匙 作 法： 1. 将臭豆腐洗净切成4块。2. 毛豆仁洗净，红辣椒切片。3. 广达香肉酱与调味料加上毛豆仁与红辣椒搅拌均匀。4. 臭豆腐排盘后，将作法3淋在上面，用猛火蒸约15分钟即可。 备 注： 素食者可将广达香肉酱1罐改用广香吉丁酱2罐 ----------------- 制作过程。。。 豆腐切成小块，放白布中间，把豆腐包上包紧一些并整理边 包好的豆腐放在木板上，整齐码好用木板压上。 压上重物，可以用的是的哑铃片，嘿嘿 压一整夜后，豆腐里的水份已经差不多榨干，取出来 打开看看，可以看出来豆腐已经压得很结实了，这样做出来的臭豆腐质地会非常细腻 准备纸箱子一个，里面铺上干净稻草，要没有稻草，改成干净的玉米叶代替。 把豆腐整齐地码在叶子上。 按一层叶子一层豆腐的顺序全部码完，然后放在储藏室里等豆腐长毛。 一切都因你——让人喜欢让人忧的臭豆腐！热衷于这种风味食品的人们，被相当一部分观客所排斥。哎……只知其臭，不知其魅力所在！第一次尝试吃螃蟹的人是英雄，第一次吃臭豆腐的人更英雄中的英雄！倘若你觉得兄弟我是赵本山的亲戚，也喜欢忽悠人，那我就比窦娥还要冤枉了，您不妨也去尝尝，绝对不会毒死人的，不好吃，算我请客交朋友了！如果您受地域，时空，方位等诸多方面因素干扰您实现这个小小的愿望，那我愿毫无保留的把自己知道的方法传授给您，不收学费，也不必说谢谢，谁让我是雷锋的Fans呢！不过请认真揣摩我以下的心法及其招势，倘若不专心以至走火入魔，那也不用害怕，只需把你糟蹋过的不成豆腐样的豆腐，装在袋里，把口系紧，丢在指定存放垃圾的地方即可。也许刚开始制作有些不理想，但只要你想吃到地道的臭豆腐，我相信在她美妙滋味的驱使下，做傻事，也许就因为你傻，以你名字命名的臭豆腐会被全世界的人公认！哎！醒醒我们什么都还没做呢！赶快行动吧，等什么呢？共有两种！ [一]无敌臭豆腐第一步，制作“臭卤水”方法有三种种： 1)自然发酵制臭卤水：是在水缸中放入稻草、猪肉等肉类，然后任由其露天自然发酵、腐败，经过几个月后即可。不过这种方法非常不卫生，而且都会长虫子。既费事又费“电”。故此方法是原始人使用的，不适合科技迅猛发展的今天。 2)为提倡发展观的精神，响应当前的号召，聪明人被逼无奈发明使用发酵菌接种的方式，直接培养臭卤水，不但发酵的时间短，而且安全卫生，可以大量生产。卤水切勿沾油。在制作卤料加香菇，冬笋，酒 浸泡的时候，也需要密封。 3)用冷水15公斤，放人豆鼓3公斤，烧开后再煮半小时左右，然后将豆鼓汁滤出。待豆铰汁冷却后，加入纯碱200 克、青矾[FeSO4·7H2O]100克、香菇200克、冬笋4公斤、盐0.75公斤、酒150克以及豆腐脑1.5公斤，浸泡约半个月左右（每天搅动一次）。 无敌臭豆腐第二步尽可能多的祛除新鲜豆腐的水分，具体做法如下： 1)新鲜豆腐切成小块，放白布中间。 2)把豆腐包上,包紧一些，并整理边角。 3)包好的豆腐放在木板上，整齐码好。 4)用木板压上，压上重物[建议用哑铃，铅球也不错]压一整夜后，豆腐里的水份已经差不多榨干，取出来打开看看，可以看出来豆腐已经压得很结实了，这样做出来的臭豆腐质地会非常细腻。 无敌臭豆腐第三步就是搞破坏，就当新鲜的豆腐是你最讨厌的人，把他弄的身摆名裂，臭名远洋，那就要讲究手段，一定要注意分寸，千万别太狠了，切记冲动是魔鬼！将做好的干豆腐要在臭卤水里泡几天，需要密封。这一步是让臭卤水中的细菌、霉菌分解豆腐中的蛋白质，进而使豆腐的组织松弛，并且散发出臭味，你想它有多臭它就可以有多臭。臭豆腐就成功了！ [二]还有另一种方法：就是无敌臭豆腐中的第二步尽可能多的祛除新鲜豆腐的水分中的那4个小步骤之后再加以下3个小步骤即可。 4)准备纸箱子一个，里面铺上干净稻草，我没有找到稻草，改成干净的玉米叶代替。 5)把豆腐整齐地码在叶子上，按一层叶子一层豆腐的顺序全部码完，然后放在储藏室里等豆腐长毛，拣出来，去掉白布。臭豆腐成功了！ 虽然成功了可这只是食用臭豆腐中臭豆腐材料，千万不可直接食用，会闹肚子的， 制作好的臭豆腐材料，有多种实用方法，不过最后结果都是吃到肚子里。常用方法有下列三种： 一油炸：这是普遍流传于华人文化圈中的食用方式，将臭豆腐切成小块后，入油锅油炸，然后再加上酱油、蒜泥、泡菜。 二。麻辣：以香菇、虾米、大蒜、辣椒、葱、鸭血、猪大肠、绞肉、辣椒或辣油制作麻辣锅底后，再放入臭豆腐煮熟。 三。碳烤：直接以竹签穿过臭豆腐后，然后再涂抹烤肉酱，在碳火上烤数分钟即可。 最后，一条重要的程序就是：吃东西可以，但要把嘴擦干净，不然这么好的味道，小鸟们可要和你拼个你死我活。原因：古人云，人为财死，鸟为食亡。 一个不愿在城市的空气里闻到是非 不愿在乡村中的野肴中尝到野蛮 不愿在自己的意识中探求与别人相同的思维 我就是我，我要做独立的我，与众不同的我。 臭豆腐 原料：臭豆腐生胚，菜油，盐，味精，干椒粉，香油，酱油，香醋，蒜茸，葱花。 制法：①将菜油烧约七成热，下臭豆腐胚，炸至外焦内嫩，沥出。 ②将调味料调匀成醮汁，炸好的臭豆腐放碟上，浇上汁。 ＊ 臭豆腐"黑如墨，香如醇，嫩如酥，软如绒"以臭命名，闻臭吃香，外焦微脆，内软味鲜。 </t>
  </si>
  <si>
    <t xml:space="preserve">爱情如何长久一对情侣如何才能让爱情保持长久？相守一辈子不分离 </t>
  </si>
  <si>
    <t>结婚之前去选择你所爱的，结婚之后去爱你所选择的</t>
  </si>
  <si>
    <t xml:space="preserve">孕14周了，，到现在都没有出现尿频的现象，，正常吗？？别的孕妇都? </t>
  </si>
  <si>
    <t>病情分析：你好，根据你描述的情况看也不是说所有的孕妇都会有尿频的表现，只要产检胎儿发育是正常的就没有关系的。指导意见：多数到后期比较明显一些的。希望对你有帮助，祝你健康幸福</t>
  </si>
  <si>
    <t xml:space="preserve">word一页打印多版word一页打印2版时，打印出来的文件缩到了 </t>
  </si>
  <si>
    <t xml:space="preserve">查看页面设置，页边距这类设置打印问答网 </t>
  </si>
  <si>
    <t xml:space="preserve">顶的就是维拉利和拉科！！！通通给我杀！！！！ </t>
  </si>
  <si>
    <t>才对得起大家</t>
  </si>
  <si>
    <t xml:space="preserve">七年级下英语原创答案第二单元第二部分第一题第一小题怎样做？怎么讲? </t>
  </si>
  <si>
    <t>Walk （along) the street and (take) the second turning on the right.</t>
  </si>
  <si>
    <t xml:space="preserve">BL`50级MS职业任务问题``RT`职业任务的第一个找鹿蹄子已 </t>
  </si>
  <si>
    <t>很简单啊.去拍卖行买就行了,很便宜.或者去西瘟疫的悔恨岭,那里的怪是50+的普通怪,都掉亡灵腐液,很容易打到.别在艾萨拉那里打,打半天也掉不出一个.</t>
  </si>
  <si>
    <t xml:space="preserve">近期自己想做一下调整，今天成交量小了很多，是否是预警信号？请大师? </t>
  </si>
  <si>
    <t>今天主要是大盘蓝筹股休息了，为即将到来的股指期货做准备。所以，今天的缩量，基本是中小股在上涨，值得主要的是大量st股票又在上涨，小心调整的到来。</t>
  </si>
  <si>
    <t xml:space="preserve">whycan'ttheworldevencometoanend这 </t>
  </si>
  <si>
    <t>地球是圆的怎么会有头呢。</t>
  </si>
  <si>
    <t xml:space="preserve">患有阴道炎疾病会对女人造成哪一些的危害？ </t>
  </si>
  <si>
    <t>荫道炎对女人造成的危害1、荫道炎会影响夫妻生活。2、荫道炎还会影响怀孕，甚至造成不孕。3、影响胎儿发育4、诱发宫颈糜烂等疾疾</t>
  </si>
  <si>
    <t xml:space="preserve">白天有卖甜醅的吗？永昌路附近。请各位友友告知一下。 </t>
  </si>
  <si>
    <t>永昌路还真不知道，张掖路木塔巷有一家甜食店挺不错的，如果不介意走几步的话，可以去尝尝。</t>
  </si>
  <si>
    <t xml:space="preserve">糠醛、糠醇生产厂家在哪里有啊？我们公司想找一家有实力的合作生产厂? </t>
  </si>
  <si>
    <t>上 查</t>
  </si>
  <si>
    <t xml:space="preserve">GM我有个请求请你答应我有个69级法师号能不能降20级加在我46 </t>
  </si>
  <si>
    <t>你的要求可以考虑  我们开过懂事会研究后 在答复你  等我们的好消息吧</t>
  </si>
  <si>
    <t xml:space="preserve">吃多了路边上卖的烧烤上火会引起痘痘吗 </t>
  </si>
  <si>
    <t>饮食应注意使用温热的食物,如薏仁、银耳等健脾胃的食物.切记不可随意使用诸如金银花等去火的食物.11点前必须上床睡觉.从中医的理论来说,子时是阳气进入我们体内的时候,如果此时得不到休息,阳气不能进入,导致阴阳失调.阴气就会消耗过多,结果造成阴虚,虚火旺盛,引起痘痘发作.不可用生水直接接触到痤疮的位置,病理部位尽量不要沾水,或者可以使用冷开水.不要反复使用洗面奶去油.有的女孩总感觉脸上很油、很脏,于是用洗面奶使劲地搓洗.这种做法是错误的.这是由于我们人体有自我修复的功能,过度去油,反而造成油脂分泌更多,而分泌过多的油脂会造成毛孔阻塞,导致痘痘更加严重.</t>
  </si>
  <si>
    <t xml:space="preserve">0是偶数吗?请问0是不是偶数 </t>
  </si>
  <si>
    <t>０应该不是偶数，根据偶数的定义，能被２整除的自然数为偶数．而０不是自然数，当然也不是偶数了</t>
  </si>
  <si>
    <t xml:space="preserve">请问fenny大师，我们生牛宝宝好还是生虎宝宝好？我1983年8 </t>
  </si>
  <si>
    <t xml:space="preserve">爸爸：属牛，阳历1985（乙丑）年5（辛巳）月23（壬戌）日出生。妈妈：属猪，阴历1983（癸亥）年8（辛酉）月8（乙巳）日出生。生牛宝宝好还是生虎宝宝好？因为虎宝宝的贵人是爸爸的生肖，虎宝宝和妈妈生肖六合。所以虎宝宝比牛宝宝更适合你们夫妻。虎宝宝适合的月份：阳历2011年1月6日0点50分～2011年2月4日12点31分，农历（阴历）十二月初三日0点50分～正月初二日12点31分。分析如下：（1）宝宝命带贵人。（2）宝宝的月份和爸爸生肖三合。（3）宝宝的月份和妈妈出生月三合。（4）宝宝的月份和妈妈出生日三合。祝心想事成。请参考：   </t>
  </si>
  <si>
    <t xml:space="preserve">荒芜任务奖励的铁锺之靴具体是哪个任务?谢谢 </t>
  </si>
  <si>
    <t>任务NPC给个图你，名字是 西格鲁·铁斧第一个任务先在右边的一个食人魔营地拿一个补给箱，然后交了任务再接一个去打食人魔的，打7个金属碎片，交了就可以得一个盾牌和靴子二选一为奖励。</t>
  </si>
  <si>
    <t>佳能60D，15</t>
  </si>
  <si>
    <t>18 135 的比较好，即使广角又有长焦。</t>
  </si>
  <si>
    <t xml:space="preserve">如何打日语中的汉字我知道日语假名打法,听说汉字只要再多打空格键就 </t>
  </si>
  <si>
    <t>安装一个日文输入法，windows的安装盘里有，选择打上钩就好了。然后在输入法第一格就有中英日三个选项了，选上“日”这时候你打字就是按日文的读音了，然后和中文输入一样选需要的汉字或假名。比如你打niji，然后空格，就有出现“虹”字或者ni ji的平/片假名，或者打yuori，空格，就会出现“由织”或“汤折”或假名等等。选择起来和微软拼音或紫光差不多。以下来自 虽然中文的各个输入法。例如紫光拼音、微软拼音、智能abc、五笔输入法都可以用软来录入日文假名。但是这样输入的确很麻烦。最简单的方法是使用微软提供的日文输入法。1.如果你使用的操作系统是win95、win98、windows me，那么请 下载适合于win9x系统的微软日文输入法（MS Global IME(Japanese) - with Language Pack 5.02版）。请到这个网站下载 2.如果你是使用的win2000操作系统，如果是采用默认安装的话，一般都不会自动安装日文的字体和日文输入法。你需要打开控制面板，在【区域选项】中将日语勾上，然后插入win2000的安装光盘。系统将安装Microsoft IME 2000 japanese 安装完毕后，用户只要在添加输入法中，选择日语。点确定。在输入法的候选窗口中就会出现微软的日语输入法。3.如果使用的xp和2003系统，那么更加好办。一般默认安装操作系统的时候，已经将日文输入法和字体支持安装到了电脑中。用户只需要在区域中，添加日语，然后系统就会自动将Microsoft IME 2002a japanese添加出来。用户就可以很好的使用日文输入法。特别说明：针对win9x的MS Global IME(Japanese) - with Language Pack 5.02版可以在网页中录入日文，也可以在office中录入日文。但是不能在qq中输入日文而win2000和xp、2003内置的日文输入法可以在qq等几乎都可以使用中文的地方使用日文。4.最后一个办法，就会用户安装一个外挂程序，南极星软件，下载地址  用户可以输入中日韩四种文字。（但是为了稳定和实用，建议用户还是使用微软提供的输入法）日文输入法一般有两种输入模式。一种是罗马字输入，另一种是用日文键盘输入。现在的输入法多数都是日文罗马字输入。例如：输入【中国】的时候。其发音是ちゅうごく其对应的罗马字是chuugoku 因此，用户在输入日语的时候，只需要像用汉语拼音打中国大陆简体汉字一样。直接输入chuugoku。然后敲击空格键，就会发现文字候选处出现【中国】二字。然后，像使用微软拼音法一样，点一下回车键，则系统自动将中国二字输入到文本框中。</t>
  </si>
  <si>
    <t xml:space="preserve">新建项目环境影响评价所需的基础资料怎么准备 </t>
  </si>
  <si>
    <t>国家环境保护部令第2号《建设项目环境影响评价分类管理名录》（以下简称《名录》）于2008年10月1日正式施行，代替原《建设项目环境保护管理分类名录》（国家环境保护总局令第14号）。新、旧《名录》相比，作了七项重大调整：　　一是根据《环境影响评价法》，将名录名称由原来的《建设项目环境保护分类管理名录》改为《建设项目环境影响评价分类管理名录》。　　二是根据实用性、简便性和可操作性原则，参照《国民经济行业分类代码》，结合建设项目环境影响评价分类管理的需要，重新调整了项目类别的排序和分类，修订后的名录共分类23个大类，198个小类。　　三是按照《环境影响评价法》，将区域、流域开发等纳入规划环评管理范畴。　　四是补充完善了《名录》的项目类别。本次修订新增项目类别34项，归并了部分雷同的项目类型，并对实施过程中较少出现或基本没有的项目类型予以取消。　　五是重新调整了部分原《名录》中环评类别要求不符合实际环境影响建设项目的环评类别。对原《名录》中一些污染严重、生态影响较大、环境影响特征复杂的建设项目，提高了环评分类等级；对原《名录》中一些污染小、生态影响轻微、环境影响特征简单的建设项目，降低环评分类等级。　　六是此次修订明确和规范了环境敏感区的定义，即是指依法设立的各级各类自然、保护地，以及对建设项目的某类污染因子或者生态影响因子特别敏感的区域。　　七是修订后的《名录》明确不符合产业政策的建设项目不适用原则，对《名录》未涵盖项目提出由省级环境保护行政主管部门根据建设项目的污染因子、生态影响因子特征及其所处环境的敏感性质和敏感程度提出建议，报国务院环境保护行政主管部门认定的原则。</t>
  </si>
  <si>
    <t xml:space="preserve">命里有时终须有命里无时莫强求？这句话很多人都应该听别人讲过或者和 </t>
  </si>
  <si>
    <t>真理就是真理，不要去怀疑哈</t>
  </si>
  <si>
    <t xml:space="preserve">吉利远景和标致307的发动机哪个好一点? </t>
  </si>
  <si>
    <t>这个问题提的很有意思。从技术上看，吉利远景1.8使用的是自主研发的16阀带可变正时进气系统的全铝发动机；而307的1.6排量的只是16阀发动机，不带可变气门；2.0的307则为16阀带连续可变正时进气系统的发动机。单纯从基本技术上看，远景的发动机和307的2.0发动机技术相近，比较先进，而1.6的307的发动机相对落后。但是，发动机好与差不能单纯从技术和排量上区分。最重要的是从其内在品质和质量上分，尤其要看其故障率的高与低和是否经久耐用，还有许多方面，如：升功率、扭矩、平顺性、降噪性、密封性、燃油热值利用率、排放标准等等。这种比较精密的机械体，需要许多先进的高科技工艺与技术配套以及相当的机械制造经验才能做得更好一些。虽然吉利的发动机已经取得了可喜的进步，本人也相信吉利将来会做的更好，但我个人认为，目前吉利还不能完全和标致相比。从这个意义上讲，307的发动机比远景的发动机要具有太多的优势。</t>
  </si>
  <si>
    <t xml:space="preserve">英语应该怎么学........... </t>
  </si>
  <si>
    <t xml:space="preserve">英语学习网站大观                                   1.空中外语学校(  　　在这个网站上，设计者针对不同水平的用户群，在虚拟的外语学校中提供了多种层次的教学模式。如中级美国英语教学、时事英语等。对于需要接触原汁原味美语的朋友还专门有一个收听美国英语、USA英语和美国习惯用语栏目。视频点播是该网站与其它一些同类型教学站点相比最为与众不同的部分，如果用户有条件使用专线或DDN上网的话，可以很流畅地通过RealPlayer来在线练习听力与口语。如果您是普通的Modem拨号上网用户，这项功能便不要尝试了。 　　2.世界英语( .on) 　　在世博英语网站上，用户除了可以进行英语听力口语锻炼、找到许多英文短篇进行阅读之外，还可以从这个站点上学习到多种提高自己英语水平的方法。网站上还介绍了一些诸如如何提高演讲水平十日口语进阶、口语要素精解等专题内容。为了避免阅读英语短文的枯燥，网上还特别开设了小溪时尚美语、美国探奇等特别栏目，供用户在学习英语的时候陶冶性情。 　　3.张士柏英语网( ) 　　张士柏作为国内著名的英语教师，以其命名的英语网站的确有其过人之处。针对不同水准的用户，在英语进阶中可以选择从初中一年级到高中阶段的学习，当你的计算机中有RealPlayer软件时，只要戴上耳机就可以直接领略美籍教师的纯正发音，从而就能最有效的学习英语了。而那些英语故事、幽默笑话以及古典名著又是你难得的阅读材料。此外，站点中还有TOEFL、GRE、GMAT等考试的动态以及相关试题样本、美国3000多所大学的主页链接以及移民海外的情况介绍，对于想出国留学的同学来说不可不去。 　　4.前沿培训网( ) 　　这个网站全面提供了关于TOEFL、GRE及大学英语等考试内容，远程教学、英语沙龙、招生信息等，相信都是英语爱好者的必选之地。而且学习之余，免费的线上杂志也可能让您在英语学习的过程中扩大自己的视野，领略更多学习英语过程中的情趣。 　　5.全球英语( ) 　　在这个网站上目前已经开设线上课程、线上杂志、趣味游戏、社区服务、 职业天地等数个栏目。其中，线上课程提供了数百个针对不同层次的学习者的听、 说、读、写方面的练习材料，内涵丰富而且趣味性强。在该网站中的英语教师还会通过聊天室或电子邮件来回答你在语言学习中遇到的问题。 1,你要记住一定的词汇,词汇是你会话的基础,不然,你如何开口.所以,单词是一定要背的.不过我的背单词习惯不是按单词书或者字典里那样,我个人的体会是按顺序来背,很容易晕,因此我的记忆习惯是在阅读的过程中把生词提取出来记忆,反而可以记住更多的结构和用法. 　　 　　2,你要会把书本的东西变成自己的,这就要求你会使用结构.例如spend sometime doing something,如果你记住了这个简单的结构是"花费多少时间做什么事情",这个意思就可以表达了. 　　学习最关键的在于要会举一反三,这也是我经常对我的学生说的. 　　 　　3,基础一般(我指的是不到大学英语四级的水平),建议使用&lt;新概念英语&gt;第二册,这本书的句型语法非常严谨,它的编写者我觉得很了不起,他完全是按层层递进的顺序来编写,而且反复操练到位. 　　我要求我的学生做一些背诵的作业,学完一篇课文后.我要求他们依照课文来改写,他们知道把人物\地点做一些更换,非常聪明的照葫芦画瓢.我的学生是4年级的,我对他们的表现已经颇为满意了.相信成人是可以做得更好的. 另外,&lt;走遍美国&gt;也是不错的教材.但走遍美国的结构不如&lt;新概念英语&gt;严谨,词汇却很了不得,但是它的词汇有很严重的阶级色彩.这也不奇怪,政治决定教育,教育理所当然反映政治了. 先去买本资料。这资料有以下特点。 1。初级 2。有中英文课文对照 3。每课后有单词表 4。有配套磁带 Plus 买个复读机。 先开始把课文中文翻译看了，大致有个了解。然后边放磁带边看英文课文，并模仿磁带里面的发音，跟读几遍。熟练到不听磁带就可以朗读课文。然后记单词表，把每个词的拼写记下来。 记完单词表后，把书合上，放磁带，以句为单位放。放一句，拿笔在本子上把这句写出来（听写）。如果没听清楚，倒回去再放。直到听清为止。如果单词写不来就空在那里，先把会写的写了。整篇文章听写完后，再翻开书。把写不来的巩固一下。当可以完全听写出整篇文章后，就可以学习下一课了。 注意：在这过程中可以不学音标，就像中国人学中文。没有谁是生下来就先学拼音的，都是先学说话，学发音。到了小学才开始学拼音。所以音标可以入门一段时间后再学。同理语法也可以先不学。老外语法就比中国人差。但是英文水平很好，熟练到脱口而出，根本就不需要语法。没有中国人在说中文前要先去想一下什么主语，谓语，宾语该怎么搭配的。都是脱口而出。 贵在坚持，不要因为暂无成效而放弃。把最艰苦，最乏味的学习当成人生最大的乐趣，越是这样成功的可能越大。 祝你成功！ 　 　　 　　在众多的英语教材中,我推荐3种: 　　1,&lt;新概念英语&gt;尤其是第二册和第三册,难度适中,非常实用 　　2,&lt;走遍美国&gt;倾向于随意的表达,词汇很好 　　3,&lt;李阳英语&gt; 　　很多人对李阳不以为然,但是李阳的确帮助了很多人.很多人说他不是一个学院派的英语教学者,是个比较成功的英语商人,我也这么觉得,不过,他的确可以在一定程度上帮助英语学习者. 　　他编著的书不必全买,只要买他的一部&lt;发音突破掌上宝&gt;就好了! 学外语的十条经验 　　谈到外语学习，匈牙利有一位叫卡莫·洛姆布的人说：“我大致用了25年的时间学习了16种语言，10种达到能说的程度，另外6种达到能翻译专业书刊，阅读和欣赏文艺作品的程度。” “我把自己漫游外语天地所获得的心得体会总结为十条： 　　1、学习外语一天也不能中断。倘若确实没有时间，哪怕每天挤出10分钟也行；早晨是学习外语的大好时光。 　　2、要是学厌了，不必过于勉强，但也不要扔下不学。这时可以改变一下学习方式；比如把书放到一边去听听广播，或暂时搁下课本的练习去翻翻词典等。 　　3、绝不要脱离上下文孤立地去死背硬记。 　　4、应该随时地记下并背熟那些平日用得最多的“句套子”。 　　5、尽可能‘心译’你接触到的东西，如一闪而过的广告，偶而听到的话语，这也是一种休息的方式。 　　6、只有经过教师修改的东西才值得牢记。不要反复去看那些做了而未经别人修改 的练习，看多了就会不自觉地连同错误的东西一起记在脑了里。假如你纯属自学而无旁人相助，那你就去记那些肯定是正确无误的东西。 　　7、抄录和记忆句子和惯用语时要用单数第一人称，如“I am only pulling your leg"(我只是要戏弄你) 8、外语好比碉堡，必须同时从四面八方向它围攻：读报纸，听广播，看原文电影，听外语讲演，攻读课本，和外国朋友通讯，来往，交谈等等。 　　9、要敢于说话，不要怕出错误，要请别人纠正错误。尤为重要的当别人确实为你纠正错误时，不要难为情，不要泄气。 　　10、要坚信你一定能达到目的，要坚信自己有坚强不屈的毅力和语言方面的非凡才能…… Mr. Richard Lee is a foreigner here in Zhu Hai, China. I dont think there is any so-called "English grammar or phonetics" Readings and oral practices will let you getting use to a language usage. I am learning Chinese Mandarin now but I dont think there are sets of rules or grammar in Chinese! "Good good study and day day's up \(^-^)/" Good Luck! </t>
  </si>
  <si>
    <t xml:space="preserve">中国的"时辰"中国的时辰分别是对应的什么时间? </t>
  </si>
  <si>
    <t xml:space="preserve">分子、丑、寅、卯、辰、巳、午、未、申、酉、戌、亥十二时辰，对应现代时间如下： 子时：23:00~01:00 丑时：01:00~03:00 寅时：03:00~05:00 卯时：05:00~07:00 辰时：07:00~09:00 巳时：09:00~11:00 午时：11:00~13:00 未时：13:00~15:00 申时：15:00~17:00 酉时：17:00~19:00 戌时：19:00~21:00 亥时：21:00~23:00------------------------------------------------------------古代十二时辰古代十二时辰 【子时】夜半，又名子夜、中夜：十二时辰的第一个时辰。（北京时间23时至01时）。 【丑时】鸡鸣，又名荒鸡：十二时辰的第二个时辰。（北京时间01时至03时）。 【寅时】平旦，又称黎明、早晨、日旦等：时是夜与日的交替之际。（北京时间03时至05时）。 【卯时】日出，又名日始、破晓、旭日等：指太阳刚刚露脸，冉冉初升的那段时间。（北京时间05时至07时）。 【辰时】食时，又名早食等：古人“朝食”之时也就是吃早饭时间，（北京时间07时至09时）。 【巳时】隅中，又名日禺等：临近中午的时候称为隅中。（北京时间09 时至11时）。 【午时】日中，又名日正、中午等：（北京时间11时至13时）。 【未时】日?i，又名日跌、日央等：太阳偏西为日跌。（北京时间13时至15时）。 【申时】哺时，又名日铺、夕食等：（北京时间15食至17时）。 【酉时】日入，又名日落、日沉、傍晚：意为太阳落山的时候。（北京时间17是至19时）。 【戌时】黄昏，又名日夕、日暮、日晚等：此时太阳已经落山，天将黑未黑。天地昏黄，万物朦胧，故称黄昏。（北京时间19时至21时）。 【亥时】人定，又名定昏等：此时夜色已深，人们也已经停止活动，安歇睡眠了。人定也就是人静。（北京时间21时至23时）。 更,是古代人夜间用来计时的单位。 一夜分为五更,每更约等于一个时辰. 昼夜时辰 地球自转一周为一昼夜，称为“太阳日”，昼夜的形成即由此。其向阳之地面为昼 ，背阳地面则为夜。春分以后，日照北半球渐多，因此北半球夜短昼长，南半球则相反 ；秋分以后，日照南半球渐多，故北半球昼短夜长，南半球乃相反。 昼夜的划分方法 中国传统以十二个时辰来计算昼夜，以子，丑，寅，卯，辰，巳，午，申，酉，戌 ，亥十二地支来表示，每时辰分为八刻，又区分为上四刻，下四刻。这样，每个时辰相 当于现代的两个小时，如巳时相当于9时到11时。那时候，白天靠测量太阳的影子，夜晚 用漏壶（计时工具）滴水测时。但这不是最早的测时法。在这以前，如下表的俗称所反 映的情况。表内的俗称，是指十二时辰在古代的一种通俗叫法。这种俗称，就是中国古 人借助一些自然特征和生物特征来计时的。“鸡鸣”“人定”，借助于半夜鸡叫和人入 夜睡觉的特征。“食时”“晡时”，借助吃饭时刻表示时间。古人一日两餐，早饭在日 出以后，隅中以前，所以称这段时间为“食时”；晚饭在“日?i（太阳偏西）以后，日 入以前，所以称这段时间为“晡时”。其余八个时间以太阳位置为主要特征来命名的。 由于季节的不同，具体的时间差竟达两小时，因此后来被十二地支计时所替代。 另外，中国古代还有报更（又叫打更）的计时法。把夜间分为五更：相当于现代的 晚上7点到9点为一更，9点到11点为二更，午夜11点到1点为三更，凌晨1点到3点为四更 ，凌晨3点到5点为五更。 在欧美国家，以一昼夜分为24小时，每小时分为四刻，又可分为60分，每分为60秒 计算。由于计时器即钟表仅有12小时，只合一昼夜之半，于是以上午下午来辨别，以夜 12时（下午24时）正，为0时，夜（上午）1时为1时，以正午12时为12时，下午1时为13 时，下午6时为18时，下午11时为23时。 昼夜的起讫时间，有两种不同的算法，欧美的24小时自0时算起，即自夜12时起算。 在夜12时以前为前一日，夜12时以后为次日。中国的十二时辰以子时为首，以夜晚11时 起至夜1时为子时，在夜11时以前为前一日，夜11时以后为次日。 古时辰 子时 丑时 寅时 卯时 辰时 巳时 俗称 夜半 鸡鸣 平旦 日出 食时 隅中 今时间 23 - 1时 1 - 3时 3 - 5时 5 - 7时 7 - 9时 9 - 11时 古时 子初 子正 丑初 丑正 寅初 寅正 卯初 卯正 辰初 辰正 巳初 巳正 今时 23时 0时 1时 2时 3时 4时 5时 6时 7时 8时 9时 10时 古时辰 午时 未时 申时 酉时 戌时 亥时 俗称 日中 日?i 晡食 日入 黄昏 人定 今时间 11 - 13时 13 - 15时 15 - 17时 17 - 19时 19 - 21时 21 - 23时 古时 午初 午正 未初 未正 申初 申正 酉初 酉正 戌初 戌正 亥初 亥正 今时 11时 12时 13时 14时 15时 16时 17时 18时 19时 20时 21时 22时 时辰 中国古时把一昼夜分为十二段，每段叫做一个时辰，合现在的两个小时。时辰用地支作名称，从夜间十一点算起，第一个时辰是子时，半夜十一点到一点。 时辰 子时 二十三点到一点 丑时 一点到三点 寅时 三点到五点 卯时 五点到七点 辰时 七点到九点 巳时 九点到十一点 午时 十一点到十三点 未时 十三点到十五点 申时 十五点到十七点 酉时 十七点到十九点 戌时 十九点到二十一点 亥时 二十一点到二十三点 循环使用，一周期为12个。经常与天干配合使用，60个为一周期。可用于记录年、月、日、时辰。所谓“生辰八字”即出生时刻年月日和时辰的干支，共8个字，因以得名。 纪年时，每个地支对应一个属相，也叫生肖。 纪月时，每个地支对应二十四节气自某节气（非中气）至下次节气，以交节时间决定起始的一个月期间，不是农历某月初一至月底。许多历书注明某阴历月对应某干支，只是近似而非全等对应。 纪时时，每个地支对应固定的一段时间（时辰）。中国古时把一昼夜分为十二段，每段叫做一个时辰，合现在的两个小时。每个时辰都有固定的地支作名称，从夜间十一点算起，第一个时辰是子时，半夜十一点到一点。必须注意的是子时分为0时到1时的早子时和23时到24时的晚子时。 地支对应的生肖、纪月时对应的节气时间段、近似农历月份、近似阳历月份、纪时的时刻、五行、阴阳列表如下。 地支 生肖 节气时间段 近似阴历月份 近似阳历月份 时刻 五行 阴阳 子 鼠 大雪—小寒 十一月 12月 23时—1时 水 阳 丑 牛 小寒—立春 十二月 1月 1时—3时 土 阴 寅 虎 立春—惊蛰 正月 2月 3时—5时 木 阳 卯 兔 惊蛰—清明 二月 3月 5时—7时 木 阴 辰 龙 清明—立夏 三月 4月 7时—9时 土 阳 巳 蛇 立夏—芒种 四月 5月 9时—11时 火 阴 午 马 芒种—小暑 五月 6月 11时—13时 火 阳 未 羊 小暑—立秋 六月 7月 13时—15时 土 阴 申 猴 立秋—白露 七月 8月 15时—17时 金 阳 酉 鸡 白露—寒露 八月 9月 17时—19时 金 阴 戌 狗 寒露—立冬 九月 10月 19时—21时 土 阳 亥 猪 立冬—大雪 十月 11月 21时—23时 水 阴 每年都有一个生肖，在该年出生的人就“属”这个生肖。人的岁数是12的倍数即为本命年，因为当年的生肖和人的生肖相同。 [编辑] 组合 地支有六个组合，称为“六合”，有四个由三个地支组成的局势，称为三合局和全会方局，这种地支组合之后，亦会变化成不同的五行，因此亦会产生不同的较应。地支除了会合化局之外，地支还有互相冲克及相刑，故此亦会产生不同的较应。 地支六合： 子丑合化土 寅亥合化木 卯戌合化火 辰酉合化金 巳申合化水 午未为阴阳中正合化土 地支三合： 申子辰合成水局 巳酉丑合成金局 寅午戌合成火局 亥卯未合成木局 地支三会： 亥子丑会北方水局 寅卯辰会东方木局 巳午未会南方火局 申酉戌会西方金局 地支相冲： 子午相冲 丑未相冲 寅申相冲 卯酉相冲 辰戌相冲 巳亥相冲 地支相破： 子酉相破 午卯相破 巳申相破 寅亥相破 辰丑相破 戌未相破 地支相害： 子未相害 丑午相害 寅巳相害 卯辰相害 申亥相害 酉戌相害 地支相刑： 寅刑巳 巳刑申 申刑寅 为无恩之刑 未刑丑 丑刑戌 戌刑未 为持势之刑 子刑卯 卯刑子 为无礼之刑 辰刑辰 午刑午 酉刑酉 亥刑亥 为自刑之刑 [编辑] 其他用处 地支主要用来排序。 有些古代的典籍用地支来分章节，如《康熙字典》等。 西方刚传入中国时，中国的数学家用天干地支代表字母，十二地支分别代表k-v这12个字母，大写字母用代表小写字母的汉字加口字旁表示。  </t>
  </si>
  <si>
    <t xml:space="preserve">研究生分数怎么算例如：两科公共课都是100分满分，单科最低录取分 </t>
  </si>
  <si>
    <t>就是说你4个科目的总分不能低于350分。如果你的总分超过了350分，但是其中有一门科目没有达到他规定的单科最低录取分数线，你还是不能被录取。具体说就是比如：政治70，英语50，2个专业课各130分，总分是380，但是你还是不符合录取条件。还有如果你每科的分数都超过最低录取分数线，总分达不到350分，同样不会被录取。例如：政治和英语各60分，2个专业课各100分，总分320分，你仍然不会被录取。你是大几学生阿？你认为考研的人那么多，怎么可能你每科都考在最低录取分数线的情况下，还能被录取。呵呵。。。希望你看的明白！祝你好运！</t>
  </si>
  <si>
    <t xml:space="preserve">盗贼天赋借我朋友的帐号上来问一下盗贼的练级天赋怎么＋最好写一下先 </t>
  </si>
  <si>
    <t>强化邪恶.冷酷攻击.恶意.强化凿击.精确.偏斜.还击.双专精.剑刃乱舞.剑专精.武器大师.侵略(1点).冲动.强化TG.无情打击.致命偷袭.侵略加满.还剩2点可以加强化急跑.也可以加耐久和毒药刺杀 天赋 (16 点)冷酷攻击 - 2/2 点在你杀死一个敌人并得到经验值后，你的下一次邪恶攻击、背刺、伏击或鬼魅攻击有40%的额外几率造成致命一击，效果持续20秒。恶意 - 5/5 点使你的致命一击几率提高5%。强化剔骨 - 3/3 点使你的剔骨技能所造成的伤害提高15%。致命偷袭 - 5/5 点使你的邪恶攻击、绞喉、背刺、鬼魅攻击或出血技能的致命一击所造成的额外伤害提高30%。无情打击 - 1/1 点你的终结技有每连击点数20%的几率恢复25点能量值。战斗 天赋 (35 点)强化邪恶攻击 - 2/2 点使你的邪恶攻击技能所消耗的能量值减少 5 点。强化凿击 - 3/3 点使你的凿击技能的效果持续时间延长1.5 秒。偏斜 - 5/5 点使你的招架几率提高5%。精确 - 5/5 点使你的近战武器击中目标的几率提高5%。还击 - 1/1 点在招架了敌人的攻击之后可以使用的技能，对目标造成150%的武器伤害，并使其被缴械，持续6秒。强化疾跑 - 2/2 点当你激活疾跑技能的时候，使你有100%的几率移除所有移动限制效果。双武器专精 - 5/5 点使你的副手武器造成的伤害提高50%。剑类武器专精 - 5/5 点使你在用剑类武器击中敌人后有5%的几率进行一次额外的攻击。剑刃乱舞 - 1/1 点使你的攻击速度提高20%。另外还可以对附近的一个额外的敌人造成伤害。持续15秒。侵略 - 3/3 点使你的邪恶攻击和剔骨技能的伤害提高6%。武器大师 - 2/2 点使你的单手剑和匕首武器技能提高 5 点。冲动 - 1/1 点使你的能量值回复速度提高100%，持续15秒。敏锐 天赋 (0 点)</t>
  </si>
  <si>
    <t xml:space="preserve">财务我想问一下，有谁知道，如果普通发票没用完可不可以继续领用普通 </t>
  </si>
  <si>
    <t xml:space="preserve"> 如果是在发票换版的情况下,一般都规定规定了新版发票的启用时间和旧版发票的的废止时间。在规定的旧版发票废止的截止之日起，原有的旧版发票必须全部作废，不再使用。如有剩余的旧版空白发票，一律按原领用发票渠道，向税务机关缴销。如果继续使用旧版发票，则涉嫌发票违章。经认定后，就必须承担相应的责任追究。</t>
  </si>
  <si>
    <t xml:space="preserve">急租！！想租南开区白堤路一带的房子． </t>
  </si>
  <si>
    <t xml:space="preserve">你可以在＜假日100天＞的资讯版找一下,一般都有很多租赁信息的，或者是在天津搜房网上也可以的,就是天津搜房网上的二手房信息： 　这是天津房地产的门户网站．另外天津经济广播的＂聚焦房地产＂也是很好的选择!~ </t>
  </si>
  <si>
    <t xml:space="preserve">什么是工程监理？ </t>
  </si>
  <si>
    <t>工程监理是指具有监理企业接受建设单位的委托，依据国家批准的建设工程项目文件、有关工程建设的法律、法规和工程监理合同及其他工程建设合同，对工程建设实施的监督管理。工程监理的对象是工程建设项目，离开了工程项目，就谈不上监理活动。为了有效发挥建设工程监理的作用，加大推行监理的力度，根据《建筑法》，国务院公布的《建设工程质量管理条例》对实行强制性监理的工程范围作了原则性的规定，建设部又进一步在《建设工程监理范围和规模标准规定》中对实行强制性监理的工程范围作了具体规定。1)国家重点建设工程2)大中型公用事业工程3)成片开发建设的住宅小区工程4)利用外国政府或者国际组织贷款、援助资金的工程5)国家规定必须实行监理的其他工程。</t>
  </si>
  <si>
    <t xml:space="preserve">怎样腌制新鲜红辣椒怎样保持辣椒不烂而有翠，敬请高手支招。谢谢！ </t>
  </si>
  <si>
    <t xml:space="preserve">腌辣椒方法一配方：鲜辣椒10斤，酱油5斤，食盐1斤，白糖4两，生姜4两，大蒜4两，色拉油4两，高度白酒7两，味精适量，花椒、大料、桂皮、大葱各适量。 方法：将酱油煮沸（杀菌）待凉。色拉油加热用花椒、大料、桂皮、大葱各适量入锅出香味。同以上辅料配成汤后放入辣椒(辣椒要剖口或扎眼)，汤要淹没辣椒。数日后即可食用你可以根据自己的量来按比例放配料腌辣椒方法二按这个比例准备材料，一斤的红辣椒（剁碎），二两蒜（切末），一两姜（切末），辣椒剁碎后将蒜茉和姜茉放入容器中，加入比正常做菜时要咸一些量的盐，放入味精，再放入一个苹果梨，拌均匀后，放入一个密封的瓶子里，一周后就可以食用了。两种方法都不错，就不知道你喜欢那种口味的 </t>
  </si>
  <si>
    <t xml:space="preserve">为什么要设立大使馆，大使馆到底有些什么职能？希望大家解答一下，谢? </t>
  </si>
  <si>
    <t>大使馆是一国在建交国首都派驻的常设外交代表机关。领事馆是一国政府派驻对方国家某个城市并在一定区域执行领事职务的政府代表机关。两个国家断交，一定会撤销大使馆，但不一定撤销领事馆。 大使馆代表整个国家的利益，全面负责两国关系，馆长是大使，由国家元首任命并作为国家元首的代表履行职责。大使馆的首要职责是代表派遣国，促进两国的政治关系，其次是促进经济、、教育、科技等方面的关系，使馆同时具有领事职能。促进两国关系和人民间的往来是领事馆的重要职责，但其最主要的职责是领事工作，比如：维护本国公民和法人的合法权益，向本国公民颁发或延期护照、向外国公民颁发签证。 大使馆的职责范围遍及驻在国各个地区，领事馆只负责所辖地区。大使馆通常受政府和外交部门的直接领导，而领事馆通常接受外交部门和所在国大使馆的双重领导。 许多国家在多数国家只设大使馆，不设领事馆。设不设领事馆、设哪个级别的领事馆，主要看侨民和领事业务的多少以及所在地区的重要性，并依照对等原则进行。如中国在美国设有大使馆和5个总领事馆，负责各自辖区内的领事业务。在个别小国，外国只设领事馆和派驻领事官员。目前，中国在166个建交国设有157个大使馆、60多个（总）领事馆。 参考资料： 大使：全称为“特命全权大使”，是最高一级的外交使节。由一国元首向另一国元首派遣，享有比其他两个等级（公使、代办）的外交使节更高的礼遇，有权请求驻在国元首接见，与驻在国高级官员谈判。其主要职责为：负责外交代表机关职能的实施和遵照本国政府指令全权处理外交代表机关的事务。驻一国大使可以兼任驻另一国或两个以上国家的使节，但兼任必须得到接受国的同意，并正式向接受国国家元首递交国书，定期或不定期前往接受国履行大使职责。 公使：全称为“特命全权公使”或“全权公使”。1961年《维也纳外交关系公约》规定，公使为外交使节的第二等级，由国家元首派遣，其所受礼遇仅次于大使，但实质地位、职务以及所享受的外交特权与豁免同大使相同。其任命需事先得到接受国的同意。此外有些国家在大使馆中设有公使，此类公使与特命全权公使不同，不是使馆馆长，不由派遣国元首向接受国元首派遣，而是使馆中仅次于大使一级的外交官，其任命不需事先取得接受国同意。 参赞：外交官的一种职衔。其外交地位仅次于大使、公使。有些国家参赞还分为公使衔参赞、参赞，或一等参赞、二等参赞等。参赞的主要任务是协助使馆馆长进行工作，使馆馆长因故缺位时，通常由作为首席馆员的政务参赞担任临时代办，代为主持馆务。有些使馆除政务参赞外，还设有商务参赞、经济参赞、农业参赞、科技参赞、教育参赞、文化参赞，分别由派遣国有关部门派出，在一个国家里，大使馆只有一个，而领事馆可以在很多城市都有 大使馆：一个国家派驻在另一国家的以大使为馆长的外交代表机构 协助使馆馆长分管有关业务。 领事的职务： 答案要点：(1)在国际法许可的限度内，在接受国内保护派遣国及侨民与法人的利益；(2)增进派遣国与接受国之间商业、经济、文化及科学关系之发展，并在其他方面促进两国之友好关系；(3)以一切合法手段调查接受国内商业、经济、文化及科学活动之状况及发展情形，向派遣国政府汇报，并向有关人士提供资料；(4)办理证件、公证和登记等事务；(5)传送司法书状和其他文件；(6)监督、检查和协助派遣国的船舶、航空及其航行人员；(7)其他职务；(8)一国受第三国委托，派遣国之一领馆得代表第三国在接受国内执行领事职务，但须以接受国不表示反对为限。</t>
  </si>
  <si>
    <t xml:space="preserve">问题：“书到用时方恨少”的下一句是什么 </t>
  </si>
  <si>
    <t>书到用时方恨少 事非经过不知难 （此句出自陆游）。</t>
  </si>
  <si>
    <t xml:space="preserve">大家冷静吧？昨天中午，上班路上，看到一个去机场上班的男孩，跟他边 </t>
  </si>
  <si>
    <t>啊哈哈，免费开的那么远，那去欢乐谷玩的人了了坏了啊</t>
  </si>
  <si>
    <t xml:space="preserve">过节送礼是件头疼的事情，大家推荐一下今年过节送什么礼品？ </t>
  </si>
  <si>
    <t>我看好一款由沈阳造币公司铸造、宝泉钱币经销的“龙年贺岁金银条”，这款金银条有独具匠心的设计，深厚的文化底蕴，还是我国第一款异形龙生肖贵金属产品。产品规格分为很多种，仅金条单枚就有八个规格，银条六个规格，金条套装一个规格，银条套装则提供了四种规格以供不同阶层的消费者去选择，并且全球限量发行，很大的升值空间。你觉得怎么样？</t>
  </si>
  <si>
    <t xml:space="preserve">如何能同时打开多个IE窗口每次打开IE窗口,只能打开一个窗口,再 </t>
  </si>
  <si>
    <t>用mathon浏览器，可以满足你的要求。</t>
  </si>
  <si>
    <t xml:space="preserve">南昌整形除腋臭哪里好？南昌整形美容哪里好？每次到了夏天就很怕，因 </t>
  </si>
  <si>
    <t>南昌整形除腋臭哪里好？在南昌做除腋臭手术价格不贵，有朋友在咨询过好多地方，在南昌这个地方相对而言比较便宜了，她是在南昌南昌莱美整形美容医院中心做的除腋臭手术，当时的价格是9000左右，具体的也不太清楚了。做了半年吧，那个除腋臭效果不错，现在她看起来比我小。她自己感觉很好。呵呵。</t>
  </si>
  <si>
    <t xml:space="preserve">我老婆老爱生气，为什么啊 </t>
  </si>
  <si>
    <t>第一：因为你老惹她生气，确实是你做错了，没有顾及她的感受：第二：她就那脾气，就爱生生气。哈哈</t>
  </si>
  <si>
    <t xml:space="preserve">孕囊是什么？1.7*1.7*1.3CM是什么意思啊？ </t>
  </si>
  <si>
    <t>孕囊多少是看宝宝现在处在几周的意思,就是看宝宝多大了,发育的怎么样.孕囊看宝宝性别什么那是不准的,我怀宝宝是孕囊圆形的,以为是女宝宝,可开心了,可是生出来是个男宝宝啊,不过现在三个半月了,好可爱.</t>
  </si>
  <si>
    <t xml:space="preserve">老师,请问600247还能加仓吗?8.16的成本,谢谢老师 </t>
  </si>
  <si>
    <t>600247调整走势，多方占优，持股等待</t>
  </si>
  <si>
    <t xml:space="preserve">XZ+舞蹈+2个CK打修道小房间这个团一天可以打多少钱啊XZ舞蹈 </t>
  </si>
  <si>
    <t>这2个组合,要是下庙的话,收入高不到那里去,也就打打G B,挖点纯石头,A5什么的,A5现在也不值钱了.建议几个地点.1.修道,接换S5的任务,4000道具换一张.2.羊或兽同盟.5级同盟,100毛换20角.150角去换一次.运气好,换龙虾手脚卷,一张就是1E.</t>
  </si>
  <si>
    <t xml:space="preserve">他是个麦霸，麦克风只要到他手里就不会放开了。这句话用日语怎么说？ </t>
  </si>
  <si>
    <t>彼はマイクを独占するタイプで,マイクを握ったら離さない。</t>
  </si>
  <si>
    <t xml:space="preserve">什么时间日全食？听好多人说百年一遇的日全食是什么时间？ </t>
  </si>
  <si>
    <t xml:space="preserve">2009年7月22日的日全食将会发生在早上九点左右，日全食带将会从西向东的扫过以下主要城市。居在这些地区的人将有机会看到百年难得一遇的超长时间日全食，全食时间长达4-5分钟，对于日全食来说，这是一个漫长的黑夜了。康定、雅安、乐山、成都、自贡、内江、遂宁、南充、重庆、达州、黔江、宜昌、荆门、荆州、江陵、沙市、考感、咸宁、武汉、黄冈、鄂州、黄石、六安、合肥、安庆、池州、巢湖、芜湖、铜陵、黄山、宣州、马鞍山、湖州、常州、无锡、苏州、杭州、嘉兴、绍兴、上海、宁波、舟山。这几乎是整个长江流域都能看到日全食了，大约将会有四亿人看到。认真查看了上面的地区，发现一直想去旅游的地方黄山，正在此次日全食的中心附近，太好了，一举两得。当然，杭州的杭州湾大桥，日全食的中心刚好经过，能在这条接近50公里长的跨海大桥上看海上日全食，也是非常不错的选择。    发生日全食的条件是太阳、月球和地球这三个天体，要刚好不偏不倚或非常接近在一条直线上。这种机会对同一个观测点来说，平均三四百年才能看到一次，太阳被完全遮住的最长时间不会超过7分41秒。观测日全食时，一定要使用专用或自制器材，严禁肉眼直接观测太阳，以免对眼睛造成伤害。 （时间均为北京时间） 地名 初亏 全食始 食甚 全食终 复圆 上海 8:23:25 9:36:44 9:39:16 9:41:49 11:01:36 苏州 8:22:21 9:35:13 9:37:41 9:40:10 10:59:41 杭州 8:21:26 9:34:11 9:36:55 9:39:40 10:59:21 嘉兴 8:22:20 9:35:01 9:37:59 9:40:57 11:00:21 合肥 8:18:39 9:30:48 9:31:48 9:32:49 10:52:07 铜陵 8:18:49 9:29:47 9:32:39 9:35:31 10:53:46 武汉 8:14:53 9:23:56 9:26:39 9:29:24 10:46:15 宜昌 8:12:11 9:19:27 9:22:07 9:24:48 10:40:01 重庆 8:07:54 9:12:59 9:15:08 9:17:17 10:30:34 成都 8:07:05 9:11:06 9:12:47 9:14:29 10:26:22 乐山 8:06:15 9:09:31 9:11:54 9:14:19 10:25:38      如果不了解如何观测日全食，那观察日全食是十分危险的，因为太阳放射出强烈可见光，红外线和紫外光。紫外光不但可以晒伤皮肤，它也会对眼睛的视网膜迅速造成伤害。人类的眼睛只要直接观看太阳几秒，就可能造成永久伤害，甚至眼盲。如果透过没有适当减光设备的望远镜观察太阳，后果更不堪设想。      日偏食及日环食就不能在没有采取特安全范措施观看。在日全食的偏食阶段，即使太阳的表面被月球遮掩了99% 时，剩下新月形成的光球层，也可以对眼睛造成伤害。不要试图用肉眼观察任何日偏食、环食阶段或日全食的偏食阶段的太阳。      下面为大家介绍一些的日全食观测方法：     墨水观测法      可以取一盆清水，加入墨汁，通过水面的反光看日全食中的太阳。      针孔投影法      利用两块板子，在其中一块板子上挖一个小洞，让阳光穿过这个小洞投影到另一块板子上，日全食的偏食的太阳的影子就落在拍板上。      望远镜投影法      和小孔成像做法差不多，但手可不要乱晃，否则太阳的影子会来回跑。并且千万不要拿着望远镜直接看太阳，如果用望远镜直接看太阳，一定要用滤光镜。 </t>
  </si>
  <si>
    <t xml:space="preserve">这事我挺郁闷的怎么办？是这样我现在上大学我是那种不是内项但是比较 </t>
  </si>
  <si>
    <t xml:space="preserve">   反被动为主动.心里不要去想太多...自然的跟他们一起聊.这样就行了   你要知道人一般都是你怎么样对我, 我就怎么样的对你,你多我热情我也对热情,你对我冷淡我也对你冷淡.就这么简单</t>
  </si>
  <si>
    <t xml:space="preserve">实况实况求实况的联机模式!请教高手! </t>
  </si>
  <si>
    <t>1、实况8在“浩方对战平台”可以联网，实况9正版可以直接用盘上的ID密码和对方IP联网，盗版的无法联网。2、浩方对战平台下载地址：官方版  浩方对战平台Loader优化版  （无视房间等级要求，连续点击房间重试，不在ie工具栏建立图标，去掉所有广告，禁止浩方公告，完美免踢，去掉自动更新，本软件为完全的绿色软件）3、安装双击就可以了，不用谈了吧！4、进浩方后点上面的“设置”，在竞技游戏找到并点击实况8国际版，在游戏可执行文件中指定WE8.EXE路径，点击确定，进了平台后点大厅，选网络（我是电信就选上海电信），进入后选房间（人数在200以上的好找人），进房间后点下面的“启动游戏”，进入游戏后按ALT+ENTER最小化游戏，在游戏主界面中选“联网对战”，然后点“客户机”，在接下来的界面中按“○”刷人，或按“□”后直接输入好友IP地址按回车，找到人后按回车确定就可以开始了。</t>
  </si>
  <si>
    <t xml:space="preserve">刚生下来的宝宝鼻子上怎么有白的小豆豆呢？请问是什么原因？还望各位 </t>
  </si>
  <si>
    <t>没有关系。过几天就会好的。我家宝宝也长了，叫什么忘了。新生儿很常见的。</t>
  </si>
  <si>
    <t xml:space="preserve">什么时候开八区？问题同上，希望知情人透露。 </t>
  </si>
  <si>
    <t>啥`7区还没谱呢`你就想开8区``` 你是不是奇迹玩多了 也想出现“奇迹？”</t>
  </si>
  <si>
    <t xml:space="preserve">请帮我推荐一二只基金想买点比较稳健、抗跌的基金，听说震荡市买配置 </t>
  </si>
  <si>
    <t>上次大跌证明建信530003 建信优选成长 ,和泰信优质不错,牛市前景很好</t>
  </si>
  <si>
    <t xml:space="preserve">名牌女服衣服有哪些牌子呢 </t>
  </si>
  <si>
    <t>1 香奈尔() 2 路易·威登Louis Vuitton (LV品牌创立于1854年法国巴黎)  3 迪奥Dior (Christian dior开始于1946年法国巴黎) 4 范思哲Versace (1978年意大利米兰) 5 Prada (创于20世纪初意大利米兰) 6 卡尔文·克莱恩(Calvin klein) (1968年美国纽约) 7 高田贤三Kenzo (日本人1970创于法国) 8 古奇欧·古孜Gucci (1923年意大利佛罗伦萨) 9 华伦天奴Valentino (意大利人Valentino1960创于罗马) 10 切瑞蒂(Cerruti) (1967年法国巴黎)11、巴宝莉(Burberry)12、纪梵希(Givenchy)、13、波士(Hugo Boss)14、皮尔·卡丹(Pierre cardin)15、唐纳 ·卡兰(Donnakaran)16、伊夫圣罗兰(Yves Saint Laurent)17、梦特娇(Montagut)18、乔治·阿玛尼(Giorgio armani)1 香奈尔() 2 路易·威登Louis Vuitton (LV品牌创立于1854年法国巴黎)  3 迪奥Dior (Christian dior开始于1946年法国巴黎) 4 范思哲Versace (1978年意大利米兰) 5 Prada (创于20世纪初意大利米兰) 6 卡尔文·克莱恩(Calvin klein) (1968年美国纽约) 7 高田贤三Kenzo (日本人1970创于法国) 8 古奇欧·古孜Gucci (1923年意大利佛罗伦萨) 9 华伦天奴Valentino (意大利人Valentino1960创于罗马) 10 切瑞蒂(Cerruti) (1967年法国巴黎)11、巴宝莉(Burberry)12、纪梵希(Givenchy)、13、波士(Hugo Boss)14、皮尔·卡丹(Pierre cardin)15、唐纳 ·卡兰(Donnakaran)16、伊夫圣罗兰(Yves Saint Laurent)17、梦特娇(Montagut)18、乔治·阿玛尼(Giorgio armani)（赠人玫瑰 手有余香，我回答了你的问题,如果你很满意，请点击“好评”，如果不满意，你可以追问我。O(∩_∩)O谢谢。）</t>
  </si>
  <si>
    <t xml:space="preserve">不知道为什么我下身有恶臭，不是白带的问题，也不可能是其他。我现在? </t>
  </si>
  <si>
    <t>应该是有轻微的炎症，多注意清洁问题，吃点消炎药</t>
  </si>
  <si>
    <t xml:space="preserve">B5自动变速箱挂上挡不走刚大修完发动机后变速箱油泵顶坏了我门刚换 </t>
  </si>
  <si>
    <t>单向离合器装反了！</t>
  </si>
  <si>
    <t xml:space="preserve">寻找李璨琛演的一部电影很早以前看过李璨琛演的一部电影，情节都忘了 </t>
  </si>
  <si>
    <t xml:space="preserve">真爱   导 演：黎继明  主 演：李灿森  小雪    自幼丧父受尽溺爱的小雪品学兼优，甚至校花选举唱歌比赛都很成功。天王Leo赏识力捧，但要小雪以身体作报答，雪不允加上首张唱片成绩未如理想而遭公司放弃。此时雪母又因交通意外去世。小雪因遭逢巨变终日借酒消愁及以药物麻醉自己，一直均以借钱渡日，弄至债台高筑。幸有男友李灿森支持，特请求城中名监制Mark帮助小雪。后来小雪再战乐坛，实时被外界接受，更被捧成玉女接班人，此时，森自觉小雪与自己之地位又出现距离，二人因压力而分开……   </t>
  </si>
  <si>
    <t>函数f(x)=</t>
  </si>
  <si>
    <t>函数f(x)=-x^2+4x的对称轴是直线x=2,此时函数的最大值为4,而当f(x)=-5时,解得x=-1或x=5,画出二次函数图象, 可得  -1≤m≤2,2≤n≤5 所以1≤m+n≤7</t>
  </si>
  <si>
    <t xml:space="preserve">10张卡打天关，能打多少经验？谢谢职业:道士等级:462004年 </t>
  </si>
  <si>
    <t>“有钱了,多孝敬你的父母吧.生你养你不易”楼上，不用老说这句话吧？我相信现在很多玩传奇的不是小孩子了~~对很多人来说，每个月几百块钱的投入来说对他们的生活没有任何影响，我每次看见这样的话觉得自己是罪恶深重的人，但事实自己有能力就行。有钱的人有钱的玩法，没钱的没钱的玩法，各有所好。</t>
  </si>
  <si>
    <t xml:space="preserve">一个月大的宝宝，主要喝奶粉，最近表现有便秘的症状，是不是上火？有? </t>
  </si>
  <si>
    <t>一、“上火”的三大常见症状： 　　1、“吃不进” 　　孩子不肯吃饭，烦燥不安，甚至不愿进水，诉说口腔疼痛；起病时有发烧，多数为高烧，在口腔内可见单个或成簇的小疱疹，周围有红晕，破溃后易形成溃疡，有黄白色纤维素分泌物覆盖。口唇、舌及颊黏膜均可见到大小不等的疱疹和糜烂或溃疡； 　　2、“受不了” 　　孩子胃肠功能紊乱，诉说腹部饱胀不适，或腹痛、呕吐、腹泻等症状； 　　3、“拉不出” 　　孩子大便秘结，每隔3～7天排便一次。大便硬结而量少，呈粟粒状，排便过程延长或排便困难；宝宝眼屎多，头面部长红色疹子。 　　二、防止小儿“上火”的七个办法： 　　1、婴儿出生后最好给予母乳喂养并保证足够的母乳量。因为母乳是婴儿最理想的食物，既含有丰富的营养物质，又不会“上火”。 　　2、采用人工喂养的宝宝，可在牛奶中加些奶糕，并多喂些水果汁；半岁以上的孩子应该摄入富含纤维素的食物，每天多喂开水。对母乳不足婴儿应及时添加牛奶，而不是润肠通便；增加谷类食物和纤维素，食物性便秘即可治愈。 　　3、从小培养孩子养成良好的饮食习惯和排便习惯； 　　4、控制孩子的零食，尽量少给孩子购买油炸和红烧食物等容易引起“上火”的食物。学龄前儿童少吃带果壳的食物，例如炒瓜子或花生等，平时应鼓励孩子多吃蔬菜和水果，夏天不让孩子猛喝冷饮。 　　5、对已患有慢性便秘的人工喂养儿，可将奶粉冲稀一些，同时增加糖量，每100毫升牛奶中加糖10克(正常情况下，每100毫升牛奶中加糖8克)。可以每天喂1～2根香蕉或者每天早晨喝点蜂蜜水，每次不少于50毫升，温开水送服。 　　6、在炎热季节，可给孩子喂些绿豆汁或绿豆稀饭，给较大幼儿适当吃些冷饮，如冰淇淋、雪糕等。此外，服些清热降火的中成药或煎药如夏菊冲剂、荷叶、紫苏、荸荠等，不仅可以清热降火，又可补脾养胃。 　　7.如孩子患上疱疹性口炎或溃疡性口炎，须及去就诊。</t>
  </si>
  <si>
    <t xml:space="preserve">开了光的"饰物",久挂脖子有些脏,可不可以清洗,清洗时得注意些什 </t>
  </si>
  <si>
    <t xml:space="preserve">开了光的饰物有三忌讳  1  不能带着洗澡 2  上厕所时候不能带 3  男女#*那个的时候不能带   如果是佛  或观音之类的开光饰物  吃肉的时候要放起来    根据材质用清水或香皂洗就可以哦 要是水晶或翡翠质地的就要去消磁了  </t>
  </si>
  <si>
    <t xml:space="preserve">女孩对我说这种无聊的短信别给我发我喜欢个女孩，找了些搞笑的短信发 </t>
  </si>
  <si>
    <t>女生不喜欢你这么做说明是对你的做法看不惯并不代表对你这个人看去没劲儿</t>
  </si>
  <si>
    <t xml:space="preserve">传奇可以做单机游戏玩吗? </t>
  </si>
  <si>
    <t>有的,上GOOGLE打传奇单机板就可以找到了...我没有玩过,不过据说还可以...自己做GM想干啥就干啥...自己做武器,自己刷怪...不过就是没人跟你分享....我玩传奇就是喜欢PK,和练武器,玩单机版跟谁去PK啊,练好了武器跟谁去炫耀啊...所以我没有玩... 这是一个下载单机版的连接...怕有木马那你就自己去搜索啦....</t>
  </si>
  <si>
    <t xml:space="preserve">睡眠流口水我是读初三后才睡觉流口水的,有时躺在床上没睡着也会流. </t>
  </si>
  <si>
    <t>试着少吃点儿，没准是你积食了。大便如何？</t>
  </si>
  <si>
    <t xml:space="preserve">VC中,怎样表示（获取）其他窗口的消息多谢了 </t>
  </si>
  <si>
    <t>FindWindow线用这个找到窗体巨柄再用PeekMessage 察看 消息复杂的控制 去看&lt;&lt;win32程序设计&gt;&gt;吧</t>
  </si>
  <si>
    <t xml:space="preserve">请问要去做我们想要个小孩可是我们没有避孕半年了，还没有怀上我去检 </t>
  </si>
  <si>
    <t>您好：您的情况建议到正规的大医院男性科或者是到专业的不孕不育医院做精液检查。</t>
  </si>
  <si>
    <t xml:space="preserve">怎样卸载冰点还原精灵（并非普通卸载就能解决）本来用的好好的我知道 </t>
  </si>
  <si>
    <t xml:space="preserve">省事的办法还是重装系统吧。如果是控制面板卸载不了，试试这个方法，打开“命令提示符”窗口。 输入“regsvr32 mshtml.dll”回车 输入“regsvr32 shdocvw.dll-i”，回车 输入“regsvr32 shell32.dll -i”，回车如果控制面板有卸载选项，但是卸载不了，可按照下面方法删除。1、请你通过搜索查找，找到要删除的程序的文件夹（或右击要删除程序软件的图标选属性，在打开的对话框中查找“目标”和“起始位置”有这个软件的路径和这个程序软件的英文名或按查找目标）。2、请你开机按F8进入安全模式中将软件的文件夹整体删除。然后，开始/运行输入regedit回车打开注册表编辑器，选编辑/查找，你卸载软件的英文名，找到软件的键值项后删除。3、添加或删除程序在注册表的位置，运行输入regedit回车，打开注册表定位[HKEY_LOCAL_MACHINE\SOFTWARE\Microsoft\windows\CurrentVersion\Uninstall]子键，在该子键下，可跟据已卸载的应用程序软件图标，删除相对应的软件图标和键值，重新启动电脑即可。4、也可以下载软件进行卸载试试（完美）。 下载地址：  5、超级兔子卸载。下载地址： 6、软件名称 KillBox 2.0 汉化绿色版(想删就删 不怕写保护)一款小巧的可删除硬盘中任意文件的小工具。主要用途就是清除那些正在运行而无法删除的文件(类似病毒、木马什么的)。不用为清除某些恶劣程序进入 Dos 了推荐和 Process Explorer 等工具来手动对付木马/病毒。下载网址： 7、删除不了的软件、文件或文件夹的解决方法: 开机按F8不动，到高级选项出现在松开手，用上下键选安全模式，按照提示进入到安全模式中删除即可（安全模式与正常模式操作一样）。如果使用其他办法无法删除可选择Unlocker强行删除工具删除,安装后右键点要删除的文件选择Unlocker再选删除就可以将要删除的文件彻底删除。下载网址： </t>
  </si>
  <si>
    <t xml:space="preserve">请大师帮忙给宝宝取个名字我儿子于公历2009年11月21日晚上十 </t>
  </si>
  <si>
    <t>麟造：公历2009年11月21日 晚上十一点三十分出生八字：己丑年，乙亥月，辛未日，戊子时。木：3火：1土：6金：2水：5五行齐全，土旺，火少。名字可取“晗烨”，遂，大旺。</t>
  </si>
  <si>
    <t xml:space="preserve">手被开水烫了，大概多长时间会好？会留下疤吗？ </t>
  </si>
  <si>
    <t>烫伤～是涂蛋白～不是涂牙膏～！！！    蛋白可以促进伤口愈合～也可以防止细菌浸入～！！          如果严重就要看醫生啦～！！会不会形成疤痕～要看是否及时的处理～！！太长时间不治疗～就会形成疤痕～！！以后还可能有后遗症～！！</t>
  </si>
  <si>
    <t xml:space="preserve">请问过期的酸奶有什么用吗 </t>
  </si>
  <si>
    <t>１手提包、皮鞋失去光亮时，使用变酸不能喝的牛奶酸奶擦洗，可使其光亮如新。　　　　２味道变坏的牛乳半瓶放入面盆里，用清水冲薄，作为洗脸用水，可使皮肤柔软美丽。　　　　３变质牛奶可作为亮光蜡代用，滴于地板上，用桌布磨擦可去污发亮。　　　　４留在瓶底的少量牛奶，加水冲薄，洒在盆花里，对花卉类有益，但不要洒过多。　　　　５衣类污染墨水时，先用清水洗，再用牛乳水洗，然后用洗剂洗即可洗掉。　　　　６洗澡时，把发酸的牛乳一两瓶倒入浴池里，可享受克丽脱拉式的牛乳浴，心身凉爽。另外可以用来做面膜及护发，用酸奶美容的方法是，清洗完面部后将酸奶或牛奶涂在脸上，15分钟洗去即可。还可以用来护发，像发乳一样倒在头发上用手揉搓，然后再用清水洗净，长期使用可以使头发保持光亮，不分叉。</t>
  </si>
  <si>
    <t xml:space="preserve">米白色的英语单词是什么? </t>
  </si>
  <si>
    <t>应该是Rice white</t>
  </si>
  <si>
    <t xml:space="preserve">小明从不念书却得了模范生，为什么? </t>
  </si>
  <si>
    <t>是盲人学校的学生。</t>
  </si>
  <si>
    <t xml:space="preserve">彩电内有叽叽的响声一台康佳29?疾实绻ぷ?年后，近来开机半小时后 </t>
  </si>
  <si>
    <t>这个现象不一定是打火现象，因为是说到只要拍一下或者抬一下就会使声音消失，所以这个现象很可能是机内的行输出变压器（即高压包）的磁芯有轻微的松动现象了，在工作时，由于高频的电磁震荡，使铁氧体磁芯产生了振动而发出的“吱-----”的声音，如果有动手能力的话，可以在停机后打开后盖，在磁芯的接缝口处（磁芯为两个“U”型体对合而成的）塞上一张纸，然后用很少量的“A、B”胶进行胶合固定就可以了。</t>
  </si>
  <si>
    <t xml:space="preserve">高考录取招生的问题，关于征集志愿我想知道，上了某个三本学校的投档 </t>
  </si>
  <si>
    <t>理论上 ，所有未被录取的考生，均可以参加征集志愿但在实际中，每个考生，在招生单位的录取系统中，是有录取轨迹的，也就是说，你放弃录取的信息是有记录的因此在征集志愿后，你放弃录取的信息，是会提供给高校阅档的因此，高校完全可以援引今年教育部的有关诚信的政策，对你拒绝录取。</t>
  </si>
  <si>
    <t xml:space="preserve">请问福州哪家公司的宽带比较好?我现在用的是电信共享宽带10兆赫, </t>
  </si>
  <si>
    <t>你用的LAN就是福州最好的宽带了,别换</t>
  </si>
  <si>
    <t xml:space="preserve">为什么我没诛仙任务一直没有诛仙任务啊``其他任务都有就是没诛仙任 </t>
  </si>
  <si>
    <t>你是从开始是找人带升级？？是的话就要回到河阳由周一仙的对话开始接。</t>
  </si>
  <si>
    <t xml:space="preserve">柴火\煤\液化气\电,哪个做饭更营养,好吃? </t>
  </si>
  <si>
    <t>柴火和煤的火性平和，做饭应该是更好吃，但是过程中产生的污染太大，对人体健康反而害处更大。用电做饭看起来很方便，但要做好难度还是很大的，如果掌握了技巧，又不怕麻烦，用微波炉做饭其实是很好吃的。最方便简单的还是用煤气，其实做得好不好的关键还是在于具体的操作方法。</t>
  </si>
  <si>
    <t xml:space="preserve">卡巴斯基反病毒软件如何购买近几日用了江民的杀毒软件，也用了瑞星杀 </t>
  </si>
  <si>
    <t xml:space="preserve">不用购买,是免费的.直接从网上下载就可以了,而且它是自动升级的.下载地址:卡巴斯基： 另推荐百信源: (要用单机版)下载后要升级都是免费的，都比较好用，你喜欢那个就下载那个吧！祝你愉快！！ 比正版好用,占用空间又小. </t>
  </si>
  <si>
    <t xml:space="preserve">清泉老师，０００９３９和６００１１１今天要抛不另外，请老师介绍一 </t>
  </si>
  <si>
    <t>000939可列止赢操作.600111谨慎观望.盘中可看个人新版中心.</t>
  </si>
  <si>
    <t xml:space="preserve">寻求企鹅的资料系统些，文字简单些的 </t>
  </si>
  <si>
    <t>　　企鹅是南极的象征。这些步态蹒跚、身穿燕尾服的高傲的“南极绅士”，千万年来在南极这块神秘的土地上繁衍生息。  　企鹅可说是一种古老的游禽，在南极未披上冰甲之前，它们就已经在那里定居了。随着南极气候的变化，企鹅练出了一套抵御严寒、与冰雪抗争的本领。它们或在冰雪上行走，或在冰冷的海水中疾游，与冰天雪地结下了不解之缘。正是由于这个原因，企鹅主要在南极大陆和南设得兰群岛上，但也随着寒流向北分布，在非洲能达到南纬17度，在澳洲可达到南纬38度，个别种类还可延伸到拉丁美洲的赤道附近。在南非南部的沿海岛屿，在澳大利亚的东南海岸和新西兰的西海岸，甚至在赤道附近厄瓜多尔的加拉帕戈斯群岛上，都有企鹅的踪迹。  　全世界共有企鹅近20种，在南极大陆就有帝企鹅、阿德利企鹅、金图企鹅、帽带企鹅、王企鹅、喜石企鹅和华浮企鹅等7种,其余10多种分布在各大洲南部海岸和沿海岛屿上。 　企鹅个体长约65厘米，体羽皆白黑色，腹部白色并杂有一或二个黑色横纹，皮下脂肪甚厚。两翼成鳍状，羽毛细小呈鳞状。企鹅的繁殖是在极恶劣的气候条件下进行的，企鹅的卵由雄企鹅在气温低至-60℃的冬季孵化,有的也换班孵卵,孵化期为2个月,10月份开始,到12月底孵出小企鹅为止。企鹅恋巢爱子是有名的，有时也偷邻居的卵，霸占其他企鹅的巢，把别的小企鹅夺过来抚养。因此，作“父母”的企鹅一刻也不肯离开自己的孩子。企鹅营造巢穴使用的材料是它唯一搬得动的鹅卵石，为了建造直径大约10厘米的巢穴，企鹅“夫妇”必须四处寻找足够的石块。生物学家认为，有没有足够的小石块常常是制约企鹅繁殖的一个因素。企鹅对居住的地方很挑剔，最佳地段是离危险最近的中心地带。当然，争斗是非常激烈的，新加入的企鹅只能在栖息地外围安家。在残酷的竞争中，雄企鹅为了争夺巢穴，常常大打出手。而雌企鹅则只需争夺“情人”便万事俱备了。每一群企鹅总有一些找不到伴侣的“单身汉”，它们只能孤苦伶汀地在岛上东游西荡，样子十分可怜。一般说来,企鹅要游荡3年才能建立一个相对稳定的家庭。企鹅并不是始终实行“一夫一妻”制,交换配偶的事时有发生。一只幸运的企鹅可以活到14岁。 　企鹅身体强健，善于吃苦且攻击性强，这些习性使它们能在南极严酷的自然条件下生存下来。企鹅也有天敌，它就是贼鸥。贼鸥喜欢在企鹅聚居的上空徘徊，找机会弄走窝里的蛋或杀死幼企鹅。但贼鸥的行为总会招来企鹅群起而攻之，使贼鸥落荒而逃。 　企鹅不会迷路。科学家在南极捉到5只成年企鹅,在它们身上做了标记，然后转移到离巢地1900千米的某海峡附近放掉，10个月后，它们都回到了自己原来的筑巢地。企鹅之所以不会迷路，是因为企鹅以太阳作定向标。 　企鹅一生吃进数量不少的鳞虾，其胃中食物几乎占体重的 1/4以上。这些食物既是企鹅保持体内能量收支平衡所必需，又可显示出企鹅对外反应的敏感程度。企鹅和人类一样，属于食物链的顶端，一旦企鹅的处境不佳，如原有食物来源——鳞虾和海藻受太阳紫外线的影响出现短缺，企鹅将很难马上找到替代品。这种现象，将使企鹅面临着严重威胁。海啸对企鹅又是一大威胁，风浪经常打到企鹅筑巢的卵石上，以至蛋巢两失。近年来，海象数量的增加，也给企鹅的产卵带来不少骚扰。</t>
  </si>
  <si>
    <t xml:space="preserve">想要去北京玩，但是不想跟团，从来没去过，不知道有没有人有好的建议? </t>
  </si>
  <si>
    <t>第一天：去长城和十三陵。。（去长城自己到德胜门坐919专线，在德胜门城楼北下方，到了长城记得自己去买票，别听车上所谓的导游忽悠你们买了联票。个人觉得十三陵不去也罢。）第二天：去前门、天桥、大观园。第三天：去首博、军博、中华世纪坛和白云观。（首博需要提前上网或电话预约，军博和世纪坛用身份证去领票，这三个地方是免费的。）备选方案1：第一天：地坛、雍和宫、鸟巢、水立方，有小孩子的可以选择中国科技馆。第二天：恭王府、国子监、南锣鼓巷。第三天：欢乐谷。备选方案2：第一天：芦沟桥、宛平城和抗日战争纪念馆及公园。第二天：香山、碧云寺、西山八大处。第三天：世界公园或中华民族园。每天的行程可根据天气互换，天好先安排远的长城、十三陵。除了长城、十三陵其它的景点基本坐就能到。因为北京可玩儿的地方非常多，所以上面是很压缩的版本了。住在米市大街的话，空闲时间就可以去北海、景山、太庙、社稷坛、前门、国贸、西单和王府井等地方。交通除了长城和十三陵，其它的基本坐地铁就可以到。小吃在王府井、前门、后海和护国寺的小吃街上有很多，自己亲自去体验吧</t>
  </si>
  <si>
    <t xml:space="preserve">如何关闭FTP5554端口来阻止振荡波病毒对电脑的攻击? </t>
  </si>
  <si>
    <t>在控制面板里找到本地安全策略，新建一条安全策略，在筛选协议里找到ip协议，设置过虑端口即口．现在早己有了震荡波病毒的补丁，不需要再搞这个了．</t>
  </si>
  <si>
    <t xml:space="preserve">不孕不育检查需要做哪些项目检查？ </t>
  </si>
  <si>
    <t>你好 不孕症的检查项目需要先到医院和临床医生交流以后确定，每对夫妻的具体情况，检查项目也是因人而异的。不孕检查一,卵巢垂体功能检查.二,宫颈粘液检查.了解有无排卵和黄体功能情况.三,子宫内膜病理检查.了解有无排卵或黄体功能状态的一种方法.四,输卵管通畅术试验.检查方法有子宫输卵管碘油造影,输卵管通液和通气试验,了解输卵管是否通畅.五,悻茭后试验和体外精子穿透试验.了解精子的活动度等.六,免疫检查.免疫检查可查到血液中AsAb,抗体会使精子凝集或可失去活动力而造成不育.七,染色体检查.您好：引起不孕不育的原因既有女方的因素也有男方的因素还有可能是男女双方的因素，受孕是一个复杂的生理过程，必须具备以下几个基本条件：卵巢排除正常的卵子、输卵管通畅有拾卵功能、子宫内膜适合受精卵着床、男性精子精液正常，以上任何一个环节出现障碍，均可引起不孕。建议你们夫妻双方共同到正规专科医院明确病因、对症治疗。</t>
  </si>
  <si>
    <t xml:space="preserve">我想给孩子报个长沙幼儿英语培训班，求一些好的英语培训机构？ </t>
  </si>
  <si>
    <t>我也是在长沙上班，我们经理家的孩子就在上幼儿英语培训班，选择的是国际私塾，据说这家是全外教教学，所以学习质量应该是有保障。</t>
  </si>
  <si>
    <t xml:space="preserve">请问几本小说类似于《京华烟云》的小说有哪些？ </t>
  </si>
  <si>
    <t>金粉世家  风雪夜归人  星河   啼笑姻缘  石头记等荐你读死水微澜,好一幅川西近代社会画卷.文笔老到精致生动！</t>
  </si>
  <si>
    <t xml:space="preserve">查尔顿居然是郑智进球了！！ </t>
  </si>
  <si>
    <t>当然，当然.</t>
  </si>
  <si>
    <t xml:space="preserve">30号我在5173中给手机充钱今天31号还没充进但手机收到一条对? </t>
  </si>
  <si>
    <t xml:space="preserve">尊敬的客户:    您好！5173客户服务052很高兴为您服务！    由于您的问题需查询请与我们客服中心联系，客服中心服务热线：0579-83225173 。    真诚感谢您一如既往地对我们工作的大力支持与帮助!!!                     </t>
  </si>
  <si>
    <t xml:space="preserve">谁介绍一本有营养的书来看看嘛 </t>
  </si>
  <si>
    <t>《人性的弱点》好评吧，谢谢</t>
  </si>
  <si>
    <t xml:space="preserve">我的HpDeskjetD1368彩色喷墨打印机驱动丢了,在网上下? </t>
  </si>
  <si>
    <t xml:space="preserve">  HP官方驱动下载，只要填上你打印机的型号就能找到合适的驱动。</t>
  </si>
  <si>
    <t xml:space="preserve">大夫您好，以前精液里发黄的果冻状隔半个小时后就会不见了，现在发现? </t>
  </si>
  <si>
    <t>不放心就去检查一下精液常规</t>
  </si>
  <si>
    <t xml:space="preserve">我的血型是B型,老公是AB型,宝宝是什么血型? </t>
  </si>
  <si>
    <t xml:space="preserve">宝宝是A型，B型和AB型中的一种，不会是O型. 父母的血型与子女的血型之间的关系: 父母血型 | 子女可能有的血型 | 子女不可能有的血型 Ｏ+Ｏ | Ｏ | Ａ、Ｂ、ＡＢ Ａ+Ｏ | Ａ、Ｏ | Ｂ、ＡＢ Ａ+Ａ | Ａ、Ｏ | Ｂ、ＡＢ Ｂ+Ｏ | Ｂ、Ｏ | Ａ、ＡＢ Ｂ+Ｂ | Ｂ、Ｏ | Ａ、ＡＢ Ａ+Ｂ | Ａ、Ｂ、ＡＢ、Ｏ 　 ＡＢ+Ｏ | Ａ、Ｂ | Ｏ、ＡＢ ＡＢ+Ｂ | Ａ、Ｂ、ＡＢ | Ｏ ＡＢ+Ａ | Ａ、Ｂ、ＡＢ | Ｏ ＡＢ+ＡＢ | Ａ、Ｂ、ＡＢ | Ｏ </t>
  </si>
  <si>
    <t xml:space="preserve">从行为上如何判别处女。（不上床为基础）从行为和外观上如何判别处女 </t>
  </si>
  <si>
    <t>这很难说的.有的会装!主要看她在男女交往中表现出来的行为特征等.一般的女子是处女都会表现出娇羞的样子.看她的眼睛时她回表现出害羞,淳朴的神情.与异性叫往常常回表现出小心翼翼的样子.其实是不是处女真的那么重要吗?</t>
  </si>
  <si>
    <t xml:space="preserve">如何将自己的意志强加给他人 </t>
  </si>
  <si>
    <t>虽然你的问题我也不是很赞同，毕竟强加于人总是不好的事。不过我可以告诉你，你可以凭借散发个人魅力，来渲染你周围的气氛，让大家都很信服你，以至慢慢来影响你周遭的人，把你的思想转嫁于他人。</t>
  </si>
  <si>
    <t xml:space="preserve">桌面图标变大，怎样还原？请教一下各位：今天一开机桌面的图标变的超 </t>
  </si>
  <si>
    <t xml:space="preserve">你可以调节一下屏幕分辨率。把它调到“1024*768”具体方法如下：右击桌面。然后属性——设置，调节下面的滚动条。 </t>
  </si>
  <si>
    <t xml:space="preserve">银行卡身份证，还有密码单被小偷偷了不知钱是否被取走？我的钱包偷了 </t>
  </si>
  <si>
    <t>口头挂失时，没有查询余额么？如果当时查询的余额已经减少，这些挂失前的损失属于您自己的责任。只能盼望着抓到盗用者，对方还有财产能够退赔。如果当时查询的余额没有减少，口头挂失的有效期内就不能再取款了。有的银行，电话的口头挂失就是正式挂失；有的银行，电话的口头挂失只是临时挂失。只要按时办理了正式挂失，补办新卡，除去10元的挂失费，应该就不会再有损失了。当然，也有极个别的案例，由于银行的失误，挂失后又被他人取款。不过，这属于银行的责任，应该由银行赔偿。如果当时没查，现在也可以查，就可以尽早放心了。</t>
  </si>
  <si>
    <t xml:space="preserve">心龙天卡个有什么用 </t>
  </si>
  <si>
    <t>龙卡可以改技能点或人物属性,心卡加血或精力300,天卡可以得飞毯,身上还可以有黄白2种颜色的光,黄的防御白的血愈合的快</t>
  </si>
  <si>
    <t xml:space="preserve">谁知道4、5月份拍婚纱照在国内哪个城市最适合？ </t>
  </si>
  <si>
    <t>4.5月份拍婚纱照在国内厦门可以拍到独一无二的热带风情，浪漫西岛，等等，机构，你必须找艾曼莎了。更多详情登陆官网WWW．i-mansha．com 浏览</t>
  </si>
  <si>
    <t xml:space="preserve">厨房的燃气镀锌钢管，不刷银粉的话多少年内不会生锈？不刷银粉但外面? </t>
  </si>
  <si>
    <t>镀锌是一种表面钝化的表面处理方式，防腐蚀性较好，成本低廉。因室内酸碱度都比较低，一般可以保证3年不生锈，锡纸和铂纸也是为了隔绝空气中腐蚀，有一定效果，5到6年不生锈，油漆效果要更好一些，如果是防腐油漆效果更好（像船舶用的），家用没必要选那么高的标准</t>
  </si>
  <si>
    <t xml:space="preserve">10块奶糖分给4个小朋友有多少种方法？ </t>
  </si>
  <si>
    <t>解：由于是分给4个小朋友，故每个小朋友至少有一个。奶糖有小朋友无顺序之分，所有的情况如下：(1,1,1,7);(1,1,2,6)(1,1,3,5)(1,1,4,4);(1,2,2,5)(1,2,3,4)(1,3,3,3);(2,2,2,4)(2,2,3,3);所以，把这些糖分给4个小朋友的方法有9种。</t>
  </si>
  <si>
    <t xml:space="preserve">超级菠萝在哪引出来~我有桥丹石了~ </t>
  </si>
  <si>
    <t>要联网，每个难度都回出现，并且地狱几率最高但是它很难打他会放骨牢锁住你的开的门</t>
  </si>
  <si>
    <t xml:space="preserve">请问鼠宝宝ZN我10月12的月经，昨天用ZZY测有一条很淡很淡的 </t>
  </si>
  <si>
    <t>弱阳只是一种不确定的状态，很有可能好孕。建议在不来月经的前提下，3、5天测一次晨尿，颜色逐渐加深就是了，出现强阳可以去医院确认。祝好孕！希望这次接到你的好孕棒！</t>
  </si>
  <si>
    <t xml:space="preserve">可以提供k线顺口溜吗k线顺口溜 </t>
  </si>
  <si>
    <t xml:space="preserve">(转帖)心法:熟读炒股七字经 不会炒股也会赢 2006年4月6日 09:43 金融界论坛 　　如果你是新手，或者实战尚不熟练，或者你的经历虽已长，但还没有形成自己的一整套分析方法，那么你可以从下面的句子中找到你所需要的内容和方法，它是前人的经验总结，是由血和火的凝聚而成，细细地读，认真的体悟吧，朋友！ 　　炒股犹如开车子，一看二慢三通过 　　看图要看K线图，买卖信号分清楚 　　买进重点记什么，且听我来告诉你 　　早晨之星大阳线，曙光初显倒锤头 　　旭日东升红三兵，徐缓上升塔形底 　　稳步上涨钳子底，下探上升锤头线 　　若是低位七连阳，中线走强大有望 　　周线开出二连阳，试着做多胜算大 　　转势要看月K线，月线出阳迎曙光 　　卖出重点记什么，让我慢慢来细说 　　黄昏之星大阴线，乌云盖顶吊颈线 　　倾盆大雨黑三兵，绵绵阴跌塔形顶 　　双飞乌鸦螺旋桨，射击之星三乌鸦 　　下跌信号请记住，再有情况要注意 　　股市大幅上涨后，见到大阴要出货 　　大阴出货不及时，高位深套悔不及 　　大幅上涨见大阳，提防下跌不做多 　　阳线头上长辫子，辫子越长越危险 　　还有一点得提醒，巨阳出现要警惕 　　周线开出巨阳线，短线走弱十有八 　　若是月线出巨阳，长期走弱可能大 　　巨阳之后前景忧，三十六计走为上 　　分析K线要牢记，短期强弱看日线 　　中期强弱看周线，长期强弱看月线 　　光看K线还不够，技术图形不能丢 　　上涨图形看什么，首先关注潜伏底 　　其次观察头肩底，双底图形也重要 　　下跌图形看什么，首当其冲头肩顶 　　双顶杀跌勿小看，圆顶套你没商量 　　图形未成勿瞎猜，认准颈线是关键 　　颈线是条生命线，颈线不破不动手 　　往下突破要做空，往上突破试做多 　　面对跳空应重视，首次向下应卖出 　　首次向上可做多，连续跳空当别论 　　3次向下不看空，3次向上不看多 　　走势强弱看均线，大盘个股都如此 　　空头排列如危墙，持币观望是上策 　　均线向下在发散，买进吃套真后悔 　　均线出现死亡谷，丢掉幻想快逃命 　　断头铡刀伤亡多，逃之不及损失大 　　十日均线向下移，短期趋势好不了 　　三十日线往下滑，中期趋势大不妙 　　一年均线朝下走，熊气弥漫快离场 　　多头排列如芝麻，芝麻开花节节高 　　均线向上在发散，此时买进正当时 　　均线出现银山谷，激进型者可进货 　　均线出现金山谷，稳健型者才买进 　　均线金叉可做多，金叉真假要分清 　　假金叉时若买进，上当受骗太可惜 　　十日均线往上跑，短期趋势呈强势 　　三十日线向上移，中期趋势坏不了 　　一年均线朝上走，牛气冲天捂股好 　　一把直尺闯天下，说的就是趋势线 　　形成上升趋势线，勇于看多加做多 　　形成下降趋势线，坚定看空加做空 　　无需专家来指点，轻松炒股获大利 　　成交量里有文章，辨证分析不能忘 　　价升量增虽然好，但有一点要记住 　　天量之后见天价，涨高之后放大量 　　无论收阴或收阳，下跌概率非常大 　　跌时不看成交量，量大量小照常跌 　　拘泥下跌不放量，深套之后喊冤枉 　　首次地量别急买，地量之后有地价 　　若是牛熊分不清，月线MACD告诉你 　　高位死叉须看空，两三年内不做多 　　0轴之下没戏唱，盲目炒底风险大 　　出了0轴再唱多，此时买进胜算多 　　月线MACD出金叉，所处位置要分清 　　金叉处于0轴上，长多短空不思量 　　金叉处于0轴下，上升之后须防跌 　　戴花要戴大红花，选股跟着政策走 　　行业好坏有讲究，朝阳行业为首选 　　业绩变数要把握，主营利润最重要 　　选股要选董事长，大股东中找机会 　　股价有规律，价格链上显端倪 　　庄家是否在建仓，换手率中寻线索 　　庄家是否在逃离，震仓出货须分清 　　十年风水轮流转，死亡板块可掘金 　　短线长线有差异，量身定性需测试 　　炒股技巧数不尽，重点就是这几招 　　单独分析虽可取，综合分析益更多 　　顺势操作赚大钱，逆势操作吃大亏 　　买股要买强势股，卖股要卖弱势股 　　坚决捂住上涨股，果断抛弃下跌股 　　思路正确方法对，心态平和水平高 　　先学后炒是正道，边学边炒成赢家 　　先炒后学应鼓励，只炒不学不可取 　　学了之后不忘练，牢记这点最重要 　　练习题目何处有，操练大全里面找 　　多做练习生巧劲，强化训练效果好 　　输钱将是昨天事，日后赢钱机会多 　　作者：好心情123456（转） </t>
  </si>
  <si>
    <t xml:space="preserve">如何网上315投诉？会的朋友请明确说下！别的不说什么拉我已经从1 </t>
  </si>
  <si>
    <t>到上海法院投诉.中国有先例.兄弟快行动吧.我支持你!</t>
  </si>
  <si>
    <t xml:space="preserve">独酌江湖======65期胜负彩之定单1埃弗顿VS利物浦02维　 </t>
  </si>
  <si>
    <t>省了你16个大洋啊!</t>
  </si>
  <si>
    <t xml:space="preserve">企业向员工借贷，借期3个月，这样会触犯法律规定吗希望有经验的朋友 </t>
  </si>
  <si>
    <t>所谓非法集资，是指公司、企业、个人或其他组织未经批准。违反法律、法规，通过不正当的渠道，向社会公众或者集体募集资金的行为，是构成本罪的行为实质所在。 依法进行的集资主要是指，公司、企业或者其他个人、团体依照法律、法规规定的条件和程序通过问社会、公众发行有价证券或者利用融资租赁、联营、合资、企业集资等方式在资金市场上筹集所需的资金。你没有详细说明情况。但只要按上面的两个不同概念对照一下就能够判断是否属于非法集资了。注意关键点：是否经过金融管理部门（中国人民银行）的批准。</t>
  </si>
  <si>
    <t xml:space="preserve">通液后经变少，为什么说是正常的？而且每来月经前两天分泌物都是咖啡? </t>
  </si>
  <si>
    <t>是不是通水引起感染继发盆腔粘连了，做个电子宫腔镜检查看看吧。而且传统的通液术由于假阴性率高且无法准确判断具体病变部位而早已被世界卫生组织淘汰使用，还在使用通水的原因是传统观念使然另外有可能是医院本身没有造影的设备。频繁通水有可能造成感染及输卵管积水。简单通水是不能明确输卵管情况的，而且会有假阳性，比如输卵管伞端积水或输卵管漏这些，它是诊断不出来的，所以现在简单通水已经被世界卫生组织废除了，输卵管的情况目前最好的诊断方法就是数字化动态输卵管碘油造影，该技术除对不育症有诊断意义外还具有一定的治疗意义，它是通过乳胶双腔管向子宫持续贯注造影剂，动态的观察子宫输卵管和盆腔影像，患者可在第一时间看到自己的宫腔和输卵管情况，而且有录像电子图片保存。本造影一次确诊率90％以上，输卵管阻塞单单经过造影后而怀孕者占27％。</t>
  </si>
  <si>
    <t xml:space="preserve">谁知道服务器到底怎么了？ </t>
  </si>
  <si>
    <t>服务器出问题了</t>
  </si>
  <si>
    <t xml:space="preserve">什么时间售春节的火车票 </t>
  </si>
  <si>
    <t>一、车票预售期       图定旅客列车互联网、电话订票预售期为20天，即2013年12月28日发售2014年1月16日（春运第一天）车票；车站窗口、代售点、自动售票机预售期为18天，即2013年12月30日发售2014年1月16日（春运第一天）车票。       2014年春运期间临时加开的旅客列车（以下简称“临客”）车票预售期提前，互联网、电话订票预售期为25天，即2013年12月23日发售2014年1月16日（春运第一天）车票；车站窗口、代售点、自动售票机预售期为23天，即2013年12月25日发售2014年1月16日（春运第一天）车票。</t>
  </si>
  <si>
    <t xml:space="preserve">众多笔记本电脑中，哪个品牌较好？各有什么特色？哪个品牌适合哪类人? </t>
  </si>
  <si>
    <t xml:space="preserve">一般来说是看电脑配置和自己的经济能力当然品牌也很重要1联想是国产品牌价位合理2海尔虽然在本本上不是强项但是最新上市了一种新技术是和因特而一起发行3东芝也是国外品牌中比较便宜的一般适合女孩4DELL号称是售后最好的品牌5IBM已经是老牌子了结实耐用是最大特点6SONY这是我最后要介绍的因为一般都不会买价钱贵但是它适合任何人群电脑配置高技术新各方面比较强，同样如果坏了不好修同时修理费用贵还有就是小心有冒牌SONY   </t>
  </si>
  <si>
    <t xml:space="preserve">000562如何操作？走势如何？稍有盈利，是否抛出？ </t>
  </si>
  <si>
    <t>该股是一只强势庄股，6月9日至今一直是深市收集筹码力度最强的，并且前期也有大规模的建仓活动，上周缩量回条整理非常充分，主力资金并没有出逃，昨日流入主力资金1557万，走势上看，该股处于将要快速拉升阶段，建议不必急着盈利抛出。</t>
  </si>
  <si>
    <t xml:space="preserve">清泉老师，000851，600258和000611000851和 </t>
  </si>
  <si>
    <t>，000851，600258 逢低少量加仓.</t>
  </si>
  <si>
    <t xml:space="preserve">怎么恢复mt917本机全部程序 </t>
  </si>
  <si>
    <t>连无线wifi下载安装</t>
  </si>
  <si>
    <t xml:space="preserve">请进来一下！送货上门要填的资料有一项配送时间是什么意思？送货晚上 </t>
  </si>
  <si>
    <t xml:space="preserve">尊敬的客户:        您好！5173客户服务027很高兴为您服务!请您登陆5173用户名,“进入我的5173”,选择左边任务栏中的“我的咨询投诉”,在线提交您的问题,工作人员在1个工作日内在线答复您，您可以在“咨询投诉管理”中查看回复结果,并对我们的服务进行评价。感谢您对5173的支持!!!                                                                           </t>
  </si>
  <si>
    <t xml:space="preserve">一道数学题A、B、C、D四个数，每次去掉一个数，将其余3个数求平 </t>
  </si>
  <si>
    <t>由题得，不妨设如下：　（Ａ+Ｂ+Ｃ）/3＝23　（Ａ+Ｂ+Ｄ）/3＝26　（Ａ+Ｃ+Ｄ）/3＝30　（Ｂ+Ｃ+Ｄ）/3＝33　四式相加：Ａ+Ｂ+Ｃ+Ｄ＝112　　所以四数平均数为112/4＝28</t>
  </si>
  <si>
    <t xml:space="preserve">为什么网络语言1314是一生一世的意思呢?我咋就是想不通呢 </t>
  </si>
  <si>
    <t>又来问拉,1314拼音yi san  yi shi一生一世 拼音yi sheng yi shi再对比520 我爱你就知道拉  是读上去感觉差不多拉</t>
  </si>
  <si>
    <t xml:space="preserve">为什么``能解决的话30分是你的拉我玩冒险岛黑屏但程序在运行但看 </t>
  </si>
  <si>
    <t>你可以更换一下显卡驱动试试</t>
  </si>
  <si>
    <t xml:space="preserve">有什么好的动作类游戏和战略类游戏,有谁能给我介绍几个经典的啊请多 </t>
  </si>
  <si>
    <t>《动作类》：鬼泣1，鬼泣3，鬼武者2，鬼武者3，男忍者〈SHINOLI〉，女忍者〈KUNOICHI〉，战神《SCE版》~~~~~~~~~《战略类》：决战3，高达SEED命运，第3次机器人大战a，前线任务5，幻域战记，斯特拉的众神，新纪幻想1和2，新天魔界4和5~~~~~~~~</t>
  </si>
  <si>
    <t xml:space="preserve">请问大家，我最近一段时间出现腿部麻木的现象。右腿整条腿都处于麻木? </t>
  </si>
  <si>
    <t>一段时间出现腿部麻木的现象应警惕，抽时间应到医院检查，由医生当病人面辨证为宜。 中医认为有可能血脉不和，现代医学认为可能是血循环有障碍。建议先采用外用药疗法。一是火酒疗法：白烧酒一两，50度的，放一瓷碗中，用小纸条点火，点着烧火酒热后，用一只手沾着火酒洗发麻麻发肿胀的 瘀青的地方。此法有活血去瘀青发麻木发肿胀的酸痛的作用。二是药酒疗法：用50度白烧酒一斤泡皱皮木瓜、牛膝各80克，10天后取药酒搓洗瘀青发麻麻发肿胀的 酸的疼的地方，每次用近50毫升。待酒用完后，药留下还可再如前法泡用一次。三是涂抹红花油。以上方法简便易行、无毒副作用，总是瘀青麻麻发肿胀的麻木地方可以好。不妨试试看！</t>
  </si>
  <si>
    <t xml:space="preserve">明天几点开啊明天几点能进啊 </t>
  </si>
  <si>
    <t>19日18点准时开启</t>
  </si>
  <si>
    <t xml:space="preserve">定期存单在自己手里,钱就一定安全吗?我一年前存的款到期了,来取款 </t>
  </si>
  <si>
    <t>你真的是杞人忧天,如果万一真的发生这样的事情,你也不用怕,银行绝对会承担赔偿责任.</t>
  </si>
  <si>
    <t xml:space="preserve">《天下无贼》中刘若英表现的如何？有什么特别之处？《天下无贼》刘若 </t>
  </si>
  <si>
    <t>一般了</t>
  </si>
  <si>
    <t>下颌突出我有点地包天，在小时候5</t>
  </si>
  <si>
    <t>如果是骨性地包天，应该手术和正畸一起解决。需要就诊</t>
  </si>
  <si>
    <t xml:space="preserve">月球上总共有多少座环形山 </t>
  </si>
  <si>
    <t xml:space="preserve">月面上的最明显的特征是环形山，通常指碗状凹坑结构。其中大的直径可超过100公里,小的不过是些凹坑。直径大于1公里的环形山总数3万多个,占月球表面积的 7～10％。环形山大多以著名天文学家或其他学者的名字命名,月球背面有4座环形山，分别以中国古代天文学家石申、张衡、祖冲之、郭守敬命名。月面最大的几个环形山是：南极附近的贝利环形山，直径295公里；克拉维环形山，直径233公里；牛顿环形山,直径230公里。许多环形山的中心区有中央峰或中央峰群，高达2.5公里。 月面上直径大于1公里的环形山总数达33000多个，占月球表面积的7～10％。 </t>
  </si>
  <si>
    <t xml:space="preserve">蛀牙怎么办？怎样才可以预防控制住吗？我有二颗蛀牙，平时没有什么也 </t>
  </si>
  <si>
    <t xml:space="preserve">您好！您这种蛀牙情况时间长，比较严重，主要是跟口腔环境本身酸度太高，容易得蛀牙有关，但是仍是可以治好的。首先，建议您使用一些生物科技产品，类似目前流行的什么牙黄金也是可以考虑，生物疗法能中止蛀牙的继续，主要可以从两个方面改善，一是在蛀牙和好牙表面加上一层保护，防治牙齿被口腔酸环境继续腐蚀，二是通过有效中和口腔酸碱度，消除蛀牙形成的条件。同时清洁龈下，以免牙龈出血演变成为更严重的牙龈炎和牙周炎。另外，如果蛀牙的空洞太大，要及时找牙医修补，因为牙齿中空，很容易吃到硬东西而导致崩牙，把该补的牙齿都补好了，坚持使用，口腔健康一定可以康复的。您不妨试试生物疗法。 </t>
  </si>
  <si>
    <t xml:space="preserve">汽车多久换一次机油比较好？ </t>
  </si>
  <si>
    <t>多久更换一次机油还要您自己根据具体车况，参考车子的使用手册来确定。比如说您开的是新车，用的也是级别较高的好油，基本上可以行驶1～2万公里再更换机油。如果您的车况不好，行驶环境也一般，那就要缩短更换机油的周期，比如每行驶5千～1万公里更换一次机油。</t>
  </si>
  <si>
    <t xml:space="preserve">我想问一下马的生活习性，还有马为什么站着睡觉 </t>
  </si>
  <si>
    <t>是马有于其他家畜不同的特性,在夜里喜欢站着睡觉。夜里无论什么时候去看它,它始终站立着,闭着眼睡觉。 马站着睡觉继承了野马的生活习性。野马生活在一望无际的沙漠草原地区,在原古时期既是人类的狩猎对象,又是豺、狼等肉食动物的美味家肴。它不像牛羊可久以用角与敌害作斗争,唯一的办法,只能靠奔跑来逃避敌害。而豺、狼等食肉动物都是夜行的,它白天在隐蔽的灌木草丛或土岩洞穴中体息,夜间出来捕食。野马为了迅速而及时地逃避敌害,在夜间不敢高枕无忧地卧地而睡。即使在白天,它也只好站着打盹,保持高度警惕,以防不测。家马虽然不像野马那样会遇到天敌和人为的伤害,但它们是由野马驯化而来的,因此野马站着睡觉的习性,至今仍被保留了下来。 除马外,驴也有站着睡觉的习性,因为它们祖先的生活环境与野马极为相似。</t>
  </si>
  <si>
    <t xml:space="preserve">我现在跑一千米的速度是4分50秒，请问我要怎样练才能跑到3分15? </t>
  </si>
  <si>
    <t>长跑是需要耐力的，没有什么好办法，只能每天练习跑步了。不过能不能跑到3分15秒还很难说，我以前最好的成绩只有3分18秒，在大学体育上单项成绩好像是95分，可惜呀，我从来没在千米跑上得过满分。</t>
  </si>
  <si>
    <t xml:space="preserve">尿道炎都是什么症状，可以用什么药治疗？ </t>
  </si>
  <si>
    <t xml:space="preserve">一 、什么是尿道炎？ 尿道炎是一种常见的泌尿道感染。 尿道炎的分类比较复杂，范围较广。 大致上可分为： 1. 非性行为所引起的尿道炎：如外伤精神刺激、全生性感染病发引起，代谢异常、过敏、长瘤等。 2. 由性行为或类似性行为所引起的尿道炎： 淋菌性尿道炎是由感染淋病双球病引起的尿道炎。非淋菌性尿道炎，是由淋菌以外的微生物所引起的尿道炎，包括 衣原体、支原体等。 二 、症状及并发症： 1. 淋菌性尿道炎： 男性：尿道流脓、灼热、刺痛、排尿疼痛，可并发输精管阻塞、不孕症，亦可侵犯眼睛、心脏、骨盆腔等引发严重之合并症。 女性：白带增多，异色异味（ 80 ％自觉症状不明显），可并发输卵管阻塞、骨盆腔炎、子宫外孕、不孕症。 2. 非淋菌性尿道炎： 男性：症状较淋病缓和，病人偶而在清晨发现尿道口有些粘液状或透明分泌物，自觉排尿时搔痒感，灼热感、微痛，并发摄护腺炎，副?G丸炎、尿道狭窄等。 女性：阴道分泌物多、呈黄色、子宫颈炎、小便灼热感、频尿、阴部闷痛、小腹发胀、自觉症状较少，约 80 ％无症状，可并发骨盆腔炎、不孕症，如期间感染，引起流产、早产、死胎的机会很高。 三、患者注意事项 1. 如果怀疑自己已受感染应速就医，并遵照医嘱检查治疗。 2. 切勿自行乱服药物，以免延误病情。 3. 内裤与家人衣物分开洗涤。 4. 多饮水。 5. 配偶或接触者一同接受检查、治疗。 6. 病愈后应依医师指示陆续接受定期检查。 7. 应做梅毒和爱滋病抗体的筛检。 </t>
  </si>
  <si>
    <t xml:space="preserve">诛仙闲云散人在那里闲人散人在那里谁能告诉我谢谢 </t>
  </si>
  <si>
    <t>将在12.9号岁末特别版的时候推出这个任务</t>
  </si>
  <si>
    <t xml:space="preserve">找对象怎么这么难咯？真的是郁闷！我都快23了，同龄的朋友同学都有 </t>
  </si>
  <si>
    <t>其实你也不用烦的，缘分这东西是说里就来的，你不用着急，你有一个非常关心你的妈妈，你非常幸福。再说了，你才23岁，年龄不算大，现在这个社会27，28结婚的是越来越多了。也许，就在今年，你就能遇到你的真命天子呢！这是完全有可能的。不要担心妈妈帮你介绍对象，就是妈妈托别人介绍认识的人，你也要去认识了解吗！也许你的真命天子就在里边呢！你说呢！</t>
  </si>
  <si>
    <t xml:space="preserve">我报考计算机及应用,数据结构导论得了85分,请问数据结构可免考吗? </t>
  </si>
  <si>
    <t>数据结构是数据结构导论的延续，导论属于计算机专科的范畴，而数据结构属于本科的范畴，两者在考试大纲中的考试要求也不同，数据结构涉及的知识点比导论要多，因此数据结构稍微难一些，自学考试免考规定只可免考已学过且考试成绩合格的名称和要求相同（或较低）的课程。虽然你导论85分通过，两门课程的名称又挺相似，但因为数据结构的要求比其导论的要求高，所以数据结构需要考。不同的省计算机加考不一样，有的省非计算机专业的考生考计算机应用本科不需加考数据结构导论，可直接报考数据结构。若有疑问可咨询当地考办。</t>
  </si>
  <si>
    <t xml:space="preserve">请问你看过的演讲中谁的最精彩？ </t>
  </si>
  <si>
    <t>是现场吗？如果不是，那当属乔布斯在斯坦福大学毕业典礼上的演讲。优酷上有，你可以去看一下。</t>
  </si>
  <si>
    <t xml:space="preserve">产后阴道松弛怎么办？生完宝宝，最近感觉下面松松的 </t>
  </si>
  <si>
    <t>有关于这方面的整形手术，还要注意平常的休养，平时走路的时候也可以夹紧着走路，据说小S平常就是夹紧肌肉走路的</t>
  </si>
  <si>
    <t xml:space="preserve">电视坏了电视中间是蓝色周围是红色，是什么原因？ </t>
  </si>
  <si>
    <t>这是被磁化了，我们每次开电视机时，都会听到电视机里发出点响声，而照明灯也会在此时暗一下，这就是电视机里的电路在为电视机消磁，多开关几次机，要是还不能解决问题，那就是电路上的消磁电阻烧坏了，可以买一个换上，就几元钱。如果是液晶电视这样子的话，赶紧叫他们来修或换。</t>
  </si>
  <si>
    <t xml:space="preserve">有案底可以办护照吗/?我有一位朋友曾经因偷别人的手机而被抓后被公 </t>
  </si>
  <si>
    <t>新版护照法规定—— 申请人有下列情形之一的，护照签发机关不予签发护照：1、不具有中华人民共和国国籍的；2、无法证明身份的；3、在申请过程中弄虚作假的；4、被判处刑罚正在服刑的；5、人民法院通知有未了结的民事案件不能出境的；6、属于刑事案件被告人或者犯罪嫌疑人的；7、国务院有关主管部门认为出境后将对国家安全造成危害或者对国家利益造成重大损失的。你朋友属于已经结案的可以申请。放心。</t>
  </si>
  <si>
    <t xml:space="preserve">牛仔裤宽松配什么上衣 </t>
  </si>
  <si>
    <t>紧身的T恤，毛衣，卫衣都行</t>
  </si>
  <si>
    <t xml:space="preserve">问两辆老车的问题飚车世界现在阿波罗和劳恩斯有新出引擎吗。。。我有 </t>
  </si>
  <si>
    <t>希望出个劳恩斯马达，让当年的风采呼啦啦。。。。</t>
  </si>
  <si>
    <t xml:space="preserve">数学题ABCDEF乘以3=FEDCBA？ABCDEF分别代表哪些 </t>
  </si>
  <si>
    <t>一个6位数乘以3后还是一个6位数;可以得出一个结论,a必为,1,2,3中的一个,1.当a=1时,1bcdef*3=fedcba,可以得出,f=3或f=4(有进位),当f=3,f=4时,乘以3后,个位为9,2,无解.2.当a=2时,2bcdef*3=fedcba,可以得出,f=6或f=7(有进位),当f=3,f=4时,乘以3后,个位为8,1,无解.3.当a=3时,3bcdef*3=fedcba,可以得出,f=9,当f=9时,乘以3后,个位为7,无解由以上推断,原命题为假命题.</t>
  </si>
  <si>
    <t xml:space="preserve">以前有过这种情况但是不严重今天特别严重就是在快要睡着的时候意识下? </t>
  </si>
  <si>
    <t>病情分析：你好！ 正常血压值是高压90-140，低压室60-90.你的血压在正常值范围内。指导意见：你现在出现头晕与血压没有直接关系，你的血压很标准，不用吃药调理。</t>
  </si>
  <si>
    <t xml:space="preserve">哪些食物可以保养皮肤我的皮肤来本就很干燥 </t>
  </si>
  <si>
    <t xml:space="preserve">哪些食物是皮肤最喜欢的呢？专家们为我们总结出了以下10种：  1．西兰花它含有丰富的维生素A、维生素C和胡萝卜素，能增强皮肤的抗损伤能力、有助于保持皮肤弹性。2．胡萝卜胡萝卜素有助于维持皮肤细胞组织的正常机能、减少皮肤皱纹，保持皮肤润泽细嫩。3．牛奶它是皮肤在晚上最喜爱的食物，能改善皮肤细胞活性，有延缓皮肤衰老、增强皮肤张力、消除小皱纹等功效。4．大豆其中含有丰富的维生素E，不仅能破坏自由基的化学活性、抑制皮肤衰老，还能防止色素沉着。5．猕猴桃富含维生素C，可干扰黑色素生成，并有助于消除皮肤上的雀斑。6．西红柿含有番茄红素，有助于展平皱纹，使皮肤细嫩光滑。常吃西红柿还不易出现黑眼圈，且不易被晒伤。7．蜂蜜含有大量易被人体吸收的氨基酸、维生素及糖类，常吃可使皮肤红润细嫩、有光泽。8．肉皮富含胶原蛋白和弹性蛋白，能使细胞变得丰满，减少皱纹、增强皮肤弹性。　　  9．三文鱼其中的欧咪伽?3脂肪酸能消除一种破坏皮肤胶原和保湿因子的生物活性物质，防止皱纹产生，避免皮肤变得粗糙。10．海带它含有丰富的矿物质，常吃能够调节血液中的酸碱度，防止皮肤过多分泌油脂。  </t>
  </si>
  <si>
    <t xml:space="preserve">我的魔兽世界号被盗号者登陆了，然后就永久冻结了，我申诉了8次了，? </t>
  </si>
  <si>
    <t>应该是盗号的上去刷屏卖G或者骗点卡被别人举报之类的所以被WY永久封号了想解封光靠打电话发传真是没用的只有1种方法：带上你所有能证明身份和账号的材料，然后到上海的WY总部去，能叫的到朋友啥的最好，多去几个人，然后到WY总部去申诉，第1次可能还不行，要多去几次，WY可能会考虑给你解封，不过这中间的成本你要考虑清楚。</t>
  </si>
  <si>
    <t xml:space="preserve">问下大家大前的大力突破有什么用？？怎么感觉没什么用？ </t>
  </si>
  <si>
    <t>要是使出来有可能试附近的人跪地什么的我曾经出现过一次，呵呵，C跪在地上没起来！</t>
  </si>
  <si>
    <t xml:space="preserve">唇腭裂能否通过手术改善发音？唇腭裂，小时候时候做过手术，现在25 </t>
  </si>
  <si>
    <t>可以通过腭咽成形手术改善语音，手术费2万左右</t>
  </si>
  <si>
    <t>数学题在线解答函数f（x）=lgx</t>
  </si>
  <si>
    <t>3个通过画图来看</t>
  </si>
  <si>
    <t xml:space="preserve">我想知道怎么把2级密码去掉，2级码太麻烦了。即可以设为什么就去不? </t>
  </si>
  <si>
    <t>您好，请您提供联系邮箱，我们把取消碧雪二级密码流程发到您的邮箱里。</t>
  </si>
  <si>
    <t xml:space="preserve">春节期间好玩的旅游景点有哪些？ </t>
  </si>
  <si>
    <t>西岭雪山  罗浮山 峨眉山 西部大峡谷</t>
  </si>
  <si>
    <t xml:space="preserve">下载了讯雷5，想卸载了讯雷4，可我的讯雷4上还有东西没下载完，问? </t>
  </si>
  <si>
    <t>我晕,不用了.正在下载的东西,你可以暂停的,你先把正在下载的东西停掉,(也不要害怕下载的文件会丢失,因为迅雷支持煤断点续传的,所以请你十万分的放心.)然后,直接把迅雷5安装到你原来安装的那个路径,如:E:\Program Files\Sandai Technologies Inc,你再次安的时候还是这样选择E:\Program Files\Sandai Technologies Inc,这样的话,你就可以选择原来没有下载完的继续下,还可以体验新版带给你的方便.按我说的,你试一下,绝对可以.</t>
  </si>
  <si>
    <t xml:space="preserve">我的语言栏这里怎么没有英文输入了，怎么切换都是搜狗和智能ABC，? </t>
  </si>
  <si>
    <t>添加就行了。在你的语言栏上，右键——设置——添加——选择你要的输入法</t>
  </si>
  <si>
    <t xml:space="preserve">我公司自去年办下营业执照后一直没有业务.注销又很麻烦,如果不经过? </t>
  </si>
  <si>
    <t>营业执照没有进行经营，超过一年不参加年检的，工商局会自动吊销的。但工商局会根据档案线索找到你，收回营业执照的正副本和公章、财务章、合同章并收取公告费用的。并且，你有此记录，以后再申办执照会遇到麻烦的，所以，你应该去工商局办理撤销。</t>
  </si>
  <si>
    <t xml:space="preserve">马奶酒的历史色泽和口味一并告诉我把 </t>
  </si>
  <si>
    <t>据专家考证，奶酒起源于春秋时期，自汉便有“马逐水草，人仰潼酪”的文字记载，极盛于元，流行于北方少数民族已有两千多年，系历史悠久的传统佳酿。一直承担着游牧民族礼仪用酒的角色。奶酒，蒙语称“阿日里”。相传早在元朝初期，漠北处于大动乱、大变革时期，当时的蒙古各部落七零八落，部落之间较量实力，各选君主。刚满17岁的铁木真继承了父亲的遗志，骑上战马，挥旗重建家园。铁木真的妻子在家里，一面思念远征的丈夫，一面制作奶食品。有一天，她在烧酸奶时，锅盖上水珠流到了旁边碗里，她嗅到特殊的奶香味。一尝味美、香甜，还有一种飘飘欲仙的感觉，她渐渐地在生产中掌握了制酒的工艺，并简单地制作了酒具，亲手酿造。在铁木真做大汗的庆典仪式上，她把自己酿造的酒献给丈夫成吉思汗和将士们，大汗和众将士喝了以后，连声叫好。从此，成吉思汗把它封为御膳酒，起名叫赛林艾日哈。每当蒙古族向您敬献哈达和奶酒时，是对贵客的最高礼仪。奶酒便成为蒙古族接待上宾的必备佳酿。 马奶酒 - 奶酒特点马奶酒马奶酒是用鲜马奶经过发酵变酸酿制而成的一种酒精含量只有1.5到3度的饮料，是流行整个草原地区的传统饮料，最早始于秦汉时代，历史悠久，味道酸辣，有舒筋、活血、健胃等功效，被誉为“蒙古八珍”之一，曾为元朝时期的宫廷和贵族的主要饮料，相传忽必烈曾以金碗盛着马奶酒来犒劳将士们。传统的粮食白酒清香纯静、口味醇和，特别受到人们的喜爱。但粮食白酒有很大的缺憾，它在酿造和蒸馏的过程中产生了几种有害物质，其中对人体危害较大的是甲醇和铅，甲醇4—10克就可导致中毒。铅对神经系统、十二指肠、肝脏、心血管都能引起疾病。饮酒伤身主要源于有害杂质，这些毒性杂质人体摄入后轻则头痛、恶心、呕吐、重则昏迷、失明，甚至危及生命。草原鲜奶杂质少，不含植物纤维，用其酿出的奶酒所含甲醇、异丁醇、异戊醇成份极低；铅、汞等重金属不足国家标准的十分之一；甲醛含量几乎为零。故而奶酒饮后不上头，不伤胃，不损肝，无异象，被众多饮者誉为“豪饮不伤身”。 由于奶酒有害杂质少，负作用小，人体耐受程度高。有人饮后曾说，喝奶酒比喝同度数的其它白酒，酒量可以提高1－2倍。当然，这种说法并无科学实验作依据，不过同样酒量条件下，奶酒可以多喝一些却是不争的事实。 马奶酒 - 妙饮奶酒马奶酒奶酒不仅可以和其他的酒一样单独饮用，还有它的独特饮用方法。奶酒可以加咖啡，成为美味的咖啡奶酒；可以加各种果汁，如：草莓汁、葡萄汁、橄榄汁等，成为果汁奶酒；可以和其他白酒加冰后一起饮用，冰凉爽口适宜夏季饮用。还可以像红酒那样加冰、可乐、雪碧和果汁，任意调配为多款鸡尾酒，因此，也被誉为“中华XO”！在品尝美酒的同时，还会感到乐趣无穷，让你体验DIY的好心情。由于奶酒饮用方法的独特性，同时相应扩大了奶酒的应用范围，更加适合公务、商务、礼仪、宴会等使用。  奶酒一般以马、牛、羊、骆驼的鲜奶为原料酿制而成。尤以马奶酒居多。传统的酿制方法主要采用撞击发酵法。这种方法，据说最早是由于牧民在远行或迁徙时，为防饥渴，常把鲜奶装在皮囊中随身携带而产生。由于他们整日骑奔驰颠簸，使皮囊中的奶颤动撞击，变热发酵，成为甜、酸、辣兼具，并有催眠作用的奶酒。由此，人们便逐步摸索出一套酿制奶酒的方法，即将鲜奶盛装在皮囊或木桶等容器中，用特制的木棒反复搅动，使奶在剧烈的动荡撞击中温度不断升高，最后发酵并产生分离，渣滓下沉，醇净的乳清浮在上面，便成为清香诱人的奶酒。除这种发酵法外，还有酿制烈性奶酒的蒸馏法。蒸馏法与酿制白酒的方法近似，一般是把发酵的马奶酒奶倒入锅中加热，锅上扣上一个无底的木桶或用紫皮柳条、榆树枝条编成的筒状罩子，上口放一个冷却水盆或锅，桶内悬挂一个小罐或在桶帮上做一个类似壶嘴的槽口。待锅中的奶受热蒸发，蒸气上升遇冷凝结，滴入桶内的小罐或顺槽口流出桶外，便成奶酒。用这种蒸馏法酿制的奶酒，要比直接发酵而成的奶酒度数高些。如果将这头锅奶酒再反复蒸馏几次，度数还会逐次提高。马奶酒的酿制和饮用，主要是在夏秋水草丰美、牛肥马壮的季节。马奶酒一般呈半透明状，酒精含量比较低，“其色类白葡萄酒”，“味似融甘露，香疑酿醴泉”。不仅喝起来口感圆润、滑腻、酸甜、奶味芬芳，而且性温，具有驱寒、活血、舒筋、健胃等功效。自古以来就深受蒙古族人民的喜爱，是他们日常生活及年节吉日款待宾朋的重要饮料。</t>
  </si>
  <si>
    <t xml:space="preserve">勒沃和多特是交叉盘吗？ </t>
  </si>
  <si>
    <t>勒沃 31多特 1</t>
  </si>
  <si>
    <t xml:space="preserve">博客怎么弄个人简介.?.比如英文名:爱好:....怎么弄?教教我 </t>
  </si>
  <si>
    <t xml:space="preserve">  安装公告    1、登录新浪博客后，点击“博客管理”    2、进入“个人首页维护”。    3、进入“自定义公告栏”。    4、点击“增加”增加空白面板。    5、填好面板标题，如“我的公告”    6、在正文栏写好自己的公告后“保存”    7、再返回“个人首页维护”，点击左侧“BLOG信息设置”中的“定制我的首页”。    8、点击“添加模块”    9、勾选刚刚建立的模板（我的公告），点击下方的“选取”。   10、公告出现在页面上，（用的右键将之移动到合适的位置上）点击“保存设置”就OK。稍等片刻，博客主页就有了你的公告。         任何时候要修改，只需要进入“自定义公告栏”，点“我的公告”修改后保存即可。           滚动公告      一、字体颜色可变幻的滚动字幕源代码（我自己的圈子公告词）：         &lt;DIV style="FILTER: glow(color=#000000 ,strength=1); COLOR:          #000000; HEIGHT: 10px"&gt;&lt;FONT size=3&gt;         &lt;MARQUEE style="WIDTH: 213px; HEIGHT: 120px" scrollAmount=1          scrollDelay=1 direction=up width=213         height=120&gt;&lt;P align=left&gt;  情感交流的园地&lt;BR&gt;&lt;BR&gt;自由驰骋的星空         &lt;BR&gt;&lt;BR&gt;温馨浪漫的小屋&lt;BR&gt;&lt;BR&gt; 智慧知识的宝库         &lt;BR&gt;&lt;BR&gt;“博客天地博友家园”&lt;BR&gt;&lt;BR&gt; 真诚欢迎您来展才华         &lt;BR&gt;&lt;BR&gt;&lt;/P&gt;&lt;/FONT&gt;&lt;/MARQUEE&gt;&lt;/FONT&gt;&lt;/DIV&gt;     二、横向滚动字幕的源代码（我博客暂用欢迎词）：         &lt;marquee border="0" align="middle" scrolldelay="120"&gt;欢迎您的光临！         谢谢！&lt;/marquee&gt;       三、说明：     1 、公告内容可以根据自己的想法改，在代码中改，字的中间可以加空格，         每一个&lt;BR&gt;是一个单元，（把上面说的话改成你自己的话）；     2 、scrollAmount=1 scrollDelay=1可以设置数值，也就是滚动速度，         数值越大滚动越快；     3、direction=是滚动的方向，up=上，down=下，left=左，right=右，         都可以自定义，愿意怎么滚动就怎么滚动；     4、width= 宽度，height= 高度可以更改，strength=16是光晕效果的大小，         size=2是字体的大小；     5、color=#e6e8fa 是字体的颜色，好看的字体颜色有：        深红 #ff6600 ； 大红 #ff0000 ； 粉红 #ff66cc ； 淡红 #ff66ff ；        绿色 #ccff00 ； 紫蓝 #ff33ff ； 黄色 #ffff33 ； 金红 #cc0000 ；        天蓝 #66ffff ； 草绿 #66cc00 ； 深蓝 #3333ff ； 橙色 #ff9900 ；        深绿 #339900 ； 白色 #ffffff ； 黑色 #000000 ； 紫红 #ff00ff ；         要看效果，登陆： </t>
  </si>
  <si>
    <t xml:space="preserve">网速不给力，网购火车票重复支付，多支付两次钱，咋办，谢谢！ </t>
  </si>
  <si>
    <t>给12306客服打电话，让他们把重复的钱退回来就好。</t>
  </si>
  <si>
    <t xml:space="preserve">牧师PK用啥天赋？现在牧师打架用什么天赋比较好？戒律还是暗影？ </t>
  </si>
  <si>
    <t>戒律   转为PK打造的天赋暗影最有用的地方就是FB里加蓝</t>
  </si>
  <si>
    <t xml:space="preserve">求得理解这段时间我很闹心，刚毕业嘛，工作也不是找不到，家里不支持 </t>
  </si>
  <si>
    <t>首先,你不必过分担心你们的感情.之所以你现在和女朋友间的话不多了,不投机了是因为你自身的工作还没有安置下来,自己心烦甚至稍有自卑所导致的.其实你们之间的感情还如以前一样坚固,只是你稍有些敏感.待你工作有了着落后感情问题自然也就消失了.其次,工作的问题千万不可因为几次挫折就失去信心,每个人的一生都不是一帆风顺,找工作是需要机遇的.现在需要的是不断提高自己,充满信心,一旦机遇来临时不至于又没有能力胜任.这些是我局外人的一些看法,有说的不对的,也请原谅.</t>
  </si>
  <si>
    <t xml:space="preserve">大家知道的apm比较低的高手都有哪些呀?最好小于100,有录像更 </t>
  </si>
  <si>
    <t>魔术羊，应该还有EAT。</t>
  </si>
  <si>
    <t xml:space="preserve">跑步的人应该吃什么食物补充营养?我经常跑步,可最近几天感觉身体很 </t>
  </si>
  <si>
    <t>吃多点`鸡肉```</t>
  </si>
  <si>
    <t xml:space="preserve">大狭们请多多帮忙！自闭症的症状是什么？？？？？？？ </t>
  </si>
  <si>
    <t>一般指的是儿童 症状 ：Ⅰ 人 际 关 系 障 碍 〖没有依恋行为〗不理人、自己玩自己的；不粘人，（不会像一般孩子一样缠着大人不放，喜欢大人抱他、逗他、陪他玩）。有人形容他们把父母视为“的工具”，要吃什么东西才去拉妈妈的手，（而不是“情感对象”）平常没事就不理妈妈。 〖对亲人和生人的反应没有很大的差别〗看到妈妈来了，爸爸下班了，不会表现出特别高兴，常常是没有什么反应；看见陌生人也不害怕，不认生。〖对人际关系不感兴趣〗对团体游戏活动不感兴趣，很少主动找人玩，很少主动参与一群人的交谈，也很少能和他人维持真正持久的友谊。随年龄增长，有些会在人际关系上有所进步，但仍表现出对“人”不感兴趣的特征。 Ⅱ 沟通 障碍 〖语言沟通障碍〗即通常所说的语言发育迟缓。许多家长之所以带孩子到医院，就是因为“几岁了，还不会说话。”主要表现还有：咬字不清，说话速度太快，音调太高或太低；说个别字词、而不说完整的句子；仿说现象明显，如背诵诗歌、广告词，或重复他人的问题；难以交谈，如被动回答，答非所问，重复提问，话题单一；人称代词错用，常常是不用人称代词，“我”与“你”混淆。 〖非语言沟通障碍〗不使用眼神传达信息或感情，眼光常飘忽不定；不会用手势、表情、身体动作与妈妈或其他人交流。 Ⅲ 刻板 行为 〖对人、物的固定反应〗对亲人或生人说固定的话，做固定的动作，不懂得应因人、因时、因地不同而有所变化；对待玩具或某些物品有固定的摆放或摆弄方式；对于某些物品有依赖性。〖日常生活中有固定的仪式〗往往表现在吃饭前后、睡觉前后，上厕所前后及出门前和刚回家时，会说固定的话，做固定的动作，这些都被称做仪式性的行为。 〖自我刺激〗很多自闭症的孩子，对自己的身体有固定的“使用方法”，例如：斜眼看人，走路踮脚尖，玩自己的声音（叫、笑、自言自语）用手摸嘴唇、耳朵或其他身体部位，玩手指、拍手、跺脚，身体前后摇晃，原地转圈等。 Ⅳ 对外界 反应异 常 〖反应过弱〗很多自闭症的父母形容孩子“听而不闻”、“视而不见”，因而有过带孩子去看耳鼻喉科的经历。他们常表现出一种事不关已，若无其事的样子，好象永远活在自己的世界里，外界发生的事情沾染不到他们。〖反应过强〗也有很多自闭症的孩子，对日常生活中一些微小的改变，以及一般人不以为然的小刺激，他们却有很强烈的反应，如用双手捂住耳朵，好象能听到旁人感觉不到的声音刺激，也有人对某些气味、色彩、形状、质感等反应过于兴奋或恐惧。</t>
  </si>
  <si>
    <t xml:space="preserve">什么是垂径定理?垂径定理的逆定理是怎样的? </t>
  </si>
  <si>
    <t>垂径定理是:垂直与弦的直径平分这条弦,并且平分这条弦所对的两段弧 推论一:平分弦(不是直径)的直径垂直与这条弦,并且平分这条弦所对的两段弧 推论二:弦的垂直平分线经过圆心,并且平分这条弦所对的弧 推论三:平分弦所对的一条弧的直径垂直平分这条弦,并且平分这条弦所对的另一条弧 推论四:在同圆或者等圆中,两条平行弦所夹的弧相等 这些其实在初中数学书上有，现在告诉你，你可能也不太懂（如果你还没上初三）如果你学过圆的知识，那么第一章就是它，这些是做关于圆的题目的重要知识，当你做题没思路时就向垂径定理靠拢，或许有用，这个知识中考出题的几率很大的，望你紧记</t>
  </si>
  <si>
    <t xml:space="preserve">初中化学问题现有质量相同的钠、镁、铝三块金属，哪一种金属含的原子 </t>
  </si>
  <si>
    <t>钠最多。钠的原子质量最小，所以数量最多</t>
  </si>
  <si>
    <t xml:space="preserve">关于宝宝我的宝宝2个月多16天，这2天连着每天大变数次还是稀的， </t>
  </si>
  <si>
    <t>可以的。。。。。。。。。。</t>
  </si>
  <si>
    <t xml:space="preserve">湿疹真菌感染到底是什么脚底干皮干屑，痒，皮下有水泡，半年多了，大 </t>
  </si>
  <si>
    <t>做真菌检查前是否用过药？如果用药，需要停药10天以上再检查才能保证准确性。如果排除真菌感染，建议勤换鞋袜，鞋袜烫洗、暴晒。口服氯雷他定，外用氟米松软膏，敷厚一点，外用纱布包上，至少一小时，每天2次。好转之后逐渐减少使用。</t>
  </si>
  <si>
    <t xml:space="preserve">清泉老师:000611需要换股吗? </t>
  </si>
  <si>
    <t>继续持有.600900 可少量补仓.</t>
  </si>
  <si>
    <t xml:space="preserve">GM求救啊忘记了神兵内测的激活嘛,现在怎拿回啊,龙艺码是 </t>
  </si>
  <si>
    <t>这个如果忘记了没有地方找回了。</t>
  </si>
  <si>
    <t xml:space="preserve">《天国的阶梯》主题曲是什么歌名？谁主唱？ </t>
  </si>
  <si>
    <t xml:space="preserve">《想你》权相佑 </t>
  </si>
  <si>
    <t xml:space="preserve">FSV法兰克福是法兰克福二队吗？两队可同在甲级联赛吗？知道的帮助? </t>
  </si>
  <si>
    <t>和满脸曼城一样</t>
  </si>
  <si>
    <t xml:space="preserve">爱一个人真的很难吗 </t>
  </si>
  <si>
    <t>也许难也许不难，在你爱他，他也爱你的情况下不难，要是在你爱他，他不爱你。或是他爱你，你不爱他的情况下你门就感觉到难了。难就难在2个人不是相爱。其实这也不是难，这是这2人并没在一起而已  。要是彼此都给对方机会，试着接受对方那也就不难了 。</t>
  </si>
  <si>
    <t xml:space="preserve">无奈!请男士和过来人回答!谢谢!我离异有个女儿,我和他无意中认识? </t>
  </si>
  <si>
    <t>对方的情况你清楚吗？男人不一定都是认真的；再说如今敢做敢当的男人太少了。（不要误会，本人也是男人，不过对70、80后的男人评价不高罢了）对方如果是认真的，你不妨把你的情况以实相告，男人最恨被女人骗了（不论动机是否善意）——这是男人心态作祟。成就成，不成也不用这般牵肠挂肚了。真心希望你看上的是一个好男人！乘着你还有选择权，你要慎重考虑的问题是：两人的条件是不是相差太远？！如果差太多，劝你另觅条件相当的佳偶。你也是过来人，不用提醒你过日子同谈恋爱是两码事了吧。日子长着喃。</t>
  </si>
  <si>
    <t xml:space="preserve">我是焊工，我想兼职，找谁？我铁岭的。有4级焊工证。 </t>
  </si>
  <si>
    <t>不知道你的目标是多少钱工资啊 做兼职不好找 你可以到开原来 这里的工业比铁另多现在 新开的重工都在招焊工</t>
  </si>
  <si>
    <t xml:space="preserve">巫师都该学什么技能 </t>
  </si>
  <si>
    <t>楼上俩人显然没有超过90的巫，甚至压根就没接触过这。单补强补？少开玩笑了，为了加血，你看看大家学单补强补的多还是学套子的多？我的建议，单恢，洁净，气绝，调教，这4个一定学。再就是攻魔反，攻击无效推荐学个，这就7个了。70以前学个攻吸+血，70以后改成超混，这样8个技能了，第九个学超恢或者强恢，如果你为了做任务考虑的更多一些就学强力的，要是为了喜欢看技能，就选择超恢，最后一个学个魔法咯。分析：前4个没的说，必学。2个反弹就是pk技，不pk的话，这反弹在任务练级中使用次数太少了，就没必要学了，但是巫师没有不去打架的吧，所以这俩也必学。至于无效，攻击无效主要体现在做任务里，高级无效跟那些个2级的无效不是一个档次的，为了任务学个，保护血少的关键人物。魔法无效呢，则略倾向于pk，因为pk中的魔法攻击比平时的任务里的那些boss门魔法都强，既然学了2弹为pk服务，那无效就免了。70以前练级靠攻吸补血无论对于高恢复的单位来说还是对于低恢复的单位来说，性价比都要高于其他任何补血技能，当然了，你要是仅仅为了你自己的补血需求，也可以学个单补，强补就免了，到了70以后，也就是说过了牛场，你就可以把这个补血技能用超咒代替了，至于70以后怎么加血，这时候恢复应该不低了吧，人血也不少了吧，实在不行丢个300瓶子都比补血来的划算，pk咒术必学。超恢强恢自己喜好，这个要求不严格。魔法学个吧，虽然精神不高，但是可以靠高级棍子的高魔功+伤害，pk来个魔法使人措手不及，练级也减少困难</t>
  </si>
  <si>
    <t xml:space="preserve">化学方程式怎么计算 </t>
  </si>
  <si>
    <t>这样还真是难办啊。最好的方法还是去问老师或是同学，因为这样很难说清楚。瞎说一通也是对你的不负责。不过还是可以告诉你一点，希望能有所帮助。计算的时候首先要让化学方程式平衡，也就是等号左右两边的原子啊、离子啊之类的个数相同，同时还有溶液反应时的电荷数啊等等。这也就是配平，即等号两边的物质是相等的。然后利用摩尔质量之类的进行运算。建议你还是多问问老师和同学。。。</t>
  </si>
  <si>
    <t xml:space="preserve">给推荐一个可以下载歌曲的网站?帮个忙,给推荐一个可以免费下载歌曲 </t>
  </si>
  <si>
    <t>mp3.baidu.com</t>
  </si>
  <si>
    <t xml:space="preserve">我到底该怎么做？我很喜欢她，不想离开她，她也喜欢我，也不想离开我? </t>
  </si>
  <si>
    <t>你们现在还是高中生就开始谈了,那很明显,就不可能轻轻松松没有压力,面对你们的是繁重的学业和父母的压力,对于这些,你们两个人承受得起吗?你真的认为在这样的情况下你们能坚持三年,到大学有依然不改吗?一个字,难.从女方身上就可以看出来她已经在压力中慢慢犹豫,慢慢退缩了特别是像她那种女孩子,其实很容易受父母左右的,你们都还是孩子,父母的干涉会是你们很大的阻挠,更何况她的父亲已经察觉了,那么,摆在你们眼前的问题就更加严峻,她的父亲很有可能在你不知道的情况下给她很大的压力.你忍心看着她背负着这么重的压力吗?你忍心看着她的高中生活就这样在害怕和担心中度过吗?你说你喜欢她,她也喜欢你那么你就证明给她的父母,证明给你们自己看放下你们现在所谓的依依不舍,放下冠在你们头上情侣的名号,把彼此当成形影不离的好朋友,无论是私处还是公处,不要有亲昵的动作或是说话,可以适当的保持距离,两个人互勉互助,共同进步,树立一 个远大的理想,一起考上一所好的大学然后再审视你们的爱情这样是对你自己好,也是为她好从你的话中她现在已经很脆弱了,面对爱情,亲情,友情和学业,她已经很压抑地在痛苦了,如果你不松一下,让她还为担心你而无法抉择,那么,面对你们的,肯定是无言的结局和学习上的悔恨如果真心相爱,就用事实去证明,而不是在痛苦中挣扎.爱情不是要你们在痛苦中坚持,而是想办法逃离痛苦寻找快乐.希望你们好好聊聊,爱情可以是伟大的，以退为进,希望你们能幸福</t>
  </si>
  <si>
    <t xml:space="preserve">怎么知道他是北京二炮司令部如题 </t>
  </si>
  <si>
    <t>你好，偷偷记住他的军衔和部队编号，打电话到二炮去问下，外面有很多人冒充的。</t>
  </si>
  <si>
    <t xml:space="preserve">电量和热量符号都是Q么？有什么联系么？（功能转化角度），如果同一 </t>
  </si>
  <si>
    <t>如果出现在同一命题中，可以用Q1、Q2，或者用(电量)Qd、(热量)Qr来分别。</t>
  </si>
  <si>
    <t xml:space="preserve">自然人也可以练近程武器吗? </t>
  </si>
  <si>
    <t>可以是可以~但是不擅长~就是说伤害没有强化人那么高咯</t>
  </si>
  <si>
    <t xml:space="preserve">我家在二楼,我装修时门想用红胡桃,客厅想用地砖,卧室用木地板,不? </t>
  </si>
  <si>
    <t>回答:红胡桃门套,可以用同色系地板,也可以是黄黑色的</t>
  </si>
  <si>
    <t xml:space="preserve">昨天参加ZG金团,花130金拿了1把亚考尔的阳炎刀.请教:这把匕? </t>
  </si>
  <si>
    <t>这个匕首可以这样说---半神器对于切割贼来说可能有点鸡肋了,但是对于一个优秀的狂暴输出战士,尤其是拥有了一个非常棒而且非常慢的主手武器的狂暴战士来说,它太强了.对于火抗这个属性是可有可无的,我们要的是攻速!1.3的攻击速度是WOW目前位置速度最快的武器之1,另一个蓝色匕首也是1.3,不考虑!作为狂暴输出战士,要做到最大输出,保持无限狂怒的30%攻击速度提升是必须的,那么就要保证有30%的致命,相应的12%左右的命中,最少也要10%的命中,达到这个数值,AP可能会有损害,不过不要紧,我们把阳炎刀放在副手,通过无尽的怒气来获得更大的伤害.保持狂怒的阳炎刀,基本0.9秒攻击1次,考虑到未命中和偏斜的伤害损伤,其攻击效果产生的怒气相当相当客观.这个时候,在怒气有保证的情况下,慢速武器释放英勇打击产生的效果就出来了,伤害非常高.就这些,如果你有饥饿之寒,冰龙之爪可以放弃它,哈哈!</t>
  </si>
  <si>
    <t xml:space="preserve">世上到低有没有"杀气"的存在？严格的说这不应该算是个军事问题，但 </t>
  </si>
  <si>
    <t>我想有把``首先嫉妒愤怒的时候`人的疼痛感减小，前能边大``还有就是著名的性别实验```隔着一个高墙，当外面有男人走过的时候`里面的女犯人突然兴奋``男的没出声`估计是释放的外激素的作用```愤怒的时候应当一样```</t>
  </si>
  <si>
    <t xml:space="preserve">19岁的我，不知道要不要和26岁的他我有一个朋友今年26岁了，我 </t>
  </si>
  <si>
    <t xml:space="preserve">    你们的年龄差距虽然有一些但是从他想和你结婚来看他是真心喜欢你的,一定要认真考虑,何况你已经和他有了性关系.如果你以后再找男朋友肯定会在意你的以前,你会后悔的.   再说男人没有女人老的快,所以你应该抛开这个想法,重要的是他肯定比同龄的男孩子会疼爱你关心你.   如果你属于开放的女孩,那你就应该坦白的告诉她你的真实想法,我想他会理解的,一个为了父母的男人不会放不开的,好聚好散吧.   自己的人生自己做主,千万不能轻易听别人的轻率建议,毕竟事情没有发生在她们身上,你们在一起半年的感情在别人的一句话里是很简单了,但是作为当事人就不是简单的事了,我想这一点你最明白.何况每个人的生活状况和环境也不一样,如果你有很高的能力和学历,在社会上可以完全独立,即使在今后的生活中也能够站主动地位就可以随心所欲的选择.总之自己的路要自己把握好才能人生幸福啊.祝你好运吧.</t>
  </si>
  <si>
    <t xml:space="preserve">求求各位恋爱中人.我是一个恋爱迷惘的人..我女朋友是回民.多少次 </t>
  </si>
  <si>
    <t>这是一个世俗问题，人活在社会中有其自己的角色，如果你们可以不顾一切的非要在一起那么自然会有在一起的办法，不过我要说的是，我并有知道你们的年龄和相触的时间，不要把问题都极端化，你们可以先交往一段时间看看，各自的宗教信仰和生活习惯还有今后的很多琐碎的事可能会让你们俩人自觉难以维持下去，不过如果在时间的推移下你们还是那么的难分难舍就做出自己的牺牲。</t>
  </si>
  <si>
    <t xml:space="preserve">请问,电脑里电源使用方案里面关闭硬盘一项是什么意思?下载东西的话? </t>
  </si>
  <si>
    <t>关闭硬盘的意思和关闭显示器是一个意思。如果超过你设置的时间你不对计算机进行任何操作，系统就关闭硬盘以节省电力（因为硬盘是一直转动的）建议不要使用该项目，对硬盘不好。</t>
  </si>
  <si>
    <t xml:space="preserve">三角形外一点到三个顶点距离相等怎么证那个点在三角形所在平面的射影 </t>
  </si>
  <si>
    <t>三角形外一点P到三个顶点A,B,C距离相等，设该距离值 |PA|=|PB|=|PC|=x再设P在平面的射影为M，且|PM|=h则P、M与A,B,C分别构成Rt△---&gt;|MA|=|MB|=|MC|=√(x²-h²)即：M是△ABC的外心</t>
  </si>
  <si>
    <t xml:space="preserve">龟吃食不排便怎么回事我家的龟这两天吃食不排便了还有龟壳启层了不知 </t>
  </si>
  <si>
    <t>没有消化啊！最好不要喂生肉，有寄生虫的。喂些小鱼苗还可以你把它拿起来，用手挠它的腹甲，刺激它排便，但注意别拉在你裤子上，呵呵！</t>
  </si>
  <si>
    <t xml:space="preserve">三角形百分比例,具体应该怎样使用?三棱尺上边刻有1／100，1／ </t>
  </si>
  <si>
    <t>有的三棱比例尺上有1:600刻度，刻度值“10”中格的真实长度是16.666…mm =100mm/6。绘制1:6比例图纸时，真实尺寸100mm在比例尺上取10中格即20小格；30mm取3中格即6小格。1:300比例尺上刻度值“10”中格的真实长度是33.333…mm =100mm/3。用1:300比例尺绘制1:6比例的图纸时，尺寸100mm在尺上取5中格；30mm取1.5中格即3小格。用1:400绘1:8图，用1:300绘1:9图，依上述规律类推。1:7图通常不能直接用现有的比例尺（也许有的比例尺上也有该刻度），必要时，可在纸上临时自绘简易“比例尺”或计算。</t>
  </si>
  <si>
    <t xml:space="preserve">是否因为酒喝多了？本人身体健康，平时大便规律，每日一次，最近一段 </t>
  </si>
  <si>
    <t>你排便时伴不伴有疼痛，痔疮一般有无痛性间歇性便后出鲜血的特点，出血不与粪便相混，如果是这样的话，你应该改变生活习惯，避免刺激性饮食，保持大便通畅，适当的活动，保持局部的清洁，每日清洗肛门；并及时治疗。如果排便时伴有疼痛和出血，血在粪便表面或手纸上，量很少，色鲜红，那有可能是肛裂，应及时去医院治疗才好。</t>
  </si>
  <si>
    <t xml:space="preserve">怎样给宝宝喂奶比较合适宝宝现在差10天五个月了,以前给他喂奶还比 </t>
  </si>
  <si>
    <t>喂奶一般是要抱着他，让他上半身坐起来喂，这样比较好啊！千万不能躺着喂，这样容易呛着或是吐奶。五个月了可以坐起来的啊，只要不让他一个人单独坐着就行了。我家的两个半月，喂奶一直都是抱着他坐在大人腿上。</t>
  </si>
  <si>
    <t xml:space="preserve">关于组队无法看见队友的问题我和队友组队在地图（M)上看不见他是怎 </t>
  </si>
  <si>
    <t>也许下次维护会解决吧。。。</t>
  </si>
  <si>
    <t xml:space="preserve">谁有好办法修复痤疮留下的疤痕 </t>
  </si>
  <si>
    <t>我朋友是用疤立遁用好的，一三五九，五三五，四五二，你可以自己多了解一些，上面是他们扣~~扣</t>
  </si>
  <si>
    <t xml:space="preserve">设备管理器的注册表问题！修改CPU设备管理器里面的信息。修改“设 </t>
  </si>
  <si>
    <t>设备管理器的硬件信息都是直接和主板联通自动检测的，在你更改过并重启后，系统又会自检一遍，发现不对就自动改回来了。我的电脑-“属性”当中的信息只是一个显示，所以是可以任意修改的</t>
  </si>
  <si>
    <t xml:space="preserve">请用C语言编程求两个数的最大公约数和最小公倍数,要求两个整数从键? </t>
  </si>
  <si>
    <t>一楼的回答不对啊，你求的是最小公约数而不是最小公倍数，两个整数的最小公约数永远是1，应该这样改:main(){int x,y,a,m,n,t;printf("please input two num x,y\n");scanf("%d,%d",&amp;x,&amp;y);for(a=x&lt;y?x:y;a&gt;0;a--)if(x%a==0&amp;&amp;y%a==0){printf("x,y的最大公约数是 %d\n",a);break;}m=x/a;n=y/a;t=a*m*n;printf("x,y的最小公倍数是 %d\n",t);}</t>
  </si>
  <si>
    <t xml:space="preserve">谁能告诉一下+7智+4精的法仗怎么能合出来我自己合了个+3智+4 </t>
  </si>
  <si>
    <t>想搞运气的话就 拿+3智力+4精神 放右边   1个 +3智力+随便属性 放左边 有20%左右成功率  我是3区8副 Co紫月儿  28牧师</t>
  </si>
  <si>
    <t xml:space="preserve">婚姻的心理咨询我和老婆刚结婚2个月，婚后他经常被着我跟别的男性朋 </t>
  </si>
  <si>
    <t>你好，感谢对我的信任。新婚的妻子经常跟其他男性约会，还偷偷和别人去外地游玩，这确实会让你难以接受。所以你感到痛苦，要求她解释，甚至情急之下跟她家里闹翻，都是可以理解的。只是这也让我想到，似乎你们的感情基础并不是特别牢固，所以她才那么不在乎你的感觉，结婚只两个月就开始这样做。并且我还在想，婚姻是很严肃的决定，是什么原因你的妻子既然选择嫁给你，却又那么快就开始与别人约会？不知道这里面是否有着一些你无法在这里谈论的隐衷呢？无论是什么原因，现在你觉得自己需要作出选择：离婚，或者去她家道歉，但是却不知道到底怎么做选择，所以来问我。老实话这是你的婚姻，我是不知道你该如何做选择的，但是我可以帮你分析一下两个选择背后隐含着什么样的可能：离婚：一段婚姻要不要离婚，往往可以从婚姻的六大功能来判断，这里有一篇详细的文章可以参考http://blog.sina.com.cn/s/blog_6211ff0a0101ccrt.html去她家道歉：那意味着你选择继续过日子，但是如果你去道歉，就意味着你默认了妻子可以继续她的行为，似乎又不是你真正想要的。建议你，如果你更希望两个人一起好好过日子，那么最好还是跟妻子好好地谈谈，找到她之所以要做出对婚姻关系有损害的行为的原因，两个人共同努力去面对，解决问题。如果两个人不知道该怎么做时，可以一起寻求专业心理咨询的帮助。祝福你！</t>
  </si>
  <si>
    <t xml:space="preserve">孕期缺锌会对孕妇或胎儿有影响吗？可以吃锌硒宝补锌吗？一发现缺锌就? </t>
  </si>
  <si>
    <t>病情分析：你好，孕妇缺锌可致胎儿发育不良或畸形，也容易难产。大量实验研究调查结果表明，妊娠妇女缺锌对新生儿会产生多种缺陷。分娩合并症增多：产程延长、流产、早产、胎儿畸形率增高，脑部中枢神经系统畸形，导致胎儿脑细胞总数减少。指导意见：妇缺锌可经常吃些牡蛎、动物肝脏、肉、蛋、鱼及粗粮、干豆等含锌丰富的食物。常吃一点核桃、瓜子等坚果类含锌较多的食物，都能达到较好的补锌效果。希望可以帮到你，谢谢。</t>
  </si>
  <si>
    <t xml:space="preserve">哪些银行支持跨省支取整存整取的定期存款？如果回答异地托收要求具有 </t>
  </si>
  <si>
    <t>工商银行建设银行</t>
  </si>
  <si>
    <t xml:space="preserve">电影《普罗米修斯》什么时候上映啊？在哪看 </t>
  </si>
  <si>
    <t>这部电影《普罗米修斯》上映时间是中国大陆China 2012年9月2日　</t>
  </si>
  <si>
    <t xml:space="preserve">邯郸市区尖锐湿疣治好大概多少钱 </t>
  </si>
  <si>
    <t>建议：你好：尖锐湿疣的治疗方法及病情的不同费用有所不同。祝您健康！建议：你好，治疗尖锐湿疣的费用和你的病情及所选择的治疗方法有关。祝你康复！建议：你好。尖锐湿疣的治疗方法不同费用也不一样的。去除体表的疣体并不困难，但是防复发的时间比较长，一年不复发才是完全治愈。</t>
  </si>
  <si>
    <t xml:space="preserve">我们走到尽头了吗？我和她在一起相处了一年，她和我不是一个城市的， </t>
  </si>
  <si>
    <t>呵呵~~有些事情都是不是自己想象的那样，可能你们之间还是缺少沟通。你可以找你的朋友安排你们见一次面。你可以借此次机会和他说清楚。即使她出国了，你们还可以联系啊！中国不是有句：日久生情吗？只要彼此都爱着对方，那你们还会和好、爱是没有尽头的 。。。</t>
  </si>
  <si>
    <t xml:space="preserve">血沉呈阳性是怎么回事化验血沉的结果是呈阳性不知有何危机 </t>
  </si>
  <si>
    <t>正常情况下，血沉参考值：男性：0--15mm/h.女性：0--20mm/h.临床意义：对任何一种血沉增速的疾病，在病程内定期观察血沉的动态变化，可以帮助推断病变的发展情况。但血沉在诊断上并无特异性。血沉增快见于：1.生理性，女性月经期，妊娠后3个月至产后1个月，小儿和50岁以上的老人。2.急性炎症时，如肺炎、败血症、阑尾炎等。3.结缔组织病，如系统性红斑狼疮、来风湿性关节炎等。4.血液病，如严重贫血、白血病、多发性骨髓瘤等。5.梅毒、疟疾、铅、砒中毒，甲状腺机能亢进、肾炎和肾病。6.见于结核病和风湿病和活动期，如病情好转及趋于静止时，血沉减慢及恢复正常；记性心肌梗塞时血沉增快，而心绞痛时则无明显改变；急性阑尾炎病初24小时血沉正常，即使阑尾化脓或坏疽也如此，但当阑尾穿孔、脓肿形成或并发腹膜炎时，则血沉迅速增快；急性盆腔炎或宫外孕出血，于发病初期迅速出现血沉增快；而单纯卵巢囊肿不增快；手术后一周内，由于组织损伤而血沉增快。若在术后一周出现血沉增快，提示发生并发症。减慢见于红细胞增多症、严重肝损害、脱水和使用抗炎药物等情况。</t>
  </si>
  <si>
    <t xml:space="preserve">粘手机荧屏用什么胶水手机荧屏里进灰了荧屏拿了下来要再粘上 </t>
  </si>
  <si>
    <t>手机荧屏里进灰了荧屏拿了下来要再粘上可以用双面胶的。</t>
  </si>
  <si>
    <t xml:space="preserve">麒麟神兽坐骑怎么得到手? </t>
  </si>
  <si>
    <t xml:space="preserve">目前只有通过官方做活动 还有和有麒麟的玩家PK(前题是麒麟要带在身上) 希望你满意这个回答 </t>
  </si>
  <si>
    <t xml:space="preserve">孕妇的问题我想请教大家孕妇经常看电视会对胎儿发育有影响吗？应该注 </t>
  </si>
  <si>
    <t>您好，有些妇女因怀孕后各种活动减少，便用更多的时间看电视，以消磨时间。这种做法对胎儿是很有害的。据有关专家对每周接近荧光屏20小时近700名孕妇的调查，发现其中的20％的孕妇发生自然流产，而对每周接近荧光屏40小时的孕妇调查结果表明，自然流产发生率更高。电视机在工作时，显像管不断发出肉眼看不见的X射线，这些射线有一部分射到外边，对胎儿影响是不容忽视的，它往往容易使孕妇流产或早产，还可能使胎儿畸形，特别是对1～3个月的胎儿，危害更大。如果有时要看电视，距荧光屏的距离要在2米以上为好。另外，看电视久坐会影响下肢血液循环，加重下肢水肿，更易导致下肢静脉曲张；电视中的紧张情节和惊险场面，对孕妇来说，可以称为劣性刺激，有碍优生；看电视睡得过晚，妨碍孕妇的睡眠和休息，这一切对孕妇胎儿都不利。所以，建议孕妇少看电视，否则图一时娱乐而贻误下一代，到了流产或早产及生下畸形儿时，悔之晚矣。祝健康！</t>
  </si>
  <si>
    <t xml:space="preserve">哪个考研论坛视频资料最多 </t>
  </si>
  <si>
    <t xml:space="preserve">新东方，我用过，向上面的朋友说的你可以到BBS中下载免费的课件。你可以看看 </t>
  </si>
  <si>
    <t xml:space="preserve">有没有那个大神知道微博里面很多好看图片右下角都会有水印…怎么去掉? </t>
  </si>
  <si>
    <t>你想要的话最好就是私信下微博博主，让他给你发无水印的</t>
  </si>
  <si>
    <t xml:space="preserve">我的游戏截图问题我的游戏截图怎么复制打应啊帮帮我谢谢 </t>
  </si>
  <si>
    <t>你先用acdsee,photoshop或者其他看图软件把截图改成jepg,jpg模式后保存.否则你是不能直接看的。</t>
  </si>
  <si>
    <t xml:space="preserve">你们认为电影和书的出入大吗？ </t>
  </si>
  <si>
    <t>大，好多书上有的内容电影里没有，电影往往是根据小说改编而成的。</t>
  </si>
  <si>
    <t xml:space="preserve">R2武器打JR。。。。刷JR用R2武器是为了掉耐久度慢点和修武器 </t>
  </si>
  <si>
    <t xml:space="preserve">我是 专业刷子 对用R2刷精锐 还是有点研究的 现在 就说说吧  我家有3把 R2武器第一把 满属性R2 盾碎 5G2F2T 斧子 组队刷精锐 负责下冰凉 第二把 满属性R2 碎卫 5G2P2F 甲刀 组队刷精锐 负责找皮带顺便也能坐坐 任务第三把 满属性R2 碎卫 5G3F 铁鞭 组队刷精锐 负责炸蓝武将 也能刷不明 连自己方的武将一起解决 运气好 出6箱子个还是问题不大的   说实话 个人 感受 要是刷不明 还是铁鞭最效率 但前提是 你必须要会连炸 也就是说 不让他落地 一直炸 让他一直燃烧 用R2 不强化G 炸我方蓝武将 是11下 《是野武将 不是主将》  我也试过 阵狱刀 不行太慢了 虽然强化快了 但不能连炸 所以 我个人 认为刷不明 最佳武器 铁鞭 学会连炸后 其他武器没得比 </t>
  </si>
  <si>
    <t xml:space="preserve">请问用了电话密保，可是手机丢了，有什么办法，解除邦定啊。 </t>
  </si>
  <si>
    <t>请问用了电话密保，可是手机丢了，有什么办法，解除邦定啊。答：最快的方法是重新换张手机卡！如果没有办法更换手机卡，那只能给GM打电话解决了！怎么这个月光丢手机了，光问这问题得起码最少得有20多道！真服了你们了，还有一个上网吧通宵手机被人拿着跑的！那小子跟我也算朋友，也算仇人。真不知道跟他说什么好！</t>
  </si>
  <si>
    <t xml:space="preserve">长智齿频繁牙龈肿痛是怎么回事？我从前年就开始长智齿，一直长到现在 </t>
  </si>
  <si>
    <t>如果是由于智齿横向生长导致牙龈肿痛，这种情况要去医院检查、拍片后，如果智齿位置不对，影响了其他牙齿的正常生长，则需要拔除；如果只是萌出有困难，没有横生，也可让医生开个小口子助其萌出。   止痛片和抗生素对于这种智齿引起的牙痛效果不太好，原因是药力很难通过消化转化到达牙龈位置，因此西药对这种牙痛的消肿止痛效果并不太好。    可试试以下办法：外用生物口含片，通过口含直接作用牙根和牙龈部位消炎止痛；同时内服牛黄解毒片（要视个体情况及症状情况加量吃效果才好，可遵医嘱），牛黄解毒片的作用是通过“泻火”消除智齿引起的感染病源，出现腹泻即可停用。   双管齐下，对这种智齿引起的牙龈肿痛效果很好，也没有什么副作用。   如果一时无法去医院处理这种智齿引起的肿痛，您也不妨试试这个应急方法缓解痛苦。   希望本回复能给您带来帮助～～～参考广州牙齿网参考：牙病在线问答</t>
  </si>
  <si>
    <t xml:space="preserve">nokia3120的综合性能如何? </t>
  </si>
  <si>
    <t>性价比不错,并且以小N的口碑,机子是不错的.虽功能不多,但能打电话,发短信.对这么便宜的手机还能要求什么呢.</t>
  </si>
  <si>
    <t xml:space="preserve">影片播放时画面老是卡住播放一些从网上下载的视频文件时放着放着就画 </t>
  </si>
  <si>
    <t>你的意思是播放已经下载下来的视频文件时出现的情况，你最好从网上下载视频修复软件，下载下来的视频文件先用修复软件修复，再播放就好了。最好下载有注册码的修复软件，在百度中输入：‘视频修复器’搜索好了，一般有很多种类，自己挑选吧。</t>
  </si>
  <si>
    <t xml:space="preserve">召唤变身的装备是全穿吸血装好还是吸闪都有的好啊??我看到别的高级 </t>
  </si>
  <si>
    <t>的确，吸血和闪避都是有用的，但是对于遗迹和英雄岛来说，还是闪避好，毕竟闪避套很安全而且不需要修理，如果纯吸血的话要不少修理费用和时间。但是英雄岛以后的地图，就几乎可以忽略闪避的作用了，那时候就必须换吸血了。OVER~</t>
  </si>
  <si>
    <t xml:space="preserve">"问题设置为被推荐问题"是怎么回事 </t>
  </si>
  <si>
    <t>如果某条问题经过网友推荐后，编辑认为非常有价值或者是比较有趣，就会被确认为推荐问题。成为推荐问题后，问题页面上会加上一个黄色的大拇指图标，同时，提问人将获得10分奖励。在问题页，有一个大拇指图标，点击打开后，确认提交即可，编辑会在收到推荐后进行确认。</t>
  </si>
  <si>
    <t xml:space="preserve">P图高手进来谢谢有分嘿嘿帮我P有点动感的ID皖AZL888 </t>
  </si>
  <si>
    <t>我不会 多少希望我的回答可以给你增加点人气</t>
  </si>
  <si>
    <t xml:space="preserve">动漫界里的"女人"~~~注意,此图片的那个长头发的是男的~~~大 </t>
  </si>
  <si>
    <t>公主公主里的= =四方谷裕史郎= =男的....</t>
  </si>
  <si>
    <t xml:space="preserve">70极品跑鞋价格.高手来估个价.所有属性12..敏8.速度50. </t>
  </si>
  <si>
    <t xml:space="preserve"> 我给你估下 依照你的会员价格所有属性12 一卡半 敏8 怎么说呢 加的不多 少了点 200W 双速度 很值钱 105的速度 算不错的了两卡 防御100 只能说 可以酸陪村 不错的 400W 没有成品的话 四卡可以出手了 如果绿改了&lt;改成什么属性随便你了 加上成本 大家5卡的样子可以出手了 希望楼主能满意</t>
  </si>
  <si>
    <t xml:space="preserve">网上投简历是用邮件发送的吗？我想在网上应聘，可不知道怎么投简历， </t>
  </si>
  <si>
    <t>像有的 有人才网 都有现成的表格你认真填写找到你适合的职位投递就可以了希望你玩的开心</t>
  </si>
  <si>
    <t xml:space="preserve">同花顺怎么样？ </t>
  </si>
  <si>
    <t>认同的人逐渐增多，还有冲高潜力，可高抛低吸，但不宜长期持有。</t>
  </si>
  <si>
    <t xml:space="preserve">红魔曼联无缘16强谁要负责啊？ </t>
  </si>
  <si>
    <t>主教练弗格森没有人对弗格森为人有成见，没人可以不尊重这位曾经一手打造了曼联王朝的老人，但成绩带出的疑问和人们脸上的感伤也是事实。为什么在落后的形势下，迟迟不作出调整？为什么在左路已经成为对方的绿色通道时，却仍然无动于衷？……这场比赛也许弗格森有太多的问题需要回答，但是越过这场比赛，当曼联面对告别冠军联赛这一灾难性结果时，又岂是只有本场比赛暴露出来的这几个问题那么简单。贝斯特的哀悼活动随着他葬礼结束走向尾声，天才离曼联远去成了一句双关语。小小罗尽管声称自己会对得起前辈穿过的那件7号球衣，但回到故乡的他除了让老乡闭嘴和竖起中指，还留给人们什么印象呢？如今的曼联新秀中谁能扛起天才的大旗？弗格森力挺的红魔新青年完全让这位老人失望。不过作为主教练，弗格森在用人策略和排兵布阵，以及临场指挥上都出现了失误，他更应该对曼联出局承担责任。也许是斯科尔斯状态回勇让爵爷对曼联老将又憧憬无限，这场比赛他将吉格斯推上了首发，虽然这位老将个人技术发挥尚可，但同队友的协调却明显出现了问题。赛前传出要转会国米的威尔士人比赛中一再呵斥队友奥谢，导致后者紧张之情溢于言表，失误有增无减。这样一位老将竟然始终没有和队友形成组合拳，他目前的心态是否适合在这样关键比赛中登场？事实证明弗格森赛前的决定出现了判断性失误。当然这次用人失误仅仅是他对曼联球员进行更新换代不利的一个缩影。从贝克汉姆到基恩，曼联的核心一个个离去，92一代拆散了。但弗格森却没有拿出让曼联平稳度过的办法。赶走老将过于激进，导致新老球员之间的矛盾不断，早已经严重影响到这支团队的战斗力。平时曼联训练时，新老球员各自形成自己的小圈子，令人惊讶的是一向管理严格著称的弗格森却能容忍。看来人老了，即便是弗格森这样的“曼联伟人”也会犯糊涂。曼联队不是不该进行人员上的新陈代谢，而是改造不得其法。以基恩为例，如果希望这位曼联灵魂人物走人，那么就应该未雨绸缪，换心手术不该过于草率。本场比赛史密斯担任后腰，却让对手来去自如，对方的中场球员就在他的面前轻松调度，衔接左右两路。曼联队第一个失球就是个例子。曼联需要正常的新老更替，但目前老的状态下滑严重，小的过于稚嫩，新购入的球员还无法完全融入球队中去，弗格森尽管在人们面前显得自信满满，但曼联在冠军联赛上的出局却撕掉了自己所有的遮羞布。这次失利会让本已经因为内部动荡的曼联一蹶不振？按照弗格森的性格肯定说不，但赛前媒体所说这场比关爵爷去留也并非空穴来风。冠军联赛出局意味着金钱损失，这对渴望捞一票的美国老板格雷泽尔来说意味着什么？弗格森如果尚难自保，那么他的坚毅又能换来多少人的支持呢？毕竟人们对于他改造球队的结果很失望，在贝克汉姆、菲利浦·内维尔、基恩等人纷纷离队，在吉格斯也要远走国米的情况下，弗格森损失了太多的人气。曼联输了，让人感觉到这支球队心有余力不足。赛前包括小小罗纳尔多、弗格森、奎罗斯等人都在媒体面前拼命为自己球队打气，这样的情况对于以往赛前强硬但却并张扬的红魔来说恰恰说明了问题。口号救不了曼联，也救不了弗格森。本届冠军联赛小组赛，曼联除了中场不足，进攻更无法令人满意，勉强依靠并不坚固的防线在苦苦支撑，6场比赛1胜3平2负，总共才打进了3球，却丢掉了4球。情急之下弗格森甚至把希望寄托在刚刚打破22场进球荒的斯科尔斯身上，可是几多无奈。赛前弗格森说的话人们仍清晰记得，“这样的生死一战对于曼联来说见怪不怪了。”具有讽刺意义的是，却是人们对曼联输球的见怪不怪。这正是眼下这支曼联给人的真实感觉。”当有记者问弗格森是否担心输掉这场比赛有可能下课时？弗格森表示：“我对此拒绝回答，对于我的未来无可奉告。”那名记者感慨地说：“弗格森嘴上仍是那么强硬，可惜球场上他却做不到了。”</t>
  </si>
  <si>
    <t xml:space="preserve">寻龙高手请进请教高手怎么做寻龙最快啊？？？？你们1小时一般几次啊 </t>
  </si>
  <si>
    <t>先说寻龙需要的东西:1&gt;. 21~41.基本需要的东西到2级为止 。 矿类需要的只是普通原木一档的 ，怪掉的 材料需要密汁、露丸、石灰粉、元素碎片、元素之石、诱人的元宝、 钝爪、 利爪 之类 比较多，有时也会出现需要脂肪（可以在黑市商人那里买到，价格是2500，也可以建小号初杀小怪获得），原木等初级材料斗可以在黑市商人那里买到，因此部需要向玩家高价收购；2&gt;. 41~61.开始需要粗木一档的，偶尔会需要精木一挡的（不过很少）怪掉的需要元素碎片、元素之石、元素结晶、元素精华、诱人的元宝、鬼脸面具、兽骨、强酸、露丸、毒囊、鬼画符、遗失的包裹、完整的皮囊、牛黄及软筋等（软筋和牛黄极少用到，建议这两种材料打到后全部留着，因为这两种材料很难收购的到）；3&gt;. 61~81.开始需要精木一档的，偶尔会需要最高档材料，怪掉的需要元素结晶、元素之核、孟婆汤、阴阳符、勾魂牌、猛毒液、毒液、紫琉璃、蟠桃果；4&gt;. 91~99. 需要最高档的材料 ，怪掉的需要阴阳符、勾魂牌、猛毒液、毒液、紫琉璃、蟠桃果、元素之核 及孟婆汤等。 找人和打小怪和小BOSS都不是问题，现在大家的疑问就都是在材料的收集上 。小怪和小BOSS（有人说遇到小BOSS时，放弃任务，重新再做，个人认为那样做是不合适的，重做还不如找个人帮忙杀做的快啊）都是相应等级的怪物。寻龙所需要的材料基本包括了能找到的所有药材、矿产（每环节10个）及怪所掉特产 （每环节5个，只脂肪为10个）。当然，按等级的不同所需要的材料也有所不同 。其中所需矿产包括：原木、粗木、精木料、高级木料、媒粉、烟煤、无烟煤、初级焦碳、生铁、高碳刚、百练刚、初级合金钢、纱石、磨石粉、碎石、纲玉粉、钻杆虫、九香虫、雄黄、接骨木、紫丹参、藿香、木香、九里香、鹈鹕香、天仙子、婆罗子、千金子、蜂蜜、茯苓、木蝴蝶及醉仙露等。这其中有一些药材是采不到的，只有去药师（药师的商品列表里的药引一栏里）那里去买。如： 鹈鹕香、九里香、醉仙露、郁金香等等。 再说下寻龙的奖励: 各个阶段寻龙任务的名称以及任务所得的经验。这个是与级别有关的，分为：    1&gt;. 21~30级的寻龙之囚牛，所得经验为10500；　　2&gt;. 31~40级的寻龙之睚眦，所得经验为20500；　　3&gt;. 41~50级的寻龙之嘲风，所得经验为35500；　　4&gt;. 51~60级的寻龙之蒲牢，所得经验为50500；　　5&gt;. 61~70级得寻龙之狻猊，所得经验是61500；　　6&gt;. 71~80级的寻龙之霸下，所得经验为79500；　　7&gt;. 81~90级的寻龙之宪章，所得经验为91500；　　8&gt;. 91~99级的寻龙之宪章，所得经验为10~11万左右(具体是多少，偶不好说，因为偶才88级)。最后说怎么最快:那就是你3~6个寻龙同时做,自然的备一些材料了.</t>
  </si>
  <si>
    <t xml:space="preserve">《战火》体验区的游戏人物现在被移到哪个区了？我在去年暑假时玩过一 </t>
  </si>
  <si>
    <t>看看下载的客户端对不对，在下载面最下面的那个才是体验区，我开始也弄错了，在正版区把所有服务器都进了一遍以后才发现</t>
  </si>
  <si>
    <t xml:space="preserve">全抗13幸运7（2）的护身问价同上，银票2500 </t>
  </si>
  <si>
    <t>1.2亿</t>
  </si>
  <si>
    <t xml:space="preserve">魔兽世界官方在魔兽官方有2个插件可以下,请问下的那2个应该最安全 </t>
  </si>
  <si>
    <t>说实话，2个都差不多，不过目前大脚的数据库方面比较全面，下载大脚吧～～～官方网站的地址的确是最安全的，毕竟受攻击的可能性最小，但不是万无一失～～所以楼主可以根据上面的提示验证一下验证码～～＝＝＝＝＝＝＝＝＝＝＝＝＝＝＝＝＝＝＝＝＝＝＝＝＝＝＝＝＝＝官方网站当然也有可能受到攻击，但是如果楼主入侵了官方网站，第一时间是给魔兽的安装程序移植木马，还是给插件种木马呢？？当然，如果哪个人把官方网站的所有内容都攻击了，那么所有人都无语了～～～至少一个官方的网站比私人的安全得多的～～还有，下载安装的位置上面有验证码，楼主可以根据验证码检查一下下载的程序是否有被改动过～～～如果楼主本来的电脑就有木马，那当然是另当别论了～～那是电脑的安全问题，不是插件的安全问题了－－！双重密码也会被盗，但是就像信用卡一下，不管设置密码与否都会被盗，那么楼主是否希望增加一种防范措施呢？？</t>
  </si>
  <si>
    <t>英语</t>
  </si>
  <si>
    <t>B 确切的说不行</t>
  </si>
  <si>
    <t xml:space="preserve">CS优化怎么弄最好是机器本身的优化以及CS的优化命令我家的机器不 </t>
  </si>
  <si>
    <t>cl_dy然后按Tab然后空格，然后输入0</t>
  </si>
  <si>
    <t xml:space="preserve">请问600875是怎么回事？这几天东方电气一直在徘徊，不涨也不跌 </t>
  </si>
  <si>
    <t>600857: 还可以，放量过了半年线之后目前方向选择。 向上的可能性大，临盘确认向上时，可大胆跟进</t>
  </si>
  <si>
    <t xml:space="preserve">大舌头这首歌是谁唱的？ </t>
  </si>
  <si>
    <t>吴克群```哈哈,喜欢听歌,知道一些```不过我看新闻说有一个小孩学这个歌变成结巴了,你要小心哦````HOHO</t>
  </si>
  <si>
    <t xml:space="preserve">这是蚜虫吗？我去旅游时，在旅馆的床上，到了夜间就有很多红色的蚜虫 </t>
  </si>
  <si>
    <t>可以肯定地说不是蚜虫，蚜虫是绿色或黑色的。蚜虫也不咬人。至于是什么虫子，没看见，只能说是不知道。</t>
  </si>
  <si>
    <t xml:space="preserve">我还爱他吗　我的初恋情人我现在有男朋友　是已经快谈婚论嫁的那类　 </t>
  </si>
  <si>
    <t>每个人的心底都有一块柔软的地方,存放着初恋或是其他.除了真的付出过,还因为那个地方有过自己的憧憬,加上了自己的想象....还是把他放在心底,珍惜眼前人吧.</t>
  </si>
  <si>
    <t xml:space="preserve">祝大家新年快乐情人节也快乐!!!!!!!1 </t>
  </si>
  <si>
    <t>祝贴主也好运啦，虎年事事如意~</t>
  </si>
  <si>
    <t xml:space="preserve">2008年那个省建的高速公路最多国家08年规划的哪个省所建的高速 </t>
  </si>
  <si>
    <t>以前不知道，5月12日后便是四川省了，哀</t>
  </si>
  <si>
    <t xml:space="preserve">公积金转增资本有什么意义 </t>
  </si>
  <si>
    <t>公积金转增资本，是指公司盈利的一部分，按规定为公积金，有的公司公积金多了，用来增加公司的资本，有的是送股，增加资本相当于上市公司的资本量增加。</t>
  </si>
  <si>
    <t xml:space="preserve">为什么我下载好了可是不呢感更新呢？游戏下载好了可是点出来了不能更 </t>
  </si>
  <si>
    <t>你这个问题我可以教你滴。因为我和你碰到的问题一样。呵呵不知道为什么。现在新装的游戏就是不能更新。所以很急人。不怨任何原因的。我因为这个搞了整整3天，什么方法都用了。各个系统都装了。还是不行。你只有一个办法。那就是把自己的硬盘拿下来。到朋友家或网吧去拷贝一个别人能玩的天堂2客户端，就直接可以更新。可以玩了，</t>
  </si>
  <si>
    <t xml:space="preserve">武汉哪里有这种药啊？？有一种药叫“米诺西地”，又叫“塔伦米尔。。 </t>
  </si>
  <si>
    <t>到汉阳或者吴家山 随便哪家医药公司营业大厅都可以买其它地方有的卖的 医药公司都有卖 营业大厅可以零售</t>
  </si>
  <si>
    <t xml:space="preserve">怎么今天我没收到登录奖励的w卡啊??今天登录没收到w卡啊，昨天玩 </t>
  </si>
  <si>
    <t>有可能是网速不好  明天再上   应该就会补上了我刚才是正常收到卡了  这个游戏经常出现你说的那个情况 一般都是过几天会补上的</t>
  </si>
  <si>
    <t>昏昏欲睡人迟钝</t>
  </si>
  <si>
    <t>困中木</t>
  </si>
  <si>
    <t xml:space="preserve">大家觉得帕萨特B6怎么样看外观挺好的不知道柴油的是什么价格， </t>
  </si>
  <si>
    <t>很好啊，但是买进口的就不划算了，价钱都够买奥迪A6L了。</t>
  </si>
  <si>
    <t xml:space="preserve">我老公特别在乎钱，我很烦，怎么办？我是马大哈型，老公是精打细算型 </t>
  </si>
  <si>
    <t>简单让他当家好了啊--反正肯定要一个人会持家的啊。。。对呵</t>
  </si>
  <si>
    <t xml:space="preserve">看这70力剑值多少钱我区是天时地利，70的力绿剑TS1400，连 </t>
  </si>
  <si>
    <t>高伤力剑好啊。粉得好，绿得不好。改4了5000W吧</t>
  </si>
  <si>
    <t xml:space="preserve">天津到泰山准备和女友先到天津看朋友,然后直接到泰山去玩,坐火车的 </t>
  </si>
  <si>
    <t>你好：一、天津到泰安以现在的车速，大约也就三个小时左右。所以建议最好坐早上5——7点间南下的列车（或汽车）。能早尽量早一点，上山凉快些。二、登泰山，关键是一个登字。考虑到你女友的体力，建议你们坐汽车到中天门。十八盘是一定有徒步上去的，否则是体味不到登泰山的乐趣了。山下的景点如岱庙、碑林可以在下山以后再玩，这样上山时间比较充裕。如果你们打算从山底下沿石阶梯一直登上去，那自然有更多的风景和乐趣，但人会很累，而且得有走4个小时以上的打算。并且一定要多带些水和干粮，包括山上吃的。三、建议你们住在山上。虽然山上住宿条件差一点，价格高一点，但为第二天泰山观日创造了有利条件，应该是值得的。要节约的话。可以和别的游客拼房间，或和女朋友分开住。四、不知道你们的预算是多少？如果只去泰山的话，两天就可以搞定的。你们可以在第二天中午前后下山，坐晚上的车回天津。这样的话有800——1000元应该够了。当然得省着点化。</t>
  </si>
  <si>
    <t xml:space="preserve">任务烦恼：正果任务在华清池该怎么取得净水？我接受了渔人张稍所委托 </t>
  </si>
  <si>
    <t>正常应该走到自动跟踪的坐标就自动有提示了</t>
  </si>
  <si>
    <t xml:space="preserve">我三十岁了脸上很多皱纹，不知道该怎么办？长期用去皱面膜会使毛孔变? </t>
  </si>
  <si>
    <t>长皱纹是正常的衰老表现。不过三十岁就皱纹满面似乎早了一点。以下建议试试看吧：1.全方位：使用全套抗皱去皱护肤品，而不仅仅是面膜。LANCOME再生青春或是紧致系列，ESTEE LAUDER 无痕抗皱系列或是双重白金滋养系列（效果好，就是贵），DIOR CAPTURE R60/80系列（很经典的系列），BIOTHERM橄榄叶青春系列，此外CLARINS，HR都有相应的产品。根据你的经济实力和个人爱好选用。从爽肤水、日霜、晚霜、精华素到面膜全方位的护肤，坚持一段时间，会有改善的。    2.肉毒杆菌注射：如果想要短时间内有明显的效果，可采取肉毒杆菌注射。不过价格昂贵，维持时间不长，风险大。而且如果要做，一定要到正规医院做，千万不要在没名的美容院做。宝贝的脸蛋千万要小心对待的。3.拉皮手术；对于你这个年龄似乎早了点。 良好的护肤习惯是不会造成毛孔粗大的。毛孔粗大的原因可能有1.皮肤衰老，真皮层支持力减弱2.深层皮脂长期不能清除干净。所以，清洁，护肤，保养一个也不能少，一个也不能马虎希望你能早日改善目前的状况。</t>
  </si>
  <si>
    <t xml:space="preserve">哥哥姐姐们有谁能知道关于光电开关的详细资料的告诉我好吗？我用一个 </t>
  </si>
  <si>
    <t xml:space="preserve">此网址有你需要的详细资料:         </t>
  </si>
  <si>
    <t xml:space="preserve">什么是PC网络的PC指什么 </t>
  </si>
  <si>
    <t>能独立运行、完成特定功能的个人计算机。个人计算机不需要共享其他计算机的处理、磁盘和打印机等资源也可以独立工作。今天，个人计算机一词则泛指所有的个人计算机、如桌上型计算机、笔记型计算机、或是兼容于IBM系统的个人计算机等。</t>
  </si>
  <si>
    <t xml:space="preserve">随便问问好新鲜的东西~~试试哈~~其实没什么问的~呵呵~~ </t>
  </si>
  <si>
    <t>就是好新鲜,其实也没什么答的,哈哈</t>
  </si>
  <si>
    <t xml:space="preserve">调整显示器分辨率的问题我的显示器分辨率现在只能调整三个！驱动没有 </t>
  </si>
  <si>
    <t>显卡??? 你们真能砍  是显示器的问题</t>
  </si>
  <si>
    <t xml:space="preserve">一道作业题好难1.须鲸（主要）吃虾和小鱼.2.鲸隔一定的时间（必 </t>
  </si>
  <si>
    <t>1强调鲸食物的主要来源，去掉后给人感觉是鲸只是吃小鱼小虾，无法体现食用比例2强调呼吸对鲸的重要性，去掉后无法表现这种强调3体现了该事件发生的频率，突出了鲸的群居特点，去掉后无法表现鲸的这一特点启发：恰当地使用副词能使句意更明确。</t>
  </si>
  <si>
    <t xml:space="preserve">国王VS开拓者，比赛结果如何？ </t>
  </si>
  <si>
    <t>105:85,国王获胜。</t>
  </si>
  <si>
    <t xml:space="preserve">关于一个心电图是两个起搏点互相竞争吗怎样诊断 </t>
  </si>
  <si>
    <t>I导联的第4个P波提前出线，P'-R大于0.12秒，落在前一次心动周期的T波内，使其形态发生改变。P'与前一个P波的间距小于2个正常窦性心律P-P间隔之和。代偿间歇不完全V2导联的R1、R2、R3的P波消失形成三联律。V4导联中R6、R7、R8的P波消失，形成三联律诊断：房性早搏呈三联律</t>
  </si>
  <si>
    <t xml:space="preserve">真正的正品玛瑙象棋多少钱一幅啊，在哪儿能买到？ </t>
  </si>
  <si>
    <t>朋友啊，你这问题说大不大，说小不小。    玛瑙象棋多少钱？要我说个准数可真不好说，各家的卖价是很不一样的。你上淘宝上一看就知道，有的三四百，可有的却要七八百。玛瑙象棋真正值钱的地方是玛瑙。如果是一百年前的，那时加工技术没有现在先进，全是人工雕刻，很费时费力，它的人文价值是很高的，自然价值高，一幅过万也不算昂贵的。随着技术的发展，现代的玛瑙制品比那时便宜多了，一幅玛瑙象棋定价在400—800间都是合理的，当然如果外包装很好的话，要更贵一些。   其实，在中国而言，天然玛瑙最大的产地是辽宁阜新，中国玛瑙市场百分之八十多的出自那里，有玛瑙之都的称誉。平时你要是喜欢宅在家，不爱出门的话，淘宝一找就会出来很多的。上边有不少出售玛瑙的商家，当然，这其中有很多就是辽宁阜新的淘宝店铺。如果你要找既有独立网站又有淘宝店的店铺的话，这样的也有，在玛瑙制品行业，论口碑比较好的，爱韧玛瑙王就是其中一家，在玛瑙行业，定价比较合理，比一般商铺要便宜不少，当然，这是个人意见，你可以去它的网上逛逛看看。   真正的玛瑙象棋是很好看的，无论是还是使用，都值得一买。我家有两幅，原先因为一次偶然机会买了一幅，孩子贪玩弄丢了一粒棋子，不好配子，索性又买了一幅。网上很多地方说玛瑙制品冬暖夏凉，个人看来，并不是那么回事。如果真是那样，那玛瑙制品不就是个取暖器了吗？其实冬天它也是很凉的，只不过唔久了就会热，不同的是，离开了热源后不会像普通石头那样很快凉下去而已。   平时啊，你要是在家不愿意出去的话，或是附近没有实体店，在网上好好看看吧，希望你能找到一幅自已喜欢的...</t>
  </si>
  <si>
    <t xml:space="preserve">福克斯引擎盖锁芯塑料件爪头断了一个，问了几家都说要全部更换锁具总? </t>
  </si>
  <si>
    <t>这个问题自己搞下就可以了,要不了几个钱,</t>
  </si>
  <si>
    <t xml:space="preserve">在公司里，日常就餐后，如何防止口气在公司吃又不可能刷牙只是溯口而 </t>
  </si>
  <si>
    <t>尽量吃些清淡类的事物，吃完饭之后喝茶，或者嚼几片茶叶，还可以吃口香糖，口香糖能清新口气兼有清洁牙齿和口腔的功能。</t>
  </si>
  <si>
    <t xml:space="preserve">中国十大电动车名牌都有哪些，详细的？ </t>
  </si>
  <si>
    <t xml:space="preserve">结合各大电动车品牌特点及用户满意程度，列出中国十大电动车品牌希望可以帮到你： 一、 爱玛电动车（电动车十大品牌，销量高，产品以时尚为核心，质量服务有保证） 二、 小刀电动车（电动车没电也能跑） 三、 雅迪电动车（生产电动车历史较长品牌，品质保证） 四、 绿源电动车（电动车十大品牌，值得信赖） 五、 新日电动车（电动车品牌，智能化，科技性强） 六、 立马电动车（十大品牌，动力大） 七、 阿米尼电动车 （用户满意，服务强） 八、 小鸟电动车（车身轻，方便搬运） 九、 捷安特电动车（老品牌，质量好） 十、 雅马哈电动车（自行车名气响） </t>
  </si>
  <si>
    <t xml:space="preserve">请问有没有适合给排水工程专业的职位？ </t>
  </si>
  <si>
    <t>有的啊，新浪为此专门开辟了一个专栏，请看：请看： 2005年中央、国家机关公务员录用考试公告　　中共中央组织部、人事部将组织实施2005年中央、国家机关以及中央国家行政机关派驻机构、垂直管理系统所属机构(103个部门)考试录用担任主任科员以下非领导职务的机关工作人员和国家公务员(约8400人)工作。现将有关事项公告如下……&gt;&gt;&gt;&gt;全文 [发表评论] •2005年公共科目考试大纲及样题　　公共科目考试内容及结构本次公共科目笔试分为《行政职业能力测验》和《申论》两个科目。本考试务必携带的文具有：签字笔或钢笔(最好为黑色签字笔)、2B铅笔和橡皮答案作答在指定位置上，在非指定位置作答的一律无效……&gt;&gt;&gt;&gt;全文 •如何进行网上报名等相关疑难解答　　网上报名及查询的具体步骤：1、进行“新用户注册”。2、进入“职位查询及报名”(报名时间：10月16日-26日)3、进入“报名资料更改”。4、进入“资格审查结果查询”(查询时间：10月18日-28日)5、考生注册信息（密码）修改。6、浏览报名情况。7、考生考试成绩查询……&gt;&gt;&gt;&gt;详细报名步骤•公务员报考简章及职位查询(17日14:00更新)•2005年公务员考试报名登记表(下载)•2005公务员考试报名推荐表(下载)•中央、国家机关2005年招考政策•报名确认如何办理及准考证的办理•公务员考试考务及招考政策咨询电话 &lt;&lt;…正式报名10月16日起，可由左侧链接进入：祝好！</t>
  </si>
  <si>
    <t xml:space="preserve">如何给视频文件夹加密？一些重要视频文件夹加密应该怎么办？ </t>
  </si>
  <si>
    <t>给视频文件加密，我建议您使用文件夹加密软件文件夹加密超级大师具有界面漂亮友好、简单易用、稳定无错、功能强大和兼容性好等特点。经文件夹加密超级大师加密的文件(夹)可以防止访问、防止删除、防止、拷贝，内容只有您知道。使用起来，只要点击需要加密对象的右键即可轻松实现。解密只要双击已 加密对象输入密码即可轻松搞定。</t>
  </si>
  <si>
    <t xml:space="preserve">怎么看出款项已经到账？我怎样才能知道一笔款项是否已经到了公司的帐 </t>
  </si>
  <si>
    <t>如果有网上银行可以直接在网上查，如果和银行关系好可以打电话问某笔款项是否到帐，还可以叫客户将其付款的银行水单传真给你看。银行对帐单一般是核对当月银行账的，及时性差一些。</t>
  </si>
  <si>
    <t xml:space="preserve">我老婆给我生了个儿子，全家都好高兴哦，可是老婆却患上了产后抑郁症? </t>
  </si>
  <si>
    <t>可以进行以下调养：  1.加强食物的营养  2.锻炼身体 ，散散步  3.保持一个良好的心态产后抑郁可通过改变生活习惯，保持良好的心态和愉悦的心情，家人要时刻关心和照顾患者，严重的话就要及时去医院治疗，像广东省民安医院治疗抑郁就很不错的，当然涉及到女性心理变化导致的产后抑郁情况，应以心理安慰及家人对产妇的适当照料与支持为主。祝早日康复！</t>
  </si>
  <si>
    <t xml:space="preserve">冒险弓+属性的问题冒险弓+属性需要多少宝石啊，大概要多少钱，想买 </t>
  </si>
  <si>
    <t>呵呵  人家要加就加拉 冒险+属性需要10级石头+339个B宝石10级石头可以去QY精品店拿CJ和DJ换 B宝石商店有的买你可以自己去算下价钱!</t>
  </si>
  <si>
    <t xml:space="preserve">给黑爷拜个早年祝您健康长寿 </t>
  </si>
  <si>
    <t>谢谢！龙年同乐，给你红包~~</t>
  </si>
  <si>
    <t xml:space="preserve">恋爱中的男女身体接触在婚恋网站认识一男生，各种主动，各种对我好， </t>
  </si>
  <si>
    <t>日久见人心，需要3个月观察，6个月做决定小心，别冲动，恋爱的人是晕的，当局者迷，旁观者清。你没问题，问题在他。祝早日找到真爱。</t>
  </si>
  <si>
    <t xml:space="preserve">推荐款20万左右的车呗，帕萨特1.8T标配和C5的2.3哪个好，? </t>
  </si>
  <si>
    <t>20W左右推荐你大众迈腾，这车很大气！C5后期不便宜的...推荐帕萨特，不过后期保养比C5贵，带T的保养都贵的，不过动力充沛，请设置有用谢谢</t>
  </si>
  <si>
    <t xml:space="preserve">足彩06026期14场16元大比拼,本人没有很多资金,看球时寻个? </t>
  </si>
  <si>
    <t>博尔顿 15日19:45 切尔西 0阿森纳 15日22:00 西布朗 3埃弗顿 15日22:00 热　刺 0富勒姆 15日22:00 查尔顿 31纽卡斯 15日22:00 维　冈 31朴茨茅 15日22:00 米德尔 31西汉姆 15日22:00 曼　城 1卡利亚 15日21:00 尤　文 1切　沃 15日21:00 梅西纳 0拉齐奥 15日21:00 利沃诺 3莱　切 15日21:00 乌迪内 0雷吉纳 15日21:00 阿斯科 3巴勒莫 15日21:00 罗　马 1特雷维 15日21:00 佛罗伦 0</t>
  </si>
  <si>
    <t xml:space="preserve">长时间坐着导致睾丸很疼是怎么回事? </t>
  </si>
  <si>
    <t>答： 睾丸肿痛的主要原因是由睾丸炎引起的，睾丸炎患者常常出现睾丸疼痛，并向腹股沟放射，有明显的下坠感觉，并伴有高热、恶心、呕吐、白细胞升高等，同时睾丸肿大、压痛非常明显，阴囊皮肤红肿。答：你好，你的情况是睾丸炎，睾丸炎是男科常见疾病，引起睾丸炎的原因很多，譬如感染、外伤，肿瘤都可以引起。睾丸炎临床上主要分为急性化脓性睾丸炎和腮腺炎性睾丸炎两种。急性化脓性睾丸炎的主要表现为发病较急，发热恶寒，一侧或双侧睾丸肿大疼痛。腮腺炎性睾丸炎主要表现为睾丸肿胀疼痛，红肿发热，继发于腮腺炎之后。祝你健康！答：你的情况考虑为棈鎍静脉曲张或附睾炎，跟坐姿不对或伴有感染有关，需到普外科检查明确。</t>
  </si>
  <si>
    <t xml:space="preserve">皮肤瘙痒近日，皮肤一痒，挠一下就会起抓痕，而且鼓出皮肤，一会就痒 </t>
  </si>
  <si>
    <t xml:space="preserve">巧治皮肤瘙痒八妙方！    　　皮肤瘙痒症，多发生在气候干燥的秋冬季节。认为，本病多为气滞血淤所为，当以凉血化淤、祛风止痒论治。根据临床经验，介绍几则外治效方，供选用。  1.　　药醋疗法：　　取苦参100克，加入食用白醋适量，浸泡3～5天即成。每日洗浴时，加入苦参醋液30～50毫升于浴水中洗浴，或用棉签蘸药液外搽瘙痒处，每日2～3次，连用5～7天。　2. 药酊疗法：　　取夜交藤、鸡血藤、乌梢蛇各20克，加入上等白酒适量，浸泡1周即成。每日洗浴时，加入药液30～50毫升于浴水中洗浴，连用5～7天。　　推荐：瘙痒，一般都认为是由皮肤疾患引起的，但有些瘙痒，特别是明显的、持续性的或复发性瘙痒，无任何先兆或伴有皮疹的瘙痒，则往往是多种疾病的信号。    3.　　药浴疗法：　　取荆芥、防风、苦参、丝瓜络、蛇床子、当归各30克，水煎取汁，放入浴盆中洗浴，每次10～20分钟，每日2～3次，每日1剂，连续5～7天。　4.　填脐疗法：　　取红花、紫草、山栀、大黄各等量，研为细末，加冰片适量，混合均匀，装瓶备用。使用时每次取药末少许，加凡士林调成糊状，外敷于肚脐孔处，敷料包扎，胶布固定，每日换药1次，连用1～2周。　　推荐：皮肤瘙痒是日常生活中每个人都会碰到的事，只不过有些是暂时的、偶尔的、局部的皮肤瘙痒；而有些是长期、反复、全身性的皮肤瘙痒。　　5.足浴疗法：　　取苦参、癣皮、蛇床子、虫衣、红紫草、防风各10克，水煎取汁，放入浴盆中，待温时足浴，每日2次，每次10～30分钟，每日1剂，连用5～7天。　　6.填足疗法：　　取刺蒺藜、何首乌各等量，研为细末，装瓶备用。每晚洗浴后，取药末适量，加米醋少许调为稀糊状，外敷于双足心涌泉穴，敷料包扎，胶布固定，每晚贴敷，次晨取下，连用7～10天。　　　　7.醋加甘油治瘙痒：　　醋里含有的酸性物质和醛类化合物能使毛细血管扩张，对皮肤有刺激作用。甘油能软化皮肤并保持水分。　　配置的方法：将白醋与甘油按3∶7的比例混合，每天1次或每星期2～3次，浴后立即涂抹患处的皮肤。　　8.大枣绿豆治瘙痒　　配置的方法：大枣20枚，绿豆100克，猪油1匙，冰糖适量，加水共煮至绿豆开花即可服用，每天服1剂，分几次服下，一般服1周即可减轻瘙痒感。 </t>
  </si>
  <si>
    <t xml:space="preserve">听故事猜成语…从前有个人姓叶…有次在市集上见到放珠子的盒子雕着龙 </t>
  </si>
  <si>
    <t xml:space="preserve">一  XXOO意思是：狼狈为奸、二  成语是：买椟还珠三 是：天真幼稚 </t>
  </si>
  <si>
    <t xml:space="preserve">防御3的值多少钱 </t>
  </si>
  <si>
    <t>老区不超过10W  新区15~20W</t>
  </si>
  <si>
    <t xml:space="preserve">急急急！18个月的男宝宝身高只有75厘米怎么办？我家宝宝平时好动 </t>
  </si>
  <si>
    <t>孩子的身高中后天因素占40%，你们夫妻的身高怎么样，在标准值以上吗？除了吃补钙的药和鱼肝油外最好能在饮食上补一些，孩子活动量大，怎么可以只吃饭呢，多给他吃一些菜、蛋、奶、肉类的，比药补好。如果去查微量元素最好在查锌的同时也查铅。而且你宝的饮食习惯不好，虽然说孩子总是贪玩的，但是吃饭这么费劲总是对他不好的，饿一次没关系，让他找到想吃饭的感觉对他的胃口改善有很大帮助。</t>
  </si>
  <si>
    <t xml:space="preserve">如何给猫猫修剪爪子？ </t>
  </si>
  <si>
    <t xml:space="preserve"> 作为宠物，猫猫的爪子就应该经常修剪。很多主人为此而烦恼：它老是动来动去，不知道如何下手。其实，这还得讲究一点技巧的——— 　　把猫猫抱在怀里，用左手将猫要修剪爪子的一肢固定，稍用力按压猫的趾尖便可使爪子伸出来；右手持猫用指甲剪将猫爪前端的角质部分剪除；然后用指甲锉磨光滑。 　　修剪爪子的时候不要剪太多，误伤猫脚趾的神经和血管，引起疼痛和出血的话，猫咪以后就不愿意修剪爪子了。爪子每个月修一次则可。 </t>
  </si>
  <si>
    <t xml:space="preserve">我０６年夏天生了肛周脓肿，打消炎针很长一段时间没用，咨询了医生他? </t>
  </si>
  <si>
    <t>你好象有瘘管,所以最好的方法是手术.肛门周围不容易清洁很容易感染.有时你从外面看始乎伤口长好了,其实里面还是没有愈合,所以去医院治疗吧! 手术的目的是切除腐烂的皮肤,让下面的真皮好好生长,所以可以彻底解决问题.</t>
  </si>
  <si>
    <t xml:space="preserve">8888：请我吃饭？说好什么时侯？ </t>
  </si>
  <si>
    <t>你帮我推荐几只股票啊？真的！手好痒！不赚--吃排挡，小赚--吃饭馆，大赚--包酒店，还把小狐狸拉上唱几首歌，好吗？</t>
  </si>
  <si>
    <t xml:space="preserve">巴比伦空中花园为什么会消失? </t>
  </si>
  <si>
    <t>消失于战火。资料：住在巴比伦北面的亚述人十分强悍。公元前8世纪（中国已经进入春秋时代），亚述成为一个庞大的帝国。巴比伦被它征服了，叙利亚、腓尼基、巴勒斯坦、小亚细亚、埃及，也都先后归入它的版图。除了希腊和意大利，地中海沿岸几乎都被它占领了。亚述的首都叫尼尼微，那里修建了许多宏伟的宫殿。 公元前612年，居住在巴比伦的迦勒底人联合东边的米堤亚人进攻亚达。他们手执带血的长矛和盾牌冲进了尼尼微。全城居民遭到屠杀，甚至连儿童也不能幸免。亚述最后一代国王辛沙立希孔和他的宫殿一起被烧成灰烬。从此，这个庞大帝国连同它的首都就从地面上消失了。 底格里斯河边有两堆很大的荒丘，据说是尼尼微的遗址。1845年，英国人拉雅得在这里发掘出两座亚述王宫，发现了著名的带有双翼的人头牛身巨大雕像和许多精美的石版雕刻。后来他继续挖掘，三年中又挖出28座王宫大厅。但是，这里并不是尼尼微，而是亚述的另一个城市，叫卡拉。真正的尼尼微在卡拉以北六七十公里的地方。1849年，拉雅得在这里找到了西努基立王（公元前700多年）的大宫殿遗址。这座宫殿曾经遭到米堤亚人的焚毁。许多刻有图画和楔形文字的泥版还有大火烧过的痕迹。王宫的两间藏书室堆满刻有楔形文字的大大小小的泥版。最大的一块长3米，宽2米多，最小的还不到1寸长，只刻着一两行文字。这些泥版就是2500多年前亚述的图书，内容很丰富，包括历史、法律、宗教和自然科学等方面的知识。过了几年，考古学家拉萨姆又发现了亚述巴尼拔王的王宫大殿和另一处王宫藏书室。藏书室内收藏的泥版文书上，刻有许多关于亚述和巴比伦的神话。亚述的宫殿是由成千上万的奴隶修建的，他们多半是亚述人在战争中掠夺来的俘虏。奴隶劳动的时候，有的带着锁链和脚镣，有的被铁索相互牢牢地系在一起。旁边还有手执武器的兵士监视着。反映这些场面的图画也被发掘出来了。在尼尼微发掘出来的大量文物，使我们能够清楚地了解亚述帝国兴衰的历史。 战胜了亚述的迦勒底人在巴比伦建立了一个新的国家。为了和那个被亚述灭掉的古巴比伦王国区别开，人们把它叫做新巴比伦王国。新巴比伦国王尼布甲尼撒，把首都巴比伦城建成一座堡垒般的城市。它的规模就是用今天的标准来看，也是非常壮观的。城市是方形的，每边长22．2公里。围绕城市的城墙大约有8．5米高，是用砖砌和油漆浇灌而成的。四匹马拉的战车可以在宽阔的城墙上奔驰。全城有100扇用铜做成的城门。城墙周围还有很深的护城河。幼发拉底河从城墙下流进来，穿城而过。巴比伦城里还有一座很大的皇宫，皇宫内修建了一个“空中花园”，被后世称为世界七大奇迹之一。</t>
  </si>
  <si>
    <t xml:space="preserve">摄影．打一成语． </t>
  </si>
  <si>
    <t>相机行事</t>
  </si>
  <si>
    <t xml:space="preserve">小学数学小兰买一个文具盒和5枝铅笔,共用15.05元,一个文具盒 </t>
  </si>
  <si>
    <t>解：设一枝铅笔Ｘ元，则一个文具盒的价钱是３０Ｘ元　　　３０Ｘ+５Ｘ＝１５.０５　　　　　　　３５Ｘ＝１５.０５　　　　　　　　　Ｘ＝０.４３（一枝铅笔０.４３元）　　　　０.４３*３０＝１２.９（元）　　　　　（一个文具盒的价钱是１２.９元）</t>
  </si>
  <si>
    <t xml:space="preserve">我妹妹脖子上长了个淋巴结，就前几天又多了几个出来，那个大的都有大? </t>
  </si>
  <si>
    <t>炎症。部位不同结果不同。去小儿科吧！</t>
  </si>
  <si>
    <t xml:space="preserve">猎人无限单刷英雄围栏现在LR还能单刷英雄围栏么，能无限刷么？如果 </t>
  </si>
  <si>
    <t>可以单刷老1老3,2号BOSS龙虾有远程冰箭所以无法单刷.第一步利用台阶杀掉老1不多说了;然后去引老3(方法有视频这里不罗嗦了),同样利用台阶杀掉,然后死出去(出FB快,省时间),跑尸FB复活,出FB,改难度为普通,进FB杀一只青蛙,就在门口(当然你也可以杀一只怪),出FB改难度为英雄,好了,FB中老3应该被重置出来了.(个人思考得出的原理:老2没杀的情况下,后面被杀的BOSS似乎是被作为小怪被系统记录,不知道其他FB是不是这样,但是其他FB好象都要一路杀过去的吧).</t>
  </si>
  <si>
    <t xml:space="preserve">TWINS的的哪几首歌最好听 </t>
  </si>
  <si>
    <t>下一站天后风筝与风恋爱大过天多谢失恋这些都很好听，其他也都不错反正我喜欢TWINS的所有歌曲 呵呵</t>
  </si>
  <si>
    <t xml:space="preserve">NBA2KOnline是不是正宗的哦？ </t>
  </si>
  <si>
    <t>答：绝对正宗啦！是Take-Two旗下的知名品牌《NBA 2K》系列篮球游戏为产品原型，基于互联网环境共同打造的一款新的体育类网络游戏，单机版的玩过吧，去看看OL版的视频吧，效果蛮不错的，而且是NBA官方授权的第一款游戏啊，这个绝对不是瞎扯淡。目前国服由腾讯代理，截止到现在已经封测三次了，相信过不了多久就能跟我们玩家见面了！</t>
  </si>
  <si>
    <t xml:space="preserve">男人的痛，女人不懂女人永远也不知道男人为什么要学会坚强?因为他们 </t>
  </si>
  <si>
    <t>男人的坚强是用来对付男人的，与女人何干？女人把男人当作毕生的事业，男人痛，女人也许不懂，但是女人更痛。女人是柔弱的，但是女人愿意用绵密的爱，一生呵护男人。</t>
  </si>
  <si>
    <t xml:space="preserve">颈椎病的治疗我爱人还不到三十，颈椎病就颇为严重，这几天经常眩晕还 </t>
  </si>
  <si>
    <t>有可能是由于颈锥疾病而引起了脑供血不足，从而出现了叫“美尼尔氏综合症”的疾病情况出现，在患病时，会有比较明显的眩晕症状的。如果是颈锥疾病引起的，则可以到医院的骨科去检查明确后，再根据医生的治疗方案进行治疗。</t>
  </si>
  <si>
    <t xml:space="preserve">血压16/10什么意思体检上写血压16/10正常吗 </t>
  </si>
  <si>
    <t xml:space="preserve">    就是收缩压16千帕斯卡&lt;压强单位&gt;,舒张压10帕斯卡的意思.现在它们都处于正常范围.</t>
  </si>
  <si>
    <t>360，超级巡警,卡卡安全助手，金山清理王</t>
  </si>
  <si>
    <t>主要是看你的配置了,如果是配置还可以的,在两年内配的基本就成。系统配置的安全软件有几种分类：一、你要打系统补丁，这个你最好找专业性的，不过象我一般装的系统就是XP雨林版或者是XP猪猪猫版，虽然都是GHOST安装系列版（也就是部分软件、补丁和驱动程序的集成版），一般来说不太稳定，但是在我平时安装软件还有删除软件频率不太高的情况下，还是比较耐用的。这里要说明的是，系统补丁就象是金库的库墙，杀毒软件种种那是防盗门，门哪怕再结实，你也得考虑墙的厚薄！~二、要安装杀毒软件，国外版本的估计你不太会用，如果说国内版的更新效率和质量比较高的就是瑞星、卡巴斯基、金山毒霸等，很多人推荐卡巴斯基，但是个人并不看好，觉得瑞星在同产品中还是比较实在的。三、有了防盗门，还要有防盗器，虽然只是一字之差，但是性质却完全不同，防盗门只是门户，虽然有杀毒软件看住你的门户，但是你没有类似于门口的摄象机和红外探头之类的防盗防暴器，那也是没有用的，防火墙的功能就类似于这样，我装的瑞星的防火墙，个人感觉还是挺实用，360？？360的功能和瑞星防火墙的功能类似，但是360的效果更好些，可是为了让防火墙和杀毒软件匹配，所以最好选用同一厂家的品牌，不然一冲突起来，你的电脑就会成为它们的战场。四、围墙加厚了，又有了防盗门和门外的防盗防暴器，你还不能完全放心，因为谁知道它们到底有没有好好工作，有没有发挥功效，这都不清楚，所以安装瑞星卡卡后，可以通过卡卡的监督控制功能，把它们的功能全部调用出来。基本上有了上面的软件，你的系统就已经很结实了，但是如果你是个爱在上网中下载东西，说得难听点，就是爱贪小便宜的人，那么你最好安装一个反木马软件。五、反木马软件就是对黑客对你的后门程序起一个保障作用的，每个系统都有自己的后门，所以如果你下载了一个程序，安装后没什么反映的，那么你就可能已经中了木马（即黑客后门）程序，你的电脑的速度会特别的慢，而且你所有的私人隐秘资料，会全部泄露，木马软件就好象你系统肚子里的蛔虫，所以再装个反木马软件，象AVG Anti-Spyware这样的，你的系统就没有隐患了。以上就是需要装的应用程序，都是可以保障你的系统安全的，当然你也可以省略几个步骤，都没什么影响，不过这是一种掩耳盗铃的想法，你想，如果你不知道的什么人，在你上网每打一个字都知道的时候，你心里会一点担心都没有吗？该做的还是得做，装完以上软件并及时更新，基本上就可以防御普遍性的病毒和某些坏心眼的黑客程序了。</t>
  </si>
  <si>
    <t xml:space="preserve">感冒时吃什么水果好? </t>
  </si>
  <si>
    <t>感冒患者宜吃草莓、柑桔类水果、西瓜、木瓜、芒果、葡萄。它们富含维生素C和A，对治疗感冒有较好的效果。感冒的治疗： 对感冒应以支持疗法及对症治疗为主。可大量饮水、通大便、热水洗脚、饮食应清淡，注意休息。初期时可用发汗法，如有并发细菌感染可用磺胺药或抗生素。 感冒的预防： 增强抗病力及定期注射免疫球蛋白可有效预防感冒。</t>
  </si>
  <si>
    <t xml:space="preserve">装修前有哪些细节易被忽略？ </t>
  </si>
  <si>
    <t xml:space="preserve">    空调:如果在装修时没有为空调预留位置，也没有把排水管的洞留好，装修完后再打眼安空调，洁白的墙面就会被砖石粉弄脏。音响:事先要确定音响的位置，事先把音响线埋进墙里.以免事后走明线。家具:一些家庭由于事先没有考虑原有家具的摆放位置，导致装修后家具尺寸不合适，无法摆放，由于事先忽略了家具的色彩，导致家具与整体装修风格不协调。照明:有的家庭忽略了不同的房间对照明亮度的不同 需要.过亮或过暗的灯光，都会对视力不好，有的则忘了安装床头灯及阳台上的灯，使用起来很不方便。电路图:要留下电路图，以免日后在墙上钉钉子打到电线上，造成短路或触电。冰箱、微波炉:冰箱、微波炉的安放.都需要。     在后面预留出散热的空间，特别是嵌入式设计，在整体橱柜设计时。要考虑到橱柜深度要适当增加。</t>
  </si>
  <si>
    <t xml:space="preserve">为什么我进不去我在6点45分打开海盗王点中角色然后再按进入就弹出 </t>
  </si>
  <si>
    <t>每周星期一    星期四早晨6----9点系统维修</t>
  </si>
  <si>
    <t xml:space="preserve">耳鸣是不治之症吗?我有位朋友耳鸣很严重,打针,吃药,输液都不见效 </t>
  </si>
  <si>
    <t xml:space="preserve">  耳鸣不再是不治之症 !耳鸣是患者在耳部或头部一种声音感觉,但外界并无相应的声源存在,是耳部疾病的常见症状,耳鸣的病因比较复杂,一般可分为两大类：①耳源性疾病(即与耳部疾病相关).往往伴有听力下降,如由耳毒性药物中毒,病毒感染,内耳供血不足等引起.②非耳源性疾病,这类病人除了有耳鸣外,常伴有相应疾病的其他症状,如心血管疾病,高血压病,糖尿病,脑外伤等. 应该详细检查一下.亦可出现与内外神经精神等疾病中,绝大部分耳鸣属于耳源性,如外耳,中耳,内耳,蜗神经,听觉中枢导径路或皮质的损害均可引起耳鸣，目前耳鸣尚难正确测定,耳鸣还与患者的心理,精神因素及体质条件有关,绝大部分耳鸣是一种主观症状，可为单侧和双侧.其性质是多样</t>
  </si>
  <si>
    <t xml:space="preserve">合装备的问题我是个初级玩家，请问绿色和黄色的装备要用几等的材料才 </t>
  </si>
  <si>
    <t>是这样的：装备不是靠合就能合出来的，如果要打黄装，首先把材料合成3等的，再到相应的武器（还有防具和首饰）炼造师那里打造；如果要打绿装，就把材料合成4等的，再去打造</t>
  </si>
  <si>
    <t xml:space="preserve">大棚种植的成本核算用什么方法最合适？ </t>
  </si>
  <si>
    <t>只要计算生产费用，包括人工费，种子，肥料，农药，辅料及工具费，办公费，差旅费及其他费用等，财务费用，销售费用。计算农产品销售收入收入-支出=利润</t>
  </si>
  <si>
    <t xml:space="preserve">谁知道这部电影是什么？ </t>
  </si>
  <si>
    <t>巴黎我爱你『赠人玫瑰，手留余香。如若，您对我的答复满意，请选择“对我有用”，谢谢您的采纳。』《巴黎我爱你》巴黎我爱你(赠人玫瑰，手留余香。如若您对我的答复满意，请选择“对我有用”，谢谢您哦~)巴黎我爱你，如果帮到你，请点击有用哦，谢谢啦。</t>
  </si>
  <si>
    <t xml:space="preserve">用尽管……也……，如果……就……，即使……也……，分别造句（不重? </t>
  </si>
  <si>
    <t xml:space="preserve">如果你不能静下心来学习，你的成绩就不会提高。 如果春天没有花朵，如果蓝天没有彩霞，如果人生没有追求，那么，这个世界的一切一切，都将失去存在的意义。晚上失眠，即使很累也睡不着，这是什么原因？ </t>
  </si>
  <si>
    <t xml:space="preserve">我的电脑键盘在正常启动下不管用，安全模式可以用，请问怎么回事 </t>
  </si>
  <si>
    <t>一种可能是软件冲突（是跟病毒还是其他正常软件，不知道）原因是 在安全模式下，所开的服务、驱动、应用自启动程序都是比较少的，那个冲突软件没被开启。而在正常情况下，上述的东西自启动的就比较多了，那个冲突软件也在其中.</t>
  </si>
  <si>
    <t xml:space="preserve">家里有人是肝癌死的,请问就一定会遗传着种病吗?男朋友的哥哥在11 </t>
  </si>
  <si>
    <t xml:space="preserve">1.请问是什么引起的?85％以上的肝癌都是由肝炎转变而来，肝硬化引起的肝癌是由乙肝引起的(占绝大多数)，肝肿、肝腹水是由甲肝引起的肝癌。肝结核更容易引起肝癌，还有左胁痛，肝经受邪也会引起肝癌，如果左胁有块作痛是肝肿瘤，以此别之。但各有各的治疗方法，不可能一方治百病。 2.请问肝癌有遗传因素吗?肝癌是不是有遗传因素，至今有许多不同的观点，但是乙肝病毒、丙肝病毒、肝炎肝硬化，藻类毒素以及各种化合物都是肝癌的诱发因素。别担心，癌症虽然有遗传因素。为了他的健康，建议定期接受「甲型胎蛋白」肝癌筛检。3.肝炎会引发肝癌吗?会,一般肝癌要经过肝炎－肝硬化－肝癌，这三个环节！4.肝癌晚期还有的治吗?有的治.由于肿瘤各有特点，病机不尽相同，临床症状变化很大，因此还要结合具体病人的病理变化、临床表现、整体与局部的关系，给以恰当的辨证论治，才能达到预期的目的。对于肝肿瘤来说如果能手术，那么首选的治疗就是手术，或者其他可以达到“肿瘤移除”效果的治疗手段，如射频、微波等治疗手段。具体如何选择应该根据每个病人的具体情况来定了。    一定要对患者多讲些至今仍存活的有效病例，让他有积极勇敢的心态面对,树立战胜疾病的信心，使之积极配合治疗,康复的希望是肯定有的. </t>
  </si>
  <si>
    <t xml:space="preserve">今晚单场10串1，评评（图）RT </t>
  </si>
  <si>
    <t>愿你高中，我和你一样山东单挑3，那么多人都不看好山东赢球，我偏偏选择山东单3.</t>
  </si>
  <si>
    <t xml:space="preserve">音乐我曾无意听到了一两句甜美的英文歌，歌名不知是什么？只记着那种 </t>
  </si>
  <si>
    <t>heartbeat  超好听</t>
  </si>
  <si>
    <t xml:space="preserve">白癜风患者在饮食上要注意什么呢 </t>
  </si>
  <si>
    <t>少食荤腥，辛辣，以素食为主禁烟戒酒，不要使用含维生素c的药物，少食用含维生素c的食物。保持愉快的心情，加强体育锻炼，穿宽松舒适的衣物，谨防外伤，夏日切勿阳光暴晒。 多吃富含酪氨酸与矿物质的食物以及硬壳类食物：猪肉、乌鸡、黑芝麻、蛋、杏仁露、茄子、黑木耳、海带、黑豆、花生等。 祝早日康复！白癜风的治疗方法很多，不可未经科学诊断，就盲目进行治疗，更不可依赖于一些民间偏方、祖传等不科学的治疗措施。正确的做法是，协助医生尽快寻找出可能的发病原因，以便对症下药，制定出一套科学合理的治疗方案。找准病因，对症下药，才是白癜风治疗的关键所在。祝早日康复！有关白癜风的治疗方法众说纷纭，原因是白癜风病的致病因素有很多，根据不同的发病原因实行的治疗方法也有所不同不同。治疗白癜风首先要先确诊，再制定治疗方案，然后再进行治疗。不同的病情，治疗方式也是不一样的，首先建议患者不要盲目的治疗，以免加重病情。无论治疗什么病，都需要先查找缺失致病因素，针对性进行治疗。白癜风不是什么不治之症，只要选对了正确的用对了治疗方法，是有机会治愈的。希望对您有帮助，祝早日康复！</t>
  </si>
  <si>
    <t xml:space="preserve">洋流到底是什么？对气候有什么影响？ </t>
  </si>
  <si>
    <t>洋流与气候 杨萱 　　海洋下垫面的性质是不均一的，其差异主要表现在冷、暖洋流上。洋流的形成有许多原因，主要原因是由于长期定向风的推动。世界各大洋的主要洋流分布与风带有着密切的关系，但洋流流动的方向和风向一致，在北半球向右偏，南半球向左偏。在热带、副热带地区，北半球的洋流基本上是围绕副热带高气压作顺时针方向流动，在南半球作逆时针方向流动。在热带由于信风把表层海水向西吹，形成了赤道洋流。东西方向流动的洋流遇到大陆，便向南北分流，向高纬度流去的洋流为暖流，向低纬度流去的洋流为寒流。 　　洋流是地球上热量转运的一个重要动力。据卫星观测资料，在20°N地带，洋流由低纬向高纬传输的热量约占地－气系统总热量传输的74％，在30°～35°N间洋流传输的热量约占总传输量的47％。洋流调节了南北气温差别，在沿海地带等温线往往与海岸线平行就是这个缘故。 　　暖流在与周围环境进行交换时，失热降温，洋面和它上空的大气得热增湿。我们以墨西哥湾暖流为例，“湾流”每年供给北欧海岸的能量，大约相当于在每厘米长的海岸线上得到600吨煤燃烧的能量。这就使得欧洲的西部和北部的平均温度比其它同纬度地区高出16～20℃，甚至北极圈内的海港冬季也不结冰。苏联的摩尔曼斯克就是北冰洋沿岸的重要海港，那里因受北大西洋暖流的恩泽，港湾终年不冻，成为苏联北洋舰队和渔业、海运基地。再如，对我国东部沿海地区的气候影响重大的“黑潮”，是北太平洋中的一股巨大的、较活跃的暖性洋流。它在流经东海的一段时，夏季表层水温常达30℃左右，比同纬度相邻的海域高出2～6℃，比我国东部同纬度的陆地亦偏高2℃左右。黑潮不但给我国的沿海地区带来了温度，还为我国的夏季风增添了大量的水汽。根据观测资料进行的计算和不同区域的比较都充分说明：气温相对低而且气压高的北太平洋海面吹向我国的夏季风，只有经过“黑潮”的增温加湿作用以后，才给我国东部地区带来了丰沛的夏季降水和热量，才导致了我国东部地区受夏季风影响的地区、形成夏季高温多雨的气候特征。 　　而冷洋在与周围环境进行热量交换时，得热增温，使洋面和它上空的大气失热减湿。例如，北美洲的拉布拉多海岸，由于受拉布拉多寒流的影响，一年要封冻9个月之久。寒流经过的区域，大气比较稳定，降水稀少。象秘鲁西海岸、澳大利亚西部和撒哈拉沙漠的西部，就是由于沿岸有寒流经过，致使那里的气候更加干燥少雨，形成沙漠。 　　洋流对气候的影响，主要是通过气团活动而发生的间接影响。因为洋流是它上空气团的下垫面，它能使气团下部发生变性，气团时便把这些特性带到所经过的地区，使气候发生变化。一般说，有暖洋流经过的沿岸，气候比同纬度各地温暖；有冷洋流经过的沿岸，气候比同纬度各地寒冷。 　　正因为有洋流的运动，南来北往，川流不息，对高低纬度间海洋热能的输送与交换，对全球热量平衡都具有重要的作用。从而调节了地球上的气候。 摘自《大众科技报》</t>
  </si>
  <si>
    <t xml:space="preserve">月经期间可以喝浓茶吗？ </t>
  </si>
  <si>
    <t xml:space="preserve">女性五生理期不宜喝 　　经期　　每个月当好朋友来访时，经血会带走部份铁质，所以女性此时宜多补充含铁量丰富的食品，如菠菜、苹果、葡萄等，然而茶叶中含有高达30%至50%的鞣酸，会妨碍肠粘膜对铁质的吸收利用，在肠道中极易与食物中的铁或补血药中的铁结合，产生沉淀。　　孕期　　孕妇不宜喝茶的原因是，浓茶中含咖啡碱浓度高达10%，会加剧孕妇的排尿和心跳，增加孕妇的心、肾负担，诱发妊娠中毒症等，不利于母体和胎儿健康。　　临产期　　临产前喝太多浓茶会因咖啡碱的兴奋作用引起失眠，如果在产前睡眠不足，往往会导致分娩时筋疲力尽，阵痛无力，甚至造成难产。　　哺乳期　　生产完后如欲哺母乳，则不宜大量喝茶，因为此期间若大量饮茶，茶中的高浓度鞣酸被粘膜吸收进入血液循环，便会产生收敛和抑制乳腺分泌的作用，造成奶汁分泌不足。另一方面，茶中的咖啡碱还可通过乳汁进入婴儿体内，影响婴儿健康。　　更年期　　由于女性约于四十五岁开始进入更年期，在步入更年期时，除了头晕、乏力，有时还会出现心率过速，易感情冲动，还会出现睡眠不足，月经功能紊乱等症状，如过量饮茶会加重这些症状，不利于舒畅度过更年期。   </t>
  </si>
  <si>
    <t xml:space="preserve">用NSS更改手机code码的目的是什么？要改成什么样的才能使用N? </t>
  </si>
  <si>
    <t>用nss更改code码是想刷成别的版本，目的是想用nsu在线升级，比如移动定制版想要刷成大陆普通版的，就需要改code,不过用凤凰刷机，用nss是多余的,直接选择你需要的code，就可以了。</t>
  </si>
  <si>
    <t xml:space="preserve">深圳哪里有做蜡像的地方阿？ </t>
  </si>
  <si>
    <t>地王书城负一楼，卖文具的那个地方有，那天正好路过一对新人在让师傅做婚纱照的蜡像，做的蛮好的。（竭力为您解答，希望给予【好评】，非常感谢~~）</t>
  </si>
  <si>
    <t xml:space="preserve">购房签约需注意些什么问题购一套房子老百姓一辈子的积蓄，购房合同中 </t>
  </si>
  <si>
    <t xml:space="preserve">老同学:你好！在买房子时注意以下几点：1、开发商的开发经营资格必须合法。就是开发商必须具有《企业法人营业执照》和《房地产开发企业资质证书》，并在其资质规定的业务范围进行开发的；如果是二手房，必须看卖方的《身份证》、《房屋所有权证》和《土地使用权证》、或者是《房地产权证》，卖方已经结婚还必须看《结婚证》。2、开发建设的手续必须合法。开发项目必须取得《土地使用权证》、《建设用地规划许可证》、《建设工程规划许可证》和《建设工程施工许可证》；二手房不需要。3、经营行为合法。现房销售除上述条件外必须经过验收合格，项目道路、给排水、供电、供气、供热、和绿化等配套建设已经完成或者已经确定完成日期，落实了拆迁安置，落实了物业管理，并且按规定向房地产管理部门验核了《房地产开发项目手册》；期房预售除上述条件外还必须取得《商品房预售许可证》。二手房不需要。4、在签订合同时，一是要选用国家工商行政管理局和建设部的《商品房买卖合同》（示范文本），该合同文本内容比较全，并且规范；二是注意把开发商承诺的内容写进合同。二手房不需要。5、如果你买的是住宅，在交房时，要向开发商索取《住宅使用说明书》和《住宅质量保证书》。二手房不需要。 6、办房地产权证时应该注意： 产权产权面积和合同面积是否相同，如果不同，可以根据建设部《商品房销售管理办法》处理，另外办理了《房屋所有权证》后，还要办《土地使用权证》。　　7、选择房屋结构是否合理，使用功能上是否齐全 如煤气、暖气、水、电是否到位，而且房屋的使用功能应该从购房合同上体现出来。　　购房时还注意一些细节问题 比如期房的竣工时间、交付使用时间，并应在购房的合同上注意经销者违约时应追究的法律责任，不使受损。   </t>
  </si>
  <si>
    <t xml:space="preserve">菜单（成语） </t>
  </si>
  <si>
    <t>食不重味</t>
  </si>
  <si>
    <t xml:space="preserve">有一首诗，概括了金庸的所有作品只记得一句：飞雪连天射白鹿.也不知 </t>
  </si>
  <si>
    <t xml:space="preserve">金庸先生曾把他的15部武侠巨著的第一个字集成一副对联“飞雪连天射白鹿，笑书神侠倚碧鸳”  横批：越女剑金庸先生自己说这个对联其实也不是完全对仗，也没有什么太多的意思，只是读起来朗朗上口而已。飞—飞狐外传 雪—雪山飞狐 连—连城诀 天—天龙八部 射—射雕英雄传(原名:大漠英雄传) 白—白马啸西风(只有这部我想不起来,只记得"白马"两字) 鹿—鹿鼎记 笑—笑傲江湖 书—书剑恩仇录(原名:书剑江山) 神—神雕侠侣 侠—侠客行 倚—倚天屠龙记 碧—碧血剑 鸳—鸳鸯刀 </t>
  </si>
  <si>
    <t xml:space="preserve">英语网站问题请问哪个网站里有大量的日常英语单词,谢谢 </t>
  </si>
  <si>
    <t xml:space="preserve">            资源索引――英语            国内站点            人教社/英语             K12学生频道/英语角             K12教师频道/英语             中基网/英语             中国英语教学系列网             洪恩在线/轻松英语             广播英语网             世博英语             旺旺英语             疯狂英语俱乐部             英文锁定             英语沙龙             英语周报             学英语报             英语校园             东方网             上外网             英语中国             空中美语             中国曰报网站             沛沛英语             空中英语教室             新知堂少儿英语网             少儿空中英语教室             网络英语             出国之路             青岛英语在线             网络英语教室             天天英语             时尚英语             英语直通车             英语麦当劳             英语城堡             英语教与学             万千英语族             英文动画文法（台）             国外站点            词汇大师             英语学习             全球英语             华盛顿邮报             泰晤士报             abc新闻网             今曰美国             英语城市             abc教学网             联合早报/双语园地             英语咖啡馆             在线服务             第二语言学习             绿色和平组织             国际奥委会官方网             麦当劳公司网             美国广告博物馆             纽约建筑网             迪斯尼网站             世界野生动物基金会             诺贝尔奖网上博物馆             莎士比亚网             读者文摘             西方文学网             乡村音乐网             联合国             联合国教科文组织             英国首相府             美国白宫网             世界贸易组织             体育网             奥斯卡官方网             大英百科全书网络版             英语学习活动             英语乐园             环球英语             英语咖啡屋             俄亥俄英语教育             加拿大第二语言教育             英国文化遗产网             家庭英语学习             英国自然网http://              在线写作             英语在线             英国文学索引             哈利?波特网             今曰生物世界             宇宙视窗             个人主页            英语俱乐部             英语广场             英语时空             中小学英语教研网             袁老师英语课堂             英语学习 :9000/li/liuweichao/            Lily思维英语             英语地带             英语之声              论坛            K12虚拟社区/英语论坛             人教社/英语论坛 </t>
  </si>
  <si>
    <t xml:space="preserve">把产生冷觉用反射弧的形式写出来，怎么写？有传出神经和效应器吗 </t>
  </si>
  <si>
    <t>产生冷觉的是大脑皮层，不存在传出神经和效应器。但寒冷不仅会产生冷觉，还有相应的反射，如打寒战、起鸡皮疙瘩等，这些都是通过反射弧来完成的。</t>
  </si>
  <si>
    <t xml:space="preserve">痔疮可以自愈吗 </t>
  </si>
  <si>
    <t>可以的，你的病情严重吗？如果严重的话可以试试用派尔兹可外用，轻的话1两个疗程可以治疗好。希望可以帮助到你。</t>
  </si>
  <si>
    <t xml:space="preserve">请问psp１.５版加1G　SD卡要多少钱？２．５版降成１.５版要? </t>
  </si>
  <si>
    <t>psp１.５版(原版）已经没了，早就停产了!2.5/2.版降成１.５版 1600~1700(普通）1800~1900（豪华）1G　SD卡才250~300左右！</t>
  </si>
  <si>
    <t xml:space="preserve">“开光”是怎么一回事？都什么东西可以开光？有什么好处吗？ </t>
  </si>
  <si>
    <t>不知道上面的师兄们都是在哪复制来的，看的头大。正式场合的开光仪式： 剪彩，告知大家，仪式而已。开光：以佛为老师，开启人内心自性的光明。开了就灵不开就不灵的说法：迷信。</t>
  </si>
  <si>
    <t xml:space="preserve">八年级数学E.F是正方形ABCD的边BC和CD上的点,且&amp;lt; </t>
  </si>
  <si>
    <t xml:space="preserve">延长CD到G，使DG=BE三角形ABE、ADG全等（边角边）因此，角GAD = 角BAE，AG=AE角GAF = 角GAD +角DAF = 角BAE+角DAF = 90度 -角EAF = 45度 = 角EAF因此，三角形AGF、AEF全等因此，EF = GF = BE+DF </t>
  </si>
  <si>
    <t xml:space="preserve">急！我怎么登陆不了游戏了就算偶尔能登进去，一会就掉了，怎么回事 </t>
  </si>
  <si>
    <t xml:space="preserve">部分服务器明天机房检修各位玩家请注意：8月19日早上2：00-7：00以下服务器由于所在机房停电检修，会断网1小时，由于具体时间尚不清楚，请各位玩家注意：吉林长春，射雕英雄传，聚贤庄园，星光大道，双塔奇兵，逐鹿中原给您带来的不便非常抱歉！非常感谢您对魔界的支持！楼主是上面这几个服务器的玩家么?如果是的话，应该在简修 </t>
  </si>
  <si>
    <t xml:space="preserve">中性洗剂是指哪种？肥皂洗衣粉香皂？哪种是 </t>
  </si>
  <si>
    <t>肥皂 香皂</t>
  </si>
  <si>
    <t>阿特维达堡不错....2</t>
  </si>
  <si>
    <t>已经稳了，支持一下</t>
  </si>
  <si>
    <t xml:space="preserve">盗号者IP谁能证实下到底是上海谁的？经查实这个IP地址是本站主数 </t>
  </si>
  <si>
    <t>我和我朋友的账号也同时被盗了，当时没注意IP，现在想起来，还真有可能是天希搞的鬼，是他们内部的人从内部盗取的账号，他们不敢盗太有钱的人的账号，怕被人告上法庭，而像我们这些冲的不多不少大概才几百的人，就是他们盗号的目标，我就不懂了，我和我朋友都是自己的私人电脑，不在同一台电脑上登录，怎么就会同时被盗号了，盗号的手法还一样，当时就怀疑是天希内部的问题，现在看到楼长的问题，才确实了，还真有可能是他们内部的人盗取我们的账号谋私利，可惜我们没有权势更没钱，要不绝对告天希</t>
  </si>
  <si>
    <t xml:space="preserve">请专家点评000608后市如何?怎么操作? </t>
  </si>
  <si>
    <t>000608今年业绩大幅增长，近期股价触底反弹，建议持股。</t>
  </si>
  <si>
    <t xml:space="preserve">关于C盘空间我现在正在用dreamweaver8.0学键网页,但 </t>
  </si>
  <si>
    <t>一般做网页都不把作品放在C盘的啦.那样不仅占用空间,还会影响速度的啦.你可以使用IIS来浏览你的作品.具体呢.你可以把你的作品放到任何一个盘中.先在你的电脑上安装IIS(Internet 信息服务)．就是找那个系统安装盘，上面有的，可以直接安装的．当装好IIS时，可以检测一下：激活ＩＥ浏览器，在地址栏输入： ,如果打开了ＩＩＳ的默认网页，就可以了．然后呢，打开控制面板，找到＇Telnet服务器＇图标，双击．然后在＂默认ＷＥＢ站点＂，右键选择＂属性＂．呵呵．后面的，我也忘了，反正就是建立一个虚拟路径，放在那个默认的站点就可以．然后再把你存放作品的文件夹放在那个路径下，再然后就只用输入你的虚拟路径就可以浏览你的网页了啦．呵呵　我也都记得不很清楚了，你可以借本关于网页的书看看哦．书上说的很详细呢．　不好意思了。　</t>
  </si>
  <si>
    <t xml:space="preserve">网络教育大专入学考试要考什么科目？入学考试难吗？ </t>
  </si>
  <si>
    <t>一般是考语文、数学、英语，不同高校不一样，网络教育入学考试都是比较简单的，报名后有模拟试题复习，一般都能通过的，我去年在职大奥鹏教育报了大连理工大学，就看了几遍模拟试卷都考过了，如果你在新塘可以去职大教育看看。</t>
  </si>
  <si>
    <t xml:space="preserve">本人的１４场单子请指教切尔西29日22:00富勒姆３德比郡29日 </t>
  </si>
  <si>
    <t xml:space="preserve"> 29日22:00 富勒姆３－－-3１德比郡 29日22:00 博尔顿 1－－１０朴茨茅 29日22:00 雷　丁 3 －－３１桑德兰 29日22:00 布莱克 1 －－１０西汉姆 29日22:00 阿森纳 0 维　冈 29日22:00 利物浦 ０－－１０伯明翰 30日00:15 曼　联 0 勒　沃 29日21:30 拜　仁 1 －－３１汉　堡 29日21:30 沃尔夫 3 －－３１最稳的双选，绝对无０波　鸿 29日21:30 纽伦堡 3 －－３１小单就博３不来梅 29日21:30 比勒菲 3 罗斯托 29日21:30 斯图加 0 卡尔斯 29日21:30 多　特 0 －－３０大单需要带上３心理冷门罗 马 30日00:00 国 `米  1－－－３１大单带上３以上选择不对１０场你来找我要分，说话算数，不包括后面划横线的第二选择，超过１０场我就不要什么了，本周我准备全力以赴以上为我的首选 ，划横线的部分为我现在看好的第二选择，兄弟可以借鉴参考，最后祝福兄弟本周好运</t>
  </si>
  <si>
    <t xml:space="preserve">itisablackcatwithwhitespots.等于it </t>
  </si>
  <si>
    <t>是不同的，前一句是说这是个有着白色斑点的猫，可是后一句是说有一点白色的斑点在猫身上，不一定是它生来就有的，有可能是白色的东西掉落在猫身上的．要注意哦</t>
  </si>
  <si>
    <t xml:space="preserve">AB胶水的味道怎么清除？卫生间里刚重新装了一个洗手盆，用了一些A </t>
  </si>
  <si>
    <t>放一些桔子皮，可以除异味。</t>
  </si>
  <si>
    <t xml:space="preserve">为什么手里有圣诞任务却交不了?找到肚蘅却说一天只能做一次石头任务? </t>
  </si>
  <si>
    <t>那是因为圣诞活动已经没有了~~今天早上8点更新就没那任务了~~前面接了也算作废了~~石头任务本来就1天1次</t>
  </si>
  <si>
    <t xml:space="preserve">请问a2驾驶证没有违章扣分就不用到大队参加两年的年审和每年的审验? </t>
  </si>
  <si>
    <t>不用参加的  希望对你有用哦是的。那就不用了是的，这是新出台的规定哦，但是扣分就要去年审了</t>
  </si>
  <si>
    <t xml:space="preserve">大家没事的时候都玩什么游戏呢我都不知道玩什么？ </t>
  </si>
  <si>
    <t>偶在玩《蜀门online》，我喜欢仙侠类的网游哦</t>
  </si>
  <si>
    <t xml:space="preserve">我已怀孕第12周了，怎么肚子还没有突起，尤其是平躺的时候什么也摸? </t>
  </si>
  <si>
    <t>四个月以后肚子才能有点突出,穿上外套还不能看出来,如果你很瘦的话,五个月从外边都不一定看的出来.</t>
  </si>
  <si>
    <t xml:space="preserve">prounded什么意思 </t>
  </si>
  <si>
    <t>意思是：自满；自豪</t>
  </si>
  <si>
    <t xml:space="preserve">在中国上海基本是一个寸土寸金的地方，F1为什么选择在那里建赛道？ </t>
  </si>
  <si>
    <t>那里有钱人也多呀，市场广阔。经济中心什么都要占点优势塞</t>
  </si>
  <si>
    <t xml:space="preserve">脚指甲腐蚀是什么原因????脚指甲好象被虫咬了,从根部往上好象被 </t>
  </si>
  <si>
    <t xml:space="preserve">   应为真菌引起的,不过可以医治的,别急!我是北京的,我知道1家治足部顽疾的地方,我的朋友用2个月治好了灰指甲,我亲眼看见的,如果你是北京的,可以去试1下,希望能帮上忙,朝阳区劲松中街向南过1个红绿灯马路西侧叫&lt;&lt;俊男靓女&gt;&gt;的足底治疗部,主治的是个叫梁永的男孩,挺神奇的,你去试试,祝好运!</t>
  </si>
  <si>
    <t xml:space="preserve">玩不了啊每次进入游戏后，都要出现软件发生致命错误，无法继续进行， </t>
  </si>
  <si>
    <t>您好，请您重新安装一下游戏,尝试.</t>
  </si>
  <si>
    <t xml:space="preserve">看看今天的串串能错几场 </t>
  </si>
  <si>
    <t>看看今天的串串 能错几场估计过了高中</t>
  </si>
  <si>
    <t xml:space="preserve">原创]超级郁闷好不容易从老师这一“神圣的”职业中跳出来，考取了研 </t>
  </si>
  <si>
    <t>你不知道现在的就业形式吗?现在的大学生逐渐增多,当然没有特殊的能力是不行的还有一些公司,都是先考察,再重用的。</t>
  </si>
  <si>
    <t xml:space="preserve">怎样提升写作能力？很多人都会写，但是要写好却不容易。 </t>
  </si>
  <si>
    <t xml:space="preserve">“如何提高写作能力？”这个命题并不新鲜，说来也是老生常谈，再次提起，难免有“炒冷饭”之嫌。但是，不管“冷饭”，“热饭”，有营养就是“好饭”，尽管是一家之言，也要加足“佐料”，再“炒”一番。　　当今信息时代，人们通信快捷，相隔千里之遥，只要一个电话即可解决问题，自不比“鸿雁传书”，邮寄信件，最快也得几天时间。可通信效率提高的同时，也造成人们不再像过去那样重视写作这一事实。难道写作对于人们的日常，工作学习真的不再重要了吗？答案是否定的。仔细想想，在工作生活中，写个工作经验总结，做个报告，写篇演讲稿，甚至用手机发个短信息，都是以写作能力为基础的。　　尤其当今社会，什么事情都讲究策划，再好的“思路”，“方案”，只有诉诸于文字，形成文案，才能更好地与他人交流，在更广阔的范围内传播。而要写出文从字顺的漂亮文案，就非得俱备一定的写作能力不可。　　由是观之，写作能力对于人们工作生活的重要性变的更加突出！实际上，书面表达即写作能力的高低，也是一个人综合素质的体现。　　那么，究竟如何培养和提高写作能力呢？　　我们知道，书面表达所需要的材料是词汇。只有掌握了大量的词汇，并且明白每个词的确切含义，才能在写作的时候召之即来，准确地表情达意。扩大词汇量有两种途径：一是背字词典（含成语）：二是多阅读（古典的，现代的，诗词，小说散文，报纸杂志）。最好是两种方法并用。因为第一种方法便于集中学习记忆词汇，而第二种方法侧重于词汇在具体语境中的运用，能提高准确使用字词的能力。　　是不是掌握了大量的词汇就能把文章写好呢？自然不是。要写好文章，在掌握字词的基础上，还要学习语法，逻辑，修辞。语法解决语句通顺不通顺的问题。只有掌握语法知识，写出的句子文章符合语法规范的要求，才能使别人读得懂。逻辑要解决对与不对的问题。我们知道，文章大多是用来解决生产生活中的实际问题的，这就要求文句不仅要通顺，而且还要表达的正确，要符合客观规律，遵循事物之间的内在因果联系。总结起来，就是要注意文句前后之间的意义联系，概念的内涵和外延，进行准确的判断和界定。这样才能更好地表情达意。　　写的“通”，写的“对”，是最基本的要求。要把文章写好，还要学习修辞方面的知识。修辞即我们常说的比喻，拟人，夸张等修辞格。在写文章的过程中，若能准确恰当地运用修辞格，则能够使语言表达的生动形象，增强感染力，使表达效果更加优化。当然，相对于语法逻辑而言，修辞是更进一步的要求。对于专门从事文字工作的，如编辑记者，作家等，则要在这方面下足工夫才行。　　写作，写作，关键要写。提高写作能力，最重要的一点是勤练笔。在练笔过程中，注意揣摩篇章结构，写作技巧。只要肯下工夫，勤用功，加以时日，自然熟能生巧，达到得心应手的境界。　　要练笔，不仿从写日记起步。只要坚持每天写日记，将所感所想用文字记录下来，就能在这一过程中使写作能力“芝麻开花节节高”。如何提高写作能力，如何写作:如何写作 16如何学习写作如何学好写作如何对待专业写作如何练习写作网上写作如何赚钱 写作能力的培养是细水长流，绝对无法立竿见影马上见效的。很多家长往往不知道该如何指导自己的孩--如何提高写作能力，如何写作-如何写作 16如何学习写作如何学好写作如何对待专业写作如何练习写作网上写作如何赚钱　　 写作能力的培养是细水长流，绝对无法立竿见影马上见效的。很多家长往往不知道该如何指导自己的孩子，部分家长以为指导孩子写作，是学校老师的责任，或以为将孩子送到作文班，一切问题及可解决，自己也尽到了责任。　　事实上，在日常生活中，家长可随时指导孩子。今天我们要讨论的话题是学写作文的途径。可是我又怕有的家长会理解成是在短时间内包治百病的灵丹妙药。其实写作文光靠几个死板板的方法，不多看些课外书是写不好作文的。学写作跟学任何一门技术一样，都要下工夫。下面我就从几个不同的角度谈谈自己的看法。　　对于学习写作，我最推崇这样几句话：写作的源泉是生活、写作的基础是课堂、写作的关键是阅读、写作的秘诀是多练。 一、 写作的源泉是生活　　小学生怕写作文、写不出作文，很大程度上是由于小学生缺乏对生活的观察，没有积累的习惯和兴趣造成的。其实，作文的材料就在我们生活的周围。我们生活在社会上，每天会碰到许多人，遇到许多事；碰到的人、遇到的事就是作文的材料。如果能仔细想想这件事包含了什么道理，正确认识后将它写下来，就可能是篇好作文。　　例如，有一天早上去上学，背起书包就走，妈妈忙说：“你忘了说什么了？”孩子赶紧说：“噢，我忘了道别了。妈妈，再见！”“这才对了，路上要小心点儿！”妈妈说着笑了。像这样的事似乎司空见怪，而小朋友却忽视了。而这恰恰也是个作文材料。再如，晨会课上老师表扬了调皮大王，大家都很奇怪。原来一向被批评的调皮大王也有优点，也会做好事，也有值得大家学习的地方。从这么个事例又可看出老师对他的关心及老师善于调动每个小朋友学习积极性的特点。所以作文的材料就在我们身边，关键看孩子们是否做了有心人去寻找、去发现。　　因此家长要善于引导孩子去感受、体验、认识生活，要注意留心周围的事物，观察人、观察事、观察景、观察物，这样才能不断得到作文的新鲜材料。观察是获取写作材料的重要途径之一，只有学会悉心观察，写文章时才有话可说，有内容可写，写出来的文章才会真实、具体、生动。反之写出来的文章则有可能枯燥乏味，缺少真情实感，甚至还会闹出笑话。　　例如有一位学生在写《我最敬佩的一个人》这篇作文时，其中有这样一句话：我叔叔是位出色的***。有一次，叔叔发现一位小偷正鬼鬼祟祟地朝山坡那边奔跑，叔叔立即跨上摩托车，用脚一踩油门，便“呼” 的一声飞了出去。这一句话咋一看似乎并没有错误，但只要仔细想一想，便会发现摩托车的油门并不是用脚踩的，而是用手拧的。再如另一位学生在写《美丽的秋天》这篇作文时，其中有这样一句话：“菊花颜色可真多呀，有红的，有黄的，有白的，还有黑的呢！菊花的形态可真奇呀，有的像少女的卷发，有的像儿童的笑脸，还有的像初升的朝阳，连那些五彩缤纷的蝴蝶也经不住引诱，翩翩飞来，与它们比美。” 这段话看似很精彩，但也只需稍加思考，便会发现，这段话也犯了与事实不符合的错误：一般来说，菊花要到深秋时节才会竟相开放，而那时几乎就没有蝴蝶了。这些学生所以会犯这样的错误，主要原因是没有好好地观察，都在想当然写作文。第二位学生可能去看过菊花，只是把自己没有看到过的事物也写到文章中去了，原本是想让文章增色添彩，结果反而适得其反 因此，教孩子观察，首先要教会孩子们如何积极启动耳、目、鼻、舌等感官去感知事物的声、形、色、味等表象，而不是想写什么就写什么，想怎样写就怎样写，这样写出来的文章才会符合实--如何提高写作能力，如何写作(2)-　　因此，教孩子观察，首先要教会孩子们如何积极启动耳、目、鼻、舌等感官去感知事物的声、形、色、味等表象，而不是想写什么就写什么，想怎样写就怎样写，这样写出来的文章才会符合实际。我们的眼睛就要像摄影机，耳朵要像录音机，记下周围的事物，积累写作的素材。“一滴水里能见到太阳”，这句话说的是生活中一些看似平凡的小事，却能反映出深刻的道理。　　怎么学会观察呢？可以从三个方面考虑。　　第一，学会“跟踪观察法”。这可以培养孩子的观察习惯，也可以培养孩子的观察兴趣。用这种观察法了解小生物的变化最有趣了！比如，你孩子养了一只小鸭，天天看它怎么吃食、怎么叫、怎么长毛，那他的观察日记肯定生动！又比如，让孩子去看春天里一棵玉兰的开花过程，那也很妙，看着那白玉兰花一朵一朵绽开，记下它的开花史，很有内容可写。还有，记一个实验的过程，记一粒种子发芽的过程，都回让人觉得有内容可写。这样，不仅让孩子学会了用笔记录，而且也让孩子更全面地了解一种事物。　　第二，观察还要学会找窍门，那便是抓住特点观察。无论哪一种事物，各有自己的特点。比如写风景，景的特点必须把握，春、夏、秋、冬都有不同的观赏景物。还有，不同的景点也有不同的特点，到孤山赏梅，去满觉陇赏桂，到曲院风荷赏荷……观赏的重点不同，文章的内容也就不同了。写人物的外貌神态，也一样要善于抓住特点。要用敏锐的眼光，去发现观察对象的与众不同。　　第三，希望能抓住事物的形态变化。世上的万物都在发展变化，抓住了变化，也就抓住了与众不同的特点。比如夏令营安排去海滨看日出，太阳慢慢地从出现到升高，天际变化无穷。又如观察人的神态变化，小弟弟怎么从哭闹到安静；比赛场上的观众怎么从平静到紧张，到激动……还有气候的变化，马路上车流量的变化等等。许许多多事物的变化都在一刻不停地进行着，只有当我们学会观察这些变化，记载和积累这些变化的资料，我们文章的内容才会丰富和生动。　　如我在要求学生写《春来了》这篇文章前，我首先带领学生来到南郊公园，走进大自然的怀抱，用眼睛去看花草树木，天空小河；用耳朵去听风声雨声，鸟虫鸣叫；用鼻子去闻花香草香，泥土气息；用舌头去尝春天里特有的菜肴。接着在具体指导写作时要求学生再回味一下所看到的，所听到的，所闻到的，所尝到的事物的特点，并用诗一般的语言，通过合理的想象写出你对春天感情。结果学生写出来的文章充满了浓重的春天气息，生动具体，条理清晰，富有真情实感，真所谓“妙笔生辉”。我想这都是悉心观察的成果能力，如何写作(3): 下面是一位三年级学生写的作文，题目是《春天》，由于他注意观察并加以联想，所以写得具体生动。 在不知不觉中，春姑姑已悄悄靠近我们了。走在马路上，闻到的不在是冬天难闻的汽油，--如何提高写作能力，如何写作(3)-　　下面是一位三年级学生写的作文，题目是《春天》，由于他注意观察并加以联想，所以写得具体生动。　　在不知不觉中，春姑姑已悄悄靠近我们了。走在马路上，闻到的不在是冬天难闻的汽油，而是带着清香的花味。迎春花开了，那黄色诱人的花瓣，为春天穿上了美丽的新衣；梨树上也有一些星星点点，那是还未全部开放的花蕊，那淡红色的花蕊为春天戴上了美丽的发夹；柳树也发芽了，一条条细细的柳叶似乎从天而降，而那翠绿色，则是柳树叶惹人喜爱的发带，它也成了春天的装点品。　　春风吹化了河冰，吹得河水澄清碧绿。在阳光照耀下，河面上闪动着金光点点，像有数不清的鱼儿跳跃。阳光映照下的河水，像个摄影师，把河岸的花草树木和新房全拍照下来，河面变成一幅长卷图画，十分好看。　　在南郊公园的池塘里，我看见了红色的鲤鱼和黑色的小蝌蚪。鱼群中有一条最大的鱼，好像是鱼儿的妈妈，带着鱼儿在水中游来游去。小蝌蚪就像一个个小逗号一样，它们自由自在地玩水、游戏。我还听见了小鸟在叽叽喳喳地叫着，好像在唱歌似的。　　春天就像一位小姑娘，努力把自己打扮得更美，然而，它的美，也让我们更加快乐。我爱着朝气勃勃，充满绿色的春天。　　这篇习作具体地描写了春天的美景，写得有声有色。这与他细心的观察、大胆的联想是分不开的。所以作文的材料就在我们身边，就看孩子们有没有仔细地去观察、有没有深入地去思考。　　叶圣陶先生说：“生活犹如泉源，文章犹如溪水，泉源丰盛而不枯竭，溪水自然活泼地流个不停歇。”叶老的话形象地说明了生活与作文的关系。我们要抓好作文训练这个流就必须抓好生活这个源。让学生观察大自然、接触社会，与各种人打交道。总之，我们应当把作文训练的触角伸向学生的每一个角落。让学生在生活中长知识、受教育、得到启发，用情感的波澜、生活的需要，激起他倾吐的欲望。 二、 写作的基础是课堂。　　为什么要上好语文课呢？这与写作有什么关系呢？上语文课就是平时老师讲的上阅读课，阅读就是读一篇篇的课文，这些课文就是一篇篇写得很好的作文，有作家写的，有诗人写的，或有名望的人写的，这些文章都是好范文。鲁迅的《一件小事》，冰心的《再致小读者》，叶圣陶的《记金华双龙洞》、《赶集》，老舍的《养花》、《猫》、《***》，朱自清的《春》，巴金的《海上日出》等等，这些都是我们值得借鉴的好文章。老师在上课时把这些范文作为例子分析给学生听，这篇文章写的是什么事，他是怎么写下来的，先写什么，再写什么，接着写什么，最后写什么？他为什么要这么写？为什么要用这个词儿？老师在课堂就是讲这些道理。语文课就是老师把一篇最好的作文分析给我们孩子听，好在哪里，怎么去学习它。 ): 比如，老舍的《猫》中，作者对猫的喜爱跃然纸上：“满月的小猫更可爱，腿脚还不稳，可是已经学会了淘气，一根鸡毛，一个线团，都是它们的好玩具，耍个没完没了。一玩起来，它们不知--如何提高写作能力，如何写作(4)-　　比如，老舍的《猫》中，作者对猫的喜爱跃然纸上：“满月的小猫更可爱，腿脚还不稳，可是已经学会了淘气，一根鸡毛，一个线团，都是它们的好玩具，耍个没完没了。一玩起来，它们不知要摔多少个跟头，但是跌倒了马上起来，再跑再跌。它们的头撞在门上、桌腿上，彼此的头上，撞疼了也不哭。它们的胆子越来越大，逐渐开辟新的游戏场所。它们到院子里来，院中的花草可遭了殃，它们在花盆里摔跤，抱着花枝打秋千，所过之处，枝折花落，你见了，绝不会责打它们，它们是那么的生气勃勃，天真可爱！”　　这段话语言质朴、生动，字里行间流露出作者真挚朴实的情感。像这样的好文章，一定要孩子们好好学习，积累词汇，积累句子，了解课文的写作方法，把好的文章背诵，成为自己的语言，以后要用到了，就自然会联系上的。因此上语文课时必须认真学习，反复体会。　　作文得法于课内，得益于课外。我在这里跟家长们提到这一点，就是希望各位家长能让自己的孩子认识到上好语文课的重要性，能时常督促自己的孩子要认真上好语文课。因为课堂是老师的教育阵地，所以我在这里就讲得简单了一些。　　新的语文课程标准规定，小学六年级毕业的时候，每位学生要有150万字的阅读量。虽然语文课本中有不少精美的课文，但是量太少。一本语文课本收集了约三十篇课文，都是好文章，但毕竟数量有限，只有三十篇左右，还不够，那怎么办呢？要得到更多的方方面面的知识，就要到课外去寻找，读课外书籍。　　古人云：“读书破万卷，下笔如有神。”对小学生来说，要不断扩大自己的知识面，增加自己的知识量，不断提高自己的认识水平，就要广泛地阅读课外书。天文、地理、历史、常识都要知晓一点。世界十大文豪之一的鲁迅说过：文章应该怎么做，我说不出来，因为自己的作文是由于多读多看，此外并无心得和方法。　　读书好比蜜蜂采蜜，只有采很多花，才能酿出更多更好的蜜。如果孩子们寻找课外书籍，广泛地阅读各种各样的书，《儿童时代》、《少年文艺》、《小伙伴报》、《少年报》、《中国少年报》，各种各样的刊物，读得多，得到的知识也多，懂得的道理也多，提高了自己的思想觉悟，就能写出一篇一篇的好文章，所以要广泛地读课外书。　　我从一年级就鼓励学生去看课外书，但是也有家长和我反映，说：“我的孩子看书是真要看，每天捧着本书，看个没完没了，可就是作文水平不见提高，写来写去就那么回事，那是怎么回事啊？”这不就跟我说的阅读是写作的基础相违背吗？ </t>
  </si>
  <si>
    <t xml:space="preserve">家家迎元宵(学校用语) </t>
  </si>
  <si>
    <t>第二节----------</t>
  </si>
  <si>
    <t xml:space="preserve">用好记星背单词有用么?按照它的方法走真的它能提高我的英语成绩? </t>
  </si>
  <si>
    <t>我用过，没什么奇特的效果或背单词方法，和文曲星差不多。</t>
  </si>
  <si>
    <t xml:space="preserve">冯梦龙的三言短篇小说集您认为哪几篇写得最好?因为120篇太多了, </t>
  </si>
  <si>
    <t>那你不如看抱瓮老人的&lt;今古奇观&gt;.他是从三言二拍中精选四十篇缉成.他体现了&lt;三言&gt;&lt;二拍&gt;的主要精神,概括了宋\元\明话本的艺术成就.  三言二拍我都看过,但看过一遍不想再看,糟粕不少,有的很罗嗦.  &lt;今古奇观&gt;我看过不下五遍,  &lt;杜十娘怒沉百宝箱&gt;   &lt;苏小妹三难新郎&gt;  &lt;俞伯牙摔琴谢知音&gt;  &lt;卖油郎独占花魁&gt;,  &lt;唐解元玩世出奇&gt;  &lt;金玉奴棒打薄情郎&gt;等看了不止十遍.</t>
  </si>
  <si>
    <t xml:space="preserve">北京龙庆峡景点介绍是中韩文对照的前两天去龙庆峡玩,发现所有景点和 </t>
  </si>
  <si>
    <t>近年来韩国团去哪里旅游的比较多,尤其是冰灯的时候.所以时间长了就变成你现在看见的这个样子了.</t>
  </si>
  <si>
    <t xml:space="preserve">办公室局域网内几台电脑互传文件怎样才能最方便，最快捷不用QQ等工 </t>
  </si>
  <si>
    <t>下载个软件  推荐飞鸽传书   比较好用 !我们公司就在用  呵呵</t>
  </si>
  <si>
    <t xml:space="preserve">今天我和老婆吵架，闹到要分手了，谁给我一个答案晚上我和老婆吵架， </t>
  </si>
  <si>
    <t>因事而论，因人而异，要看是什么原因，她是个什么样的人，如果是你错了，或者她的脾气本来就差，是不是你采用的方式有问题，有时候就是这样，谁也不想让步，就会弄来越僵，各退一步，海阔天空了，只要相爱，想在一起生活，一切都好办，试着自己到公司住几天，什么感觉吧，再说以后的</t>
  </si>
  <si>
    <t xml:space="preserve">请问人体放射源最大可接受辐射量为多少?单次剂量率不能超过多少μs? </t>
  </si>
  <si>
    <t>放射性物质国家管得相当严,储存和运输都用专门的器具. 在自然界和人工生产的元素中，有一些能自动发生衰变，并放射出肉眼看不见的射线。这些元素统称为放射性元素或放射性物质。在自然状态下，来自宇宙的射线和地球环境本身的放射性元素一般不会给生物带来危害。50年代以来，人的活动使得人工辐射源和人工放射性物质大大增加，环境中的射线强度随之增强，危及生物的生存，从而产生了放射性污染。放射性污染很难消除，射线强度只能随时间的推移而衰减。 放射性对人体的危害:大剂量的照射下，放射性对人体和动物存在着某种损害作用。如在400rad的照射下，受照射的人有5%死亡；若照射650rad，则人100%死亡。照射剂量在150rad以下，死亡率为零，但并非无损害作用，住往需经20年以后，一些症状才会表现出来。放射性也能损伤遗传物质，主要在于引起基因突变和染色体畸变，使一代甚至几代受害.</t>
  </si>
  <si>
    <t xml:space="preserve">不知道杭州哪里的摄影工作室可以拍到效果好看的时尚写真？求大家帮忙? </t>
  </si>
  <si>
    <t>楼主，你们公司的待遇可真好，还可以去杭州玩，杭州风景真的是一绝啦，利用那的山水，那拍出的照片可是美的没话说呀，杭州摄影工作室的话，我建议你去杭州双鱼印象摄影工作室看看，那里拍出来的写真都挺好看的，摄影师最擅长年轻，时尚，简约，日系的风格，价格也不贵，没有一点隐形消费，照片拍出来效果也是相当的不错，楼主可以去咨询下。</t>
  </si>
  <si>
    <t xml:space="preserve">断牙问题断牙被抓之前是潜行的吗 </t>
  </si>
  <si>
    <t xml:space="preserve">不是潜行做个宏输入“/target 断牙”，在断牙会出现的地方周围，不停点宏就OK了  </t>
  </si>
  <si>
    <t xml:space="preserve">收集三角形面积公式设a,b,c;ma,mb,mc;ha,hb,h </t>
  </si>
  <si>
    <t>设a,b,c;ma,mb,mc;ha,hb,hc;ra,rb,rc分别表示△AB的三边长,中线,高和旁切圆半径，s,R,r分别表示△ABC的半周长，外接与内切半径，A,B,C分别表示△ABC的三内角。请给出三角形面积的表示式。 设三角形面积为△，根据三角形诸元素之间的恒等变换关系，列出下列21种三角形面积公式。仅供参考。(1),△=sr;(2),△=(s-a)*ra=(s-b)*rb=(s-c)*rc; (3),△=√(r*ra*rb*rc);(4),△=ra*rb*rc/√(rb*rc+rc*ra+ra*rb); (5),△=s^2*tan(A/2)*tan(B/2)*tan(C/2);(6),△=s*(s-a)*tan(A/2)=s*(s-b)*tan(B/2)=s*(s-c)*tan(C/2); (7),△=abc/(4R);(8),△=bc*sinA/2=ca*sinB/2=ab*sinC/2; (9),△=abc*cos(A/2)*cos(B/2)*cos(C/2)/s;(10),△=2R^2*sinA*sinB*sinC; (11),△=a^2*sinB*sinC/sinA= b^2*sinC*sinA/sinB= c^2*sinA*sinB/sinC; (12),△=(a^2/sinA+b^2/sinB+c^2/sinC)*sin(A/2)*sin(B/2)*sin(C/2);(13),△=[(b^2+c^2)*sin(2A)+(c^2+a^2)*sin(2B)+(a^2+b^2)*sin(2C)]/12;(14),△=2s^2*sinA*sinB*sinC/(sinA+sinB+sinC)^2;(15),△=√{(a^4+b^4+c^4)/[8(cotA)^2+8(cotB)^2+8(cotC)^2+8]};(16),△=a^2/[2(cotB+cotC)]=b^2/[2(cotC+cotA)]=c^2/[2(cotA+cotB)];(17),△=[b^2*sin(2C)+c^2*sin(2B)]/4=[c^2*sin(2A)+a^2*sin(2C)]/4=[a^2*sin(2B)+b^2*sin(2A)]/4;(18),△=√[(ma+mb+mc)*(mb+mc-ma)*(mc+ma-mb)*(ma+mb-mc)]/3;(19),△=1/√[(1/ha+1/hb+1/hc)*(1/hb+1/hc-1/ha)*(1/hc+1/ha-1/hb)*(1/ha+1/hb-1/hc)];      (20),△=a*ha/2=b*hb/2=c*hc/2;  (21),△=(ha*sinA+hb*sinB+hc*sinC)^2/(18*sinA*sinB*sinC).</t>
  </si>
  <si>
    <t xml:space="preserve">有人介绍下厦门晚上有什么好玩的嘛？ </t>
  </si>
  <si>
    <t>厦门其实不是个好玩的城市，厦门是个适合安静行走的城市，它的夜晚和其他城市一样，没有多大区别。</t>
  </si>
  <si>
    <t xml:space="preserve">怎样找抱孩子的保姆?工资多少?孩子六个月,我快上班了.杭州哪里有 </t>
  </si>
  <si>
    <t>找三替家政吧</t>
  </si>
  <si>
    <t xml:space="preserve">这男子痴情？某男子，把死去的妻子的尸体挖出来，放到床边，跟妻子的 </t>
  </si>
  <si>
    <t>这就是真爱！感天动地的爱！即使阴阳相隔，也要与妻共度朝夕。即使无法语言沟通，也要肉体接触。精神受到某种刺激，出问题了。不是一个痴情可以解释的。</t>
  </si>
  <si>
    <t xml:space="preserve">辐射是一种物质还是一种能量都说辐射对人体有害，那么辐射到底是什么 </t>
  </si>
  <si>
    <t>辐射是一种能量传递方式，如光辐射、热辐射、微波辐射、X射线辐射等；如果没有热辐射，冬天我们只能放在火上烤，才能感到温暖；没有太阳光辐射，地球不会有四季区分，大约也不会有现在的世界；至于辐射对人体的伤害，关键在辐射量，人长时间处于炼钢炉旁边，接受1千摄氏度以上的高温热辐射，恐怕不死也大病，这是因为接受热辐射的剂量远超人体所能接受的原因，并不是热辐射肯定会伤害人体的缘故，寒冷的天气我们都会想到坐在暖气、火炉旁该是多么美好。微波、放射线等辐射也是一样。实际上，我们就常处于各种能量：光、热、微波、宇宙射线等的辐射的环境之中。</t>
  </si>
  <si>
    <t xml:space="preserve">腱鞘炎是什么症状是什么症状呢？我很怀疑自己的了腱鞘炎 </t>
  </si>
  <si>
    <t>腱鞘炎患者屈指不便，尤以早晨最为明显，但活动几下即见有好转。大拇指腱鞘炎的症状在严重时可产生弹响，腱鞘炎的患指屈而难伸或伸而不能屈。腱鞘炎的出现在在桡骨茎突处有疼痛、压痛和局部性肿胀，有时大拇指腱鞘炎的症状可触及硬块。腱鞘炎的治疗最好是找到适合自己体质与病情的方法。一般来说，中医治疗比较普遍，比较温和不会刺激。都说很好的“安鞘消炎贴”就能很好的治疗腱鞘炎，改善局部循环，修复受损组织。一些小知识要注意：症状较轻者可不必减轻运动量，但应昼避免或少用该肌腱，以使 该肌腱有恢复的时间。 不要冰敷：冰敷后会加重腱鞘与肌腱之间的紧张关系，患者会感到局部症状加重。</t>
  </si>
  <si>
    <t xml:space="preserve">这两天的战场挑战任务怎么进不去了?点开始,进去就弹出来了 </t>
  </si>
  <si>
    <t>完美战场的BUG已经很久了..很多人都是刚进战场就弹出来````</t>
  </si>
  <si>
    <t xml:space="preserve">数学对于任意绝对值方程有实数解问题 </t>
  </si>
  <si>
    <t>|2x-4|+ax+b=0，|2x-4|=-ax-b,函数y=|2x-4|的图像是端点为A（2，0）的两条射线组成的，与y轴交于点（0，4).当且仅当直线y=-ax-b与y 轴的交点B（0，-b)不低于A点时两个图像必有交点，∴-b&gt;=4,b&lt;=-4,选B.</t>
  </si>
  <si>
    <t xml:space="preserve">怎么可以去头屑啊最经秋天空气干燥，头皮屑就出来了，很烦心啊怕别人 </t>
  </si>
  <si>
    <t>用 完美去屑洗发水，效果很不错。每次洗头时，放少许盐对头发也比较好的。</t>
  </si>
  <si>
    <t xml:space="preserve">在家里做什么事不让自己觉得没劲啊自己本来可能出去打工的可是,因为 </t>
  </si>
  <si>
    <t>想想如果父母去世，自己还有哪些应该做的没有做给他们，自己配他们的儿子吗，自己活着让人佩服吗，然后你就知道该干啥了。不信，就试一下。</t>
  </si>
  <si>
    <t xml:space="preserve">索尼记忆棒可以用在其他品牌的相机里吗？我在国庆节买了一款S90的? </t>
  </si>
  <si>
    <t>不可以.其他品牌的记忆体和SONY不同,用的是SD卡或者CF卡,只有SONY公司用的是记忆棒.:)</t>
  </si>
  <si>
    <t xml:space="preserve">一区的老头五级飞剑啥价????谢谢 </t>
  </si>
  <si>
    <t>一般就是200到300万了。</t>
  </si>
  <si>
    <t xml:space="preserve">现在的工作好没劲，感觉一点活力都没有。想跳槽又担心，新的工作和环? </t>
  </si>
  <si>
    <t xml:space="preserve">  作为职场求职者，一定要看清自己未来的发展规划，如果现在的工作环境、职业范围已经无法适应今后的发展，那么选择一家有利于自己今后成长的企业就是必须的。   你的迷茫与纠结我都懂。建议你先静静地思考一个问题。你想要什么样的生活？就像乔布斯说的：“Follow your heart.”但是，也不能盲目的换工作，你可以找找相关职业生涯规划培训。我可以给你推荐一个Ijob网课。还是很不错的，祝你找到称心的工作。</t>
  </si>
  <si>
    <t xml:space="preserve">申请领取施工许可证有哪些条件？ </t>
  </si>
  <si>
    <t>根据建设法规的规定，应按照以下方面申请：１.已经办理该建筑工程用地批准手续２.城市规划区的建筑工程，已经取得规划许可证３.需要拆迁的，其拆迁进度符合施工要求４.已经确定建筑施工企业５.有满足施工要求的施工图纸及技术资料６.有保证工程质量和安全的具体措施７.建设资金已经落实８.法律、行政法规规定的其他条件。</t>
  </si>
  <si>
    <t xml:space="preserve">请问NBA赛场上加油助威的时候喊的是什么？请拼写出来~请详细写出 </t>
  </si>
  <si>
    <t>Defence~~Denfence~~就是 防守 防守 的意思~~</t>
  </si>
  <si>
    <t xml:space="preserve">继承问题我早就离婚了，女儿归我。现在我买了一套房，我想在房屋公有 </t>
  </si>
  <si>
    <t>对的，房屋政策就是这样定的。你希望你女儿将来能继承产权，只要到公证处去办理就可以了。</t>
  </si>
  <si>
    <t xml:space="preserve">房屋被隔离开发冲孔桩损坏,有谁可以话我知法律会从那几方面赔偿计算? </t>
  </si>
  <si>
    <t>请人评估一下</t>
  </si>
  <si>
    <t xml:space="preserve">急,急,急,疼死我了.怀孕几个月可以拔牙??我现在怀孕三个多月, </t>
  </si>
  <si>
    <t>孕妇书上写要在4个半月后才能拔呀，就是刚刚感觉到胎动时，但要不疼了才能拔呢！我也是个孕妇，还有几天就4个月了，我也是要去看牙，但不是拔牙，我问过医生了，她也说等4个半月去，会比较安全！</t>
  </si>
  <si>
    <t xml:space="preserve">魔兽重设按键可以保传吗??可以为自己的角色设置一个专用的按键吗? </t>
  </si>
  <si>
    <t>按键保存在World of Warcraft\WTF\Account\你的帐号 里面网吧有还原所以只要保存好这个文件,传到油箱或QQ,上游戏之前覆盖下就行了,里面还保存宏命令</t>
  </si>
  <si>
    <t xml:space="preserve">电脑求助.....为什么我的电脑挂机久了,游戏画面一格格的,重新 </t>
  </si>
  <si>
    <t>可能是内存的事。因为你挂的游戏占内存太大吧！再不就是你的内存有质量问题吧？</t>
  </si>
  <si>
    <t xml:space="preserve">给宝宝起个名字！100分哦！我的宝宝将在8月21日出生，想取个有 </t>
  </si>
  <si>
    <t>章泽贤/章安琪</t>
  </si>
  <si>
    <t xml:space="preserve">乖乖狗价格？我是乐山大佛的，这里1卡=2800W1J变异2TJ狗 </t>
  </si>
  <si>
    <t>LZ想买只乖乖狗哦，现在问道里面我最喜欢的也就是小胖猪，小狗狗，还有就是流氓龙了！ 2TJ狗 不便宜的  1级的2TJ大概在400RMB左右吧 LZ可以跟卖家讲好价再到91或者5173上交易！ 因为大额交易没办法在游戏里面一次性交易完成，这样就会出现信用问题！避免问题的出现，那就只有找平台了 LZ说的价还是差不多的！但是如果乐山区的狗不多的话，拥有者想不想卖那就是外话了我的回答希望LZ满意</t>
  </si>
  <si>
    <t xml:space="preserve">高分求所有职业所有带CD的技能及其冷却时间请分职业说明带CD技能 </t>
  </si>
  <si>
    <t>一个练过联盟所有职业的人来解答一下吧小德熊形态下的嘲讽，CD 10sec, 嘲讽一个敌人使他攻击你自然之握，CD 1min，平衡系天赋，激活之后敌人攻击你，会被缠绕激怒，CD 1min，熊形态下激活10秒内获得20点怒气值，但护甲降低75%重击，CD 1min,熊形态下打晕敌人4秒或5秒，由天赋决定突进，CD 5min，使豹形态下加速挑战咆哮,CD 10min,熊形态下使用，类形战士的群嘲宁静之雨，CD 5min,为小队成员加血，引导法术重生，CD 30min,战斗时可复活的法术，需要材料飓风，CD 1min,AOE魔法，引导法术迅捷治愈，CD 15sec,恢复系天赋，吞噬一个持续治疗法术，马上加多少血法师火焰冲击，CD 8sec,瞬发法术，用火焰冲击敌人造成伤害，天赋强化后CD可减少1.5sec冰霜新星,CD 25sec,瞬发法术，造成一定伤害并冻结目标最多8sec,天赋强化后CD时间可减少4sec火焰护盾，冰霜护盾，法力护盾，CD 30sec,分别为吸收一定的火焰，冰霜，物理伤害闪耀,CD 15sec，瞬发，向前跳出一段跟离，war3守护者的技能魔法反制，CD 30sec,使敌人不能使用同类的法术，最多10sec冰锥术，CD 10sec ,使法师面前一定范围的敌人造成伤害寒冰护体，CD 5min,就是冰箱，免疫所有攻击10sec,但无法移动急速冷却，CD 10min,冰霜天赋，使用后所有冰系法术冷却时间结束冲击波,CD 45sec,对敌人造成伤害并眩晕8sec,火焰系天赋技能术士死亡缠绕，CD 3min,吸取敌人一定生命值转移给术士,并使敌人恐惧3秒恐惧嚎叫,CD 1min, 群体恐惧技能燃烧,CD 10 sec,使已经遭到献祭折磨的目标燃烧,毁灭系终极天赋暗影灼烧,CD 15sec,瞬间冲击目标，造成一定暗影伤害，如果目标5秒内死亡，术士获得一灵魂碎片，技能本身需要灵魂碎片暗影护盾，CD 30sec,类似法师的火焰护盾，吸收一定暗影伤害地狱火,CD 60min,召唤地狱火作战，需要材料牧师真言术盾,CD 4sec,给友方目标加盾，吸收一定伤害渐隐，CD 30sec,减少怪物的仇恨，暗影天赋可以强化,减少到24秒心灵震爆，CD 8sec,对目标造成暗影伤害，造成大量仇恨绝望祷言,CD 10min,瞬发，治疗MS本身一定血量,人类，矮人专用技能灵魂尖叫,CD 30sec,类似术士的群恐光明之泉，CD 10min,制造一个泉水，可使用5次，治疗友方目标一定血量,神圣系终极天赋吸血鬼的拥抱,CD 10sec,对敌人的暗影伤害20%转化为友方的治疗战士冲锋，CD 15sec,向敌人冲锋，使之晕1sec,需要战斗姿态雷霆一击,CD 4sec,对周围最多4个敌人造成自然伤害，并在10秒内降低其攻击速度10%，需要战斗姿态血性狂暴,CD 1min,消耗生命值，10秒内换取20点怒气,类似小德的激怒嘲讽,CD 10sec,嘲讽一个目标，使他攻击你，需要防御姿态压制,CD 5sec,在目标闪躲之后发动一次瞬间攻击,造成武器伤害加一定伤害,压制攻击无法格挡闪躲与招架盾击,CD 10sec,用盾猛击目标,造成一定伤害,盾击可以打断目标正在施放的法术,并阻止其在6秒内使用所有同系魔法复仇,CD 5sec,在格挡闪躲或招架之后,对敌人发动间反击,造成大量仇恨,需要防御姿态惩罚攻击,CD 15sec,使敌人攻击你，持续6秒，需要战斗姿态缴械,CD 1min,使敌人无武器可用破胆怒吼,CD 3min，使敌人恐惧,类似术士的群恐群嘲,CD 10min,群体嘲讽拦截,CD 30sec,拦截目标并使之晕3秒,需要狂暴姿态狂暴之怒,CD 30sec,使战士免疫恐惧,受到伤害得到更多的怒气值,对付术士的好技能旋风斩,CD 10sec,在8码范围内同时攻击4个敌人,造成武器伤害值,需要狂暴姿态最后是3个大技能,共用CD 30min,反击风暴,反击正面攻击你的敌人,盾墙,对战士的伤害降低,卤莽，攻击大部分为致命一击再来三个天赋终极技能,武器系致死打击,CD 6sec,造成伤害并使其治疗效果降低50%,嗜血,狂怒系,下5次攻击都会为你回血,盾牌猛击,有一定几率驱散敌人身上的魔法效果,造成一定的仇恨值盗贼凿击,CD 10sec,使敌人昏迷4秒,任何伤害都使对方醒来闪避,CD 5min,15秒内增加闪躲率50%疾跑,CD 5min,15秒内增加盗贼移动速度,也可以在潜行下使用脚踢,CD 10sec,打断目标正在施放的法术,并阻止其在5秒内使用所有同系魔法佯攻,CD 10sec,不造成任何伤害,降低仇恨值扰乱,CD 30sec,扔东西吸引附近所有怪物注意力10秒消失,CD 5min,大家说的强隐,需要闪光粉肾击,CD 20sec,根据连击点数决定晕对方几秒致盲,CD 5min,使对方不能攻击10秒,任何伤害能打断这个效果,需要致盲粉伺机待发,CD 10min,激活后贼的所有其他技能冷却,敏锐天赋技能真J8累,猎人,圣骑一会儿再写吧都是根据印象写的,技能名称可能不准,但大体上是这样猎人猛禽一击,CD 5sec,增加近战武器伤害,猎人仅有的近战技能猫鼬撕咬,CD 5sec,反击敌人造成伤害,只在闪躲之后生效,类似战士的压制,要触发条件震荡射击,CD 12sec,使目标移动速度降低50%,射击系天赋强化后有几率使目标晕5秒奥术射击,CD 6sec,对目标造成一定的奥术伤害,天赋强化后冷却时间可缩短1秒瞄准射击,CD 6sec,增加远程伤害扰乱射击,CD 8sec,增加怪对猎人的仇恨,宏物要死时可以用此技能拉怪来打猎人多重射击,CD 10sec,猎人的群体攻击技能,可以对多个目标射击惊吓野兽,CD 30sec,不用解释了,记住小德变身了也是野兽哈四大陷井,CD 15sec脱离,CD 5sec,减少怪物对猎人的仇恨，需要近身才能使用急速射击,CD 5min,增加攻速40%,持续15秒假死,CD 30sec,不用说了吧闪光弹,CD 30sec,显示一定范围的隐身敌人,持续30秒,该技能不费弹药啊,没事就放啊放的乱射,CD 1min,猎人的群体攻击技,需引导,持续6秒胁迫,CD 1min,兽王天赋技能,使击中敌人时使其晕3秒狂野怒火,CD 2min,使宠物进入狂野状态,伤害提高50%,持续18秒,兽王终极天赋驱散射击,CD 30秒,使敌人不能攻击4秒,任何伤害可唤醒对方,与贼的凿击类似,射击系天赋技能反击,CD 5sec,招架敌人的攻击后触发的技能，使其无法行动5秒,反击无法被格档,躲闪和招架,生存系天赋技能翼龙钉刺,CD 2min,使其沉睡12秒,任何伤害可唤醒对方,生存系终极技圣骑士审判,CD 15sec,根据圣印的不同,审判效果也不一样裁决之锤,CD 1min,击晕对方6秒神圣愤怒,CD 1min,对周围的亡灵怪造成伤害,施法时间2秒奉献,CD 8sec,AOE技能,在8秒内对周围的敌人造成一定伤害,神圣系天赋技能驱魔,CD 15sec,对不死目标造成一定伤害超度不死,CD 30sec,吓跑不死目标圣疗,CD 60min,治疗友方目标,治疗量等于圣骑士的最大生命值,同时恢复目标的法力值550点,使用此技能时圣骑士消耗掉所有剩余法力值神圣护盾,CD 5min,大无敌,免疫任何攻击保护祝福,CD 5min,保护队友在10秒内免疫所有物理攻击,天赋强化后可以减到3min神圣震击,CD 30sec,对敌人造成神圣伤害,或对友方治疗,神圣系终极天赋神圣之盾,CD 10sec,使你的格档几率提高30%,每次格档会对对方造成神圣伤害,防护系终极天赋忏悔,CD 1min,使目标不能攻击6秒,任何伤害会唤醒对方,只对人型有效,惩戒系终极天赋真累,我发誓以后不回答这种问题了!</t>
  </si>
  <si>
    <t xml:space="preserve">刨腹产后奶少怎么办？我刨腹产快一个月了，可是奶总是不够吃，我的孩 </t>
  </si>
  <si>
    <t>坐月子一定要休息好，还要多吃，有时间就睡，少喝一些什么补品以内的，有些补品里有像麦芽以内的物质，麦芽是回奶的。多喝多吃一些鲫鱼，鲤鱼，老母鸡，猪蹄汤好好的，这些都很好。不要吃什么中药啦。你的奶老往外留，你那叫敞口奶，这是没有办法的事。</t>
  </si>
  <si>
    <t xml:space="preserve">你对微博的个人信息是否真的？ </t>
  </si>
  <si>
    <t>我的至少绝对真实，因为不知道可能哪天会交到什么呢</t>
  </si>
  <si>
    <t xml:space="preserve">睡眠问题20岁左右的人一天(加午睡)要睡多长时间才能保证精力充沛 </t>
  </si>
  <si>
    <t>午睡对人体有益~不用多一个小时就足够了一天的睡眠时间每个人都不相同，以自己身体上感觉舒适即可我晚上和中午睡眠时间加起来有九个小时，感觉很适合自己~</t>
  </si>
  <si>
    <t xml:space="preserve">背包客旅游需要的必备品有哪些 </t>
  </si>
  <si>
    <t xml:space="preserve">我们人类是大自然的宠儿，但随着工业文明的不断进步，人们渐渐的与大自然的距离越来越来远。穿行在喧嚣都市的街头，透过摩天大厦构成的水泥森林，眺望远在云端的群山，人们不禁会产生纵情同海之间的强烈渴望。野外生存原本是各国军队用来训练精英战团的一种训练方式，其本意是通过艰苦而卓有成效的训练使指战员在生理上和心理上适应一种利用自然条件云应对自然的生存方式。比如学会如取得食物和食水等技能，这些训练通常是在极限状态下进行本人就曾只佩带一柄军刀，“杀人”亚热带丛林，要不是运气好在最后一刻找到了护林防火带，顺着防火带下山的话，说不定现在岭南的亚热带丛林里会多出一个“野人”的踪迹。   野外生存活动自从“军转民”以来，作为一种有益身心并有利于培养团队精神的群众性文体活动，更加强调如何在去接近大自然，去探索我们未知的精彩世界。下面就常见的一些野外生存装备来逐一加以介绍。   背 囊   背囊容量的大小与野外生存的天数有直接关系，一般不应小于50升。美军原品LC-2军用背包，容积49升。其优点是采用外框架式结构，包与人体背部散热，可调肩带和S腰带使该包容易掌握平衡。外框架也方便加挂睡袋等物品，定点存放的基本方法。   登山鞋   说到野外生存用鞋，好多朋友会想到运动鞋，有些地方干脆把运动鞋叫做“旅游鞋”。其实，运动鞋分篮球鞋、网球鞋、跑鞋、多功能鞋和户外鞋等许多种，除户外品越战丛林战靴，橡胶底加防刺钢板，真皮鞋面全棉鞋腰，防滑透气，能很好地保护脚部和踝骨。   绳 索   纵横野外，最大的目的就是要走前人没有走过的道路，而有些地方根本就没有路，此时绳索就显得极为重要。专用樊岩绳和锁扣最好，但价格偏高，不过可以到附近的建材店看一看，建筑工人使用的安全绳和锁扣是物美价廉的代用品。一般登山绳索长20m左右即可。登山不同于樊岩，超过10m的悬崖峭壁对于普通人来说是“禁区”。   电筒及荧光棒   电筒的功用不说大家也知道，野外生存用的电筒要求照射距离不小于50m，电池使用时间不小于5小时，电筒自身至少达到30m深能防水，电筒配有备用灯泡。图示的PETZL电筒不仅满足不了上述要求，还可以通过附件把电筒戴在头上，使夜行者的双手解放出来做其他的事情，十分方便。发光2小时以上的荧光棒可以作为辅助光源在野外使用。   指北针     目前，几乎每一家军品店都有不同制式的指北针出售，小到可戴在手表上的充液式简易指北针，大到地质勘探用的水平式指北针。去野外探险，建议还是使用专用指北针为好。图中为军用65式指北针，具有指向、测距、量角、地图比例尺测距等多种功能。其实指北针同相应的地图配合使用时作用最大，出发前应充分掌握指北针的使用方法。   求生哨   如图所示，不过是一个普通的军用哨子，但在荒郊野外，遇险者如果采取喊“救命”的方式来引起救援人员注意的话，不到15分钟就会喊得声嘶力竭，而一个小小的塑料哨子，只要还有一口气，就能吹响它，而且，在探查出路，寻找水源时，事先约定好的哨间长短和不同组合，都是野外近距离联络时最方便和最简捷的通信方法。   求生刀具   首推“丛林之王”一号野外求生专用刀具，它几乎囊括了所有小型用品，全部刀具有九大附件，能衍生出数十种野外求生功能。如果有条件，还推荐团队中的队员携带一把猎斧。图中所示为美国巴克公司生产的猎斧，在野外进行砍柴生火、搭帐篷、制作路标、开挖排水沟等工作时，猎斧往往比求生刀具更加有用。   求生小型组合工具   美国莱则曼WAVE组合工具钳是野外作业的上上之选。图中所示为“瑞士冠军”万用工具刀，具有42项功能，被称为野外工作者的“百宝箱”，建议配合原厂的皮革刀套一起使用，因其尺寸不大，完全可以挂在腰间，以免野外急需使用组合工具时在背囊中翻来翻去。  手 表   相对于一般的手表，野外生存用表除精确还应至少做到防水和具有夜光功能。图中的手表除满足上述条件外还具有即时方向测量功能，每隔2小时自动气压测量功能（260hpa～1 100hpa, 即0。26～1。1大气压），根据气压变化记忆图了解未来气候变化的功能，-10～60度气温测量功能，-700～10 000m高度测量功能，1/100秒表功能等多项功能，因此该表也被称为“脘式登山计算机”。   通信工具   现在手机在我国比较普遍，但作为野外探险活动，活动范围多在人烟稀少的地区，手机信号未必覆盖得到，同时频繁的野外通信联络使用手机也不经济。图中所示的小型对讲机，由3节5号干电池提供电源，也可以使用相同数量的可充电电池，开阔地通信距离3 ～5km，12频道，LCD照明，具有体积小、重量轻，通话质量好的特点，是野外远足的首选。   帐 篷   在野外，帐篷的主要功能是防风、御寒、避免昆虫及小动物滋扰，保证使用者能够得到良好充分的睡眠，对保持使用者的体力起着至关重要的作用，野外帐篷常见的有“人”字型。圆顶型等多种款式，使用者应按所要前往地区的季节和气候等情况选择适用的类型，并要在出发前学会怎样搭建。图中是一顶圆顶型双层双人帐篷，防风、防潮、防蚊，四季适用。    睡袋及防潮垫    睡袋通过内里的填充材料不同，以达到不同的保温效果，使用者应根据所要到达的地区的气温来选择不同保温效果的睡袋。野外生存用的睡袋至少要达到防潮、保潮透气、质量轻、体积小的基本功能要求。题图中所示的羽绒睡袋除满足上述要求外还有一个可拆下的内衬，方便清洁和使用；防潮垫 一面涂有金属膜，除防潮外政治家多种用途。    生火工具    在野外，生火的方法有很多，比如把望远镜的凸透镜卸下，在阳光明媚的郊外，可以用它轻易地点燃报纸，野外用的生火工具主要还是火柴或打火机，题图中所示的火柴分别为野外防风火柴和野外防水火柴，其中防风火柴在使用时应捏住火柴的木杆部分，以免烧伤手指，野外出行，防风打火机以其结构简单、性能可靠的特点也深受行家们喜爱。   水 壶   有人做过测试，一个普通人，在断粮的情况下大约可以存活30天，而在同时断水的情况下最多只可以存活7天，足见水对于野外生存者的重要性，一个普通人每天至少要消耗掉2升的饮用水，这也是野外活动准备食水的基本依据。题图中的水壶为铝合金制品，容量为1.5升，水壶下端配有一个铝合金的饭盒，大小刚好可以煮一袋方便面，十分实用。   望远镜   置身野外，观察野生动植物，寻找水源，判定行动方向等都少不了望远镜，而野外观察用望远镜倍数一般应在7-12倍之间，且最大物镜直径不应小于35mm，因为小于7倍的望远镜观察距离有限，大于12倍的望远镜在手持观察时晃动太大。图中的俄罗斯产12＊45军用望远镜，全铝合金镜身，镜内充氮，有分划线，在观察的同时能方便测距。   收音机   在野外，小小的收音机可能是你了解身后文明世界相关信息的唯一渠道，新闻和天气都应该是你所关心的内容，午夜的帐篷内，收音机里传出的歌声，也许会令你终生难忘，图中的这台收音机具有AM/FM两个波段，可以电脑自动寻台，除耳机外还带有外响喇叭。耳机连线也是软的鞭状天线，在野外特别适用。   照相机   无限风光在险峰，随着照相技术的普及，大家都希望把野外探险的过程拍成照片或DV（数字化视频）录象，以便日后同朋友们共享这段美好时光，出行前应确认照相机或寻象机电力充足，胶卷和寻象带有备份。图中的照相机只有一盒烟大小，采用镁合金制造，28mm广角镜头，有自动曝光、光圈优先曝光两种曝光方式，曝光度±2档可调，取景器还可显示快门速度等资料。   备用食品   野外活动的食品，应根据个人口味和具体行程制定好食品携带计划，这些食品不但要能果腹，还要提供野外活动所必需的热量，因在野外随时可能会发生许多意想不到的情况，以防万一，备用食品是必不可少的。题图中所示的90压缩干粮，由面粉、白砂糖、精炼油、葡萄糖粉、奶粉、精盐、人参皂甙等原料制成，净重250g，可提供5248KJ的热量。   以上就是野外生存活动常用的一些装备，其他还有寸具、急救包等物品，集齐上述常用的一些装备，除了少一支步枪以外，你的基本装备几乎可以同正规军队媲美。但是，这并不意味着你可以在野外为所欲为，请牢记，我们是大自然的孩子，对大自然要时刻存有“敬畏”之心，爱护自然，尊重自然是保证野外生存活动顺利进行的基础。祝你旅途愉快！ </t>
  </si>
  <si>
    <t xml:space="preserve">哪位朋友用过【拔喘定】这种药？效果如何？ </t>
  </si>
  <si>
    <t>您好，按照中医的理论，气管炎属于咳嗽、痰饮、哮喘等证的范畴。它的内因是由于整个机体的抵抗力，特别是其是肺脏本身抵抗力降低的结果。外因是由于外界环境的各种变化对肺脏的影响，如气候、饮食、情志、劳倦等。建议你采取中医治疗，中医是按症用药，辩证施治。不同疾病的患者需服用不同的中药，所以中药的品种、数量要有它自身的特点。中药主要的作用是清理肺部的垃圾以及调理肺部功能，是有一定的治疗的效果的，但也只能缓解一定的症状，是不能根本性的治疗的。（如若，你对我的答复满意，请选择“对我有用”，谢谢您的采纳。）</t>
  </si>
  <si>
    <t xml:space="preserve">如何在网上发表文章,比如我现在要在网上发表一篇长篇小说该咋整? </t>
  </si>
  <si>
    <t>新浪是大的网站，你用你的新浪通行证1231900622在新浪网登录，再点读书，进去后加入新浪书有会，你就可以：加入新浪书友会，您将—— 拥有自己的网上书房　　收藏您喜欢的图书、书评、书摘，建立自己的个性书架，轻松浏览轻松收藏发布自己的原创　　发表您的作品，一天之内让千万热心的网友看到；您还可以与大量的原创爱好者一起分享写作的乐趣以书会友　　通过搜索，您能找到志趣相投的书虫伙伴，互相分享读书心得，体验互动阅读新乐趣参与缤纷的读书活动　　作家访谈、交流原创、书友见面、俱乐部活动、读书团购，丰盛奖品等你拿 总之，你如果想发表文章，要大的网站很好的哟，浏览的人也多。</t>
  </si>
  <si>
    <t xml:space="preserve">微博勋章有什么作用？ </t>
  </si>
  <si>
    <t>基本没什么作用。</t>
  </si>
  <si>
    <t xml:space="preserve">怎么样教小狗狗不乱大小便啊?我喜欢小狗,可是它总爱乱大小便最另我 </t>
  </si>
  <si>
    <t xml:space="preserve">       让它建立条件反射，这需要耐心的。但是一旦建立了条件反射，就好了。</t>
  </si>
  <si>
    <t xml:space="preserve">胎毒怎么办呀?我的宝宝自从出生后不久脸上就起了胎毒,用的药膏不能 </t>
  </si>
  <si>
    <t>胎毒　　病名。婴、幼儿疮疖、疥癣、痘疹等病统称胎毒。见《幼幼集成》：“凡胎毒之发，如虫疥、流丹、湿疮、痈疖、结核、重舌木舌、鹅口口疮，与夫胎热、胎寒、胎搐、胎黄是也。”其病因是由于孕妇恣食辛热，甘肥厚味，或生活调摄失宜，遗毒于胎，或郁怒悲思等因素使生子是病证。新生儿不宜用草药祛胎毒　　在祖国的某些地区，尤其是江南一带，流行着这样一种风俗习惯，即喜欢给刚出生的新生儿服黄连、钩藤茶等草药。据说这样能解婴儿从母体带来的“胎毒”，保证日后夏不生痱、冬不长疮疖。　　其实，这是不科学的，而且还会影响新生儿的健康。据儿科专家研究发现，新生儿服草药后，会影响胆红素的代谢，发生急性溶血性黄疸，出现皮肤、眼珠、小便发黄。　　在南方约有5%的男婴发生过这类黄疸，原因多与新生儿服草药有关。众所周知，婴儿在出生时粪便呈黑褐色，这是正常的生理现象，数日后即可消除，无需用黄连等药来祛胎毒。因为所谓的“胎毒”会在新陈代谢过程中排出体外，不会遗留在体内。所以，对新生儿不需用草药祛“胎毒”。</t>
  </si>
  <si>
    <t xml:space="preserve">奥美定事件，这个是什么样的事情？ </t>
  </si>
  <si>
    <t>2006年4月，国家药监局全面叫停;奥美定，官方统计30万女性接受奥美定注射隆胸，据不完全统计，全国大约100万女性接受了奥美定注射隆胸。2006年至今，奥美定伤害不断爆发，受害女性痛不欲生，奥美定致毒性危害、生命循环系统危害、致癌、基因突变危害、哺乳危害婴儿等，无数幸福家庭因此破碎。2002年到2005年，国家药品不良反应监测中心共收到与注射用聚丙烯酰胺水凝胶有关的不良事件监测报告183份，其中隆乳161份。</t>
  </si>
  <si>
    <t xml:space="preserve">我是新手,要转服了,看了几个服务器人都少的可怜,村子里更是没几个? </t>
  </si>
  <si>
    <t>现在的玩家第一聚集地应当是 奇岩 ,以前是古鲁丁镇,"村里"哪会有人.</t>
  </si>
  <si>
    <t xml:space="preserve">在线急！！！魔力终极高手帮忙！！我今天封了五十多只没有改过的僵尸 </t>
  </si>
  <si>
    <t>僵尸成长档是１０５　　　　改僵是１２５　　意思是　０档僵尸和　２０档改差不多　．．．２０档的改　丢地上都没人要　改僵尸的５围和改前的没有联系　这个大家都证实了的个人任务那家伙是是够特殊癖好　喜欢用好的改　心理作用不过你自己还是看看档好　好的比垃圾能多卖点的要０档僵尸卖个２０万大概也可以　　０档嘛　卖给收藏家　</t>
  </si>
  <si>
    <t xml:space="preserve">如何做房产的投资?目前在北京,上海或广州做房产投资,是否合适? </t>
  </si>
  <si>
    <t>总体来说现在投资不如以前回报率高了，但是房价随着政府调控和市场经济的涨幅还会稳步上扬，主要是看您要投资的区域及户型了，现在大多数房产总价偏高，而购买人群付款能力有限，所以小户型低总价是出租及长线投资在抛售的选择，而大户型必须选择成熟社区周边商业气息浓厚的楼盘，总之一定要考察所选择区域各个楼盘售价。</t>
  </si>
  <si>
    <t xml:space="preserve">爱情水是什么颜色的？ </t>
  </si>
  <si>
    <t>是五彩缤纷的.有快乐,是难过,有哭,有笑,~!!!!</t>
  </si>
  <si>
    <t xml:space="preserve">装了游戏进不去！高手帮帮忙！我更新好了点开始游戏然后出现这个如下 </t>
  </si>
  <si>
    <t>有的游戏必须安装他们提供的显卡驱动，所以你安装显卡驱动可以解决你的问题</t>
  </si>
  <si>
    <t xml:space="preserve">化学浓度为多少的硫酸可以说是浓硫酸 </t>
  </si>
  <si>
    <t xml:space="preserve">10mol/L以上浓度的酸都可以称为浓酸. </t>
  </si>
  <si>
    <t>战神版</t>
  </si>
  <si>
    <t>做这个方法是在＋19时，准备一把天神鞭子。不放工匠与铁匠。是属于完全覆盖。成功后就是一把＋19的天神成功鞭子了。但是他鞭子下面的属性事实上是镰刀的属性。这样就是在＋19时，放一块工匠之心，用天神鞭子去升的。至于＋18之前只需要保留下面的附加属性即可，也就是每次放工匠之心的。不一定每次需要天神鞭子。垃圾的也可以。只要在＋19时成功。就是这图上的鞭子了。最后提醒一下楼主，这类武器多数只存在于私F。在官服天神武器很难打，也很少有人能加到＋19的。更没什么人会在＋19的时候拿天神武器去砸，因为成功率1%都不到。失败的可能性极大。</t>
  </si>
  <si>
    <t xml:space="preserve">★【美丽小猴子】推荐1胆1双选固若金汤胆：曼联3无敌双选胆：勒沃 </t>
  </si>
  <si>
    <t xml:space="preserve">明天继续推荐 明天继续推荐 明天继续推荐 </t>
  </si>
  <si>
    <t xml:space="preserve">网银出问题了我用的是农行K宝，昨天在淘宝上买东西，付款的时候输密 </t>
  </si>
  <si>
    <t>登录“网银”是登录密码；调银行卡的钱到支付宝，用K宝密码；淘宝上买东西，付款给店家，用淘宝支付密码。不要混了！</t>
  </si>
  <si>
    <t xml:space="preserve">如何回复回答我问题的人第一次上爱问知识人，请问如何回复以感谢回答 </t>
  </si>
  <si>
    <t>你选择好最佳答案（比如说选我，嘻嘻）以后，可以发表评论的。也可以在别人的回答的右上角有一个 “评论” 按钮，直接发表。</t>
  </si>
  <si>
    <t xml:space="preserve">“蠡”怎么读啊？拼音 </t>
  </si>
  <si>
    <t>蠡  lí,lǐ,luó, 部首: 虫     部首笔: 6    总笔画: 21蠡lí【名】瓠瓢,用葫芦做的瓢〖calabashshellservingasdipper〗以蠡测海。——《汉书·东方朔传》又如:蠡升(容量一升的瓢子);蠡帽(防矢石的盔帽。其形似瓠瓢,故名);蠡勺(一瓢勺);蠡见(喻肤浅的见识);蠡酌管窥(用瓢量海水,从竹管里看天。比喻见识浅薄,对事物的观察和了解很片面)另见lǐ;luó蠡测lícè〖measuretheseawithanoystershell—haveashallowunderstandingofapersonorsubject;shortsighted〗即蠡酌。以瓠瓢测量海水。比喻见识短浅,以浅见量度人,“以蠡测海”的略语以蠡测海。——《汉书·东方朔传》蠡测管窥蠡lǐ【动】虫蛀木〖eat;insecteatsawood〗。引申为器物久磨将断的样子蠡,虫啮木中也。——《说文》。段玉裁注:“蠡之言??也,如刀??物。”以追蠡。——《孟子》蠡lǐ——人名、地名用字。如:范蠡(春秋末年越国大夫);蠡县(在河北省中部);蠡湖(在江苏无锡市东南)另见lí;luó蠡luó【名】通“蠃”。蜾蠃〖eumenid〗谅不登?榷?馏毁?得不陈力而相追。——汉·班昭《东征赋》。注:“蠡与蠃古字通。”另见lí;lǐ 蠡lǐ虫蛀木，引申为器物经久磨损要断的样子。</t>
  </si>
  <si>
    <t xml:space="preserve">被蝎子蛰了怎么办???谢谢 </t>
  </si>
  <si>
    <t>蝎子毒是酸性的，偏方尿素水治疗不错。</t>
  </si>
  <si>
    <t xml:space="preserve">很担心，不知道这样危险不？本人由于工作原因，不得已接触过一位艾滋 </t>
  </si>
  <si>
    <t>艾滋病传染主要是通过性行为，体液的交流而传播。体液主要有：精液，血液,阴道分泌物,乳汁、脑脊液和有神经症状者的脑组织中。其他体液中，如眼泪、唾液和汗液，存在的数量很少，一般不会导致艾滋病的传播。唾液传播艾滋病病毒的可能性非常小。所以一般接吻是不会传播的。但是如果健康的一方口腔内有伤口，或者破裂的地方，同时艾滋病病人口内也有破裂的地方，双方接吻，艾滋病病毒就有可能通过血液而传染。汗液是不会传播艾滋病病毒的。艾滋病病人接触过的物体也不可能传播艾滋病病毒的。但是艾滋病病人用过的剃刀，牙刷等，可能有少量艾滋病病人的血液；毛巾上可能有精液。如果和病人共用个人卫生用品，就可能被传染。因为性乱交而得艾滋病的病人往往还有其他性病，如果和他们共用个人卫生用品，即使不会被感染艾滋病，也可能感染其他疾病。所以个人卫生用品不应该和别人共用。一般的接触并不能传染艾滋病，所以艾滋病患者在当中不应受到歧视，如共同进餐、握手等都不会传染艾滋病。艾滋病病人吃过的菜，喝过的汤是不会传染艾滋病病毒的。艾滋病病毒非常脆弱，在离开人体，如果暴露在空气中，没有几分钟就会死亡。不用担心，没什么事的</t>
  </si>
  <si>
    <t xml:space="preserve">40分+5星请高手P个图！！！主要就是不要把图片弄得很模糊，那样 </t>
  </si>
  <si>
    <t>可惜我不会P啊！会P我第一个给你P</t>
  </si>
  <si>
    <t xml:space="preserve">一个字,左右结构:分开了爽死;合在一起疼死 </t>
  </si>
  <si>
    <t>同意，应该是“咬”！</t>
  </si>
  <si>
    <t xml:space="preserve">如何去爱一个女人前段时间我爱过一个女孩但我最终放弃了她很爱我，我 </t>
  </si>
  <si>
    <t>你放弃她是因为为了以后的利益，是不是因为她不能给你利益，你这样想是不是说明你是很贪钱的人呢？你要先弄明白自己要的到底是什么感情．如果你是贪钱的那种人的话，那么你现在后悔是不是一点像是装出来的呢？（这只是我个人的意见而已，希望你不要介意．我是真心希望你要先弄明白自己到底要的是什么感情）．．祝你爱情幸福！！！！！！！！！</t>
  </si>
  <si>
    <t xml:space="preserve">我是新手请问大侠怎么可以投好3分 </t>
  </si>
  <si>
    <t>一般回答 是凭感觉我认为 应该是 练习+感觉 跟你的注意力 姿势 状态有直接的关系！ 风速 心情 远近 篮球圆度 地球偏向力 对你的命中率有客观因素！</t>
  </si>
  <si>
    <t>【今日头条】基金经理一语道破天机！作者:实习生小编2008</t>
  </si>
  <si>
    <t>新基金还是要发行的,他们还是要赚手续费的,基金永远会告诉你,理财会赚钱的事实需要自己分析,没觉得他道了啥天机,这不是光头上的虱子,明摆的吗?</t>
  </si>
  <si>
    <t xml:space="preserve">好心疼，大家帮帮我……我家的喷墨打印机问题我只想打印一篇文章的一 </t>
  </si>
  <si>
    <t>　　打印的时候，缺省的就是打印全部，但还有打印当前页、页码范围另外两个选项。还有一个选项，那就是打印‘所选内容’选项，这是不常用的，也很容易忽视。你所要求的，就是使用这个选项便可解决。　　这个选项在不同的程序下，名称可能会不同，比如你在网页上选中部分文字，右击→打印，打印对话框里就是‘选定范围’的打印选项。当然，不同的打印机，其名称也可能有所差异。　　下面是在Word里的情况：　</t>
  </si>
  <si>
    <t xml:space="preserve">化妆品专柜售货员有什么护肤秘方吗去商场买化妆品，发现化妆品专柜售 </t>
  </si>
  <si>
    <t>其实公司对销售顾问很严格的,皮肤不好肯定做销售顾问不行,我们公司每个季度都有发两款产品,相当不错,肯定得先用拉才知道怎么更好推荐给顾客,不是象楼上说的,毕竟她们只是打工的，有能力全部使用一流的品牌吗？不见得有些销售顾问就没有使用过啊,大公司都有先给销售顾问使用后培训后才会更好的介绍给顾客,其实最主要还是皮肤本来就很好啊,哪个要找个皮肤不好的做啊,皮肤好那就是活广告啊,化妆很重要,就象4楼说的因为我们平时受到相关的美容护肤知识比较多,会更注重自己的皮肤!想到怎样可以变更好,搽粉,肯定是好的那种,一般公司有发的,睫毛得涂睫毛膏,唇彩一擦,眼影化上不就行拉,而且我相信做销售的肯定也长得不丑,一化妆不就很漂亮啊.我觉得我们这边不象楼上说的那么夸张长满雀斑,我想深圳可能比武汉美女多哦,哈哈开玩笑</t>
  </si>
  <si>
    <t xml:space="preserve">2014年1月4日快乐大本营开场舞的歌曲叫什么 </t>
  </si>
  <si>
    <t>The Royal Concept - 《On Our Way》</t>
  </si>
  <si>
    <t xml:space="preserve">DK强不强的?感觉没有任何解除性和逃生技能? </t>
  </si>
  <si>
    <t>近战的不近身他没么伤害，跑了没意义。DK和远程的打，跑的往往都是远程职业！DK只是在无限的追，无限的抓。所以，DK基本主观上不需要那么多解脱技能！不过DK的抗、免能力还是很强的！</t>
  </si>
  <si>
    <t xml:space="preserve">请问我的CPU是什么牌子的？我的CPU是:Inter(R)Cel </t>
  </si>
  <si>
    <t>Inter英特尔公司生产的Celeron赛扬系列。赛扬和奔腾X相比只是缓存少了些，大概在一半左右吧，因为缓存的价格昂贵，所以赛扬系列只是低端处理器，但它的超频能力强，不过作为一般用户是感觉不出二者区别的。R表示该商标已注册</t>
  </si>
  <si>
    <t xml:space="preserve">刚打的单,赶紧给看看希望大不大我刚去彩票点买的单,大家赶紧给评评 </t>
  </si>
  <si>
    <t xml:space="preserve">阿斯科 27日21:00 卡利亚 3 卡塔尼 27日21:00 切　沃 310 佛罗伦 27日21:00 桑普多 0 -------31国　米 27日21:00 都　灵 3 利沃诺 27日21:00 亚特兰 30 帕尔马 27日21:00 恩波利 31 雷吉纳 27日21:00 AC米兰 30 罗　马 27日21:00 梅西纳 3 锡耶纳 27日21:00 拉齐奥 3 乌迪内 27日21:00 巴勒莫 10--------3塔拉戈 27日23:00 马竞技 30 奥萨苏 27日23:00 社　会 0 塞维利28日01:00 萨拉戈31 桑坦德 27日23:00 莱万特 10--------3 </t>
  </si>
  <si>
    <t xml:space="preserve">网购有好的窗帘吗？想网购窗帘，哪里的好？ </t>
  </si>
  <si>
    <t xml:space="preserve">那你去淘宝啊。淘宝商家信誉等级划分，一星到七星然后是钻接着是皇冠，再后来到金皇冠 ，给你推荐一家叫莱雅布业家纺。是5钻商家，信誉也不低了，但依据这些评价还不够，你可以看看其他买家对这家店的评价，或者你直接和店主交谈一下，然后综合这些再考虑。 希望能采纳我 </t>
  </si>
  <si>
    <t xml:space="preserve">&lt;只爱萨拉戈萨&gt;做个低调的彩民...从不相信什么卖胆从不理会别人 </t>
  </si>
  <si>
    <t>说得对，本人基本只看分析贴和技术贴，学学别人的长处。</t>
  </si>
  <si>
    <t xml:space="preserve">这种自行车架如何调整链条松紧？ </t>
  </si>
  <si>
    <t>如果要紧的话，把链子用冲子掐下一节，再适当调整后轴螺丝。如果要松更好办了，直接后轴螺丝松开向前挪点，紧死螺丝就行了。</t>
  </si>
  <si>
    <t xml:space="preserve">一个女生这样子回绝你是不是根本没有余地了啊？开始男孩子跟女孩子是 </t>
  </si>
  <si>
    <t>看了你的描述,觉得你有点心急了!你要知道,很多恋人都是从普通朋友做起的,她说你们只能做朋友,这也不见得是坯事啊,你就和她先从朋友做起,在这段时间里,你可以充分的表现自己,也可以多多了解她的为人,等以后时机成熟,等她对你的感觉不一样了,你再来一次深情的表白,说不定会打动她呢!从现在开始,好好的相处,不可过急,不可冲动,慢慢来吧!祝你成功!!</t>
  </si>
  <si>
    <t xml:space="preserve">怀孕整五个月了，不见肚子长，而且也没有胎动，两周前检查时听过胎心? </t>
  </si>
  <si>
    <t>请问您有没有做过B超呢？如果身体比较丰满的或者瘦的人，肚子可能不是很明显。胎动一般在18-20周出现，如果胎心音正常，您可以再观察一段时间</t>
  </si>
  <si>
    <t xml:space="preserve">上海曹路到沪南路坐车要多长时间 </t>
  </si>
  <si>
    <t>你说的是曹路镇不，坐蔡陆专线到金杨路金桥路下换乘东周线在沪南路陈春路下</t>
  </si>
  <si>
    <t xml:space="preserve">有什么好的学习英语的网站吗?包括听力和口语的.谢谢了 </t>
  </si>
  <si>
    <t xml:space="preserve">请若奇大师帮看下八字姻缘男方1984年11月2日生人早上8点左右 </t>
  </si>
  <si>
    <t>　　841102，乾：甲子│甲戌│庚子│庚辰　　　大概2?q起運：乙亥│丙子│丁丑│戊寅│己卯│庚辰│辛巳│壬午│癸未　　860210，坤：丙寅│庚寅│乙酉│壬午　　約2?q起運：己丑│戊子│丁亥│丙戌│乙酉│甲申│癸未│壬午│辛巳　　男命?俳穑鹕猎拢鹚蝗酰俗忠阅?橛蒙瘛６蒙?赏福由细窬终R，?凫陡幻?　　????果?啵?b義心，好?佟Ｋ枷肫嫣丶??，秘密性??，?刃牟灰赘Q探。善於解讀?e人?刃模陨硇牡滋N藏很多不?槿酥慕锹洌?r容易?牛角尖。要了解這種人需要很多?r間。　　??矍楦腋冻觯挥?較。只不過身重?重，又??八字，有?r?m??_突，自己有情緒又收起?怼７蚱?m坐?伲渑既菀资?C靈、敏銳、有??、有欲望、不太看得起人的人。　　其??也不是太適合與人合夥的命，可?氖掠兴?術有原??的工作，開??性也不弱。很多工作都需要親力親?椤?　　22?q前水運，讀?\。22到32?羞\，反而容易做錯?Q定。32到52?q?運，人生大運。　　女命?倌荆耗咎谅杂泻猓曰?橛蒙瘢赡竞退０俗滞??火，也是不錯的格局。　　靈活，有野心，不服?，?剔郑砸?槭恰ｋp重性格，表面恭?謙?，?刃恼加杏??，外表?酚^外向善於人事，?刃墓虐宥喑睢?r容易蔚然而行不?後果。　　官星合日，?厚。略感不足的是?僖?官，感情上依然有波折和起落，晚婚較好。　　女命格局?]男命佳，?o?事?I?是感情都容易多是非。12到32?q舒服蠢運，由?e人或者?r局引?ё约喝松呦颉?2到42?q有十年?運，適合思想生?，例如科研、投資等需要用腦分析的工作。42到62?头蜻\+?屠习暹\，最適合替老公打理生意或替老公打工。　　???命是比較有?分的，而且性格也能互補，五行亦各取所需，故此合婚我覺得???命不錯。只是女命微微克夫，不適合早婚，婚後聚少離多可免刑克，尤其女命的22到42?q。　　男命此?r似乎?不是適合???I，不是???I運，22到32?是適合庇蔭下發展，今年土年也容易錯誤?Q策或者招惹口舌。比較靚的大運要在32後，不過如果想自己摸索一下，那麼??亦?o妨。常說行運什麼都行，不行運就什麼都倒，所以?K?]有什麼行?I特?e好的。如果想做生意，或者?倌镜男?I比較有利，例如?材、?@林、橡膠等。投資?t可選?偎男?I，例如物流、金融、交通等。都是?⒖级眩钪匾亲约?π?I比較熟悉，才最??際。　　大概如此，希望?δ阌?椭Ｎ胰栽?W????中，不敢妄稱大??。</t>
  </si>
  <si>
    <t xml:space="preserve">英语专业等级考试与四六级是一样的吗？ </t>
  </si>
  <si>
    <t>四六级针对的是大学生，而且2007年改革以后，现在也在陆续实施，它的证书取消，以及包括现在社会报名也在受到局限，大多数都是在校大学生进行报考。而我们PETS考试从出来到现在，最主要的一个特点是，由社会，它面对的是整个全体公民，只要是自然人，你就可以随时虽可都可以报考。而且它解决的是一个我们国家的终身教育，终身学习的一个大的时代潮流，所以PETS考试最主要的是社会认证。它从考试的形式上来讲，PETS考试更加全面性，从主导的考试的方向，主要是考学生的这种语言的交际功能。我们知道，一个语言交际功能是它最核心的一个部分，而PETS考试从出生开始就强调这一点。所以它是由笔试和口试共同完成，最后拿到证书，而且这项考试是由国家教育部制定，而且和英国剑桥合作的一个项目，有非常科学和合理的一方面。 这是和我们四六级有所不同的，就是证书，包括它的考试的生源以及它的资格。从内容、形式上，PETS考试一开始就有口试，四六级在达到85分之后，才允许报考口试，它也是以笔试为主，这是最大的区别。</t>
  </si>
  <si>
    <t xml:space="preserve">短线一哥请进......根据深天健(000090)的表现及你的经 </t>
  </si>
  <si>
    <t>资金有流出迹象,年末将至,还贷资金压力大,而且怕有更严厉的房地产调控政策.该股后市看淡.个人意见,仅供参考.</t>
  </si>
  <si>
    <t xml:space="preserve">问题怎么还没解决你们承诺不是24小时解决问题吗？我的问题都一个星 </t>
  </si>
  <si>
    <t>请问你在什么地方问的问题?</t>
  </si>
  <si>
    <t xml:space="preserve">应用题一班和二班共有学生82人，一班有学生40人，二班比三班多4 </t>
  </si>
  <si>
    <t>一班和二班共有学生82人，一班有学生40人，二班比三班多4人，三班有多少人？解答：（82-40）-4=38（人）答：略</t>
  </si>
  <si>
    <t xml:space="preserve">第四期黄金拉力赛问题!!!!!!!!!!!!TZ说跑城市30次任 </t>
  </si>
  <si>
    <t>不需要从来过 中间可以存在失败 只要完成30次就可以了</t>
  </si>
  <si>
    <t xml:space="preserve">便秘怎么办？便秘时好时坏，现在严重到肛裂，好疼啊，又不好意思说， </t>
  </si>
  <si>
    <t>喝点香油，或是多喝蜂蜜。</t>
  </si>
  <si>
    <t xml:space="preserve">姐妹们对挑选性能力强的伴侣有什么经验，请进 </t>
  </si>
  <si>
    <t>最重要是适合自己的，无论是男或着女性欲大小都不相同以及对性爱的价值观有别。也不一定是越强越好，重要的是性爱的契合度好不好，有些男性过于注重自己的感受而不重视女方的感受，这样在性爱的过程中，两者很难达到统一。在一般认为，当性和爱达到完美统一时才是最完美的。男人的性欲强不强，据说可以根据观察中指的长短和鼻头的大小。中指长鼻头大的性欲比较强。也可以观察他的体型和高度来判断那个地方的大小，于之成正比。此外还必须强调的是，技巧也很重要，做爱爽不爽其实跟那条东西并没有太过直接的联系。所以找到自己合适的才是最好的。</t>
  </si>
  <si>
    <t xml:space="preserve">穿职业装时长发怎么梳合适?马尾辨不伦不类,披肩又太邋遢了也不符和? </t>
  </si>
  <si>
    <t xml:space="preserve">穿职业装头发盘起来比较精明能干。但是长发散着，只要你打理好了也不会邋遢啊。你可以去看一下这里面有些职业女性的长发设计。 </t>
  </si>
  <si>
    <t xml:space="preserve">感觉AC有点放弃欧赛了联赛都顾不上 </t>
  </si>
  <si>
    <t xml:space="preserve">你说反了  AC看重的是欧冠 </t>
  </si>
  <si>
    <t xml:space="preserve">女人的胸围多大最好啊? </t>
  </si>
  <si>
    <t>这要看整个人的比例啊。我有个同学，全身都很瘦，但就是胸部特别大，从侧面看就特别畸形了。</t>
  </si>
  <si>
    <t xml:space="preserve">重要的问题!我攻击之后就退出来了,而且是蓝屏,是怎么回事啊?我的 </t>
  </si>
  <si>
    <t>实在不行，有个软件3DAnalyze可以用CPU模拟独立显卡，不过你的CPU要好，因为本来显卡的工作，你的CPU全部做了。</t>
  </si>
  <si>
    <t xml:space="preserve">魔兽CG动画问题我买了盗版魔兽,可是我很想看魔兽的CG动画,不知 </t>
  </si>
  <si>
    <t>在地址栏中键入“魔兽CG动画”或“魔兽CG”之类的相关文字，一定能查到的。没有的话在用GOOGLE或BAIDU查查看。</t>
  </si>
  <si>
    <t xml:space="preserve">那我审批过后能不能重新认证？因为之前的信息有填写错误的 </t>
  </si>
  <si>
    <t>直接联系@企业认证服务 ，让他们给你改一下认证信息就行</t>
  </si>
  <si>
    <t xml:space="preserve">环山旅游路户县段，短短30多公里，居然有4个摄像头，合理吗？求关? </t>
  </si>
  <si>
    <t>不合理吧，我觉着是在车主不知道的情况下变相的收费， -------- 鉴定完毕</t>
  </si>
  <si>
    <t xml:space="preserve">爱情是什么感觉？爱一个人是什么感觉呢？ </t>
  </si>
  <si>
    <t>时刻为TA着想</t>
  </si>
  <si>
    <t xml:space="preserve">问个问题............702J杀手,砸双属性..无论我 </t>
  </si>
  <si>
    <t>如果你的武器是白的，  就先直接拿完美 砸。 出了双 就+ 保护 如果不+ 保护 ；你的 武器不会 变成垃圾， 但是很有可能没属性了， 所以就浪费完美了， 祝你好运啊 ！o(∩_∩)o...</t>
  </si>
  <si>
    <t xml:space="preserve">再问个事.新车得要多少点卡买? </t>
  </si>
  <si>
    <t>全部改需要2500点够了 最起码要2000点</t>
  </si>
  <si>
    <t xml:space="preserve">为什么新浪微博网页总是不断自动刷新 </t>
  </si>
  <si>
    <t>我也出现过这种问题，只要退出帐号，再重新登录下就好了！</t>
  </si>
  <si>
    <t xml:space="preserve">大家快来看啊　黑要安定装怎么配最多２００Ｗ </t>
  </si>
  <si>
    <t>6硬手应叫迎面　</t>
  </si>
  <si>
    <t xml:space="preserve">怎么回事？？？怎么曼联一场和瑞典超的三场都没赔率了？？？是撤盘了 </t>
  </si>
  <si>
    <t>没撤盘。初盘1.5现在升1.5/2球。看球探网（资料库）。</t>
  </si>
  <si>
    <t xml:space="preserve">因为左眼在眨眼的瞬间可以看见一个亮光斑，而且伴有轻微飞蚊症，所以? </t>
  </si>
  <si>
    <t>建议你到正规一点的大医院再次看一下，眼镜是世界的窗户，好好爱惜她哦。</t>
  </si>
  <si>
    <t xml:space="preserve">哪位高手分析以下瓦勒伦加能扳平吗,我所有单都没防0呀,希望快点扳? </t>
  </si>
  <si>
    <t>楼主，同病相怜啊，我的也是31,是不是悬了，咱一起给瓦勒加油吧，社咱们自己好运吧</t>
  </si>
  <si>
    <t xml:space="preserve">电流互感器二次为什么不能开路 </t>
  </si>
  <si>
    <t>运行中的电流互感器，其次级所接负载阻抗非常小，基本上处于短路状态。这样由于次级电流产生的磁通和初级电流产生的磁通相互去磁的结果，使铁心中的磁通密度处于较低水平，此时电流互感器的次级电压很低。当电流互感器二次负载开路以后，初级电流不会改变，而次级电流为零，这样初级电流全部变成励磁电流，致使铁心中磁通密度达到1.5高斯以上。由于次级线圈的匝数比初级线圈多很多倍，于是次级线圈两端将感应出高电压。这种高电压对电气设备和人身安全造成很大的危险。同时由于二次回路开路后，将使铁心严重饱和，造成过热，而将电流互感器烧毁。所以运行中，绝不允许电流互感器二次回路开路。</t>
  </si>
  <si>
    <t xml:space="preserve">小儿便秘吃什么可以解决这个问题啊？已经困扰我大半个月了，别说吃香 </t>
  </si>
  <si>
    <t>多吃水果、蔬菜以及多喝水</t>
  </si>
  <si>
    <t xml:space="preserve">“500cc的水”中的CC是毫升吗？如果是毫升的话，那请问100 </t>
  </si>
  <si>
    <t>CC是毫升.100毫升也就是一瓶矿泉水的五分之一.(500毫升一瓶的水)</t>
  </si>
  <si>
    <t xml:space="preserve">想要恋爱无奈喜欢我的人在很远的地方所以将就不可以在这里又没有发现 </t>
  </si>
  <si>
    <t xml:space="preserve">我也一样的想要恋爱！但是有时觉得可遇不可求，因为这是我的个性，我属于被动的那一个。但从另一方面来讲，我觉得恋爱是一个过程，是需要相处才知道的一种感觉，所以多多认识人，多多创造机会给自己吧！这样的话，幸福的感觉才会早一点来到哦！愿你早日找到属于自己的幸福！会的！一定会的！ </t>
  </si>
  <si>
    <t xml:space="preserve">60~100的飞船任务也太少了吧？整天一群人抢那一个任务成天都在 </t>
  </si>
  <si>
    <t>您好，感谢您所提供的建议，工作人员会慎重进行考虑，非常感谢您对天晴《机战》游戏的支持！</t>
  </si>
  <si>
    <t xml:space="preserve">如何才能做一个受欢迎的人呢? </t>
  </si>
  <si>
    <t>首先要好看，因为好看所以被看好。如果此条件先天不足，那么后天的努力很重要，你要学习穿衣的技巧颜色搭配的技巧和微笑的技巧。其次要好心，凡事从别人的角度出发，侠肝义胆，古道热肠，老吾老以及人之老，幼吾幼以及人之幼。再次要好学，要具备渊博的知识丰富的经验和足够的能力，在别人寻求帮助的时候你可以助几臂之力，做一个有很大利用价值的人。另外千万不可好色好酒好斗好赌。切记！！</t>
  </si>
  <si>
    <t xml:space="preserve">1.8T顶配纯手动最低报价我是天津的，我想买一辆1.8T新领驭， </t>
  </si>
  <si>
    <t>去当地4s了解最新的购车信息比较准确</t>
  </si>
  <si>
    <t xml:space="preserve">大势走向何方？这几天股评如海，显示着整个股票行情开始活跃，可是看 </t>
  </si>
  <si>
    <t xml:space="preserve">    个人认为，春节前后股市上涨仍然是一种反弹行情，虽然许多业内人士将前期1187和1189点看做是一个“双底”形态，但从这一形态形成的时间和幅度来看，都不会构成大盘的向上反转，假设这一“双底”的结论能够成立，那么目标价位是1340点，从几个交易日的放量振荡上行的走势来看，我认为上升空间已经非常狭小，并且动能不足。    我的观点是，大盘走势在今后的几个交易日仍然会掉头向下，不宜在1300点以上追涨，如有持股，可在1300点上方逢高卖出，落袋为安。    1187点仍然不是自2245点和1783点及1496点调整以来的最低点！    仅供参考。</t>
  </si>
  <si>
    <t xml:space="preserve">这次挖宝活动的兑换奖品都是什么啊？？ </t>
  </si>
  <si>
    <t xml:space="preserve">和去年的一样的。 一等奖(兑换所需80个魔晶石)包括：Q零件*2、水龙护身符、再生灵药、王者守护神、暴怒之心 　　二等奖(兑换所需50个魔晶石)包括：永久称号、金刚不坏安全帽、10级紫水晶、鸡冠石 　　三等奖(兑换所需25个魔晶石)：神之首饰、10级骑士宝石、O零件、4色鸭子兑换券、露比项链 　　四等奖(兑换所需5个魔晶石)：福袋、4色老鼠兑换券、4色使魔兑换券、十全十美安全帽 </t>
  </si>
  <si>
    <t xml:space="preserve">如何查询2011湖南高考提前批录取情况 </t>
  </si>
  <si>
    <t>去湖南高考信息网的查询系统里面，那你们有</t>
  </si>
  <si>
    <t xml:space="preserve">蜈蚣吃什么的有人知道吗? </t>
  </si>
  <si>
    <t xml:space="preserve">蜈蚣是典型的肉食动物，食性广杂，特别喜食各种昆虫，如黄粉虫、蟋蟀、金龟子、白蚁、蝉、蜻蜓、蜘蛛、蝇、蜂以及它们的卵、蛹、幼体等，同时还吃里虫、蚯蚓、蜗牛及各种畜禽和水产动物的肉、内脏、血、软骨等，也吃水果皮、土豆、胡萝卜、嫩菜等，牛奶、面包等作蜈蚣的食物。 </t>
  </si>
  <si>
    <t xml:space="preserve">哪里的方言最杂 </t>
  </si>
  <si>
    <t>马来西亚。因为那里的华人都会很多种语言，有普通话、广东话、福建语、闽南语、客家话、英语、马来语、泰国语、印尼语、有的还会法语、日语等，一个人最少会5、6种语言，被称为语言天才，这也与他们的生活环境有关。</t>
  </si>
  <si>
    <t xml:space="preserve">点评我准备购入的基金组合，多给意见我准备在接下来的几天时间里面， </t>
  </si>
  <si>
    <t>基金组合还不错，但是现在南方绩优已经停止申购。建议到工行购买广发小盘，到农行购买富国天益。广发小盘是一只投资小盘股的股票型基金，是构建基金组合的最佳配置，它的历史业绩表现较好，未来业绩值得期待。富国天益是一只老牌明星基金，11月6日大比例分红以来，业绩表现不错，它坚持价值投资理念，未来潜力较大。供参考。</t>
  </si>
  <si>
    <t xml:space="preserve">腿痛的问题我今年42岁，早晨爱活动，主要是踢毽球。从今年春节过后 </t>
  </si>
  <si>
    <t xml:space="preserve">    膝关节组成结构较复杂，既然检查无器质性疾病就不会有大问题。应放宽心。每项运动不一定适合每个人，因每个个体结构均有差异。    建议 寻找适合自身的运动方式。</t>
  </si>
  <si>
    <t xml:space="preserve">我的宝宝刚出生时医生说是先天性尿道下裂。在天津附近哪家医院比较好? </t>
  </si>
  <si>
    <t>现在刚出生？要等大一些做好一点。3～5岁吧。入学前</t>
  </si>
  <si>
    <t xml:space="preserve">08年奥运会会标“中国印”的英文翻译是什么？急求。 </t>
  </si>
  <si>
    <t>北京2008奥运会会徽的中文名:“舞动的北京”。用搜索工具寻找各网页的结果都显示为“Chinese Seal, Dancing Beijing (中国印·舞动的北京 )”这样的句子。我想用“Chinese Seal, Dancing Beijing (中国印·舞动的北京 )”应该不会错了   ^_^</t>
  </si>
  <si>
    <t xml:space="preserve">拉车我打怪太麻烦了，我是速度资质，有什么好办法吗？ </t>
  </si>
  <si>
    <t>拉车的时候 是可以逃跑的 逃跑掉了车也不会丢掉  不用特意把劫镖的怪  打死的。</t>
  </si>
  <si>
    <t xml:space="preserve">女孩也玩欲擒故纵？她对我很好，短短的13天我们就牵手了（还有种触 </t>
  </si>
  <si>
    <t>如果有耐性的话，先等等，反正两个人相爱不差这几天，没有的话，发短信给她，说如果你再不回我打你电话了，然后看你的运气拉。</t>
  </si>
  <si>
    <t xml:space="preserve">去新加坡当中文老师的问题我现在公立小学教语文当班主任，工作已有1 </t>
  </si>
  <si>
    <t xml:space="preserve">一，可以办理工作签证 通过中介机构，办理出国工作的中介 可能需要年龄上的限制，需要你的英语六级的证书，需要资金担保（根据工作签证），个人资料等~ 待遇肯定是比国内强百倍啦 二，可以去陪读 需要6-16岁的母亲去陪读，母亲可以合法打工（35岁以下） 三，可以办理留学签证 招生对象：35岁以下 你可以申请本科或硕士课程修读，但是需要有托福和雅思成绩 这样你可以找到中文家教之类的工作，可以合法打工嘀 最后祝你成功~ ：） </t>
  </si>
  <si>
    <t xml:space="preserve">我男朋友经常用手摸我的下面,而且有时候会疼,他这样做会不会弄破我? </t>
  </si>
  <si>
    <t>在现代社会,处女膜是否完整并不是很重要的,&lt;因为导致处女膜破裂的原因很多&gt;但卫生是重要的,我敢保证他每次动作前不一定都洗手,这是不卫生而且很危险的,今后在这方面一定要注意卫生呦!!</t>
  </si>
  <si>
    <t xml:space="preserve">那谁可以告诉我法律援助电话， </t>
  </si>
  <si>
    <t>全国统一的是12348</t>
  </si>
  <si>
    <t xml:space="preserve">我是该选择放弃还是选择坚持？我和她是偶然的相遇，虽然以前我们认识 </t>
  </si>
  <si>
    <t>哎！朋友，我发现你是一个比较痴情的男孩，你该想到的都想到了，所以，我想我如果劝你做好分手的准备，你应该能够接受。你看，你的女朋友没有因为和你已确定关系而对你格外厚爱，你感觉出她对别人也一样很好，这就说明了，她在考虑自己的前途或个人感情问题上要比你考虑的多，她会考虑她今后的生活跟谁在一起会更幸福。所以，她正在你和别的男人之间徘徊呢。你跟她谈谈吧，说你真的爱她，看她的态度，如果她选择你，你就让她远离别的男人；如果她不能给你承诺，你就不要强求她了，让她去追她的幸福。</t>
  </si>
  <si>
    <t xml:space="preserve">模拟炒股怎么那么高利润？ </t>
  </si>
  <si>
    <t>模拟炒股虽然和真实炒股差别不大,但是毕竟还是有差别的,体现在:1.模拟炒股给你的的基本金比较高,有几十万之巨,现实中我们一般人是没有这么多空闲的资金的.2.心理压力不一样,模拟炒股只是玩虚的,钱赚了高兴,亏了也不所谓,所以操作得比较放松.一旦选对了股,过不了多少天股价就会大涨,当然也就赚钱了.,如果真是换成你的真钱去炒可就得万分小心了,说不定小赚一笔就跑了.3.近期股股市走势较好,经过一段时间的调整后基本到了低位,技术性地反弹,所以模拟炒股就容易赚钱.最后还是那句老话,股市有风险,入市要小心!</t>
  </si>
  <si>
    <t xml:space="preserve">浅盾估价，，亏啊我７Ｗ收了个浅盾，，５Ｄ掉３攻２防，，亏了是不是 </t>
  </si>
  <si>
    <t>7W怎么会亏，就是这个价</t>
  </si>
  <si>
    <t xml:space="preserve">上海的公司聘用外地的员工，是不是交综合保险？ </t>
  </si>
  <si>
    <t xml:space="preserve">要交综合保险. </t>
  </si>
  <si>
    <t xml:space="preserve">少女有宫颈炎会影响到月经量不调吗？ </t>
  </si>
  <si>
    <t>月经量一般来说是不会因为宫颈炎而受到影响，但是有的女性则会有尽可能因宫颈粘连而引起经血流出不畅，使月经量变少的现象。女人在患有宫颈炎的时候，月经都会如期而至，基本是不会出现异常现象的。</t>
  </si>
  <si>
    <t xml:space="preserve">我的女秘书非常漂亮,可工作做得实在糟糕。我该不该炒掉她呢？ </t>
  </si>
  <si>
    <t>我想该炒掉,因为你是开公司的,不是开妓院的.长的漂亮不能当饭吃</t>
  </si>
  <si>
    <t xml:space="preserve">有撕单了的兄弟吗?巴勒莫会输吗????? </t>
  </si>
  <si>
    <t>快撕了，卡塔尼本人赌的10，昨天好冷，今天转晴了。</t>
  </si>
  <si>
    <t xml:space="preserve">你们一般怎么安排自己的空闲时间啊 </t>
  </si>
  <si>
    <t xml:space="preserve">上网、睡觉、看片、有钱了就自驾游....... </t>
  </si>
  <si>
    <t xml:space="preserve">facebook是什么？ </t>
  </si>
  <si>
    <t>、Facebook（非官方中文名称：脸书、面书或非试不可、非死不可）是一个社交网路服务网站，于2004年2月4日上线。从2006年9月到2007年9月间，该网站在全美网站中的排名由第60名上升至第7名。同时Facebook是美国排名第一的照片分享站点，每天上载八百五十万张照片。 Facebook是美国的一个大学生社交网站。创建于2004年2月4日。Facebook由哈佛大学的几位学生创建，它几乎提供了大学生需要的所有日常体验。Facebook列出了最酷的人、最怪异的想法以及最流行的音乐，它就像是一个不断变换的年鉴。在全球范围内有一个大学后缀电子邮箱的人（如 .edu, . 等）都可以注册。之后，在Facebook中也可以建立起高中和公司的社会化网络。而从2006年9月11日起，任何用户输入有效电子邮件地址和自己的年龄段，即可加入。用户可以选择加入一个或多个网络，比如中学的、公司的、或地区的。据2007年7月数据，Facebook在所有以服务于大学生为主要业务的网站中，拥有最多的用户：三千四百万活跃用户（包括在非大学网络中的用户）。Facebook是美国排名第一的照片分享站点，每天上载八百五十万张照片。</t>
  </si>
  <si>
    <t xml:space="preserve">请问我家宝宝47天，手和脚，还有下嘴唇经常抽搐是怎么回事？宝宝是? </t>
  </si>
  <si>
    <t>是缺钙啊补补</t>
  </si>
  <si>
    <t xml:space="preserve">英语翻译Ifyouhaveaccesstoelectricity </t>
  </si>
  <si>
    <t>如果有电的话, 天黑以后,你毫无疑问会开等,也许看电视. 但是我们的身体用光线的强暗来调节荷尔蒙和睡眠时间, 所以这些多余的光子会对我们的身体有何影响?</t>
  </si>
  <si>
    <t xml:space="preserve">XC90有几个型号？ </t>
  </si>
  <si>
    <t>XC90 T5 XC90 T5个性运动版XC90 3.2 XC90 3.2 个性运动版 具体价格可以去4S店问问</t>
  </si>
  <si>
    <t xml:space="preserve">高中化学离子共存的问题在无色透明的强酸性溶液中，能大量共存的是( </t>
  </si>
  <si>
    <t xml:space="preserve">浓硫酸有强氧化性 但是单独的硫酸根离子却没有强氧化性 氯离子的还原性不强 在中学阶段只需要掌握四种典型还原性离子 亚铁离子 硫离子 碘离子 硫氢根离子 这些离子和强还原性的不能共存 到了大学可以根据电极电势来判断氧化性和还原性 </t>
  </si>
  <si>
    <t xml:space="preserve">打玻尿酸有什么不好|的吗？打玻尿酸有什么不好的吗？谁给说说，很多 </t>
  </si>
  <si>
    <t>偶尔出现荨麻疹、皮症瘙痒感，应停药，适当处理。有时出现疼痛、肿胀、阻塞水流渗透，偶尔出现水肿、发红、热感、局部重压感。众所周知，正是由于一种名为“透明质酸”（hyaluronic acid）的物质过量地分布于沙皮狗的全身皮肤，才会导致它产生如此多的皱纹。而过量的透明质酸很可能是由于名叫“透明质酸合成酶2”基因的过活化造成的。当合成酶基因的过活化后，人体会产生相应的酶来分解、破坏过量的部分，起到一定的“自我调节”作用。透明质酸酶可以溶解掉多余的透明质酸，从而消除副作用。</t>
  </si>
  <si>
    <t xml:space="preserve">葡萄酒中的干红干红解百纳分别是什么意思？ </t>
  </si>
  <si>
    <t xml:space="preserve">干红葡萄酒解释1　　干红葡萄酒(le vin rouge)，“干”是从香槟酒酿造中借用的一个词，即不添加任何水、香料、酒精等添加剂，直接用纯葡萄汁酿造的酒。红葡萄榨汁后，不过滤葡萄皮核，葡萄汁酿成酒后再过滤，酿酒过程中，葡萄皮的颜色溶解到酒中，为干红酒。干红酒有两种，一种是单纯过滤；另一种将滤渣继续压榨。压榨的干红酒含单宁较多，味道更厚。法国波尔多 Bordeau 地区的干红酒在世界富有盛名，英国人称其为 Claret，最著名的为用解百纳葡萄制造的解百纳(Cabernet)干红葡萄酒，干红酒味道醇厚，适合为肉类菜和深色禽类如野鸡、火鸡佐餐。解释2　　首先把葡萄酒的分类 　　一、按葡萄生长来源不同分类: 　　l、山葡萄酒(野葡萄酒) 　　以野生葡萄为原料酿成的葡萄酒。产品以山葡萄酒或葡萄酒命名。 　　2、家葡萄酒 　　以人工培植的酿酒品种葡萄为原料酿成的葡萄酒,产品直接以葡萄酒命名。 　　国内葡萄酒生产厂家大都以生产家葡萄酒为主。 　　二、按葡萄酒含汁量分类: 　　1、全汁葡萄酒 　　葡萄酒中葡萄原汁的含量为l00%,不另加糖、酒精与其他成份。例如干型葡萄酒。 　　2、半汁葡萄酒 　　葡萄酒中葡萄原汁的含量达50%,另一半可加入糖、酒精、水等其他辅料,例如半汁葡萄酒。 　　三、按葡萄酒的颜色分类: 　　1、白葡萄酒 　　选择用白葡萄或浅色果皮的酿酒葡萄。经过皮汁分离,取其果汁进行发酵酿制而成的葡萄酒,这类酒的色泽应近似无色,浅黄带绿,浅黄,金黄色。颜色过深则不符合葡萄酒色泽要求。 　　2、红葡萄酒 　　选择用皮红肉白或肉皆红的酿酒葡萄进行皮汁短时间混合发酵,然后进行分离陈酿而成的葡萄酒,这类酒的色泽应呈天然红宝石色。紫红色、石榴红色、失去自然感的红色不符合红葡萄酒色泽要求。 　　3、桃红葡萄酒 　　此酒是介于红、白葡萄酒之间。选用皮红肉白的酿酒葡萄,进行皮汁短时期混合发酵，达到色泽要求后进行分离皮渣,继续发酵,陈酿成为桃红葡萄酒。这类酒的色泽应该是桃红色、或玫瑰红、淡红色。 　　四、按葡萄酒中含糖量分类: 　　1、干葡萄酒 　　酒的糖份几乎已发酵完,指每 葡萄酒中含总糖低于4克。饮用时觉不出甜味, 酸味明显。如干白葡萄酒、干红葡萄洒、干桃红葡萄酒。 　　2、半干葡萄酒 　　是指每升葡萄洒中含总糖在4一l2克之间。饮用时有微甜感,如半干白葡萄酒、半干红葡萄酒、半干桃红葡萄酒。 　　3、半甜葡萄酒 　　是指每升葡萄酒中含总糖在l2—50克之间。饮用时有甘甜、爽顺感。 　　4、甜葡萄酒 　　是指每升葡萄酒中含总糖在50克以上,饮用时有明显的甜醉感。 　　至于解百纳，有两种说法： 　　一种被广为流传的说法解百纳来自张裕。1931年，当时兼任张裕经理的中国银行行长徐望之先生，组织一批公司和银行人员，在当时的烟台国际俱乐部研究定名，他们决定秉承张裕创始人张弼士倡导的“中西融合”理念，取“携海纳百川”之意，将这种高档葡萄酒命名为“解百纳干红”。从那以后，解百纳干红就一直是张裕的核心子品牌，多年来早已和张裕的融为一体。 　　另一种说法来自其它葡萄酒厂家，如长城、王朝、威龙等企业，这些葡萄酒厂家则认为，解百纳一词是由法文“Cabernet”翻译而来，解百纳并非张裕所独有。 　　葡萄品种中没“解百纳”品系 　　从葡萄酒的营养价值来看，干红所蕴含的维生素B、核黄素、尼克酸、泛酸和本多生酸的比例都要高出干白。从赏味期来看，由于干白只用汁液酿造，其单宁的含量相对较低，而干红是用果皮、果肉和汁液一起酿造，其单宁含量相对较高，所以一般情况下，干红比干白的酒性更稳定，赏味期也更长。从品饮时温度的影响来看，干红也更具有可操作性。根据实践经验，大家知道在摄氏16至18度时进行品尝红葡萄酒，就可取得最好的结果；至于干白，则以清凉状态，即为摄氏8至10度品尝为最佳，此时可以更好地尝出其风味来。两相比较，孰优孰劣一览无遗。而从葡萄酒的鉴赏来看，酒的颜色也是可能导致其受宠与否的因素之一。无论如何，红色，尤其是张裕解百纳干红的那种经典意义的深宝石红，其给人视觉上的享受远非近乎无色的干白所能比拟。实际上，感官上的快感对于以品味取悦于人的葡萄酒来说是非常重要的。 　　从颜色看： 　　红葡萄酒 用皮红肉白或皮肉皆红的葡萄带皮发酵而成，酒液中含有果皮或果肉中的有色物质，使之成为以红色调为主的葡萄酒。这类葡萄酒的颜色一般为深宝石红色、宝石红色、紫红色、深红色、棕红色等。 　　白葡萄酒 用白皮白肉或红皮白肉的葡萄经去皮发酵而成，这类酒的颜色以黄色调为主，主要有近似无色、微黄带绿、浅黄色、禾杆黄色、金黄色等。 　　桃红葡萄酒 用带色葡萄经部分浸出有色物质发酵而成，它的颜色介于红葡萄酒和白葡萄酒之间，主要有桃红色、浅红色、淡玫瑰红色等。 　　干红的味道本来就是比较酸涩的，因为是用红葡萄酿造，未添加糖，所以没有甜味。而甜型、半甜型葡萄酒的甜味来自于糖分，一般都会在包装上标注含糖量，比如通化红葡萄酒的含糖量为120g/L——即每升酒中含糖120克，这个含糖量在红酒中算特别高的，所以甜味很浓。半甜型的葡萄酒（比如张裕柔红、云南红）含糖量一般在40g—80g/L之间。购买时可根据口味进行选择。 　　很多人在饮用干红的时候，为了改善口味将其它饮料（可乐、雪碧等）兑在酒中一起喝，这是不恰当的。饮用干红的正确方法，是不添加其它饮料，可以加冰块。 　　干红是正餐用酒，并不适合在节庆或聚会的时候喝，香槟才是最好的选择。那么何时享用干红最好呢？在吃烤牛肉和牛排的时候，以干红佐餐，会觉得牛肉滋味更好，能够促进食欲、帮助消化。 1、“解百纳”不是某一具体葡萄品种的正式名称。“解百纳”一词是法文‘Cabernet’一词的音译，其正确发音为“嘎百纳”（“嘎”与“解”这两个字在南方口音中是相似的） 2、在我国葡萄、葡萄酒界，有时将“解百纳”作为赤霞珠（Cabernet Sauvignon）的别名，也有将品丽珠（Cabernet Franc）、蛇龙珠（Cabernet Shelongzhu , 原名称为Cabernet Gernischt）称为“解百纳”的，或将“解百纳”作为这三个品种的通称。它们是我国目前酿制干红葡萄酒的重要原料。 3、赤霞珠、品丽珠、蛇龙珠这三个品种酿制的葡萄酒具有相似的特点，故可称为“解百纳”型葡萄酒。 补充：赤霞珠、品丽珠、蛇龙珠外文单词中共同字头都是Cabernet，所以它是红葡萄品种的中文名称）。 </t>
  </si>
  <si>
    <t xml:space="preserve">小孩子睡觉老爱趴着睡好吗?我姐的小孩晚上睡觉经常伏着睡好不好,他 </t>
  </si>
  <si>
    <t>不好，平时多注意帮他翻身，白天别让孩子恐惧、害怕， 一般孩子缺乏安全感的时候最容易趴着睡。</t>
  </si>
  <si>
    <t xml:space="preserve">不手术需要多久？怎样运动可以恢复到最好状况？最终达到什么程度？我 </t>
  </si>
  <si>
    <t>打听你所住地区附近的名老中医、或者民间草医，就是那种治疗外伤骨折很出名的，让他用草药治疗，能收到比较理想的效果。</t>
  </si>
  <si>
    <t xml:space="preserve">请问佣金如何记账一家超市够买我公司的产品，每销售一件提取一定的佣 </t>
  </si>
  <si>
    <t>销售佣金需开具服务业发票,不能抵扣增值税,可以所得税前扣除.入帐时借:销售费用--销售佣金   贷:应收帐款或现金等</t>
  </si>
  <si>
    <t xml:space="preserve">机床厂有四个车间，其中第二个车间的职工人数比第一个车间人数的2/? </t>
  </si>
  <si>
    <t xml:space="preserve">假设第一车间人数为X ,第三车间人数为X-14第二车间人数为 2/3*X+48 第二车间人数 5/4(X-14)-15 2/3*X+48 =5/4(X-14)-15 X=138第一车间人数为138 第二车间人数140车间人数124设第四厂为Y人2(138+140+124+Y)/5=Y Y=268所以总人数为138+140+124+268=670选 B </t>
  </si>
  <si>
    <t xml:space="preserve">在网上被骗了怎么办？现在网络上的交易越来越平常。但是我们被骗了怎 </t>
  </si>
  <si>
    <t>网上买东西还是要选择大型出名的网站，现在最大的一个是来自美国的易趣，一个就是中国人自己的淘宝网站。如果是易趣，那你可以在“我的易趣”里投诉，但是易趣有很多投诉都没有被处理，对于买家卖家都不保险。如果是在淘宝买了被骗，可以发电子邮件给淘宝客服：service@ 向他们投诉的，工作人员每天专门负责处理投诉卖家如果收到款没发货，却硬说发了，那你要求他向你和淘宝出示他的发货单，他就没理了！买东西还是在淘宝买比较安全，选择支持支付宝的高信用度卖家，用支付宝（只需要开通一个网上银行，比如通常都用工行），不会担心被骗钱，使用“支付宝”，就是针对买家不信任卖家做出的保障，你用了支付宝支付的话，款是先被淘宝网和银行冻结的，状态是“买家已汇款，请卖家发货”，等你收到货觉得满意，才去确认收到货，状态就是“买家确认收到货，淘宝支付卖家”，只要你不确认收到货，卖家是绝对拿不到钱的！易趣虽然现在也有“安付通”，但因为是淘宝首先推出“支付宝”后，易趣效仿推出的，它的系统不稳定，有可能在你支付后，不见钱的影子，也不见了支付过的状态，那就吃亏了，这样的事情很多！你只要在他们的论坛就可以了解到！我是经常在网上买东西和卖东西的，所以经验之谈，望对你有用：）</t>
  </si>
  <si>
    <t xml:space="preserve">清泉老师，600418，如何操作？怎么又涨不动了 </t>
  </si>
  <si>
    <t>继续持有观望.</t>
  </si>
  <si>
    <t xml:space="preserve">什么动物不用做事就有东西吃 </t>
  </si>
  <si>
    <t>猪————————————————</t>
  </si>
  <si>
    <t xml:space="preserve">真的不知道该怎么办了我和男朋友在一起一直是家人反对的,现在我不小 </t>
  </si>
  <si>
    <t>首先告诉家人。如果是怕父母伤心，那么不管你是现在讲，还是以后讲，伤心总是会有的。既然无可避免，总是要跟他们讲，那就现在讲，或者他们还会替你拿主意。而且，现在才刚刚怀孕一个月，还没有更大的显现，结婚时也看不出来，就算做人流，痛也会少些。所以要快些选择，越早越好，无论是结婚还是做人流，越早效果越好。做人流的确对身体有伤害，尤其是第一胎。如果处理不当，很可能会留下一些疾病。严重的，还会永远失去做母亲的权利。所以你要慎重。22岁，也到了法定的结婚年龄了。不要担心，只要你男朋友不抛弃你，我相信你家人一定没问题。毕竟婚前出了这样的状况，你家人的反对也不会那么强烈了。回来吧，跟父母说说，无论他们怎么打你骂你，你都要承受，谁让你做错事了呢？但归根到底，他们一定会替你拿主意的。</t>
  </si>
  <si>
    <t>物理合外力对甲物体作用一个</t>
  </si>
  <si>
    <t>A对  做负功 v一定减小 所以动量减少BCD都不对B 冲量是负的，只是F和初速相反，最后可能反向加速到v比初速大 所以B错C  如果减速不到0 就不会反向加速 动量还是正的  c错D 合外力功=动能的变化   不是机械能的变化比如 如果合外力=G 机械能不变   D错</t>
  </si>
  <si>
    <t xml:space="preserve">听说11月18日的珀莱雅十周年活动，平安也会来参加，是不是啊？ </t>
  </si>
  <si>
    <t>我也在贴吧看到这个活动信息了，平安确定会去参加珀莱雅在杭州11月18日的‘十年珀莱雅美丽中国梦’的活动，任贤齐也会去~~听说主持人还是华少呢~~至于如何参加，珀莱雅的微博和网站都有介绍呢~~</t>
  </si>
  <si>
    <t xml:space="preserve">洗装备属性问题请问下，怎么把传说披风的属性洗掉，我看到有人说用洗 </t>
  </si>
  <si>
    <t>披风是6属性的装备.想把他洗掉的话.必须用属性清除石,此石头必须抽奖和砸蛋(6级蛋有此道具也就是钻石蛋).商城无法购买.我们区现在行价150RMB一个.基本上都是洗真黄金以上披风和真黄金衣服</t>
  </si>
  <si>
    <t xml:space="preserve">娜娜和奈奈到底是个什么样子的关系呢 </t>
  </si>
  <si>
    <t>当然不只是室友和朋友的关系。个人觉得，娜娜性格比较坚强，也比较男孩子气，很帅很酷。所以她比较喜欢包容喜欢撒娇，很柔弱的小女人奈奈，奈奈很羡慕娜娜坚强的个性，同时奈奈多次被男人抛弃，对娜娜很依赖。她们之间应该存在着爱恋关系。但是因为奈奈伤害过伸夫，所以，娜娜对奈奈是又爱又恨。这可以从奈奈离开707留下那封信看出来。奈奈：“娜娜是我唯一的英雄”，莲形容那是炽热的情书。</t>
  </si>
  <si>
    <t xml:space="preserve">喝酒吐血是不是很严重？对胃的危害有多大？ </t>
  </si>
  <si>
    <t xml:space="preserve">过度喝酒危害大          据医生介绍，醉酒会因酒精直接抑制呼吸中枢导致死亡，饮酒后呕吐时，还会因呕吐物堵塞气管，窒息而亡。而酗酒会对身体各种脏器造成危害。     “马尾综合症”：因为反复剧烈呕吐，会导致胃食管下端黏膜纵型撕裂，导致呕血。     损害肝脏：长期饮酒会导致酒精肝、脂肪肝，甚至肝硬化，后果严重。     损害脑：麻痹脑神经，导致记忆力减退，早年就会出现双手不由自主地颤抖的现象。     损害胃：长期酗酒会使胃部受损，出现消化性溃疡病及其他并发症。     此外，酒精依赖还可导致心血管疾病，如心悸、诱发心绞痛；呼吸系统疾病，如肺水肿，以及严重的营养不良，导致低血糖及许多并发症。 </t>
  </si>
  <si>
    <t xml:space="preserve">罗马音和拼音比如说tann是罗马音怎么读。用拼音又怎么读还有ba </t>
  </si>
  <si>
    <t>tann转成假名就是たん，拼音的话，相当于tang吧……bakka转成假名是ばっかkkou转成假名是っこうbenn转成假名是べんkyo转成假名是きょ系统学过五十音的话，看罗马音就能直接读了。用拼音来学是不合适的，有些发音没法用拼音标的。P.S.罗马音里，“nn”就是波音“ん”，“kka”是前面带促音小写“っ”的“か”，同理“tta”就等于“った”。</t>
  </si>
  <si>
    <t xml:space="preserve">韩红《家乡》里，欧妈咪妈咪背背吼，是啥意思？谁会藏语 </t>
  </si>
  <si>
    <t>这是六字真言。六字真言汉字音译为??（an）、嘛（ma）、呢（ni）、叭（ba）咪（mei）?耍╤ong）。是藏传佛教中最尊崇的一句咒语，密宗认为这是秘密莲花部的根本真言，也即莲花部观世音的真实言教，故称六字真言。 多用梵文或藏文字母（蒙古地区庙宇还有用八思巴字）书写、描画、雕刻在建筑物檐枋、天花板、门框、大小器具、山岩、石板上。 仅从字面上解释，不过是“如意宝啊，莲花哟！”一句感叹语句，是一句未念完的佛经，或是仅表现出赞美观世音、憧憬幸福的心情。 “??”表示“佛部心”，念此字时要身、口、意与佛成为一体，才能获得成就，“嘛、呢”二字，梵文意为“如意宝”，表示“宝部心”，又叫嘛呢宝。据说此宝隐藏在海龙王的脑袋里，有了此宝，各种宝贝都会来聚会，故又叫“聚宝”。“叭、?恕倍郑笪囊馐恰傲ā保硎尽傲ú啃摹保扔鞣鸱ㄏ穹ㄏ窳ㄒ谎拷唷！斑洹北硎尽敖鸶詹啃摹保瞧碓赋删偷囊馑迹矗匦胍揽糠鸬牧α坎懦纱锏健罢酢背删鸵磺小⑵斩戎谏⒆詈蟪煞鸬木辰纭２卮鸾探饬质游磺懈矗吠茨钏校茨芟只隆⒐Φ略猜?在广大藏区，六字真言随处可见，充分表现现藏族人民对幸福的憧憬，对佛的虔诚和他们美好善良的心地</t>
  </si>
  <si>
    <t xml:space="preserve">香酥排骨的具体做法？ </t>
  </si>
  <si>
    <t>香酥(1)主料：肋骨、面包粉、料酒、海椒、花椒、姜、葱、酱油。制作方法：选带肥膘的肋骨斩成长约十二寸的段，用料酒、盐、花椒、海椒、酱油腌渍二十∽三十分钟入味，出水后上笼蒸火巴、取出晾冷、碾干水分、沾一层面包粉，锅里放油烧至八成热，下排骨炸至金黄色捞出，入盘，配上葱酱味碟即成。特色：色泽金黄，酥软适口，外酥内嫩。香酥排骨(2)原料：猪排骨1000克、姜（拍碎）15克、酱油25克、味精1克、香油15克、葱段25克、精盐15克、五香粉1克、熟菜油1000克（耗150克）、芝麻25克、高汤150克制法：1、H将猪排骨切成4厘米长的段，用小火煮熟。排骨煮至肉缩、骨出程度时捞出，汤倒出留用。再将排骨与姜、酱油（15克）、精盐（10克）拌匀，码味30分钟。芝麻用旺火炒香。2、锅内放入熟菜油烧至七成热，放入排骨炸去表面水分捞出（拣去姜、葱）。在锅内留菜油（50克），放入排骨、精盐（5克）、酱油（10克）、五香粉、味精和高汤，用中火收汁，至水分将干时，起锅晾凉，再加入熟芝麻、香油拌匀即成。十香醉排骨　　“十香醉排骨”，其制法以热炸与凉醉相结合而见殊，质地香酥且松软，酸甜适口，味道醇美浓郁。制法：1、将猪里脊肉的背脊骨剁去大半，切成片，用刀面拍一拍，再用刀背横直重拍3遍，然后用刀口在肉面上横直轻轻点一点，最后切成带骨肉条。荸荠切成片，与里脊肉骨条一并放在碗里，加入干淀粉和少许清水抓匀浆好。　　2、葱米、蒜末、酱油、白糖、香醋、番茄酱、咖喱酱、芝麻酱、味精、上汤、桔汁一并盛入小盆，拌匀调成“醉汁”。　　3、里脊肉骨条、荸荠片一并下锅炸至金黄色时，捞起沥去油，倒进小盆“醉汁”中，颠翻几下装盘即成。</t>
  </si>
  <si>
    <t xml:space="preserve">赵忠祥事件怎样了？有结果了吗？ </t>
  </si>
  <si>
    <t xml:space="preserve">饶颖宣布撤诉时再曝料:赵忠祥还有别的女人  2004年11月19日 沈阳今报 　　今报讯 首席记者宁玲电自北京 “饶颖即将举行媒体见面会”的消息几天前就被传得沸沸扬扬，昨天，发布会终于如期举行。女主角饶颖穿了件紫色上衣，戴着眼镜，神采奕奕地出现在媒体面前。在律师郑红和高新国进行了解释之后，饶颖公布三个决定：对起诉赵忠祥欠款一案撤诉；现场宣读一封致赵忠祥的信；准备根据自身经历写一本书。 　　昨天来参加新闻发布会的记者每人都得到一份很详细的资料，包括各种诉状、申请书、鉴定书以及欠条复印件等，达20多页。虽然材料详实，但饶颖还是道出了自己将要撤诉的决定，原因是“立案难、审理难、鉴定难”，起诉已经7个月了，至今没有定论，而且影响到她与家人的关系。不想再打官司的饶颖很现实地表示，现在经济状况很不好，“连今天开发布会的酒店都是别人帮我找的。我不想再靠打官司要钱了，以后想找份工作，靠自己的双手养活自己。我有三个学历，医疗、哲学、管理方面的工作我都可以做。” 　　饶颖当场宣读了自己给赵忠祥的信，言语中充满了气愤与无奈，直指“赵忠祥是一个道貌岸然，虚伪、不负责任的老人。”随后准备将信寄往中央电视台。在阐述了自己将要出书的想法后，饶颖格外激动，“这件事就让它成为历史吧，我不后悔我把这件事公开，赵忠祥曾告诉过我，他身边还有别的女人，但她们没有我这么有勇气。” 　　记者随后采访了赵忠祥，对于饶颖这一系列的行为，赵忠祥认为，不管她怎么做，都不会去理会，撤诉也是正常的，因为根本不认识这个人，“她说的话我相信你们媒体有自己的鉴别力，我也不想回应什么，这些都没有意义。”   </t>
  </si>
  <si>
    <t xml:space="preserve">天无绝人之路，却屡遭旦夕祸福……实在不知道该怎么表达自己的心境。 </t>
  </si>
  <si>
    <t xml:space="preserve">    我的回答对你可能并没有什么实质上的帮助,但是对于你的处境深有同感,这是很普遍的问题.在我的周围也有很多和你一样处境的人,也包括我.我对你说的意思就是,你并不是最惨的,还有许多处境更糟的人,他们的生活更艰难.    生活不一定只有一条出路,也许只要换个思路就可以发现另一条坦途.    像你说的物流管理,现在学这个专业的大学生比比皆是,找不到工作的大有人在,所以我个人觉得这条路对于我们来说门槛太高了,正经本科尚且如此，何况汝乎？前途也是个未知数。还是选择其它方法改变现在的生活比较好.既然你能完成那样艰苦的工作,为那些黑心的雇主赶网,我想如果你为自已的小店打拼,付出同样的努力也总不至于只值四百元吧.我家附近卖凉皮的一个月还能挣一千多呢.    希望我说的这些对你有所帮助.</t>
  </si>
  <si>
    <t xml:space="preserve">面部微整形瘦脸有哪些方法？微整形瘦脸方法有哪些？ </t>
  </si>
  <si>
    <t>面部微整形瘦脸的方法主要有：注射肉毒素瘦脸。注射瘦脸不是打完一针全脸都瘦，它只作用于所打部位神经支配的肌肉，对其它部位是不起作用的。要使注射达到理想效果，需要依据解剖基础的肌肉分点注射，协调收紧不合理的部分肌肉组织，令下颌实现纤柔的骨感曲线。若想延缓咬肌恢复的速度，就要少吃硬、韧的食物，适当避免频繁的咀嚼运动，如嚼口香糖、嗑瓜子等。</t>
  </si>
  <si>
    <t xml:space="preserve">谁能说出他的名字? </t>
  </si>
  <si>
    <t>拳皇（格斗天王）中的八神·庵</t>
  </si>
  <si>
    <t xml:space="preserve">关于双开的一点问题什么是“下载后解压，将里面的3个文件考入街头篮 </t>
  </si>
  <si>
    <t>右键单击你的葡萄登陆器， 选择解压到葡萄登陆器 ，解压后的文件夹里有3个文件，将这3个文件复制到你的街头篮球的文件夹里，点击LoginBox就可以了.双开的时候先通过街头篮球文件夹里的FSBOX开一个窗口，进入游戏，窗口化运行，然后再打开你街头篮球文件夹里的LoginBox,选择相应大区再开一个窗口，就实现了双开。</t>
  </si>
  <si>
    <t xml:space="preserve">如何解除磁盘的写保护?无法删除该盘中存放的文件,当进行删除时,提 </t>
  </si>
  <si>
    <t xml:space="preserve">好像就算是有写保护的也应该复制的呀!所以,看看你的硬盘里是不是中了致命的病毒先! 如果不行的话,那看看是不是可以重新格式化!!你是不是有一个加密软件,你可能把它锁定了.有很多软件可以保护硬盘的(比如超级兔子),如果你真的有那种软件.你就在里面解除锁定就行了,如果不行那就把它格式化了. </t>
  </si>
  <si>
    <t xml:space="preserve">不要用爱的名义伤害捐赠者，因为他们也是我们的兄弟姐妹最近发现开始 </t>
  </si>
  <si>
    <t>支持Konney,有个别人具有仇富的心理.把一种自发的爱国热情非要上升到一种政治的高度，把金额的大小作为衡量爱国的尺度，我觉得会伤到很多的热情热心和善良之心。人活着就求个心安，不要强求每个人有同样的心理体验。道德制高点其实没几个人有资格站的从事慈善活动，不应简单解为一次性为慈善机构捐了多少钱，更在于对慈善的一种深切认知和持久责任。多一些关怀和帮助，少一些抱怨和挑剔，这个世界会变得更温情更美好！单说万科:在国内还没有形成慈善氛围的时候，万科率先倡导并提供资金，保护湿地和红嘴鸥；救助西藏盲童，并参与修建盲童学校提供帮助和支持，免费为盲童学校灌制唱片，义卖后的资金全部捐献给盲童学校，王石本人的摄影展所获得收入也均捐助该学校；2003年至2006年，王石曾多次探望西藏拉萨盲童学校，并给与捐助，2005年，万科员工亦在其精神感召下，于年底发起捐款，募集30余万元，于2006年4月30日捐赠给了西藏盲童学校，目前这一项目已经成为万科企业公民的长期项目，同年9月，万科出资为盲校录制“天籁童心”音乐CD，并在11月25日由万科、雅昌及深圳摄影协会联合组织的“爱心·光明”图片展上进行义卖，所得款项4万余元捐给盲校。国际人道主义援助,印度洋海啸发生后，万科集团职委会向全集团发起为受灾地区奉献国际人道主义爱心倡议书，得到了集团各公司职员的积极响应，截至2005年1月，通过公益募捐、义演、义拍等活动，共募集善款124588.1元，以帮助受灾地区重建家园。2005年7月广东省南粤地区遭受了百年一遇的洪涝灾害，万科集团职委会、万科党委办公室联合向各公司的职员发出倡议，用实际行动支持灾区的防汛抗洪救灾工作，共向灾区人民捐款11534.50元。2005年，万科沈阳、深圳、无锡、武汉、东莞、广州等子公司分别在当地捐资助学，总体捐款超过10万元，款项分别用于资助希望小学，青少年教育基金，奖学金、助学金及加强学校、幼儿园的规模配套。2005年6月，万科深圳公司捐款20万元援建贵州黄平县苗陇乡希望小学；9月1日，在新建的深圳市龙岗区万科城实验学校的开学典礼上，万科深圳公司向该校捐资100万元。2005年，万科无锡公司领养失学儿童，通过员工爱心捐赠使该儿童重返校园继续读书；万科中山公司派专员参加区域“赴贵州省黄平县苗陇乡万科希望小学考察”活动，并为该希望小学捐款16721.4元。2007年5月份给龙岗区慈善基金会捐款100万。参加“阿拉善SEE生态协会”,万科作为发起单位之一，参与了“阿拉善SEE生态协会”，王石担任该协会的副会长，与郭广昌、刘晓光等知名企业家一起，共同参与中国治理沙尘暴的事业。2006年，王石作为轮值会长，更是对此倾注心力，为推广阿拉善SEE生态模式以及建立“阿拉善生态大奖”作出了贡献。资助公益性环保活动,公司不仅仅在产品上推行环保理念，同时也努力将理念和经验拿来与伙伴、公众分享，并身体力行加入公益环保行列。如沈阳万科每年3月12日都拿出3万元，举办植树节；成都万科捐资5万元建设锦江区“幸福梅林”，现已跻身全国四大梅林之一。资助各类环保组织,公司持续4年每年都捐出20万元人民币，支助阿拉善SEE生态协会，帮助内蒙古的治沙行动；同时，王石还与广西崇左生物多样性研究基地达成协议，捐赠100万支持生态保护。倡导员工增强环保意识并参与环保活动,公司在职员中推行“绿叶行动”，让环保从身边开始。参加会议，公司员工都被要求自带水杯，减少一次性纸杯的使用；公司还在培训中帮助员工提高垃圾分类能力。2007年，万科不但成立了企业公民办公室，负责制订公司企业公民规划并监督实施、评估公司的主要社会责任态度和立场等事务，还发布了首份立足现在、着眼未来的企业公民行动纲领—《万科社会责任绿皮书暨2007年企业公民报告》。在这本绿皮书中，万科从环境、经营、社会三个维度思考与实践自己的企业公民行为。2005年10月启动“50万元征集城市中低收入人群居住解决方案”活动，2006年7月向社会发布了征集结果，得到建设部、学术界、社会各界的好评。2006年11月，万科“城市中低收入人群宜居住宅试点项目”在广东南海举行了奠基仪式，预计2008年初，这栋融合了传统土楼建筑元素，月租200-300元，物业管理费为零，采取“互助自管”模式，最多能够容纳1800人的城市中低收入者住宅将面世。从“企业公民”到主动追求“企业公民”，万科有一个转变过程。据万科有关负责人介绍，第一个是在上世纪90年代中期，万科开始在城市开发当中对环境进行保护。比如沈阳项目，在建成后，万科就把厂区里的300多棵树完整地保留下来，但是此前本想作为文脉精神保留的运煤机却被运走了。此后，万科开始认识到，在开发方面不仅仅要对原来自然环境进行保护，也要有人文的景观、人文情脉的保护。而从2005年开始，万科主动承担起企业公民的社会责任。据悉，2005年以前，万科对买不起房的低收入阶层是不考虑的。但从2005年起，万科开始关心这部分人群。在有关部门的支持下，广深两地廉租房已在2006年中规划成型。对于廉租房及低收入人群居住解决方案，王石曾说：“我们这样做解决的范围是很小的，我们只是希望这样能引起社会的关注，来共同解决这样的问题，来关心弱势群体。”2007年，第二届“海螺行动”在深圳拉开序幕，通过对英国的保障住房现状和制度的研究，万科向全社会征集城市中低收入人群居住解决方案。2005年12月，王石进行“探险有极，公益无限”南极点探险活动，其后将赞助费加上义卖成果共100万元人民币，全部捐献给北京大学崇左生物多样性研究基地，号召人们保护珍稀物种，维护生物多样性。万科还积极参与探索崇左白头叶猴生存周边地区的贫困农村的社区改善之道，目前这一地区的饮水、能源问题已有较明显改善。2006年，也是王石的探险生涯达到高峰的时刻，在他抵达南极极点的时候打出了一句标语：极点有限、公益无限。而王石对于万科的企业公民定位曾经表示：“公益事业无止境，仅仅花点钱做公益事业是低层次的，关键还要去花精力，确实把公益事业当事业做。”2007年10月29日，万科集团新标识正式亮相，万科以四个红色V组合而成的新标志亮相，意为用“感恩”的心关怀生而不同的人。万科的慈善事业已从单纯的人居建筑，逐渐扩展到涉及慈善助学、环境保护、人道主义援助等多方面。　　　　 　　</t>
  </si>
  <si>
    <t xml:space="preserve">重装我选哪个好??? </t>
  </si>
  <si>
    <t>我推荐剑士。1。剑士比较灵活，攻不是最高，修正不是最高，站在一个中庸的位置上，换句话说，没有特别突出的地方，但也没有明显的缺陷。2。剑士的新技能迅速果断使剑士成为魔力里最快的（包括宠在内），以先手压制对手的换位战术是很有效的，但对护卫无效。</t>
  </si>
  <si>
    <t xml:space="preserve">济南医院输精管堵塞复发的治疗 </t>
  </si>
  <si>
    <t>你好，输精管堵塞复发的治疗，输精管堵塞的表现：男性的精液中，其没有精子或是精子的数量是很少的；病患者的睾丸其形态，是正常或是会有轻度的缩小，其质地基本是正常的；病患者的附睾或是会出现输精管触诊异常；病患者会有血FSH水平基本正常或会略微上升。为了您的健康，如果患有此病，请及时到国家批准正规专业的医院进行治疗。主要还是结合个人的实际情况来做个针对性的检查，在医生指导下对症治疗，祝你健康。你好，输精管堵塞复发的治疗，输精管是将成熟精子从附睾输送到前列腺部尿道的唯一通道，它的功能主要是维持和调节精子活力和代谢的作用，维持男性生殖系统完善的作用，一旦堵塞后果不堪设想。输精管堵塞治疗主要取决于患者的实际情况和选用的治疗方法，不同部位的堵塞可采用不同的治疗方法。建议到正规医院详查后对症治疗，不要耽误病情，以免影响生育和最佳治疗时间。不要着急，找到堵塞具体部位之后就可以治疗了。还有不懂的可以继续咨询，也可来面诊。您好，输精管堵塞复发的治疗，输精管堵塞首先建议做输精管造影明确梗阻位置和情况，视病人的病情等级不同，病患者可以出现尿频、尿急、杘痌等泌尿系统感染症状。建议在禁欲3-5天到正规专科医院检查治疗。融合于你现在的情况，建议到国家批准正规专业的科技型快孕医院，仔细检查明确病理，在专科医院医生指导下，对症性的进行治疗，以提高受孕几率。</t>
  </si>
  <si>
    <t>健康问题意见征集</t>
  </si>
  <si>
    <t>你夫人头晕,失眠,厌食,腹痛,伴妇科症状,可能有妇科病;或内科病加妇科病.你就诊的程序应该是:先看妇科,如果这些症状,可以由妇科病来解释,那就问题解决了;如果妇科没有病,或有妇科病不能解释的症状,你可以再去内科就诊.我是内科医生,有事发消息!</t>
  </si>
  <si>
    <t xml:space="preserve">本期跑马内幕大揭密以前是第一个字很难出先在狡猾的天希变了个花样它 </t>
  </si>
  <si>
    <t>凤冠霞披  顶你  不止可以买只鸡了 一只鸡20几块了吧  还多的钱在花10块 买点香菇啊之类的蘑菇  还有的多类  哈哈...</t>
  </si>
  <si>
    <t xml:space="preserve">我想请问杏林医隐杏林医隐,你好,我想请问请问怎么才可以根治霉菌, </t>
  </si>
  <si>
    <t>好的,你联系我,在我了解病情后会帮你的,阿弥陀佛!!!</t>
  </si>
  <si>
    <t xml:space="preserve">北京科技大学天津学院属于什么样性质的学校？毕业颁发什么样的毕业证 </t>
  </si>
  <si>
    <t>是专门招收三本学生独立学院，坐落在天津市宝坻区周良庄镇京津新城，毕业后颁发北科大天津学院的毕业证书</t>
  </si>
  <si>
    <t xml:space="preserve">人体器官有记忆功能吗？ </t>
  </si>
  <si>
    <t>人体细胞有记忆功能。</t>
  </si>
  <si>
    <t xml:space="preserve">桌面上的图标问题请问桌面上的图标为什么有的带有黑色的小箭头？大多 </t>
  </si>
  <si>
    <t>1、带小箭头的图标是快捷图标，比如你将一个文件设置在桌面好打开，右击文件选发送到桌面快捷方式，在桌面就会发现带小箭头的图标了。2、不带小箭头的图标是随系统而来的，是和系统是一个整体，比如右击桌面选属性/桌面/自定义桌面，在上面就可以看到一些桌面不带小箭头的图标，勾选按确定桌面就有，去掉勾桌面就会消失。3、小箭头是可以去掉和加上的，可以用来完成或修改注册表。去掉和加上桌面图标的小箭头（新版兔子可能选项位置不一样你可以找找）下载超级兔子，打开软件选打造自己的系统/桌面及图标/图标选项/去掉或加上“使用小箭头的快捷方式图标”前面的点，按应用即可（如果是新版软件你找找选项的位置可能不同）。下载地址： 4、手工删除，开始/运行输入regedit回车打开注册表编辑器，依次展开 [HKEY_CLASSES_ROOT\Inkfile]子顶删除该子项中的IsShortcut字符串值项。打开[HKEY_CLASSES_ROOT\piffile]子项删除piffile子项中的IsShortcut字符串值项。退出后重启电脑即可。</t>
  </si>
  <si>
    <t xml:space="preserve">学表演专业,去什么学校读比较好!!我很喜欢表演这个专业,虽然梦想 </t>
  </si>
  <si>
    <t>全国各地的都有，像北京那边的就比较专业一点，也要看你报什么专业，里面还是有区分的， 像表演也分中戏和戏剧类的。</t>
  </si>
  <si>
    <t xml:space="preserve">众神之战战场系统的进入条件是? </t>
  </si>
  <si>
    <t xml:space="preserve"> 玩家等级达到31级</t>
  </si>
  <si>
    <t xml:space="preserve">星空。 </t>
  </si>
  <si>
    <t>I love you,,,,,,,,,,,,,,</t>
  </si>
  <si>
    <t xml:space="preserve">飞行表演，飞豹合适吗？真想不通为什么通用航空大会要展示飞豹，用大 </t>
  </si>
  <si>
    <t xml:space="preserve">    理论上说，任何飞机都能进行飞行表演，我们不是常见A380在航展上费劲地扭动着肥硕的身躯进行飞行表演嘛，还有B2和B52什么的。当然，这肯定没战斗机飞能好看。但要这么说的话，小型螺旋桨飞机所能做的许多机动动作，世界上任何战斗机看了都只能望洋兴叹！    关键是各有各的飞法，各有各的看头，这要求飞行员和观众都要对所表演的飞机有较深的理解。如果飞行员过多照顾只看热闹的观众，做些不自量力的动作，那就危险了。当然，飞什么动作不可能是飞行员即兴而为，都是经过团队反复认证和研究的，在精彩性与安全性之间找个平衡。    我仔细看了那段坠机的录像，发现传说中该机是在做俯冲时没拉起来坠毁的说法纯属扯蛋，因为在那么低的高度任何飞机都不敢做俯冲，天王老子也拉不起来。当时这架飞豹应该是在做一个盘旋，准备转回来再通场。从其机身倾斜的角度看，这个盘旋并不是很急。但突然就在没有任何征兆的情况下机头掉转坠落了，这显然是因为失速造成的，并且已经进入了危险的尾旋。    至于为何突然失速，从画面中看不出来，也许是突然遭遇鸟撞，或者是机械故障造成发动机突然停车，通常情况下这对双发的飞豹不是致命问题，但如果赶上超低空，又赶上速度上冗余度很小，那就猝不及防了。也有人猜是否飞控软件出了问题，但我认为可能性很小，因为这是早就定型的飞机。反正并不是因为飞豹这种机动性有限的飞机飞了过高难度的动作而失控造成的失速。唯一的人为可能，就是飞行员在做大半径盘旋这么简单的动作时速度过低，但这实在太不可思议了，没人比试飞院这些家伙更清楚飞豹的包线是什么样的。    在这么低的高度，是没有任何机会改出尾旋的，除了立即跳伞别无它法。可以很清楚看到，第一只伞是在坠地前两秒钟左右弹射出来的，并且当时并不是垂直而是已经略呈倒扣状态，飞行员是在超低高度斜射向地面的。居然生还了，公道地讲，HTY—2C弹射座椅的表现算是相当不错了，这个弹射状况跟俄国人K－36那次航展上的表演差不多。何况这个型号的弹射座椅远不是我们最好的。    此次造成一名飞行员牺牲，主要是没能及时下决心弹射逃生。连第一个都没来得及完全打开降落伞，第二个就更表提了。我猜，也许是飞行员的第一反应是试下能否挽救飞机，或者至少控制飞机避免落入人群密集区，所以当他们发现这均无可能时，剩下的逃生机会已经很小了。我军经常宣传挽救飞机或者控制飞机落在安全区域的事迹，这肯定对飞行员是种压力，因此第一反应不是自己如何逃生。上次中俄军演坠毁的那架飞豹也许是出于同样的情况，毕竟在国外表演，压力更大，能挽救就会尽全力。是否应优先考虑飞行员逃生，这是另一个问题，但牺牲飞行员们这种努力到最后时刻的精神还是令人肃然起敬的。    说到这次为何让飞豹做表演，又是由试飞院承担，这显然与航展主办地在西安有直接关系。毕竟飞豹出自那里，试飞院也设在那里，哪有自家兄弟都不来捧场的道理！    总之，飞豹还是可以做飞行表演的，试飞院承担也没问题，这都不是需要追究的。关键是无论什么航展，无论什么飞机，飞行表演都要量力而行，要加强组织，周密安排。这次事故的原因一定要查清楚，然后有针对性的制订改进措施。比如机械故障那就得加强平时保养，鸟撞就得加强驱鸟工作，弹射出来还造成伤亡就得更换更先进座椅，未及弹射就得在弹射决策上优先程序。。。。     但我不赞成网上有人因此将飞豹战机、其弹射座椅或飞行员技术一棍子打S。事故谁不出啊？能及时和深刻地吸取教训就行。我们军友做不了勇敢的飞行员，但能理解飞行是种勇敢者的职业也是种善良！谁要心理承受能力太脆弱，就表来充大国的军迷。    </t>
  </si>
  <si>
    <t xml:space="preserve">天之游侠合戒指的问题?请问要合双14的戒指,需要一直加护符合到双 </t>
  </si>
  <si>
    <t>建意自己合，一定要放符</t>
  </si>
  <si>
    <t xml:space="preserve">炽星魔盒能开出什么东西？药？武器？宠物？还有什么？ </t>
  </si>
  <si>
    <t>每个盒子 有很大几率有一个锤子 小几率碎片 称号图 称号3天其他的 就是 商城里有的 道具里的 东西包括 调级箱 洗点水 复活币 等等 现在还有宠物了但像 经营许可这样的 没有没有游戏里的其他东西 比如武器 防具。。</t>
  </si>
  <si>
    <t xml:space="preserve">宝宝嘴部感染了不能吃饭怎么办？请有过类似经历的人进来！我姐的孩子 </t>
  </si>
  <si>
    <t>我家宝宝年前嗓子发炎以致于腮帮子出了几个白泡泡，有个医生说是口疮要用口腔溃疡易可贴，可一贴上宝宝马上就用舌头拱掉了，另外一个医生说是嗓子炎症串到口腔了，最后还是靠消炎解决问题的．</t>
  </si>
  <si>
    <t xml:space="preserve">我是男的，阴部总是很潮湿怎么办？ </t>
  </si>
  <si>
    <t>阴部汗腺很丰富,所以出汗会比较多.你应该穿透气性好的内裤,可以经常洗澡,勤换内裤.另外可以去医院检查一下前列腺(如果你还有其他尿频,尿急,尿尿时有刺痛感等).祝你健康.</t>
  </si>
  <si>
    <t xml:space="preserve">怎么样才能学好英语？我的英语成绩一直很烂，要进入高三了，如何学好 </t>
  </si>
  <si>
    <t>的年轻人掌握一门外语是十分重要的,尤其是英语。如何学好英语,提高英语水平,是当前很多中学生困惑的问题。其实,学好英语并不是一件难事,关键在于要掌握好的学习方法。学习方法自然是因人而异、因时而异的。其实方法本身无所谓好与坏,关键就看它能否完美地与个人相结合,提高学习效率,如果一套方法能够激发你的学习兴趣,提高学习效率的话,以后要做的就是坚持下去。可能我们都见过类似的情况:有的人整日埋头书案,学得很辛苦,但成绩仍不理想:有的人则懂得“有张有弛”,学得很轻松,而且名列前茅。如果你是后者,相信你已经找到了良好的学习方法与你个人的最佳结合点了,只要持之以恒即可;而前者已经具备了一定的毅力,关键就在于提高自己的学习效率了。学好英语的另一个关键是提高英语学习的兴趣。爱因斯坦说过“兴趣是最好的老师”。兴趣是产生学习的动力。那如何产生学习的兴趣呢?当然你必须要学会英语、懂得英语、会在实践中运用你所学习的英语知识。你懂得越多你的兴趣就会越浓。首先,你必须有足够的词汇量,有坚实的语法知识。一、词汇词汇是学好英语的关键,没有足够的词汇就无从谈起听、说、读、写。词汇量的大小决定一个学生英语水平的高低。因此在初中阶段除要掌握《大纲》要求的800多词汇外,还要扩充500个左右的词汇。在学习词汇的过程中,要掌握词的拼读规则,根据规则记忆单词;同时还要根据构词法知识记忆和扩充单词,通过语境理解和记忆单词也是一个最佳学习单词的好方法。目前词汇在中考试题中汉译英的试题越来越少,取而代之的是词汇在语境中的运用考查比重越来越大。在进入学习英语的初级阶段时,掌握语音知识是学好英语单词的基础,读准英语音素是拼读音标的前提。因此一定要熟练掌握48个音素,要做到会拼读、拼写。有些同学认为中考试题的笔试部分取消了对语音的考查,于是就其次,要注意训练自己听音、辨音和模仿的能力。课堂上,专心听老师的发音和磁带上的录音,争取当堂学会。对于那些比较拗口的单词、短语或句子,课下一定要挤时间反复模仿,直到读准、读熟为止。再次,熟练掌握读音规则,培养自己根据读音规则把字母(或字母组合)与读音建立起联系的能力。因为掌握拼读规则对单词的记忆很有好处。为此要经常复习巩固每单元最后一课的“Listen,readandsay”和课本附录中的"Pronunciationandspelling”,如果不重视这些内容。我觉得这可是很大的缺撼。如果谁能够熟练掌握它,它可就成为你记忆单词的好帮手了。说到记忆单词,这可是同学们普遍感到头疼的事。尤其是现行的新教材词汇量扩大了不少,记忆的难度就更大了。记不住单词,学好英语就无从谈起。所以突破单词这一难关非常关键。记忆单词的方法很多。1.按读音记忆单词。实际上在你看单词时就要顺便看一眼音标,掌握字母及字母组合的读音规律。将所有符合规则的单词归类记忆。如:①按开、闭音节记忆,掌握元音字母的读音。 ,map,sad; ,plane,date; ,set,step,let; ,Japanese; ,ship,this,kill; ,nice,kite,mine; ,hot,stop,got; ,those,close,hole; ,cup,rubber,dust; 等。②按字母组合记忆,掌握元音字母组合和辅音字母组合的读音,如:bee,meet,see,keep等等,ee字母组合读/i:/;chair,ch字母组合读/tS/。2.分音节记忆。单词不论长短,如果从第一个字母背到最后一个字母,是很难记忆的。如:information,共11个字母组成,可以把它“大卸八块”,分音节记忆就会很容易。in-for-ma-tion3.音、形、义结合法背单词将它的音、形、义结合起来,记忆牢固,速度也快。读准它的音,看好它的形,明白它的义,尤其是一词多义,记忆时要提高分辨率。如:orange是个兼类词,作可数名词意思是“桔子”;作形容词意思是“桔色的”;作不可数名词意思是“桔汁”。可读音只有一个/'orindJ/,词形一样。这样有意识地去分辨记忆就容易多了。4.联想记忆来记单词。它主要包括以下几种形式:①对比联想记忆:将同义词:study/learn(学习),big/large/great(大的),look/see/watch(看),hear/listen(听),good/fine/well/nice(好的),door/gate(门),like/love/enjoy(喜欢)等。反义词:如:big(大)→small(小),dear(昂贵)→cheap(便宜),hot(热)→cold(冷),slow(慢)→quick/fast(快),thin(瘦)→(胖),infrontof(在……前面)→behind(在……后面),south(南)→north(北)等。同音词:too(也)→two(二),for(为)→four(四),right(正确)→write(写),by(乘)→buy(买),blue(蓝色的)→blew(blow的过去式),sea(海洋)→see(看见),son(儿子)→sun(太阳),whether(是否)→weather(天气)词形相近比较:want(想要)→wait(等待),read(读)→ready(准备好的),wall(墙)→walk(走),quite(很)→quiet(安静的),present(礼物)→parent(父母)等放到一起对比记忆。同时还可以联想到一些义同形不同的词。如:由cost联想到pay,take和spend,并将这些意义相对、相同或读音相同的词的用法进行比较。②归类联想记忆:把所学的单词按照不同的范畴分门别类,将所学单词合理归类。A.按词性归类。如:名词driver,name…,动词be,have,drive…,形容词careful,happy…,副词carefully,happily…,介词in,onat…,代词he,she,him,her…等。B.按用途归类。如:服装类coat,shirt,skirt,sweater,shoes…,食品类cake,rice,dumpling,noodle…,运动类football,basketball,race,sport…,交通类traffic,bus,car,taxi,train,plane,ship…,月份January,February,March,April…,星期Monday,Tuesday,Wednesday,Thursday,Friday,Saturday,Sunday和节日等。比如学习Christmas一词时,就联想到Children'sDay,Women'sDay,Teachers’Day,Tree—PlantingDay,Mid—autumnFestival,NationalDay,NewYear’sDay,SpringFestival等一系列的节日名词。③构词联想记忆:利用同根词(词形转换)联想记忆,注意词性。英语单词中有许多词具有一词多性的特点,如open既可作动词用,又可作形容词用。另一些词具有同一个词根,如单词care既具备名词性质又具备动词性质,它的同根词有careful,carefully,careless,carelessly,对于这些词,我们应重点记忆。再如:north→northern,noise→noisy→noisily等。利用合成词联想记忆,如学到moonlight这个词就想到它是由moon和light这两个词合成的;classroom是由class与room合成的。④搭配联想记忆:以一个单词为中心搭配不同的词而构成新的短语。这种语言现象非常多,如能经常使用此法则会牢固地记住所学的短语。如:1)含有get的短语有:getreadyfor为……做准备,getup起床,geton,with与人相处,getdown下来,getdressed穿衣服,getback取回;回来,goton上车,getoff下车,getto到达,getoutof从……出来,getlost迷路。2)含go的短语有:goswimming去游泳,goeson继续;持续,gotoschool去上学,gotobed上床睡觉,goeshome回家,gooutforawalk出去散步,goaway走开,goesdown降落,goback回去,goonwith继续做某事3)含look的短语有:lookat看,1ookafter照看;照顾,lookthesame看起来很像,1ooklike看起来像,1ookfor寻找,1ookup(在词典、参考书中)查找,1ookover(医生)检查,1ookaround(round)环顾四周4)含make的短语有:makeroomfor为…….让地方,makesentenceswith用……造句,madeafaceormadefaces做鬼脸,bemadein在…制造,bemadeof由…制成,maketea沏茶,makefriendswith与……交朋友,makeup编出,madeamistake出差错,makesure确保,确信,makeanoise吵闹5)含take的短语有:takeyourtime不急;慢慢来,take,medicine吃药;服药,takeawalk散步,take,exercise运动,taketurns轮流;替换,takecareof照料;照顾,take,outof带走;拿出,takingoff脱掉,takeamessagefor给……捎个信6)含come的短语有:cameinto进来,comedown下来,comein进来,comeover过来,comefrom来自,comeback回来,comeround前来(过来)/comesover,comeon快,加油,comeout(花)开;出来,comealong赶快,快一点7)含turn的短语有:turnoff关上,turn,up(把收音机等)开大一些,turnon打开(灯等),turndown(把收音机等)开小一些,turnedwhite变白,turnleft向左拐。8)含have的短语有:haveto不得不,haveanidea有了主意,havearest休息,havebreakfast吃早饭,havealook看一看,haveagoodtime玩得愉快,hadbetter最好,haveadrinkof喝一点儿只要你多留心,有意识地注意归纳总结,记忆单词和短语不是一件难事。此外,老师课堂上播放朗读带,不只是单纯地听,而是一边听一边迅速地将其写下来,做到耳、心、手、眼并用。总之,对于那些新近学的单词,要不厌其烦地靠读、写、背等各种途径反复记忆。重复到一定的次数,就会成为长时间的记忆,也就不会遗忘了。(5)记忆单词还要靠勤奋,抓住零散时间进行记忆。记忆单词时,除了以上方法外还要做到“五到①脑到—背单词时肯定要想着,不能开小差。②眼到—仔细观察单词的写法。③口到—口里要念着单词。④耳到—听着自己的读音。⑤手到—用手在书桌上或纸上写几遍这个单词。不要偷懒,一定要边记边壁划。把各个器官动用起来,相信自己一定能记住更多的单词。有的同学认为单词的识记真很麻烦。其实并不麻烦。如果你能经常有意识地这样做,时间久了,就会养成习惯。以后每遇到一个词就会不知不觉地去联想。一位外语专家曾经说过这样一句话:“千个单词至少在你眼前出现二十次才能牢记。”同学们想想看,你所学的单词总共在眼前出现过多少次?这下你也许找到记不住单词的原因了吧?(6)学好英语做好课前预习和课后复习也是十分重要的。你应该在每学习一课之前,先进行预习。预习可以提前扫清听课中的障碍。通过预习,就像“火力侦察”,可以发现自己知识上的薄弱环节。在上课前迅速补上这部分知识,这样,在理解新知识时就会很顺利。有的学生听讲效果不好,其中一条主要原因,就是没有搞好预习。课前预习是学生学好新课,取得高效率的学习成果的基础。如果搞不好课前预习,上新课时就会心里没底,听课就会变得被动、难以消化,以致对全部接受新课丧失信心。反之如果做好了课前预习,不仅可以提前扫清听课中的障碍,培养自学的能力,而且可以提高学习新课的兴趣,掌握学习的主动权。最后希望你能选择一种自己最有效的方法学好英语.</t>
  </si>
  <si>
    <t xml:space="preserve">请教一下关于CY穿幸运的效果好像大家都在说CY穿幸运的效果不怎么 </t>
  </si>
  <si>
    <t>EM,CY的幸运效果只有天王的60%总体来说 还是天王爆极品几率大 他是攻速最快的角色嘛</t>
  </si>
  <si>
    <t xml:space="preserve">单片机内存大小怎么测量？ </t>
  </si>
  <si>
    <t>看看是哪种单片机然后查找用户手册,不同的单片机测试方法是不同的。 STM8的没用过,应该在编译环境下可以找到配置,里面说明了存储器的容量。</t>
  </si>
  <si>
    <t xml:space="preserve">又请问NDS的问题``` </t>
  </si>
  <si>
    <t>简单的说，烧录卡就是可以反复擦写的卡带，可以不断的更换内容。          通过烧录，让很多或者各种内容能够存储在一个烧录芯片中，然后通过机器对芯片内容的读取，使用卡里的内容。                烧录卡使用的存储芯片是可不断擦写的，存储游戏ROM的FLASH芯片，由于用来存储游戏ROM的FLASH芯片是用来运行程序（游戏）的，对随机存储的速度有很高要求，因此几乎所有烧录卡都使用了NOR型的FLASH做为存储芯片，这种芯片由于加工方面的原因，容量相对较小，同容量的价格也远高于用于生产U盘类的NAND型FLASH芯片，这也是烧录系统价格远高于U盘的主要原因。      　　全球生产NOR型FLASH芯片的厂家主要有2家 INTEL 和       AMD&amp;FUJITSU，由于INTEL的速度略慢，所以采用AMD&amp;FUJITSU作为存储游戏ROM的FLASH芯片则成为烧录卡带的首选，国内知名的烧录品牌EZ，EZFA，EWIN       ，GBALINK都无一例外的使用了同类型的芯片，可以看出一款较好的烧录卡带使用较好的FLASH存储芯片应该是一个最基本的要求，这也是游戏运行稳定的根本保证。      　　另外，烧录卡的重要组成部分：控制芯片，是控制合卡，存档记忆，时钟等功能的核心器件，也是整个烧录系统中的最能体现技术含量的标志之一，目前烧录卡带的控制芯片可分为两类，一种是需要自主开发逻辑代码,并通过可编程的逻辑器件CPLD烧写后成型的芯片，另外则是用黑胶封装的一种简化版本的ASIC芯片。             EZ系列和GBALink ZIP系列都是CPLD控制芯片      　　目前采用CPLD控制芯片的烧录卡如下：EZ系列 ，GBALINK ZIP系列 ，Ewin系列，EZFA系列， EFA-LINKER       ，这些卡带相对于那些采用ASIC控制芯片版本的烧录卡带来讲，功能更加完善，合卡支持不受限制，多数卡带都支持时钟功能，并可硬件仿真FLASH存档，同时由于软件和硬件匹配更加默契，这些烧录卡的软件功能也相对较为全面，基本都提供了软复位菜单和金手指等功能，当然由于CPLD本身的工艺和成本问题，这种烧录卡带的售价也相对较高，耗电量也略大。      　　目前采用ASIC控制芯片的烧录卡如下：XG2TURBO， GBAMAGIC，（和XG2T同属一类产品），太极鲨       ，TT-FLASH，智慧宝盒，早期的GBALINK卡带， 灵锐卡，EZ大众卡，EZ魔卡，火线卡等众多低端品牌。      　　黑胶封装ASIC控制芯片由于本身的逻辑非常简单，采用这种控制芯片的烧录卡一般来讲功能较弱，或者单卡或者合卡采用了32Mbit分区，多数卡带不支持时钟，存档支持度不够高，这些卡带的软件开发上面由于受到硬件的限制目前几乎清一色无法支持软复位和金手指功能，其耗电量少（和D卡的功耗处于一个水平），价格低廉。                烧录卡的存档记忆部分主要由存储游戏存档文件的SRAM芯片和供充电回路组成，一般来讲小于512Mbit的卡带都使用了2Mbit的芯片，而512Mbit以上（含512Mbit）卡带都会使用4Mbit以上的SRAM       （XG2T512比较特殊，由于其SMS是存档核心，所以并不需要太大容量的SRAM），为SRAM的供电是通过一颗3V的纽扣电池提供的，目前很多烧录卡都使用了可充电池，主要为了避免电池电量用尽时，无法提供充足的电能给SRAM，从而造成丢档的问题发生。       　　另外有的卡还有其他特殊功能，该部分非烧录卡带的必须构成，特殊功能部分是开发厂家为了提供更多的卖点和功能开发出来的，目前最主要的就是时钟电路部分了，时钟电路主要由时钟芯片和晶振组成。      EZ FLASH III算是相当特殊的烧录卡了。      　　还有游戏备份区仍旧非烧录卡的必须构成，主要为近期推出的一些烧录产品所拥有，比较具有代表性的就是EZ3，其构成相当于256Mbit的烧录卡带加128Mbyte的U盘，其中128Mbyte的存储芯片采用了NAND型FLASH，从而提供了大容量低成本的游戏后备存储方案，当然存储在这里的游戏是无法直接运行的，仍需要解压到卡带的SRAM区域或者NOR型FLASH区域后运行。</t>
  </si>
  <si>
    <t xml:space="preserve">中国历史上真的有蜀山吗?还有,白居易的&amp;lt;长恨歌&amp;gt;中一 </t>
  </si>
  <si>
    <t>别说古代了，就是现在蜀山也依然存在。蜀山：蜀山风景区于合肥西郊9公里处，海拔284米。这里风光旖旎，四季景色优美。清代庐州府学正朱弦咏蜀山曰：“春山艳洽如笑，夏山青翠欲滴，秋山明净如妆，冬山光澹淡欲卧，惟其卧也，故雪霁神开，跃然有起色矣”。蜀山，以满山遍野郁郁葱葱的苍松翠柏、引人入胜。尤其在周围山麓先后新建了2万余亩水面的人工湖，占地400亩的烈士陵园，面积70公顷植物园和度假村。八十余公顷的苗木花卉基地以及合肥野生动物园。长达370米的“安徽第一画廊”--蜀山画廊，及十二生肖园、匹特搏彩弹射击娱乐中心和以植物造景的樱花园、月季园、枫树林等。在这些园林、水泊的簇拥烘托下，蜀山显得愈加妩媚，分外妖娆，春日的景色尤其迷人。登临山巅，极目远眺，烟波浩渺，水天一色，雾霭缭绕，渔帆隐约；漫步山麓林园，桃红柳绿，蝶舞蜂喧，花团锦簇，竹影扶疏，令人心旷神怡。合肥高新技术产业开发区座落于蜀山东侧，一批现代化建筑更使景区增添了时代的韵律。蜀山风景区现已是人们凭吊先烈、游览观赏、闲暇休憩的场所。回答精度：95</t>
  </si>
  <si>
    <t xml:space="preserve">客服热线什么时候正式开通？ </t>
  </si>
  <si>
    <t>9/28客服热线正式开通2009-9-28 16:00:53各位精灵使者们 大家好：         为了能使各位使者们有更多渠道反馈您的状况，让您的问题能得到及时处理，并可让我们即时获知您的宝贵意见和建议，共同为《精灵乐章》谱写美妙旋律，故我们将在《精灵乐章》公会眼球争霸赛期间开放客服热线。客服热线开放时间为：9月29日12：00~10月15日12：00各位精灵使者们如果遇到问题时，只要通过以下方式联系到我们~~客服中心客服热线：021-64953376线上回复系统： 感谢所有支持『精灵乐章』的玩家们！ 悠游网 『精灵乐章』客服团队</t>
  </si>
  <si>
    <t xml:space="preserve">广东理综和文综的试题如果是2008年的模拟题就最好了！谢谢 </t>
  </si>
  <si>
    <t xml:space="preserve">求助我的上次的月经是8月22开始的.这次是9月15日下午一点点, </t>
  </si>
  <si>
    <t>现在才8号,很可能还测不出来,再过10天左右就能测出弱阳了.所以你不要太着急,心情紧张不安同样也能影响怀孕,放松吧,要抱着顺其自然的态度去面对.并不是想怀孕就马上能怀上的,通常的情况下都是准备了好几个月才能怀上,一般一年以内未怀上都属于正常情况,如果试孕了一年仍未怀孕就得去医院检查一下了.祝好孕!</t>
  </si>
  <si>
    <t xml:space="preserve">请问交通事故肇事者赔偿问题肇事者如没有能力赔偿，他被判刑后，是不 </t>
  </si>
  <si>
    <t xml:space="preserve">肇事者如没有能力赔偿，且承担主要或全部责任的，赔偿额超过三十万以上的也可以被判处三年以下徒刑。但判刑是刑事处罚，不能取代民事的赔偿责任，应该赔偿的还得赔偿。只要受害方申请了执行，民事执行是没有期限的，如果有当时没有赔偿，刑满后是要赔偿的。但是，民事赔偿是有诉讼时效的，特别是人身损害的赔偿诉讼时效只有一年，如果肇事者被判三年都出来了，受害方还没有起诉，法院就为能支持了。执行申请也是有时限的，公民与公民之间的，申请执行的时间是一年，法院判决生效后超过一年没有申请执行的，以后就不能申请了。 </t>
  </si>
  <si>
    <t xml:space="preserve">为什么仙三进去以后就不能切换`一切换就进不去了呢`麻烦指点一下 </t>
  </si>
  <si>
    <t>这个游戏在设计的时候就是不支持切换，没有任何办法。</t>
  </si>
  <si>
    <t xml:space="preserve">5.12大地震灾区灾后重建工作期间灾民是怎么安排的？ </t>
  </si>
  <si>
    <t>7月12日，在汶川地震发生两个月后，县城几乎被地震全部摧毁的北川县与中国建材集团在擂鼓镇举行了中国联合水泥北川中联总投资6亿元、年产200万吨水泥项目开工.</t>
  </si>
  <si>
    <t xml:space="preserve">英朗XT和高尔夫6，同是1.6L，如何选择？在上海上班，很少跑高 </t>
  </si>
  <si>
    <t>平时在市里开，1.6L的足以，真的觉得英朗XT很不错的，外观漂亮，动感的线条，添加了时尚的跑车元素，动力很足，长4419 mm，宽1814 mm，高1487 mm的三维尺寸，及2685 mm的同级最长轴距和前1544 mm、后1558 mm的同级最宽轮距，既增强了外观上刚劲雄健的视觉效果，扩展了内舱空间，也进一步提升了操控性和稳定性。高尔夫6就是减配，性能也不怎么出众，英朗XT百公里提速好像只有9秒，超出同价位高尔夫6约0.5秒。英朗的一次维护也就400块钱左右，对于一般的工薪家庭说，还是能承受的，从各方面来看都支持你选择英朗XT！</t>
  </si>
  <si>
    <t xml:space="preserve">我的邮箱一切正确，为什么不能进入画面我的通行证客户名，密码一切正 </t>
  </si>
  <si>
    <t xml:space="preserve">为完成此次大规模升级，新浪邮箱技术部的全体工作人员正在全力以赴、夜以继日地进行系统迁移的工作，以尽可能减小对您带来的影响。但在升级过程中，您仍然有可能遇到一些短暂的登陆和使用上的不便，欢迎您随时通过新浪“透明式客户体验”，关注我们的实时通告，及时了解新浪邮箱的每一步进展以及可能给您带来的利益和风险，和回避风险的方法。对于这次升级可能给您带来的不便，我们向您表示最诚挚的歉意，真诚希望得到您的谅解和支持。升级后您会体验到更安全稳定，速度更快捷，功能更强大的邮箱服务。如果您在使用过程中遇到任何问题，可发送邮件至：webcn@ ，我们将在48小时内回复您。或者拨打全国统一直拨客服热线: 95105670（免长途费），我们的客服人员将会在第一时间尽全力帮您解决问题。如果您有任何意见和建议，也欢迎您反馈给我们，新浪邮箱全体人员在此向您致谢！由于现在使用新浪邮箱的人太多,服务器承受量有限,在高峰时就会出现登陆慢的情况,还请谅解无法登陆基本有如下几种情况: 1.由于密码输入错误造成无法登陆,登陆页面上会提示您口令错误.您可以发信给管理员或打我们的客服电话查询密码. 2.输完用户名和密码,点击登陆后又返回到了刚才的登陆页面,且没有任何错误提示.如此情况通常是因为您将cookie禁用造成的.您只需点击浏览器上的工具进入internet选项,在安全设定中把安全级别设置为中或直接在自定义级别中启用cookie即可. (IE6.0用户把Internet选项中的隐私的级别调整为中即可)重起浏览器 3.登陆后页面显示该页无法显示或找不到服务器等情况,这是因为您所处的邮件服务器正在常规维护造成的,遇到这种情况您只需耐心等待稍后再试就行. 目前的速度普遍下降，这归因于现时网络软件的路由选择算法。现时的大多数网络软件的路由选择算法是：不停地发送数据包以测试路由速度，一发现更快的路由，就马上更换现时的路由。当用户很少时，这种算法的确可以提高效率；但问题是，如果有许多用户同时在线，那么，速度较快的路由很快就会被堵塞；这时，软件就会再次更换路由，再次造成堵塞，再次更换路由……不断恶性循环，导致整个互联网速度变慢。十分抱歉给您带来的不便，也十分感谢您提供给我们的这些信息，谢谢您对新浪网的支持。如有更多问题， 请咨询新浪客服中心。全国统一客服热线：95105670 咨询邮箱：webcn@ </t>
  </si>
  <si>
    <t xml:space="preserve">文科学医有哪些可学我想问一下文科学医受限吗?又有哪些受限? </t>
  </si>
  <si>
    <t>医学专业一般只招理科生 但很多学校已经开始招收文科考生在招收文科考生的专业没有限制除了在有机化学　生物化学等少数科目　我觉得文科生比理科生有很大优势毕竟医学要背的东西多学医＝又上５年高中　比较苦　呵呵</t>
  </si>
  <si>
    <t xml:space="preserve">AdobePhotoshopCS2总弹出对话框,也无法删除Ado? </t>
  </si>
  <si>
    <t>重新安装一次程序，安装的路径要与原来的一样，就可以覆盖掉原来的文件，出现你这样的提示是表示你的上一次安装有问题，没有正确注册或者激活序列号。</t>
  </si>
  <si>
    <t xml:space="preserve">哪位朋友能告诉实况足球8超级联赛能调金钱的好方法~~~尽量详细一? </t>
  </si>
  <si>
    <t xml:space="preserve">先把你需要改的数字输入金山的修改器，按搜索。然后返回游戏使用或增加那个数字，然后去修改器输入在游戏中已经改变的数字，再按搜索，最后一直这样反复知道搜索结果只有一个，然后点这个结果会出现一个表，把你想要的数字输入，然后锁定就是 </t>
  </si>
  <si>
    <t xml:space="preserve">新手先注意什么？我之前玩过魔兽世界，但都是在朋友的指导下玩的，很 </t>
  </si>
  <si>
    <t>注意你想练什么职业，这个职业的加点是怎么加的...主要就是这个..练了一种职业之后就别乱加点了........该穿什么装备就穿什么装备</t>
  </si>
  <si>
    <t xml:space="preserve">词又叫什么 </t>
  </si>
  <si>
    <t>词又叫诗余</t>
  </si>
  <si>
    <t xml:space="preserve">请教一下，最近新出的宠物怎么算？大家都知道最近先出了几种宠物，但 </t>
  </si>
  <si>
    <t>暗月还没有把计算器更新出来所以没法算!!!</t>
  </si>
  <si>
    <t xml:space="preserve">小学五年级数学把100袋奶糖平均分成10盒，每盒10袋，其中9盒 </t>
  </si>
  <si>
    <t xml:space="preserve">1) 把盒编号：1，2，3。。。9，10， 2）在每个盒中取出的袋数等于编号数， 3）把袋集中称重，得总重量W， 4）计算：55-W=K， 5）10K 所对应的编号 那个盒，袋重0.9kg </t>
  </si>
  <si>
    <t xml:space="preserve">请问：湖南省所有的在职教师可以在网上查到教师编制？如果能查的话，? </t>
  </si>
  <si>
    <t>湖南人事网  或湖南教育网两个你都试试吧 在里面慢慢找找</t>
  </si>
  <si>
    <t xml:space="preserve">如何识别真假钞啊？现在假钞好多，不知道有什么又简单又实用的方法来 </t>
  </si>
  <si>
    <t>1.摸下纸张的质感,有点不一样的, 2.你用钞票的两端对齐,然后就会组成一个规则的图形,纹路是很齐的,而假的是对不齐的, 3.看是否有水印，看人头一面的左下方100是否变色平放是绿色向上翻应该成灰色。人头的衣领有厚度，真钞的纸张比较厚，所以揉搓的声音很脆。4.盲文无凹凸感，图像模糊，50元字样在正面左下方无变色的是假钞</t>
  </si>
  <si>
    <t xml:space="preserve">小孩身高今有小女两岁十个月身高只有整八十九厘米，请问是否正常？如 </t>
  </si>
  <si>
    <t>孩子的身高与父母的身高关系很大。若孩子的身高与体检表的标准对照相差在1.5cm内，应视为正常。若父母的身高偏矮，孩子的身高与体检表的标准对照相差也许会还大一点。否则，应视为营养不良，可根据妇幼保健站医生的建议来补充营养。</t>
  </si>
  <si>
    <t xml:space="preserve">宝宝多大断奶最合适?宝宝10个月了,想给她断奶,有人同意,不有反 </t>
  </si>
  <si>
    <t xml:space="preserve">断奶 文章类型：儿童宝贝 文章加入时间：2006年8月19日 10:5 -------------------------------------------------------------------------------- ※※婴儿断奶的时机最佳的断奶年龄城镇为出生8—12个月，农村儿童可延长到12—18个月。如果乳母体质较差，平时泌乳量又不足的，可适当提前断乳。如果乳母体质好，泌乳仍处于旺盛状态或因婴儿体弱多病，断奶有损婴儿健康，也可适当推迟断奶时间，但最迟不能超过2周岁。断奶季节以春季或秋季为好。※※【长义堂说】孩子在一天天的长大，也在一天天地脱离父母而独立起来。断奶是孩子摆脱父母的第一事，母亲总是依依不舍，这个心情可以理解，但做法还是要果断。孩子的断奶与其说是考验孩子，还不如说是在考验母亲。所以，孩子断奶母亲一定要下定决心。※※断奶的方法出生后第6个月起，按照由少到多，缓慢渐进的原则为婴儿选择添加营养丰富、易消化的相宜辅食。首先添加一些牛奶、全脂奶粉、母乳化奶粉等代乳品，然后提供不同口味的捣碎食物、混合蔬菜、粥等，待婴儿逐渐习惯了吮食流体食物后，再添加些肉末、鱼、水果、烂饭、饼干等半固体和固体食物。当孩子完全适应了上述食物后，再彻底断奶，并逐渐过渡到成人食物。在为婴儿提供富有营养含水多的食物的同时，注意增加补充开水，以利于婴儿机体新陈代谢的协调，强化婴儿体质。※※【长义堂说】断奶不是一件随意的事情，有着很多的讲究，年轻的母亲一定要听老年人的建议，更要注意书本上介绍的知识，把这些结合的好一点，就会使孩子的断奶更平安一些。  </t>
  </si>
  <si>
    <t xml:space="preserve">不知道怎么描述~~进来看下吧不知道大家有没有类似的经历,坐火车的 </t>
  </si>
  <si>
    <t>如图所示，观察点Ａ（也就是你自己）沿直线向右行驶．由于是以Ａ为参考系（参照物），在远处的景物Ｂ点相对于Ａ来说他的轨迹如图抛物线．根据视觉原理，举个简单的例子来解释：某人正面向你走来，他走一米，但在你看来他走的距离是小于一米的（你的感觉误差）；而他要是在你面前横向走过，他走多远，你大致是能估算出来的．结合图和我举的例子，好好想想，应该可以想通的．</t>
  </si>
  <si>
    <t xml:space="preserve">慢性腹泻怎么回事？ </t>
  </si>
  <si>
    <t xml:space="preserve">慢性病因：（1）肠原性慢性腹泻 1.微生物感染：它的发病主要由不洁的食物中所含的致病性细菌、真菌和病毒引起。细菌感染：是引起腹泻最常见的原因。其中又以致病性大肠杆菌引起的腹泻最常见；细菌性痢疾由痢疾杆菌引起；肠结核的腹泻则可能是食物中混有结核杆菌或病人患有肺结核，咳嗽时将带有结核杆菌的痰液吞入消化道引起，或患有其它结核病，结核杆菌通过血液循环到达肠道，形成溃疡而引起。病毒感染：按发病率高低顺序分别为：轮状病毒肠腺病毒、诺沃克病毒、埃可病毒、星状病毒、冠状病毒、嵌杯样病毒以及其他病毒感染所引起的腹泻等。菌感染：如肠念珠菌病、白色念珠菌感染等。此外，还有不适当地滥用抗生素，致使肠道菌群失调，由于杀灭或抑制了肠道中有益的菌群，使进入肠道的真菌和病毒等大量繁殖而引起。2.寄生虫感染：如阿米巴肠病又称阿米巴痢疾由食入被阿米巴原虫包囊污染的食物和水而引起；此外肠鞭毛虫病、血吸虫病、结肠小袋纤毛虫病、钩虫病、姜片虫病以及绦虫病等均可引起慢性腹泻。3.非感染性炎症：急性出血性坏死性肠炎、放射性肠炎以及缺血性肠病等均可有腹泻，结肠憩室炎或结肠息肉并发结肠炎也可伴有腹泻。此外炎症性肠病，如慢性非特异性溃疡性结肠炎和局限性肠炎4.肿瘤：肠道肿瘤，如小肠恶性淋巴瘤、结肠癌以及直肠癌等，导致肠粘膜的浸润、糜烂和溃疡等病变，均可引起腹泻。【安腹止泻汤】能有效治疗腹泻，调理肠道，效果好！5.过敏性腹泻：过敏性结肠炎、食物或药物过敏、过敏源直接作用在肠道而引起。（2）胃原性腹泻：由萎缩性胃炎、胃癌、胃切除术后、胃酸缺乏等引起。(3) 胰原性腹泻：多见于慢性胰腺炎、胰腺癌等。(4)肝胆疾病引起的腹泻:各种重症的肝病，肝硬化合并门脉高压时，长期阻塞性黄疸，胆汁形成减少或胆盐缺乏等都可引起慢性腹泻。 </t>
  </si>
  <si>
    <t xml:space="preserve">我喜欢上一名教师,而那个教师却毫不在意.而且他已有家了.我该怎么? </t>
  </si>
  <si>
    <t>不用五年，两年就不爱了，不会有好结果的，以后也不会幸福，忘掉他吧，我用三年忘掉了一个曾经深深深深爱的男孩，现在我们是好朋友，及时刹车，你会幸福的。</t>
  </si>
  <si>
    <t xml:space="preserve">请问耳膜穿孔是否能鉴定出陈旧性穿孔还是最近造成的穿孔？ </t>
  </si>
  <si>
    <t>应该是鼓膜穿孔。可去三级医院耳鼻喉科就诊，耳镜检查后，是急性，还是陈旧性穿孔，完全可以鉴别。</t>
  </si>
  <si>
    <t xml:space="preserve">怎样使我胖起来?（附100分）我今年15岁,男孩子，很瘦.但每日 </t>
  </si>
  <si>
    <t>关键要清楚你不肥的原因，比如说是不吸收，或者体格的问题等等!不防试一下饭后喝酸奶，我有朋友试过见效。</t>
  </si>
  <si>
    <t xml:space="preserve">请问您吃配方奶宝宝应该每天喝多少毫升水，宝宝还两天满月了！最近总? </t>
  </si>
  <si>
    <t>喝奶粉的宝宝每两餐奶中间喂点水哦 满月的宝宝一次大概20毫升左右 小宝宝放屁很臭很多这是正常的哦 很多宝宝都是这样过来的哦 不用担心 等大了就不太会放屁了 麻烦点击好评哦亲谢谢</t>
  </si>
  <si>
    <t xml:space="preserve">治疗近视艳眼，会有后遗症吗。谁有过经验。 </t>
  </si>
  <si>
    <t>如何预防近视眼后遗症严格掌握适应证，大家知道，无论什么手术都有一个适应证问题，不是所有的近视眼都可以行手术治疗的，有的不需要或不适合做近视眼手术，如眼底有病变，玻璃体混浊，严重的不规则散光等，做近视眼手术不但不能增加视力，反而带来许多并发症。 良好的护理条件及安静舒适的病房设施对预防并发症也是不可缺少的，如护理不当碰伤术眼，术后双眼包扎发生摔床或换药时污染伤口而发生感染等。  病人充分的思想准备，术中、术后积极配合治疗是保证手术成功的又一重要环节。如思想准备不足，术中过分紧张，或活动头部则可造成并发症的发生。 术者要有丰富的显微手术经验，经过严格的显微手术训练，熟悉手术用的显微器械，并熟悉各类屈光不正的角膜及眼球的情况，并能在手术中应付各种意外的情况，妥善处理各类问题，预防和减少并发症的发生。 确实有效的球后麻醉，是保证手术成功的重要环节。麻醉不充分，术中病人疼痛或眼轮匝肌收缩，眼球等，均会造成意外的并发症发生。术前检查要准确无误，如角膜曲率、角膜厚度的测量，散瞳验光以确定屈光度数等，这些检查应十分准确，否则在计算手术量、切口深度及数量方面会出现很大差异，手术中容易发生切口过深，角膜穿孔，术后不规则散光等并发症。 手术室应具备良好的消毒设施，精良的显微手术器械，如角膜切开刀(可随意调整深度的金刚石刀)，角膜环钻，显微角膜镊，角膜剪，虹膜恢复器等。同时应备有较好的双人双目同光路显微镜及常规器械。这些必要的设备和显微器械是保证手术成功和预防并发症发生的关键。 　　总之，预防近视眼手术并发症应从始至终，一点一滴做起，掌握住术前、术中、术后每一个环节，充分的准备，精湛的操作，良好的护理是减少和预防近视眼手术并发症的关键。 　　近视眼手术的术后护理对于预防后遗症有很大的帮助，但是术前的术式选择也很重要，有的患者为了图省钱，选择了比较落后的术式，导致术后效果并不好。建议大家在做近视有那手术时选在正规的专业的眼科医院，并且眼睛是比较柔弱的器官，尽量采用较好的术式，可以大大降低后遗症的发病率。如何预防近视眼后遗症严格掌握适应证，大家知道，无论什么手术都有一个适应证问题，不是所有的近视眼都可以行手术治疗的，有的不需要或不适合做近视眼手术，如眼底有病变，玻璃体混浊，严重的不规则散光等，做近视眼手术不但不能增加视力，反而带来许多并发症。 良好的护理条件及安静舒适的病房设施对预防并发症也是不可缺少的，如护理不当碰伤术眼，术后双眼包扎发生摔床或换药时污染伤口而发生感染等。  病人充分的思想准备，术中、术后积极配合治疗是保证手术成功的又一重要环节。如思想准备不足，术中过分紧张，或活动头部则可造成并发症的发生。 术者要有丰富的显微手术经验，经过严格的显微手术训练，熟悉手术用的显微器械，并熟悉各类屈光不正的角膜及眼球的情况，并能在手术中应付各种意外的情况，妥善处理各类问题，预防和减少并发症的发生。 确实有效的球后麻醉，是保证手术成功的重要环节。麻醉不充分，术中病人疼痛或眼轮匝肌收缩，眼球运动等，均会造成意外的并发症发生。术前检查要准确无误，如角膜曲率、角膜厚度的测量，散瞳验光以确定屈光度数等，这些检查应十分准确，否则在计算手术量、切口深度及数量方面会出现很大差异，手术中容易发生切口过深，角膜穿孔，术后不规则散光等并发症。 手术室应具备良好的消毒设施，精良的显微手术器械，如角膜切开刀(可随意调整深度的金刚石刀)，角膜环钻，显微角膜镊，角膜剪，虹膜恢复器等。同时应备有较好的双人双目同光路显微镜及常规器械。这些必要的设备和显微器械是保证手术成功和预防并发症发生的关键。 　　总之，预防近视眼手术并发症应从始至终，一点一滴做起，掌握住术前、术中、术后每一个环节，充分的准备，精湛的操作，良好的护理是减少和预防近视眼手术并发症的关键。 　　近视眼手术的术后护理对于预防后遗症有很大的帮助，但是术前的术式选择也很重要，有的患者为了图省钱，选择了比较落后的术式，导致术后效果并不好。建议大家在做近视有那手术时选在正规的专业的眼科医院，并且眼睛是比较柔弱的器官，尽量采用较好的术式，可以大大降低后遗症的发病率。</t>
  </si>
  <si>
    <t xml:space="preserve">急！！！！高三圆锥曲线如果过点A（a,0)和B(0,a)的直线与 </t>
  </si>
  <si>
    <t>由题可知,直线AB斜率为-1,它又过A点，所以该直线可写成y=-x+a 然后再与抛物线联立，令判别式小于零，解就可以了，我算出的答案是a&lt;- 13/4</t>
  </si>
  <si>
    <t xml:space="preserve">我想组装一台3000多元的电脑，不知能用多长时间。3000多元电 </t>
  </si>
  <si>
    <t xml:space="preserve">给你2种方案，都是最近我推荐给不少网友用的，最近intel和AMD力度都挺大，降价都挺厉害的.是个购机的好时候.先AMD平台的:    : 速龙64 X2 3600+(盒)            610散热器 : 盒装自带主板   : 捷波 悍马HA01GT                580内存   : 宇瞻 1GB DDR2 667              540显卡   : 七彩虹镭风X1650GT－GD3 CF白金版570硬盘   : 日立 160GB SATA(8M)            450光驱   : 三星 金将军16XDVD 黑金版       155声卡   : 主板集成网卡   : 主板集成音箱 麦博 M-111(备选品牌 漫步者)        99机箱/电源:金河田 7606/金河田 ATX-S428   300  鼠标键盘:昂达光电套或自选               45整机价格3000左右，机箱及鼠标键盘你可以按自己的省美观等选购,不会超出你的心理价.推荐理由:cpu是最新65纳米AMD X2双核cpu.高性能低功耗,我还选择了盒装的，因为散装的全国各地还缺货严重,而盒装的带保修并且只比散装的贵10块.还自带散热器,完美!主板:推荐给iask网友10几次了，基本上AMD平台我都是选这款,理由好多:低价,高性能，高配置,高规格，高质量,基本上这款明星级主板所有的好词都用的上，仅500多元,8声道声卡,千M网卡，支持800内存，支持双8X + 8X显卡,1个IDE,4个SATA,居然还支持RAID功能.10个USB.完美否?硬盘:可供选择的挺多，差价也很小，你喜欢别的品牌也可以换，只是这款目前在搞活动，400多元价位很是合适，用个几年一点问题都没有(另外 日立 三星 希捷都有差不多的产品)内存:选用游戏玩家最爱宇瞻品牌单条1G DDR2 667内存，这样选很简单，首先是便于日后升级,等1年后vista普及，内存降价时再购置一根组成双通道,提升25%性能.价格在内存品牌里也属于中等，不高不低,而质量及性能却始终得到游戏玩家的肯定.显卡:这款显卡，中低价格，高性能，高规格，精美的做工，是推荐的理由。规格如下:256M/128bit规格,0.08微米RV560核心，8条像素流水线、24个像素渲染单元、8个顶点处理单元,三星1.2ns GDDR3显存,核心/显存频率550MHz/1300MHz,显卡仍然采用核心/显存分离式供电，搭配大量高品质铝壳电容和封闭式电感线圈，数量繁多的MOS管有效地保证了显卡供电的纯净，扎实的供电设计为显卡工作的稳定提供了前提。机箱电源:一直是所有经销商利润点所在，这款做工相对实在，用料扎实，电源虽然是350W(实际比标称略低一点点,不打紧),但是由于采用3600+ cpu,功耗本身很低,虽然加上耗电大户1650,也绰绰有余的,稳定性也不错,主要是价格也挺实在。呵呵。鼠标键盘包括光驱:你自己选择了， 这个并不是核心所在，我推荐的你可以考虑，也可以放在一边，看你自己爱好,呵呵。intel平台:CPU Intel 赛扬D 356(散)                    360 散热器 酷冷至尊 冰玲珑（静音版）           60 主板 盈通 C945 Plus战神版                  499 内存 宇瞻 1G DDR2 667                      540硬盘 西部数据 160GB 8M SATA                450显卡 七彩虹镭风X1650GT－GD3 CF白金版       570声卡 主板集成网卡 主板集成          音箱 麦博 M-111(备选品牌 漫步者)           99 光驱 建兴 16X DVD(备选品牌 三星)           155 机箱 富士康 飞狐140                        100 电源 世纪之星 自由战士4                    150 鼠标、键盘 昂达光电套                      45整机价格也是3000左右，机箱及鼠标键盘你可以按自己的省美观等选购,不会超出你的心理价.cpu选择Intel 65nm赛扬D处理器,64位,3.3G主频,价格低,性能却十足.可超频也可不超频,反正我建议是不用超频了，因为主频本身就够高主板是盈通C945 Plus战神版主板采用Intel 945GZ/ICH7芯片组设计，支持533/800MHz前端总线,2根内存插槽,刚好可组成DDR2 533双通道,945GZ芯片整合GMA950图形核心,可以支持vista.4个SATA接口，板载千兆网卡.推荐原因主要还是做工比较扎实，家用嘛,图得就是个稳定。硬盘:推荐理由同上内存:推荐理由同上显卡:推荐理由同上机箱电源:一直是所有经销商利润点所在，这款做工相对实在，用料扎实，稳定就好啦.2套方案均没有配显示器，在你的心理价位之内可以选择的有17寸CRT显示器(分别是三星 788DF 793DF和飞利浦107S7 价格为800左右)整机不超过3800元.而这样2套配置,玩个2,3年不成问题。有问题可以留言给我。 </t>
  </si>
  <si>
    <t xml:space="preserve">快22个月宝宝喉咙有痰!半个月前宝宝受凉感冒,咳嗽且喉咙有痰,经 </t>
  </si>
  <si>
    <t>每天蒸个梨给宝宝吃，把梨的尖上部分切开，然后把核慢慢挖掉，放两三粒冰糖在梨的窟窿梨，盖上梨的上半部分，上火蒸半个小时，蒸好后梨里的汁让宝宝喝了，再吃点梨，吃几天就会慢慢好的，不用再吃药了，顶多再吃点糖浆什么的，药吃太长时间了也不好的。</t>
  </si>
  <si>
    <t xml:space="preserve">骷髅3的BOSS在那出 </t>
  </si>
  <si>
    <t>在最右面的最上面坐标300.75</t>
  </si>
  <si>
    <t xml:space="preserve">湿疹有多严重呢？注意些什么呢？湿疹有多严重呢？注意些什么呢？ </t>
  </si>
  <si>
    <t>湿疹尚无特效疗法,多采用对症治疗.以内服抗组胺药物治疗为多,如苯海拉明,非那根,扑尔敏,赛庚啶等,既可单用或联用,还可与镇静药,维生素C等合用.外用药剂型依据临床皮损表现而定,如红肿明显,渗出多者应选溶液冷湿敷,红斑,丘疹时可用洗剂,乳剂,泥膏,油剂等；呈水疱,糜烂者需用油剂；表现为鳞屑,结痂者用软膏；若苔藓样变者多择泥膏,软膏,乳剂,涂膜剂,酊剂及硬膏等. 尽量寻找发病原因并去除之,注意调整饮食,忌食辛辣刺激,避免进食易致敏的物品,如酒类, 海鲜贝类食物应禁用,以清淡饮食为好；尽量减少外界不良刺激,如手抓,外用肥皂,热水烫洗等；衣着应较宽松,轻软,避穿毛制品或尼龙织品.用湿疹锌试试.</t>
  </si>
  <si>
    <t xml:space="preserve">1939年以前的波兰军队想知道波兰军队战斗力如何，数量是多少，有 </t>
  </si>
  <si>
    <t>1939年的波兰军队失败主要是因为战略、战术思想落后。苏联也是当波兰已经流亡，才出兵波兰东部的。英国和法国虽然对德宣战，但是没有采取实际行动支援波兰，甚至没有在德国西部采取进攻态势。让希特勒可以从容占领波兰。英国和法国在战争初期的行动非常可疑。西线基本是静坐战争。没有战事。所以苏联要说英国和法国到最后一刻，还是没有放弃祸水东移的幻想。等着看德苏战争的爆发。波兰总共动员62个师。32个在前线。30个在后方。主要是步兵和骑兵。当时一个师大约有15000人。所以也有近百万人。但是坦克和机械化部队很少，波军只能用骑兵对付德军的坦克。德军使用闪电战，立刻夺取了波兰上空的制空权。波兰空军完全崩溃。9月1日开战，9月17日即宣布政府离开华沙。同日苏联以波兰已经没有合法政府为理由，宣布进入原来属于苏联的西乌克兰和西白俄罗斯，即波兰东部地区。东部的波兰军队没有抵抗，即向苏军投降。以后这些波兰军队的军官全部被苏联杀害。波兰原来是东欧一个强国，但是以后逐渐衰弱。19世纪以后被俄罗斯、奥地利和德国瓜分。主要是被俄罗斯并吞。俄国沙皇同时又是波兰大公。波兰的主要部分包括首都华沙被俄国占领。第一次世界大战，俄国爆发革命，退出战争。德国和奥地利战败，波兰复国。1920年，波兰和苏俄进行战争，夺取了西乌克兰和西白俄罗斯。所以波兰与苏联的矛盾非常深刻。德国并吞奥地利、捷克斯洛伐克以后，波兰已经三面被围。波兰的国力当然完全不能和德国相比。但是波兰失败得这样快，是许多人没有预料到的。</t>
  </si>
  <si>
    <t xml:space="preserve">能预计国庆节深圳到北京的机票是多少?来回能优惠吗?我国庆节要去北 </t>
  </si>
  <si>
    <t>机票大给在1100~1200这个样子（单程）。其实从深圳坐火车最好，24个小时就到了，也挺快的。。。但价钱会便宜一半多（硬卧）。。。</t>
  </si>
  <si>
    <t xml:space="preserve">初三物理~第一学期期末复习(选择题)11、一个实心小球分别放入足 </t>
  </si>
  <si>
    <t>11..先判断球在两种液体中的浮沉情况。若球在两种液体中都漂浮或悬浮，则浮力应相等，与题条件不符，故排除这种可能。若球在两种液体中都沉底，则所受浮力之比为10：8，与题条件不符，故排除这种可能。所以球在两种液体中只能是在煤油中沉底，在水中漂浮。根据在煤油中的浮力和阿基米德原理可求球的体积为0.0001米^3.因在水中漂浮，故浮力等于重力，由G=ρgV可得球的密度是0.9×10^3kg/m^312。C.因用去1/3氧气后质量为原来的2/3，而氧气瓶的容积没变，故密度为2/3ρ15。A。因两块质量相同，密度不同，密度大的体积小，它与桌面的接触面积也小，而质量相同，故对桌面的压力以相同，所以密度大的金属块对桌面的压强大16。D.因题中没有说明烧杯中的水是否装满，故无法判断。17。B.因两支相同的试管甲和乙，管内盛有相等质量的不同液体，由图可知，甲管中液体的体积小于乙管中液体的体积，故甲液体密度大。又由于液面到管底的高度h相等，所以由液体压强公式可知B正确。18。C。先计算出A受到的浮力为9.8N,所以A物体对绳的拉力为39.2N，小于B物体对绳的拉力，整个装置不平衡，B下降，A上升.当A物体对绳的拉力为43.12N,整个装置平衡，此时A受到的浮力为5.88N,利用阿基米德原理可计算出A物体浸入水中的体积是0.6dm^3，所以A露出水面的体积为总体积的2/5。</t>
  </si>
  <si>
    <t xml:space="preserve">结婚一年了一直没避孕怎么不怀孕呢？ </t>
  </si>
  <si>
    <t>你好，一般婚后长期不孕是需要夫妻双方到正规医院做详细的不孕不育检查的。女性主要查卵巢是否正常排卵，输卵管是否通畅，子宫是否正常，是否有妇科炎症等；男性不孕不育主要检查项目包括：前列腺液检查，尿液检查，精液检查与分析，精漿生化检查，免疫学检查等。你可以做个B超看看卵巢以及卵泡的发育情况，还有排卵是否正常，想要怀孕也要抓住排卵期才行。如果女方没有问题，男方也可以做一些相关的男科检查。你好，出现不孕不育应该先查男方，如果排除了男方的问题，女方检查可以先做妇科检查，查看有无炎症；之后可做超声检查，查看排卵情况和子宫发育情况；然后抽血查内分泌及有无抗体；最后可以检查输卵管；宫腔镜检查，看有无子宫内膜炎、子宫内膜息肉、宫腔粘连、子宫畸形等情况。</t>
  </si>
  <si>
    <t xml:space="preserve">2,3,10,15,26,()???????????????? </t>
  </si>
  <si>
    <t>2,3,10,15,26,(35 )2= 1*1+13= 2*2-110=3*3+115=4*4-126=5*5+135=6*6-1规律是平方加1,减1</t>
  </si>
  <si>
    <t xml:space="preserve">完美世界WX技能练那个好啊？急！！！我玩完美世界快两年了，没有玩 </t>
  </si>
  <si>
    <t xml:space="preserve">一、现在完美里面WX,YJ,SS被练级接受的主次是什么顺序 1、SS。一般下FB的时候都少不了SS，主要用于引怪和顶怪。 2、WX。在69里主要是清小怪时那么一吼，很重要，相当牛了，吼完之后，小怪在几秒内全部立正。 3、YJ。只有在特殊需要的时候，才会叫上YJ。基本上是在刷神月的时候才会要。 二、如果是MM的话,男女毛毛那个性别比较收欢迎? 一般还是女MM比较受欢迎。下FB练级的时候都是，尤其下FB的时候，可以跟SS抱豆。 三、.SS有几种类型啊?分别是怎么加点的啊? SS一般都练力S或者血S。 力S的加点，一般都是把大部分点数都加到力上，按照装备加敏 血S的加点，一般是根据装备加力、敏，其余都加到体上。 四、WX,YJ,SS那个职业比较【省】钱1,2,3排列 1、YJ。我个人认为，最省钱的职业是YJ，我练过YJ的，所以会有体会。妖精能回红回蓝，还可以用顶怪。另外，妖精还有个红蓝互换的技能。省钱，主要就是省一些药钱，妖精的技能可以省很多药钱。 2、SS。SS血多，顶怪容易，就是不用技能，也能一下一下的干挠，所以，可以省一部分药钱。 3、WX。WX的血比SS要少，所以能快些把怪打死是最好的办法，这样就要求WX必须用技能，因此会有点费蓝。 五、WX,YJ,SS那个职业比较【赚】钱1,2,3排列 就单论赚钱来说，YJ最赚钱。 1、YJ。可以抓宝宝卖蛋换钱。我跟朋友试过，一小时能赚70+W（当然，我是跟朋友组队的，他打，我抓。如果自己去抓的话，会少一点，但一小时也能刷出50W，我试过） 2、WX。个人认为，WX群招多，群怪刷钱比较快。最明显的就是，同级别的WX跟SS各自单刷19FB，WX就比SS刷得快（一个朋友说的） 3、SS。没办法呀，我说我不说，你非要我说。其实SS也不慢多少，但毕竟要分出个快慢来，所以细分一下，SS确实没有WX刷钱快。但SS的优点是别的职业都取代不了的，就是：下FB的时候，同级SS肯定比WX命长 </t>
  </si>
  <si>
    <t xml:space="preserve">遁甲天书用过之后会怎么样，可以重选职业是吗，我现在是弓（副的是扇? </t>
  </si>
  <si>
    <t>天书洗过之后你的兵种会变为最初级（习刀者），还是要钱和经验点上来的，等于是重新升兵种，专精点到满也是60，可以穿护剀专精。刀的所有技能都要从0开始学。你原先弓的技能只有弓神9段领悟的最后一个技能永恒存在你身上以外，其他技能全部消失。洗过之后副兵种也要重新选，如果选别的武器，那么你的技能兵段都要重新开始练，如果副兵种还选扇子的话原来的技能兵种是不会变的。另外，洗过之后如果想换回以前的主弓副扇，那么再洗一次换回来的技能和兵种就会重新出现，不需要重点上来补充一下，洗过之后等级不变，兵种和技能要重新修炼。</t>
  </si>
  <si>
    <t xml:space="preserve">银色黎明新配方需要的冰冻符文是那里掉的?如题! </t>
  </si>
  <si>
    <t>最新开的大副本NAXX。可以单刷，LR+DZ或者FS都可以单刷，LR前面用扰乱拉仇恨，DZ的减速毒一直保持，全程用豹群守护，FS基本是寒冰剑一直用就是了，分怪怎么分建议去17173上自己看看。</t>
  </si>
  <si>
    <t xml:space="preserve">您好！请问000839现价可以介入吗？您怎么看它呢？谢谢！ </t>
  </si>
  <si>
    <t>调整充分，但均线仍旧空头发散，仍有盘整需求，但向下空间有限，可以逢低买入。</t>
  </si>
  <si>
    <t xml:space="preserve">注册公司时房东不出示房产证复印件时怎么办 </t>
  </si>
  <si>
    <t xml:space="preserve">还是要找房东，因为工商办理营业制造时必须要登记场所，这是硬性规定无法更改。其实房东办这件事也不难，就算他手中没有留下房产证的复印件，那也可以到银行复印一份，只是跑跑腿的工夫，不是很麻烦，如果他一拖再托的话，那莫非是原先他本就没有---不说下去了，建议还是找房东吧，如果你们当初的租房合同里写清了相关责任，他再不提供就可以到消协投诉他，如果当初也没有写清相关责任而房东又始终不愿提供复印件，那确实没有什么好办法了，要怪只能怪自己粗心，当时没有考虑那么周全，以后遇到类似情况一定要注意 </t>
  </si>
  <si>
    <t xml:space="preserve">甲状腺瘤没有治疗可以生宝宝吗？ </t>
  </si>
  <si>
    <t>甲状腺瘤分为高、低功能腺瘤，在一些高功能腺瘤在怀孕生产中会有一定影响，应到医院查明白。</t>
  </si>
  <si>
    <t xml:space="preserve">新浪邮箱是什么？如何获得新浪邮箱？ </t>
  </si>
  <si>
    <t>您好，只需要到这里注册一个即可 放心容量 2G空间！超大附件！ 稳定可靠 服务稳定，到信顺畅。 极速体验 独享国家主干网机房。 安全无忧 有效阻挡垃圾，抵御病毒。</t>
  </si>
  <si>
    <t xml:space="preserve">巴马21餐是哪个公司旗下的产品？ </t>
  </si>
  <si>
    <t xml:space="preserve">这是滴滴养游公司旗下的产品，也是购买食用了，现在自己的身体确实是好了很多了。 </t>
  </si>
  <si>
    <t xml:space="preserve">如何消除哭肿的眼睛 </t>
  </si>
  <si>
    <t xml:space="preserve">菊花茶可消除眼睛浮肿及疲劳。眼睛哭肿了或者睡前喝太多的水， 眼睛就会浮肿像熊猫一样， 有一方法可以有效解除，就是用菊花泡茶，再棉花沾上菊花茶汁涂在眼睛四周，就能消除这种浮肿现象。  </t>
  </si>
  <si>
    <t xml:space="preserve">灶王爷的任务BUG是什么？ </t>
  </si>
  <si>
    <t>就是你在灶王爷处领完30银的任务后（必须是30银的不然没BUG），任务让你找个女的（在武器商对面），说完话后，任务让你去西凉，这时你不用去西凉找人，直接去翼州找张平，和他说2次话，会给你个桃花符，右键点符，出个桃花之后就到桃园村找这个人就行了，经验石头一样给，还不用跑远路。</t>
  </si>
  <si>
    <t xml:space="preserve">大家好！这是回合游戏还是单打游戏啊 </t>
  </si>
  <si>
    <t>是回合游戏，你可以到官网看看啊，其实看着是很不错的游戏，不过现在因为激活已经叫骂声一片了，《开心》你何苦啊？？？</t>
  </si>
  <si>
    <t xml:space="preserve">这个传说太夸张了吧？“你知道吗，微博救了我的命。”一位生活在余姚 </t>
  </si>
  <si>
    <t>相信！现在我国抓人比救人更积极。</t>
  </si>
  <si>
    <t xml:space="preserve">我的梦幻西游录像播放器用不了了怎么办打开录像播放器时没有反映，点 </t>
  </si>
  <si>
    <t>上网查了下,问了一下GM,都没什么好的对策.目前来说,有效的方法似乎只有:完全删除梦幻所有文件,重新装过.不过那要好长时间,看着办.希望其他朋友会有更好的方法.</t>
  </si>
  <si>
    <t xml:space="preserve">淘汰赛(地理名词一) </t>
  </si>
  <si>
    <t>落差。。。。。。。。。。。</t>
  </si>
  <si>
    <t xml:space="preserve">请教512M内存耍天2怎么调虚拟内存? </t>
  </si>
  <si>
    <t>512基本够用了，再设一个3-4g的虚拟分区就好了，如果能够单独拿出来一个分区做虚拟分区，效果会更好的。一定不要用win98操作系统呀，要不512m的内存就浪费了。xp还可以，我就在用。可惜买不起正版的，也会出现一些操作系统方面的问题。</t>
  </si>
  <si>
    <t xml:space="preserve">600121的操作我持有600121的股票,近来小有收获,依目前 </t>
  </si>
  <si>
    <t>耐心持有，主力积极收集筹码，有戏！</t>
  </si>
  <si>
    <t xml:space="preserve">电脑这么开不了机？急~电脑开不了机每次都是进入到欢迎进使用后的登 </t>
  </si>
  <si>
    <t xml:space="preserve">如果没有做过备份可以试试修复：首先设置从光驱启动。 1）重启，按Del键进入BIOS（笔记本按F2进入BIOS，设置大同小异。） 2）使用方向键选中Advanced BIOS Features 3）回车进入BIOS设置页面 4）通过方向键选中First Boot Device或（1st Boot Device) 5）使用上下方向键选中CDROM 6）按ESC返回BIOS设置界面。 7）使用方向键选中Save &amp;Exit Setup 8）按 ‘Y’键后回车，重启电脑 下面开始进入安装 1）重启电脑后,把高亮条用方向键移到CDROM，这时，把XP光盘插入光驱 2）当屏幕出现Press any key to boot from CD时，立即按任意键后开始进入安装界面。 3）首先会提示按回车继续安装、按【R】进入故障恢复控制台还是按【F3】退出，这时按【R】，就进入故障恢复控制台了。 4）如果无法恢复，可重新启动计算机；当提示按回车继续安装、按【R】进入故障恢复控制台还是按【F3】退出，这时按回车，而不要按【R】，否则就进入故障恢复控制台了。接下来屏幕上会出现“安装程序正在搜索不同版本的 Windows”，这个提示过后你看看安装程序能否找到硬盘上的原系统，找到的话选择“修复式重新安装”即可。再往下的操作根据中文提示进行即可。 </t>
  </si>
  <si>
    <t xml:space="preserve">SS坐骑问题。请教下几个问题。谢谢啦1现在SS60级的坐骑任务还 </t>
  </si>
  <si>
    <t>40级的75骑术是免费送的,60级做千G任务骑术就直接提升到150了,当然你也可以不做,直接花钱去学.只有学了150的骑术才能学225的,学了225的才能学300的,一个也少不了的说.虽然150的骑术花钱学很省事,但是还是建议你找朋友帮你把千G马任务做了,SS没有自己的招牌坐骑有点那个的说....再说现在做千G马任务需要的东西比以前少的多的多了,况且过程也很有意思~~</t>
  </si>
  <si>
    <t xml:space="preserve">选择木头做拐杖我想做副手杖，要求质量好，不能断。不知道什么木头的 </t>
  </si>
  <si>
    <t>拐杖的种类和制作取材形形色色，其中以竹、木制为最多。中国人喜欢用竹杖，它轻巧而富于弹性。其他拐杖有藤、紫檀、红木、黄杨、降龙木、牛角、牙、骨、金属等。据说，阴沉木手杖最为珍稀，阴沉木是木材因地壳变动而埋于土中，一般多为杉木“阴沉”而成，做成的拐杖质坚耐用，但存世寥寥，不易找寻。</t>
  </si>
  <si>
    <t xml:space="preserve">请大家给我点点阵容门将：卡西利亚斯（396）后卫：拉莫斯卡纳瓦罗 </t>
  </si>
  <si>
    <t>以你现在这些中场的来排的话,问题很大，没一个适合打边路的,你喜欢波尔蒂王子的话，用他打边路,替劳尔或者德罗西的位置，德罗西弄去中路搞防守,阿隆索放一边吧,另外劳尔位置就用C罗打边,克洛泽放中路,亨利跟比利亚放2边.克洛泽很不错的，波尔蒂王子也能打边路的，在拜仁的时候也有过几次打边路的.楼上的说的对，王子跟克洛泽的卡都是便宜的,续约费等你的球星多了，不管是谁,都贵的.</t>
  </si>
  <si>
    <t xml:space="preserve">高二物理将质量为m的点电荷A在电场中由静止释放,使其仅受电场力作 </t>
  </si>
  <si>
    <t>因为电力线的定义就是：曲线上每一点的电场方向都在该点的切线上，也就是电荷在该点的受力方向也在该点的切线上，当然加速度方向也在该点的切线上了，所以3对。由于电力线并不一定是直线，所以运动方向也就不上定与受力方向相向，所以2错，2错则1必错。至于4，则负电荷的受力方向就与电场强度方向相反，而此外并未指明A带正电荷，所以4错。</t>
  </si>
  <si>
    <t xml:space="preserve">现在的QQ游戏是不是不能赌游戏币了呢？ </t>
  </si>
  <si>
    <t>yes</t>
  </si>
  <si>
    <t xml:space="preserve">法院车现在很多二手车说是法院和海关扣押下来的车价格都很便宜可以去 </t>
  </si>
  <si>
    <t>如果你 所说的 这些条件都具备了那么这个车应该是可以买的</t>
  </si>
  <si>
    <t xml:space="preserve">请问原产福建的夜合花(夜间开花,有香味,花朵比较象含笑)的种植技? </t>
  </si>
  <si>
    <t>此花喜水,每次浇水一定要浇透.通风,不能经常暴晒.可以浇淘米水</t>
  </si>
  <si>
    <t xml:space="preserve">每次重启都是显示网络电缆被拔出，然后我把插到路由器上的线重新插一? </t>
  </si>
  <si>
    <t>也有可能是主机到路由器的这段网线有问题。可以这样试试：右击－我的电脑－属性－硬件－设备管理器－点击 网络适配器前面的加号－右击 下拉的网卡－属性－高级－选择 网卡速度speed－设定值为 10M/FULL-确定－保存并退出。</t>
  </si>
  <si>
    <t xml:space="preserve">我该如何选择?我和我女朋友不在一个省上学．五个月前，我的女朋友告 </t>
  </si>
  <si>
    <t>一场幽梦同谁近？千古情人独你痴！你要的是安慰和鼓励.....人若自贱,人必贱之!知道她心理喜欢的不是你,你这样还有意义吗.即使你们走在一起她也会总拿你和那个男孩来相比,到时候受伤的还是你...</t>
  </si>
  <si>
    <t xml:space="preserve">什么时间开啊什么可以90分钟不射。中国足球！什么可以维护不准时开 </t>
  </si>
  <si>
    <t>哈哈```嘎嘎``</t>
  </si>
  <si>
    <t xml:space="preserve">请问天堂1电话冲值的网址是多少。就是哪个冲500点的天堂1的卡。 </t>
  </si>
  <si>
    <t>官网上的有啊。</t>
  </si>
  <si>
    <t xml:space="preserve">寄往香港的信地址该如何写寄往香港的信，信封上应该如何书写地址和收 </t>
  </si>
  <si>
    <t>设有什么特别，一般中文格式就可以。主要是地址一定要请楚。</t>
  </si>
  <si>
    <t xml:space="preserve">请问在网上验证学历，是从哪一年开始可以验出来？ </t>
  </si>
  <si>
    <t>2001年开始使用网上验证学历系统的</t>
  </si>
  <si>
    <t xml:space="preserve">新疆昌吉市新商盟订烟用户的初始密码是什么 </t>
  </si>
  <si>
    <t>新商盟网上订烟平台，用户名和密码并不是你自已注，用户名为烟草零售许可证号，你有烟草证找当地烟草公司和当地辖区客户经理申请密码。</t>
  </si>
  <si>
    <t xml:space="preserve">关于求够信息问题为什么别人在5173出售信息呢里发布求够信息都不 </t>
  </si>
  <si>
    <t xml:space="preserve">尊敬的客户:     您好！5173客户服务041很高兴为您服务！请您登入5173用户名,进入“我的5173”,选择左边菜单栏中的"我的咨询投诉",在线提交您的问题,工作人员在1个工作日内在线答复您，您可以在"咨询投诉管理"中查看回复结果,并对我们的服务进行评价。感谢您对5173的支持!                                 </t>
  </si>
  <si>
    <t xml:space="preserve">12133期R9，有木有？请爱问的朋友们指导~01俄罗斯(0)1 </t>
  </si>
  <si>
    <t>这单不中没有天理了，瑞士的0很好</t>
  </si>
  <si>
    <t xml:space="preserve">胃痛,吃什么对胃比较好? </t>
  </si>
  <si>
    <t>药补不如食补,食补不如水补.建议你有条件的话早上7点起来煮小米粥，吃完了就去散散步,早上有很多老年人在打拳,顺便偷学点,嘿嘿...中午的话要吃好.晚上呢不要吃太多了,建议你去药店买斯达舒,效果很不错的.晚上不要很晚才睡觉.</t>
  </si>
  <si>
    <t xml:space="preserve">刚买森雅S80，请问新车如何拉高速啊？我的森雅S80刚做完首保， </t>
  </si>
  <si>
    <t>一定要首保之后进行！因为新车第一桶机油中可能存在的金属碎屑最多、杂质也很多，用这些机油去拉高速，就会大大增加发动机的损耗，甚至造成不正常的磨损。首保做完后已换过机油，各种螺丝的扭力、各种液面的隐患都检测排查完毕，可以放心大胆地开了。  如何拉高速呢？首先要找人坐满您的车，如果人找不到，可以往 塞重物(以便达到相应的载重量)。其次要选择好安全的路线(还要记得加满油)。一档起步后，转速均匀拉到3500～4000转，行驶1公里升二档，同样将转速均匀的拉升至3500～4000转，行驶2公里，以此类推，逐步加到5档(持续行驶约5公里)，此后再逐档退回（重复刚才的操控）。注意：换挡时一定要均匀加速(减速)，最高车速基本上不超过150km/h，转速不超过4500转。每个档位都要拉一拉。  拉高速主要是让发动机高速运转，绝对车速并不要求很高。至于开到很高的绝对车速，主要作用是让车子的其它机械部件，例如轮轴、主减速器等也得到磨合。但这些部件的磨合迫切性并没有发动机那么高，所以用100～120km/h的车速行驶一段时间也就可以了，绝对不需要去开到150Km/h、200km/h甚至极速来“拉高速”的。由于新车还未进入最佳状态，那样的高车速甚至还会有危险。  为了避免在高速公路因超速被罚，可以采用高速低挡的做法，但是低挡拉高速时间不宜太长。如果在拉高速时发现车辆有不正常的情况，应及时到4S店检测。  若要使您的车况更好，动力更足，其实不光是新车要拉，以后每隔一段时间或一段行程都有必要拉一拉。这样您可以少去修配厂。假如你不敢开得那么快，也可以停车原地空挡踩油门，保持一段时间(但不宜太长久)。发动机高速运转时，供油量加大，燃油的流速也加大，有助于把油路中污垢和杂质冲刷出去，达到清洗的效果。而且由于活塞的高速，汽缸内温度更高，气流进出气门的流量和速度也很高，燃烧会更加充分，有利于清除气门的积炭，使堵塞的通道变得顺畅。所以，拉过高速后正常速度行驶时，发动机的动力会有所增强，发动机的声音变得好听了，提速也更加顺畅有力了</t>
  </si>
  <si>
    <t xml:space="preserve">求所有120装备图图图我想看看120装备土，知道的发来看看，谢谢 </t>
  </si>
  <si>
    <t>我就2张,不会同时发图,一张一张个你发:</t>
  </si>
  <si>
    <t xml:space="preserve">问药菸酰胺和腺苷钴胺是一样吗? </t>
  </si>
  <si>
    <t>两种不同的药腺苷钴胺　　【药品名称】 　　通用名:注射用腺苷钴胺 　　英文名:Cobamamide for Injection 　　汉语拼音：Zhusheyong Xiangangu’an 　　【成分】 　　本品主要成分为腺苷钴胺。 　　名称为：5，6-二甲基苯并咪唑基-5’-脱氧腺嘌呤核苷基钴胺。 　　分子式：C72 H100 Co N18 O17 P 　　分子量：1579.60 　　辅 料：甘露醇 　　【性状】 　　本品为淡红色冻干块状物或疏松粉状物，易溶于水。 　　【适应症】 　　用于巨幼细胞贫血、营养不良性贫血、妊娠期贫血、多发性神经炎、神经根炎、三叉神经痛、坐骨神经痛、神经麻痹。也可用于营养型神经疾患以及放射线和药物引起的白细胞减少症。 　　【规格】 　　（1）0.5 mg；（2）1.5 mg。 　　【用法用量】 　　肌内注射，一次0.5～1.5 mg，一日1次。 　　【不良反应】 　　尚未见有关不良反应报道。 　　【禁忌】 　　对本品过敏者禁用。 　　【注意事项】 　　1、本品遇光易分解，溶解后要尽快使用。2、治疗后期可能出现缺铁性贫血，应补充铁剂。 　　【孕妇及哺乳期妇女用药】 　　尚不明确。 　　【儿童用药】 　　尚不明确。 　　【老年用药】 　　尚不明确。 　　【药物相互作用】 　　1、不宜与氯丙嗪、维生素C、维生素K等混合于同一容器中。 　　2、氯霉素减少其吸收。 　　3、消胆胺可结合维生素B12减少其吸收。 　　4、与葡萄糖液有配伍禁忌。 　　5、与对氨基水杨酸钠不能并用。 　　【药物过量】 　　尚不明确。 　　【药理毒理】 　　本品为氰钴型维生素B 12的同类物。为细胞合成核苷酸的重要辅酶，参与体内甲基转换及叶酸代谢，促进与甲基叶酸还原为四氢叶酸；也参与三羧酸循环，对神经髓鞘中脂蛋白的形成非常重要，可使巯基酶处于干活性状态，从而参与广泛的蛋白质及脂肪代谢。本品能促进红细胞的发育与成熟，为完整形成神经鞘脊髓纤维和保持消化系统上皮细胞功能所必须的因素。 　　【药代动力学】 　　肌内注射后吸收迅速而且完全，1小时后血浆浓度达峰值，贮存于肝脏，主要从肾排出，大部分在最初8小时排出。 　　【贮藏】 　　避光，密闭保存。 　　【包装】 　　低硼硅玻璃管制注射剂瓶，注射用无菌粉末用卤化丁基橡胶塞；2瓶/盒、5瓶/盒、10瓶/盒。 　　【有效期】 　　12个月 　　【执行标准】 　　国家食品药品监督管理局标准Y B H 19702006 　　【批准文号】 　　0.5 mg 国药准字H 20066456； 　　1.5 mg 国药准字H 20066850。 　　【生产企业】 重庆药友制药有限责任公司 烟酰胺科技名词定义中文名称：烟酰胺英文名称：nicotinamide;niacinamide其他名称：尼克酰胺定义：烟酸的酰胺化合物。烟酰胺通过ATP作用，形成NAD＋(辅酶Ⅰ)或NADP＋(辅酶Ⅱ)，在许多生物氧化、还原反应中起传递电子和质子的作用。 　　 　　  　　烟酰胺是辅酶I和辅酶II的组成部分，成为许多脱氢酶的辅酶。缺乏时可影响细胞的正常呼吸和代谢而引起糙皮病。本品胃肠道易吸收，吸收后分布到全身组织，经肝脏代谢，仅少量以原形自尿液排出。用于补充营养及治疗舌炎、皮炎等。编辑本段用法及用量：　　口服：成人每次40－100毫克，每日3次。 　　脉动饮料里也有该成分编辑本段不良反应和注意：　　常见有皮肤潮红和瘙痒，个别病人用药过程中可出现头晕、恶心、食欲不振等不适感觉，但停药后可消失。编辑本段规格：　　片剂。编辑本段是否医保用药：　　非医保编辑本段是否非处方药：　　非处方编辑本段其它：　　妇女孕早期不宜使用。长期服用异烟肼时，应适当补充烟酰胺。 　　作为饲料添加剂使用：编辑本段药物分析　　方法名称： 　　烟酰胺的测定—中和滴定法 　　应用范围： 　　本方法采用滴定法测定烟酰胺的含量。 　　本方法适用于烟酰胺。 　　方法原理： 　　供试品加冰醋酸使溶解后，加醋酐与结晶紫指示液，用高氯酸滴定液（0.1mol/L）滴定至溶液显蓝绿色，记录高氯酸滴定液的使用量，计算，即得。 　　试剂： 　　1. 水（新沸放置至室温） 　　2. 高氯酸滴定液（0.1mol/L） 　　3. 结晶紫指示液 　　4. 冰醋酸 　　5. 基准邻苯二甲酸氢钾 　　6. 醋酐 　　仪器设备： 　　试样制备： 　　1. 高氯酸滴定液（0.1mol/L） 　　配制：取无水冰醋酸（按含水量计算，每1g水加醋酐5.22mL)750mL，加入高氯酸（70%-72%）8.5mL，摇匀，在室温下缓缓滴加醋酐23mL，边加边摇，加完后再振摇均匀，放冷，加无水冰醋酸适量使成1000mL，摇匀，放置24小时。若所测供试品易乙酰化，则须用水份测定法测定本页的含水量，再用水和醋酐调节至本液的含水量为0.01%-0.2%。 　　标定：取在105℃干燥至恒重的基准邻苯二甲酸氢钾约0.16g，精密称定，加无水冰醋酸20mL使溶解，加结晶紫指示液1滴，用本液缓缓滴定至蓝色，并将滴定的结果用空白试验校正。每1mL高氯酸滴定液（0.1mol/L）相当于20.42mg的邻苯二甲酸氢钾。根据本液的消耗量与邻苯二甲酸氢钾的取用量，算出本液的浓度，即可。 　　贮藏：置棕色玻璃瓶中，密闭保存。 　　2. 结晶紫指示液 　　取结晶紫0.5g，加冰醋酸100mL使溶解，即得。 　　操作步骤： 　　精密称取本品0.1g，加冰醋酸20mL溶解后，加醋酐5mL与结晶紫指示液1滴，用高氯酸滴定液（0.1mol/L）滴定溶液蓝绿色，并将滴定的结果用空白试验校正，记录消耗高氯酸滴定液的体积数（mL），每1mL高氯酸滴定液（0.1mol/L）相当于12.21mg的烟酰胺（C6H6N2O），即得。 　　注1：“精密称取”系指称取重量应准确至所称取重量的千分之一,“精密量取”系指量取体积的准确度应符合国家标准中对该体积移液管的精度要求。 　　参考文献： 　　中华人民共和国药典，国家药典委员会编，化学工业出版社，2005年版，二部，p.632。编辑本段药品方面内容补充：　　烟酰胺 　　药物名称： 烟酰胺 　　英文名称： nlcotlnamide 　　药物说明： 片剂：每片50mg；100mg。注射液：每支50mg（1ml）；100mg（1ml）。 　　主要成分： 暂无 　　性状特征： 暂无 　　功能主治： 临床用于冠心病、病毒性心肌炎、风湿性心脏病及少数洋地黄中毒等伴发的心律失常（多数为其它药物无效后才应用）。一般对各度房室传导阻滞均有明显疗效，基本上经治疗后，传导阻滞均能消失，对病态窦房结综合征也有明显疗效，对束支传导阻滞疗效差。 　　用法用量： （1）防治糙皮病、口炎及舌炎：口服，1次50～200mg，1日3次。如口服吸收不良，可加入葡萄糖液静滴，每次25mg，1日2次。同时加服其它维生素b族及维生素c。 （2）防治心脏传导阻滞：1次300～400mg，1日1次，加入10％葡萄糖溶液250ml中静滴，30日为1疗程。 　　不良反应： 暂无 　　注意事项： （1）肌注可引起疼痛，故少用。 （2）个别可引起头晕、恶心、上腹不适、食欲不振等，可自行消失。 （3）妊娠初期过量服用有致畸的可能。 （4）异烟肼与烟酰胺两者有拮抗作用，长期服用异烟肝应补充烟酰胺。 　　产品名称：烟酰胺 　　英文名称：Nicotinamide 　　化学名称：吡啶-3-甲酰胺 Pyridine-3-Carboxyamide 　　分子式及分子量　C6H6N2O=122.13 　　理化性质： 　　本品为白色结晶性粉末，无臭或几乎无臭，味苦，在水或乙醇中易溶，在甘油中溶解。 　　作用与用途： 　　维生素类药，参与体内代谢过程，用于防治糙皮病等烟酸缺乏症。 　　伊美莱烟酰胺DMAE原液 　　Topical Niacinamide &amp; DMAE Solution w/10% VitaminB3 　　成份：去离子水、烟酰胺（维生素B3）、北美金缕梅提取物、二甲氨基乙醇酒石酸盐（DMAE）、葡萄糖酸内酯、丙二醇、尿囊素、聚二甲基硅氧烷、EDTA二钠 　　产品功效：老化过程中糖与蛋白之间自发氧化，产生黄棕色的糖化蛋白，沉积在皮肤表面引起面色发黄。烟酰胺（即维生素B3）作为辅酶NADP前体在细胞呼吸与代谢中起着重要作用，可以有效地保护细胞免受氧自由基损伤，阻止蛋白糖化，减轻面色发黄或菜色。本品含维生素B3及DMA E，长期外用可增加角质层神经酰胺与胶原蛋白含量，修复受损的皮肤屏障，防止水份流失，减轻皮肤敏感性，亦有利于紧致肌肤、淡化细纹，收细毛孔。本品适合干性、敏感性肌肤使用。在秋冬季节使用，可减轻季节变化引起的皮肤干燥。 　　使用方法：在清洁皮肤后取本品适量，置于手心或化妆棉，均匀涂抹在脸上并轻柔打圈按摩，直至吸收。注意事项：请置于室内阴凉干燥处，避免冰冻；请置于儿童不易触及之处；使用过程中如有不适，请停止使用本品或咨询医生。 　　这款产品的主要功效成份有烟酰胺与DMAE两种，目的是为了预防和改善皮肤初期老化引起的发黄和松弛。 　　烟酰胺即维他命B3，具有增强皮肤屏障功能的特性，预防光老化而产生的真皮层胶原蛋白丢失，降低青春痘发生时的严重程度，以及防止蛋白质糖化反应而产生的面色发黄。外用烟酰胺对皮肤有许多有益的功效，如改善面部皮肤质地、外观、改善色素沉着和改善红斑、减少皮脂分泌和缩小毛孔，这些问题的改善都与皮肤屏障功能的增强相关联。由于皮肤屏障功能的增强，经表皮水份脱失率明显下降，因此烟酰胺也是一种不错的保湿成份，用在冬秋季节可以防止皮肤干燥。 　　DMAE是一种氨基与合成的维他命B、胆碱类似物的复合体。目前DMAE作为用于改善记忆力和增强体质的营养产品，在市场上被广泛使用。DMAE用在护肤产品，可消除老化的皮肤外观，以及改善面部皮肤的紧实程度。局部外用DMAE对皮肤的紧实性、改善皮肤下垂、改善皮肤细纹和皱纹及改善老化和光老化皮肤整体的质地和色泽等均具有直接的功效。 　　这款产品结合了烟酰胺与DMAE的双重特性，因此，主要适合25岁之后皮肤开始老化时，防止皮肤松弛与菜色。虽 然也有一些产品宣称含有类似成份，但只有足够的添加量才有效，大多数产品添加量明显不足，伊美莱的这款产品中烟酰胺与DMAE的含量分别高达15%和3%，相信经过三、四个月的使用，您的皮肤会得到显著的改观。编辑本段烟酰胺药理作用　　本 品为水溶性维生素。本品口服易于吸收, 可广泛分布于体内, 过量部分迅速以代谢产物或原形从尿排出。本品为辅酶Ⅰ和辅酶Ⅱ 的组成部分, 在生物氧化呼吸链中起着递氢的作用, 可促进生物氧化过程和组织新陈代谢,对维持正常组织(特别是皮肤、消化道和神经系统) 的完整性具有重要作用。此外, 尚有防治心脏传导阻滞、提高窦房结功能及抗快速型实验性心律失常作用, 能显著地改善由维拉帕米所引起的心率减慢和房室传导阻滞。产品　　烟酰胺，即维生素B3。烟酰胺也是美容皮肤科学领域公认的皮肤抗老化成份，近年来越来越为人们所重视，其在皮肤抗老化方面最重要的功效是减轻和预防皮肤在早期衰老过程中产生的肤色黯淡、发黄、菜色。当然，烟酰胺对皮肤的贡献远不止这些，也可以修复受损的角质层脂质屏障，提高皮肤抵抗力。还有一些可能被人们忽视的功效，就是烟酰胺的深层锁水功效，所以，含有烟酰胺的护肤品对都有极强的锁水、保湿功效。当然，烟酰胺的这些功效都有赖于足够的浓度，大规模的医学临床研究证明：只有5%以上的浓度才具有上述功效。 　　随着年龄增长，皮肤变得黯黄无光，外用烟酰胺可改善这种黯黄。随机研究显示每天2次使用烟酰胺原液，第8周起皮肤纹理显著改善，细纹和皱纹明显减少；第12周皮肤变得富有弹性，色素沉着与红斑显著减少，黯黄明显减轻，皮肤显得富有光泽。 　　衰老的皮肤NADH和NADPH的含量日渐衰减, 两者控制着细胞内合成和分解的全过程。烟酰胺作为NADH和NADPH的前体，可通过调节两者体内水平的平衡发挥作用。高水平的NADPH发挥强大抗氧化作用， 阻止蛋白质和糖发生自发性糖基化反应。糖基化反应产生的糖化蛋白沉积于真皮呈现出黄褐色。 80岁的皮肤真皮胶原间的糖化产物是20岁皮肤的5倍。糖化蛋白在衰老皮肤呈现黯黄表现中起着重要作用，烟酰胺提高NADPH以发挥抗糖基化作用，进而减少衰老皮肤的发黄，减轻面部菜色，改善肤质。 　　毛孔增大是皮肤质地问题之一。外用烟酰胺可以减少皮脂中脂肪酸与甘油三酯的产生，从而收细毛孔并降低痤疮发生时的严重程度。 　　神经酰胺是皮肤屏障的重要成份。特应性皮炎、老年人皮肤和冬季干燥皮肤的角质层中神经酰胺含量显著减少。烟酰胺通过增加角质层中神经酰胺含量而增强皮肤屏障功能，减少经皮水份流失。 　　伊美莱烟酰胺DMAE原液含浓度高达10%的烟酰胺。烟酰胺又称维他命B3，外用烟酰胺对皮肤有许多有益的功效，防止皮肤水份流失，改善皮肤质地、减轻色素沉着，这些问题的改善与烟酰胺增强皮肤屏障功能相关。长期外用烟酰胺可改善皮肤老化引起的面色发黄与菜色。 而这款产品又巧妙地结合了另一个重要的新型护肤活性成分DMAE，DMAE又叫二甲氨基乙醇，是广泛应用的促进儿童智力发育的成份，用在皮肤抗老化方面主要是紧致和提拉松弛的肌肤。</t>
  </si>
  <si>
    <t xml:space="preserve">请问一下起潮的原因?一般到何时起何时止? </t>
  </si>
  <si>
    <t>潮汐的原理：(1)受月球影响地球的质量中心和月球的质量中心各自互绕一??地月质量中心，地球因为这个互绕而产生一个离心力，地球的质量中心处的离心力和月球引力刚好抵消。地球表面离月球最近的那一点的离心力最小而受月球引力最大，所以?浅保坏厍虮砻胬朐虑蜃钤兜哪且坏愕睦胄牧ψ畲蠖茉虑蛞ψ钚。砸不嵴浅薄Ｋ裕惶?因月球)涨潮两次，(因月球)退潮两次。(2)受太阳影响地球的质量中心绕太阳的质量中心而公转，地球因为这个公转而产生一个离心力，地球的质量中心处的离心力和太阳引力刚好抵消。地球表面离太阳最近的那一点的离心心力最小而受太阳引力最大，所以会涨潮；地球表面离太阳最远的那一点的离心力最大而受太阳引力最小，所以也会涨潮。所以，一天(因太阳)涨潮两次，(因太阳)退潮?纱巍?把這两种潮汐作用相加，就会产生一个月中，农历15日的涨潮最大，也会产生生一年中，中秋(农历8月15日)的涨潮最大 (比其他的农历15日还大)。</t>
  </si>
  <si>
    <t xml:space="preserve">我在医院B超，查出双乳有乳腺增生，右乳还有一个5MM/3MM左右? </t>
  </si>
  <si>
    <t>　　你好，乳腺增生，是一种统称。小叶增生比较具体。</t>
  </si>
  <si>
    <t xml:space="preserve">真的很爱他，但他不冷不淡的，我该坚持还是放弃？我真的很爱他，但他 </t>
  </si>
  <si>
    <t>忽冷忽热!好,就从你的感觉开始说.有一种病,叫疟疾,非得吃"金鸡纳"才能好.这疟疾的表症,就是忽冷忽热俗话说的好:"忽冷忽热,没有定货,保持距离,进退由我." 在他心里,你的位置是很轻的,没有决定和你将来共渡鹊桥,可能还有另一个她,可那个她还没追到,希望渺茫,又不死心.再就是他真的没看上你,又怕伤你的心.反正,这个人不是心地不端坏人,只是忧郁而已.我看,你不要把他放在心上,那事情还会有30%的希望.若抱希望过大,则可能是失望.现在你是遍地撒种 的时候,不是收获的季节,不要一下子 就说,我爱死谁了,没呀我活不了!现在都保持一定的距离,等看准了,在俘虏一个好的.此恋爱之道之诀窍之一.仅供参考.</t>
  </si>
  <si>
    <t xml:space="preserve">十岁小女孩乳头下有个硬块,正常吗? </t>
  </si>
  <si>
    <t>答案两个字：正常．</t>
  </si>
  <si>
    <t xml:space="preserve">数学题有13瓶水，其中12瓶质量相同，另外有1瓶是糖水，比其他水 </t>
  </si>
  <si>
    <t>3次保证能找出来.取其中8瓶,天平两边各放4瓶,将出现下面两种情况:1. 若有一边重,则糖水在这里面,再分两次各称其中的两瓶哪个重就是糖水.2. 若一样重,糖水则在剩下的5瓶中,一样是分两次各称其中的两瓶,有哪个重就是糖水,都一样则剩下的那瓶是糖水.</t>
  </si>
  <si>
    <t xml:space="preserve">★【防空混成旅】92期实图任九 </t>
  </si>
  <si>
    <t>让子弹飞一会儿</t>
  </si>
  <si>
    <t xml:space="preserve">娇娇帮我P下图我不会P图帮我P下图好不 </t>
  </si>
  <si>
    <t>你好！！很高兴为你P图！！希望你能喜欢！！：）(加了流星和!轮毂速度和火焰的效果)</t>
  </si>
  <si>
    <t xml:space="preserve">盛付通好用么？最近天气真是太冷了，除了窝在家打游戏，什么也不想干 </t>
  </si>
  <si>
    <t>其实坐在家里也有很多方法可以充值的，比如用银行卡充值，用手机和固定电话也可以充值，还可以请朋友帮你的账户充值啊，好像现在还可以打电话叫人家送点卡上门的，好强大啊！我是一直上pay.sdo.com充值的，是盛大在线的充值中心，上面有很多充值方式，选择适合你的充值方式，跟着提示操作就可以了，很简单方便的，比较适合像我这样的宅女，呵呵，可以去看看！</t>
  </si>
  <si>
    <t xml:space="preserve">我想问下，现在的80后男女和90后男女的区别是什么啊(为什么90? </t>
  </si>
  <si>
    <t>90后比80后更加疯狂,非主流也不是谁都能接受的了的.</t>
  </si>
  <si>
    <t xml:space="preserve">治疗婴儿湿疹有偏方吗药物治疗总是复发 </t>
  </si>
  <si>
    <t xml:space="preserve">婴儿湿疹发生在吃奶的小婴儿，因此，民间则多叫做“奶癣”，是婴儿最常见的皮肤病。婴儿湿疹一般在孩子出生2个月左右开始出现，绝大多数孩子的湿疹多起始于生后6个月内。由于婴儿的皮肤细嫩，抗病能力较差，因此很容易患各种皮肤病，但婴儿湿疹不是感染引起的。目前，婴儿湿疹的病因尚未明了，一般认为过敏体质是发病的主要原因，外界各种激发因素(如奶、海鲜食品、某些药物、花粉等)是发病或加剧的诱因。有的孩子甚至是因衣服穿得稍多，汗液的刺激或是冷空气的刺激均可诱发。因此，冬春季节患湿疹的孩子更为多见。湿疹初起时，其皮疹多呈对称性、弥漫性和多形性，表现为颜面皮肤的红斑、米粒样丘疹、疱疹、糜烂、渗液和结痂等，其边界不清、炎症反应明显。可遍及整个颜面部和颈部，严重的手、足和胸腹部可见到，局部皮肤有灼热感和痒感，因而患儿往往显得烦躁不安，头颈在衣领处摩擦或是用手搔抓，有的则由此而引起细菌的继发感染。有的病儿因皮疹的反复发作，可转为慢性，病程迁延数月甚至数年，其皮疹主要表现为皮肤的浸润、增厚而致皮纹粗糙，但其周围边界清楚。在孩子患了湿疹后，应尽量避免小儿用手搔抓，防止衣物摩擦，可以用婴儿润肤油涂抹后，用温水洗净，避免香皂或其他刺激性物品，将孩子的指甲剪短，给孩子穿棉织品的衣服，勤换内衣和尿布，勤洗澡，以保持皮肤的清洁预防细菌的感染。在孩子患了湿疹后，应尽快带孩子去，在医生的指导下治疗。 </t>
  </si>
  <si>
    <t xml:space="preserve">同词牌的词，他们的段数，句数，韵律，字数，句式，平仄都是固定的，? </t>
  </si>
  <si>
    <t xml:space="preserve">同词牌的词，他们的段数，句数，韵律，字数，句式，平仄都是固定的，即所谓（调有定句 ）、（句有定字 ）、（字有定声 ）。所以古人创作词又叫（ 填词） </t>
  </si>
  <si>
    <t xml:space="preserve">什么是反跑?我刚玩G,不懂什么是反跑,谁能说下,谢谢 </t>
  </si>
  <si>
    <t xml:space="preserve">反跑就是利用SS传球能在跑动中接球 就是你在3分线内，内线队友传球给你 利用球在空中，还没有到你手上的时候 立刻往3分线外跑，跑到3分线外，刚好球到手上 然后转身一个3分 这是最通俗的解释了 反跑也不只用与3分 2分也可以反跑 反跑很容易拉开空挡 </t>
  </si>
  <si>
    <t xml:space="preserve">自学日语的网站有哪些?如题,谢谢! </t>
  </si>
  <si>
    <t xml:space="preserve"> 和 还有 论坛和 的论坛保证你满意！</t>
  </si>
  <si>
    <t xml:space="preserve">麻烦各大高手近来帮忙小张和小刘同时从甲乙两地相向而行，途中相遇后 </t>
  </si>
  <si>
    <t>小张、小刘速度比为3:4,即第一次相遇小张走了全程的3/(3+4)=3/7,小刘走了全程的4/(3+4)=4/7.两次相遇即两人共走了3个全程(第一次相遇一个全程,各到目的地其一个全程,第二次相遇又走一个全程,共3个全程),故对于小刘而言,3个全程他共走了3*4/7=12/7,这包含他到目的地走完的一个全程加上掉头所走550米,故这550米即12/7-1=5/7.故两地距550÷5/7=770米。</t>
  </si>
  <si>
    <t xml:space="preserve">兽血，你敢不敢再开个网通4区?玩了很多网友，各大游戏公司的都有玩 </t>
  </si>
  <si>
    <t>顶下服服暴满怎么玩啊？一个服没两千人吧</t>
  </si>
  <si>
    <t xml:space="preserve">知识分子适合学那门手艺谋生？怎样拜师学艺？学那门手艺？到哪里学手 </t>
  </si>
  <si>
    <t xml:space="preserve">    学一门手艺要先看你的兴趣在哪里，兴趣是最好的老师，我认为你应先找找自己感兴趣的东西，然后确定自己的性格是否符合这个行业的要求，多听听父母和朋友的意见，一定会很有收获的。    其实很多手艺都可以用来谋生，你掌握得好的话是可以赚大钱的，知识分子由于太多时间用在学习上，动手能力相对较差，我建议你立足自己的长处，参加一些相关的培训，考一些证明自己能力的证书，现在各行各业都有相关的培训，如果说成本低见效快的话，应该是理发、插花、美甲之类的技能培训，这种需求大，回报快（现学现用），但是关键在于你是否兴趣了。</t>
  </si>
  <si>
    <t xml:space="preserve">合成Q4的东西的问题要是合成一个Q4刀或者Q4杖用普通一点的刀或 </t>
  </si>
  <si>
    <t>一般都是用桃木杖合就可以了。因为你用再好的杖，也是Q4。Q8的道理也是一样。你合了个龙骨的Q8，也是用它做辅医。浪费了，而且有正邪之分，倒不如桃木。刀就不一样了，也有人专练反刀，合Q8的深渊什么的，但是也不是主流。</t>
  </si>
  <si>
    <t xml:space="preserve">背上长了些白斑，怎么治疗效果会比较好 </t>
  </si>
  <si>
    <t>现在治疗白癜风的医院比较多，方法也比较多，但是具体采用什么方法进行治疗，是需要根据您的病情情况来决定的，现在治疗白癜风有是采用目前最为先进的白癜风治疗康复体系，GX-B白癜风康复体系，当然，这些前提都是需要选择什么样的医院进行检查治疗，但是不管您选择什么样的医院进行检查治疗，建议您最好选择专业医院进行检查治疗，以免病情被延误错过最佳的治疗时机。</t>
  </si>
  <si>
    <t xml:space="preserve">50分就翻译一句话，敢进来试试吗？我们是一家LED照明灯具生产及 </t>
  </si>
  <si>
    <t xml:space="preserve">首先：黑夜可以用：the dawn/ the night/ Night time/the dark, 但我不建議用MID-NIGHT， 因?镸ID NIGHT 比較有正00:00 的意思，?]有了?V告?械耐嫖?让你爱上黑夜：We make you fall in love with the darkWe make you fall in love with the nightNight time has never been so enjoyableWe redefine the pleasure of night time**Your night pleasures knows no bound with(你??的牌子）制造让你爱上黑夜的理由You now have more excuses to love the dawn </t>
  </si>
  <si>
    <t xml:space="preserve">请问电脑不能下载文件是怎么回事？我的电脑不能下载东西，下载时总是 </t>
  </si>
  <si>
    <t>清空一下臨?r文件?A里的文件??</t>
  </si>
  <si>
    <t xml:space="preserve">请问600036现在大盘上下起伏，什么时候可以进600036是最 </t>
  </si>
  <si>
    <t>600036今天大盘已稳定，该股在15元以下进都是好价位。</t>
  </si>
  <si>
    <t xml:space="preserve">办结婚证的照片是多大的？马上想去办结婚证了，不知道照片该用多大的 </t>
  </si>
  <si>
    <t>你最好给民政局打个电话问一下！我们是今年2月15日领的！我跟同事一起照的相片，我们在不同的区办理的！结果他们的就合格！我们的就说尺寸大！最后在民政局那重新照的！当时就可以取，只是比我们之前照的贵10块钱（40元）。</t>
  </si>
  <si>
    <t xml:space="preserve">三国人物为什么穿那么多套衣服？突然发现衣服已经穿了3套了，除了内 </t>
  </si>
  <si>
    <t>很明显三国群英快倒闭了撒他们都在抓紧时间的搂钱YOYO公司可是有前科的哟曾有那么一款YOYO代理的大家熟悉的游戏不是也在一夜之间招呼都没有的说倒闭就倒闭了么倒闭前几天也是这么大肆的卖包然后携款而去也没跟玩家有个交代这样的缺德事他们还做得少么没说他们把一款好好的游戏改成这样曾经也是我迷恋的游戏啊现在只能挂那儿咱就等着看YOYO这次是怎么倒闭的</t>
  </si>
  <si>
    <t xml:space="preserve">关于女友月经迟来我女友月经迟来了15天了，我和她前一次有过性接触 </t>
  </si>
  <si>
    <t>迟来了是还没来?那就很有怀孕的可能了,按推算你的女友五一期间处于排卵期,赶快用早孕试纸验证一下,是阴性过几天再试.就是月经来了也不代表你们的法子好用.你说未射精是不准确的,有冲动就有分泌物排出,会夹带精子外出.不要抱侥幸心理采用各种土法子,要为你们的将来考虑和为她负责任,不要乱来,况且你们那样也享受不到什么欢乐,老处于紧张状态.不好.</t>
  </si>
  <si>
    <t xml:space="preserve">部落怎么去奎尔达纳斯岛 </t>
  </si>
  <si>
    <t>出银月城,门口附近的飞行点,自动开.</t>
  </si>
  <si>
    <t xml:space="preserve">如何让她家人同意我们的交往？？我很爱她，（至少现在是），她也很爱 </t>
  </si>
  <si>
    <t>恩，不要私本，如果那样就玩警察抓小偷了。你说你爱她要表现一点诚意，她父母管她是不想让她受伤害，你如果爱她，用更多的诚意打动她父母。不要私奔那样会伤她父母的心。爱她，不是非要和她在一起，是要她和她的家人幸福。</t>
  </si>
  <si>
    <t xml:space="preserve">怀孕３９周，B超显示双顶径１００mm.是否说明小孩很大啊. </t>
  </si>
  <si>
    <t>孕39周:双顶径的平均值为9.21士0.59'腹围的平均值为:31.34士3.12'股骨长的平均值为7.34士0.53.孕40周:双顶径的平均值为9.28士0.50'腹围的平均值为:31.49士2.79'股骨长的平均值为7.4士0.53.你现在39周祝你顺产</t>
  </si>
  <si>
    <t xml:space="preserve">性交后又口交，卫生不 </t>
  </si>
  <si>
    <t>应该没有什么的，只要双方自愿，可以的．</t>
  </si>
  <si>
    <t xml:space="preserve">我的火锅彩票01AC米兰vs沙尔克302埃因霍vs费内巴303里 </t>
  </si>
  <si>
    <t>可惜,死得一塌糊涂,可见2元钱想中火锅难度也是很大的!</t>
  </si>
  <si>
    <t xml:space="preserve">乌鲁木齐哪家马场离市区最近? </t>
  </si>
  <si>
    <t>神木园马场</t>
  </si>
  <si>
    <t xml:space="preserve">刹车异响怎么办天津一汽威志v2 </t>
  </si>
  <si>
    <t>首先你要区分异响的声音，是尖叫，还是闷响，或是丝丝地叫。1·如果是尖叫，首先要检查是鄙视刹车片快用完了（报警片发声）。如过是新片，那要检查一下有没有异物被夹到刹车盘与片之间。2·如果是闷响，多是刹车卡钳的问题，比如活动销磨损，弹簧片脱落等。3·如果是丝丝叫，那么问题就比较多，卡钳，刹车碟，刹车片都可能有问题。如果响声是持续的，首先要检查有没有拖刹，卡钳复位不良会导致碟与片长时间摩擦，在一定条件下会发出异响。再检查片与碟之间有没有卡进异物。如果是新片，那要看刹车碟有没有起槽，因为局部摩擦会导致异响。如果碟没有问题那要考虑刹车片是不是太硬了，或者是消音片安装错误。如果是在制动时才会响那多是刹车片太硬了。综合起来说刹车是卡钳，刹车片 刹车碟三者共同完成的，三者都有可能产生异响。但往往人们把问题都归咎到刹车片上。</t>
  </si>
  <si>
    <t xml:space="preserve">被称为谪仙人的是谁 </t>
  </si>
  <si>
    <t>李白称为“谪仙人”</t>
  </si>
  <si>
    <t xml:space="preserve">真诚的采纳您的办法由于老公的出轨和第三者同居给我受到了打击，我们 </t>
  </si>
  <si>
    <t>你应该找借口贴近他,了解他是否有再择偶的意思,如有的,请你托他要好的人介绍,保你成功,祝你生活幸福!</t>
  </si>
  <si>
    <t xml:space="preserve">信用是怎样产生的 </t>
  </si>
  <si>
    <t>信用是怎样产生的？它采用哪些形式？     答：信用是以偿还和支付利息为条件的借贷行为。贷者把自己的东西借给别人使用，要求对方按期偿还，并支付实用的报酬——利息。信用是在私有制的基础上产生的。由于社会生产力的发展，劳动产品有了剩余，私有制出现，造成了社会财富占有的不均，从而出现贫富的差别和分化。一部分人因家庭贫穷而缺少生活资料，为了维持生活和继续从事生产，他们被迫向富裕家庭告借，于是，信用就产生了。    借贷活动产生后，一直采用两种形式：一种是实物借贷，一种是货币借贷。实物借贷是指以实物为对象进行的借贷活动，即贷者把一定的实物贷给借者，借者到期以实物形式归还本金，并以实物形式支付利息；货币借贷是以货币为对象进行的借贷活动，即贷者把一定数额的货币贷给借者，借者到期用货币归还本金，并用货币支付利息。货币借贷是现代经济生活中的主要借贷形式。</t>
  </si>
  <si>
    <t xml:space="preserve">为迫使丈夫离开第三者，我违心选择离婚，对吗？我和丈夫一见钟情而后 </t>
  </si>
  <si>
    <t>我觉得你给他机会了，可他却没有好好珍惜，你们现在彼此还有爱，可他却没有尽到做一个好丈夫、好父亲的责任，这种情况你和他在一起也是一种痛苦！他不肯离开她，选择和你离婚却赖在你家不走，你可以趁他不在时将门锁全部换掉，让他进不了门，长痛不如短痛！</t>
  </si>
  <si>
    <t xml:space="preserve">宝宝于人物差几级才可以带?我15级枪侠啊,我刚买了个25级的女巫 </t>
  </si>
  <si>
    <t>不超过游戏人物等级的宝宝就能携带！</t>
  </si>
  <si>
    <t xml:space="preserve">我最新发表的博文始终无法显示在自己的BLOG首页！后来我把它设成 </t>
  </si>
  <si>
    <t>普遍如此，新浪系统在升极完善中，需要处理转换的的数据比较多，需要多等点时间才恢复正常.</t>
  </si>
  <si>
    <t xml:space="preserve">哪里有广东的工程预算软件比较好用的，想学习啊，最好是免费的。 </t>
  </si>
  <si>
    <t>去 ,试试免费注册后即可使用，还有很多预算书样板。</t>
  </si>
  <si>
    <t xml:space="preserve">笔记本与台式机哪种更适合下载？最近需要写论文，要看数以百计的电影 </t>
  </si>
  <si>
    <t>你要连续下载文件了那当然是台式电脑优先好用了,因为台式电脑好散热呢,笔记本一般也是散热没有那么好的</t>
  </si>
  <si>
    <t xml:space="preserve">出句:秋水绿,楼台空,梦断香消.[痴迷]读陆游绝句有感，摘写。不 </t>
  </si>
  <si>
    <t>对句：梅花红，沈园在，情伤玉殒。[观音]出句: 秋水绿, 楼台空, 梦断香消。[痴迷]陆游《沈园诗》：路近城南已怕行，沈家园里更伤情。香穿客袖梅花在，红醮寺桥春水生。</t>
  </si>
  <si>
    <t xml:space="preserve">在命理五行中，缺少火和土，意味着人生中会遇到哪些坏事？ </t>
  </si>
  <si>
    <t>火主礼，缺火，你可能会傲慢，待人不够热情，不够主动。土住信，缺土，你可能会善变，做事不够执着，欠缺恒心。</t>
  </si>
  <si>
    <t xml:space="preserve">该给他机会吗我与我老公从恋爱到现在三年了，宝宝都九个月大了。他很 </t>
  </si>
  <si>
    <t>无论是看在你们感情还是宝宝的份上，你都应该给他一次机会。酒后犯错的男人很多，也不一定酒后犯错的男人就不是好男人，他平时不去赌，说明他没赌瘾，也说明他在乎你的想法，大多爱喝酒的男人都重感情，可能是酒后不好驳了朋友的面子，回来你再说他几句，他仗着酒劲就动粗了。这次就原谅他吧，不过一定得向他阐明喝酒、赌博对你们这个家庭是否幸福的厉害关系，让他保证今后不再有类似事情发生，使用暴力最不可容忍，必须做到下不为例。还有同样作为女儿的我，建议你能在家解决的事不必跑回娘家，自己难受为何还要让娘家人跟着不快呢？再说，这个家如还想维持下去的话，你也不想让自己老公在娘家人面前减分吧。祝你们早日和好!</t>
  </si>
  <si>
    <t xml:space="preserve">父母总是偷看孩子的日记怎么办?我是一名中学生,我每天都写日记,可 </t>
  </si>
  <si>
    <t>小妹,千万不要小题大做的,你要去正确理解他们,因为天地下做父母的关心自己的孩子的思想,和各方面也是很正常的.也就是说爱你才关心你.你反过来看问题的话,也就是他们没有在你的同意下,看了你的日记吧了?这只是说明你们缺少沟通?你可以通过正确的沟通方式,进行交换意见,这样才能让对方接受和理解.祝愿您们全家幸福安康!</t>
  </si>
  <si>
    <t xml:space="preserve">如果不交263上网费会有什么后果？以前没装宽带时，看到263一个? </t>
  </si>
  <si>
    <t>我也觉得应该交。不知道你指的很多钱是怎么样一个规格的，你的消费水平如何。但是我觉得现在宽带已经算很便宜了，包月的ADSL才120元，如果你是学生，也可以和同寝室的同学一起包，比263快多了。</t>
  </si>
  <si>
    <t xml:space="preserve">清泉老师，600017今天大涨，如何看后市，请指教 </t>
  </si>
  <si>
    <t>列止赢保护.</t>
  </si>
  <si>
    <t xml:space="preserve">挺为难的？大家说我改怎么做？这事怎么说呢？一个月前认识一个人（前 </t>
  </si>
  <si>
    <t>要是姑娘真的爱你，你以为不买保险，她就跑了？不买保险可以直接说，比如这样：你主动拎着果篮找那阿姨谢谢她介绍的朋友，关于保险，目前还不在生活计划里，直接说看她好好意思再来不</t>
  </si>
  <si>
    <t xml:space="preserve">中风偏瘫的老年人，应该多吃些什么 </t>
  </si>
  <si>
    <t xml:space="preserve">中风偏瘫病人的饮食怎么调养？偏瘫是脑血管病常见的后遗症，病人生活大多不能自理，精神上比较疲劳，在生活上和饮食上需要得到亲人的更多照顾和体贴。有些病人由于长期卧床体力活动明显减少，胃肠道蠕动相对减弱、消化吸收功能降低，易发生便秘，因此病患者的饮食出现许多新问题。　　1、应供给营养丰富和易消化的食品，满足蛋白质、无机盐和总热能的供给。　　2、多饮水并常吃半流质食物，瘫痪病人常有怕尿多而尽量少饮水的心理，这是不对的，瘫痪病人应有充足的水分供应，病人清晨饮1-2杯谈盐水可预防便秘。　　3、食物不可过于精细，注意膳食纤维的摄入，增加胃肠蠕动，以预防便秘的发生。　　4、忌饮浓茶、酒类、咖啡和幸辣剌激性食物。 </t>
  </si>
  <si>
    <t xml:space="preserve">请大家谈谈００７９３，００２１９９？请朋友们谈谈０００７９３和０ </t>
  </si>
  <si>
    <t xml:space="preserve">华闻传媒耐心持有,等待反弹深入,关注30日均线附近压力位突破情况.东晶电子前期炒作严重,主力获利清盘,目前仍处下降通道,下方暂无支撑,后市要依据大盘走势进行操作,深套的话先谨慎持有,等待技术反弹. </t>
  </si>
  <si>
    <t xml:space="preserve">帮忙啊我的第一志愿一定录取,但我不想读,能录我的平行志愿吗? </t>
  </si>
  <si>
    <t>很遗憾，除非第一志愿不录你，不然平行志愿是不能录你的。第一志愿录了就把你档案拿走了，平行志愿的学校是录不到你的。所谓平行志愿是指在同一时间开机排序，放在第一个当然按第一个的先录取，在这个时间段里如果第一志愿进不去可以进第二个，不减分，并依次类推后面的。这是平行志愿的一大好处，你的第一志愿可以冲冲更好的，如果没录上还有后两个。 当然，如果你投进了任何一个档，又由于各种原因被退档那就进不了其他的了，得等到征集志愿。这是高考报志愿的大忌，因为好学校几乎没有录不满的，那么你就没有任何机会只能等着二本录取。及时一本有些没录满也会放在征集志愿中再次录取，这是很可能出现高分落榜生扎堆的情况，录取分不会低，而且几乎没有好专业了。 建议报志愿时一定要好好利用平行志愿，三个学校的分数要有一定梯度，另外别随便填不服从调剂，那样退档后非常麻烦，而且现在的名校转专业还是很公平的，去了还有机会换自己喜欢的专业。</t>
  </si>
  <si>
    <t xml:space="preserve">三星v700如何连接9006 </t>
  </si>
  <si>
    <t>1，下载并安装Kies软件如果您的电脑中未安装Kies软件，有可能会因缺少手机驱动导致无法连接，请点击这里http://www.samsung.com/cn/support/usefulsoftware/KIES/JSP下载安装Kies同步软件，安装完毕后，不用打开此软件。2，关闭手机usb调试。功能表-设定-更多（右上方）-关于设备-内部版本号7次连续点击-会提示开发者模式已启用--返回上一级菜单即可看到开发者选项，进入后把usb调试后的勾取消。3，用数据线将手机与电脑连接，手机无需做任何操作。连接成功后，电脑桌面上会弹出移动设备盘符，然后打开设备（如没有弹出，您可以进入我的电脑中，找到带有该手机型号的移动设备盘符，双击打开），就可以把您电脑里面的数据拷贝到移动盘符里面了。帮助他人，快乐自己。若我的回答对您有用，请将其设为“好评”，谢谢！根据您描述的情况，建议您尝试以下操作：1，下载并安装Kies软件如果您的电脑中未安装Kies软件，有可能会因缺少手机驱动导致无法连接，请点击这里http://www.samsung.com/cn/support/usefulsoftware/KIES/JSP下载安装Kies同步软件，安装完毕后，不用打开此软件。2，关闭手机usb调试。功能表-设定-更多（右上方）-关于设备-内部版本号7次连续点击-会提示开发者模式已启用--返回上一级菜单即可看到开发者选项，进入后把usb调试后的勾取消。3，用数据线将手机与电脑连接，手机无需做任何操作。连接成功后，电脑桌面上会弹出移动设备盘符，然后打开设备（如没有弹出，您可以进入我的电脑中，找到带有该手机型号的移动设备盘符，双击打开），就可以把您电脑里面的数据拷贝到移动盘符里面了。欢迎您访问三星数字服务平台：http://support.samsung.com.cn/ask</t>
  </si>
  <si>
    <t xml:space="preserve">成都鼾症怎么治疗成都鼾症治疗用什么方法，去哪治疗最好啊？请帮忙解? </t>
  </si>
  <si>
    <t>打鼾的原因有很多，现在治疗方法也有很多。成都武警消防医院采用的“三镜合壁技术”祛除打鼾 终身无“鼾”    在吸取多种传统治疗鼾症(打鼾)方法优缺点的基础上，武警四川省消防总队医院不惜重金从美国引进了“三镜合璧技术”。这种国际上最先进的技术，是目前治疗鼾症(打鼾)疗效最明显，也是治疗鼾症(打鼾)最为安全的疗法。    　　    “三镜合壁技术”是在鼻内窥镜下，运用从国外引进的等离子低温消融系统，瞬间对引起鼾症(打鼾)的增生组织进行消融，可保持局部黏膜组织结构的安全性，并能有效减轻术后水肿与疼痛。消融时间很短，约一炷香的功夫，术后症状即得到缓解，一般术后不会再复发，可有效治疗鼾症(打鼾)。</t>
  </si>
  <si>
    <t xml:space="preserve">给孩子吃什么早餐好?小孩一早起床,就赶着要上学校,没什么食欲.给 </t>
  </si>
  <si>
    <t>早餐有两类食物不宜多吃：一类是以碳水化合物为主的食品，因含有大量淀粉和糖分，进入体内可合成更多的有镇静作用的血清素，致使脑细活力受限，无法最大限度地动员脑力，使工作和学习效率下降；另一类是蛋黄、煎炸类高脂肪食物，因摄入脂肪I和胆固醇过多，消化时间长，会使血液过久地积于腹部，造成脑部血流量减少，因而导致脑细胞缺氧，整个上午头脑昏昏沉沉，思维迟钝。 另外，早餐不宜吃冷食。 营养学家早餐吃什么 在紧张忙碌的大都市，大部分人都可以用睡懒觉、来不及准备等诸多借口作为不吃早餐的理由。那么，让我们看看，营养学家自己的早餐是怎样安排和准备的？也许可以为许多白领或家长提供借鉴。方法很简单，就是做三明治加喝牛奶，前一天晚上做好白水煮蛋或卤蛋，对半切，黄瓜切片，樱桃番茄洗净，第二天早上直接将鸡蛋/卤蛋、黄瓜片、樱桃番茄夹入两片面包中。孩子的那份，把虾皮用微波炉转一下再放进三明治中，既补充了钙，又增加蛋白质，味道带点咸，也比较爽口。如果要调味，还可以放些番茄酱。整个过程不超过10分钟，但是营养要素都具备了。如果时间还是不够，可以在前一天晚上就把三明治做好，早上直接用微波炉转一转便可。一杯牛奶加一片三明治，孩子不到10分钟就能吃完。 需要提醒的是，最好在漱完口后、进餐前先喝一杯温开水，这样可以补充一个晚上消耗的水分。 营养早餐的多种搭配法 当然，早餐的选择可以是丰富多样的，只要满足三大“必需”原则，你也可以发挥聪明才智做一份简单又营养的早餐。 1、奶＋菜包/肉包＋蔬菜：酸奶含丰富的乳酸菌，对人体的贡献甚至大于牛奶。但是酸奶不能早上空腹喝，最好和包子、馒头等搭配吃。如果是素包如香菇菜包等，营养就比较齐全了；如果喜欢吃肉包，必须再补充些蔬菜、水果，或者用蔬菜汁、水果汁代替，最好是鲜榨的。 2、养颜八宝粥：女性白领如果有条件，可以前天晚上做好八宝粥，放入大米、红豆、花生米、枸杞子等，第二天早上热了吃，便捷又养颜。 3、降血糖牛奶麦片：把麦片先用开水冲好，再加入牛奶。这一搭配比较适合血糖高或有糖尿病家族遗传的人。 春天正是孩子生长发育旺盛的季节，不少孩子午餐在学校吃，丰富性难以保证，所以早餐的作用尤其重要。专家呼吁，最好所有的家长都能勤快些，早起一刻钟，为你的孩子准备一份丰富、营养的早餐，让他“随风拔得快”。 三口之家早餐食谱推荐 周一：牛奶3瓶（每瓶227毫升）加谷物90克，面包夹草莓酱奶酪（面包200克，草莓酱50克，奶酪3片30克） 周二：牛奶3瓶，花卷3只（每只50克），蛋糕3只（每只25克），梨1只（150克） 周三：酸奶3瓶（600克），蛋饼3只（每只含鸡蛋25克、小麦粉75克），大苹果1只（150克） 周四：牛奶3瓶（每瓶227毫升）加谷物90克，肉包子3只（每只50克），香蕉3根（300克） 周五：牛奶3瓶，三明治面包3只（每只含面包片两片50克，生菜两张50克，鸡胸脯肉20克），煎饼3只（每只50克），桔子3只（150克） 周六：大米粥（粳米100克），煎蛋3只（120克），烧卖3只（75克），菜包3只（150克），酸奶3瓶（600克） 周日：牛奶3瓶（每瓶227毫升）加谷物90克，火腿肠75克，早餐面包3只（每只50克），香蕉3根（300克） 健康早餐小贴士 1.起床即吃早餐容易消化不良，一般在起床20至30分钟后再吃为佳。 2.有早起习惯的人，早餐可安排在7点以后吃较好。 3.不要因为赶时间就吃得太快，以免损伤消化系统。 4.早餐也要定时定点，否则会影响消化、吸收。 5.早餐以后吃的食物并不能代替早餐，所以不吃早餐全靠加餐不科学。 6.家长的榜样很重要，只有家长带头吃营养健康的早餐，孩子才会养成良好的早餐习惯。</t>
  </si>
  <si>
    <t xml:space="preserve">为什么睡眠不足会有黑眼圈？ </t>
  </si>
  <si>
    <t xml:space="preserve">         美国的《好主妇》杂志列出的 黑眼圈成因及对策：         遗传 如果你的父母或亲属有黑眼圈，那么你很可能被遗传哦！由于遗传而导致的黑眼圈，眼圈周围的肌肤天生就比其他部位的皮肤色素深暗，一般呈现暗灰色。         阳光暴晒 即使你的肤色本来就很深，阳光下的暴晒，也会造成眼部皮肤过量的色素沉着。因为强烈的紫外线会让皮肤的色素移向表层，眼部的皮肤自然也不例外。        过敏、哮喘及湿疹 眼周发痒也会造成黑眼圈，再加上你的抓挠，会让眼周皮肤更加暗淡。在容易过敏的季节里，过敏体质的人还会发现眼睛下方长了眼袋。        药物 如果你吃的药会让血管膨胀，也可能造成你眼周皮肤暗化，从而产生黑眼圈。        营养 如果食物中缺乏营养，或者营养摄入不平衡，也会导致眼周皮肤变暗。        疲劳 缺少睡眠或者量过大也会造成皮肤苍白，让皮下血液流动看着更明显，使皮肤色泽变暗。        怀孕及月经 在经期和孕期，皮肤也会变得苍白，而让眼周的细纹和黑眼圈显得更加清晰。        年龄 随着年龄的增长，黑眼圈会逐渐变得更明显，眼部的皱纹也会让黑眼圈看上去更为突出。        不过，黑眼圈还是有办法淡化或去除的。        由于遗传体质、过敏或其它疾病所引起的黑眼圈，可以考虑用化妆品来补救。         眼部活氧净化露：净化眼部肌肤，排毒保湿滋养，赶走熊猫眼         此外，还应该保证充足的睡眠，养成正确的睡姿，以改善眼部的血液循环，减少静脉淤血。拍照时，可以调整头部姿势，或借助灯光投射的角度来掩饰。</t>
  </si>
  <si>
    <t xml:space="preserve">收130刀或140刀换130刀同上~卖的留帖,属性,价格,游戏I </t>
  </si>
  <si>
    <t>130加11刀LM8J10　耐久200　RMB300　要的游戏鸽子（烈火）　支持5173　谢谢</t>
  </si>
  <si>
    <t xml:space="preserve">问一个有难度的问题，一个任务的地点任务等级：58西瘟疫之地接受等 </t>
  </si>
  <si>
    <t>进壁炉堡之后看见的第一个塔顶...走上去就行拉盗贼和小D是很简单的...其他职业 打吧...</t>
  </si>
  <si>
    <t xml:space="preserve">一个精子从发生到成熟要多长时间? </t>
  </si>
  <si>
    <t xml:space="preserve">在精子进入男性精液中之前，大约要花七天的时间成熟，由睾丸中的赛托利氏细胞（精子在此制造）经过无数小管，进入阴茎底部的管道，在此存在着几百万的精子，等待射精。 </t>
  </si>
  <si>
    <t xml:space="preserve">学习数控铣工与数控车的问题数控铣工或者数控车工是不是得参加等级证 </t>
  </si>
  <si>
    <t>　　没有听说过，也许是本人见识浅薄吧。我感觉无论学习什么，都要有一个大的环境，否则，一味的看书也没有什么意义。你说呢？比如说，你自学三年，感觉不错，如果缺乏实践机会，那么一个只有小学文化却有三个月的数控车（铣）工一番自大却又小瞧人的话就足以让你无地看自容，所以最好是有机会进行实践操作。否则的话，自学实在是有些痛苦啊！</t>
  </si>
  <si>
    <t xml:space="preserve">请问美白乳液用什么的好只问乳液或者露.其它的都有,就是没有擦脸的 </t>
  </si>
  <si>
    <t>高丝 莱菲美白乳液  市场价:￥ 44.00元</t>
  </si>
  <si>
    <t xml:space="preserve">有关显示器接口的问题请教。我的显示器是VGA接口的，我的显卡是D </t>
  </si>
  <si>
    <t>有的显示器自己的OSD菜单中就带有模式选项，是DVi还是模拟输出，比如优派的VG720，VG920系列</t>
  </si>
  <si>
    <t xml:space="preserve">如何去除衣物上的胶水（502）？衣物上的胶水打结了，很难看！谁帮 </t>
  </si>
  <si>
    <t>告诉你一个最简单的办法，用洗甲水，一搓就掉，而且非常干净，然后再用清水冲洗干净就可以了（为了防止洗甲水烧手，请戴上橡胶手套）</t>
  </si>
  <si>
    <t xml:space="preserve">怎样集中注意力？我上课总是爱跑神，听课效率很低。 </t>
  </si>
  <si>
    <t>课前做好准备，上课时积极参与教学活动，不去关注与上课内容无关的事物，例如门外的人，窗外的景色，同学的小动作等，不玩弄自己的文具。尽可能做点笔记，这样既可以抓住本课的重点、难点和关键，又可以减少分心，提高学习效率。但是不能简单地抄黑板，要有所取舍。积极发问，及时解决自己心中的疑难问题，提高自己的学习兴趣。在自己的手腕绑条皮筋，在自己走神时拉一下皮筋，让自己提提神。仅供参考，祝您进步！</t>
  </si>
  <si>
    <t xml:space="preserve">请大家来帮忙给个FS宏的建议最好能多举几个例子小弟是个新手谢谢大 </t>
  </si>
  <si>
    <t>制作宏步骤：按Enter键，输入/ro便可以打开宏编辑界面。在里面你可以选择宏的图标，输入宏的内容。需要注意的是宏有数量限制，和每个宏的字数限制。如果希望在宏里加进一条施展某法术的语句，只需要打开技能书，按住Shift键并点击该魔法。完成后将宏的图标拖到快捷栏便可以使用了1. 用侦测魔法标记变羊对象/p ----=[ %t ]=---- 是即将被变羊的对象/em 正在准备对%t施展变羊术/施放 侦测魔法将这个宏放在第一介绍，偶认为这是法师最需要的宏。 这个宏使用后，会在当前指向的敌人目标身上升起一个围绕着的光点，同时以队聊方式说出敌人目标即将被变羊。之所以推荐先使用这个宏然后再按变羊法术，而不是推荐一个变羊宏，是因为偶一直认为这个明显比常见的变羊宏要更明显，更有提醒队友的功能。当需要变羊时，仅仅靠常见的变羊宏说出变羊对象的名字同时开始变羊，队友很可能没有时间去注意看到底会被变羊的是哪一个敌人。何况常常遇到一堆同名字的怪物,甚至等级也相同。使用侦测魔法标记后，队友可以很明显的看到即将被变羊的对象是哪一个。尤其有用的是，当你选中被标记过的对象后，debuff栏会出现一个侦测魔法的图标，这将让你很容易在怪物从变羊状态恢复后找到你曾经变羊的怪物。 尤其队伍中有一个以上法师的时候尤其有用，这样会让你更容易照看你的羊，不然两只以上的羊可能让你不知道哪一只是你变的2. 绷带宏/Script UseContainerItem(0,1);/Script if ( SpellIsTargeting() ) then SpellTargetUnit("Player");end这个宏将在自动使用绷带。当你没有指向自己，或者指向的目标不能被急救时（比如当前的目标是敌人），这个宏将自动对你自己使用绷带。当目标是可以被急救的对象（如队友，自己阵营的同伴，友好npc）时，会对该目标进行急救。需要注意的是，用这个宏必须将绷带放在出生时送的那个包裹的第一格（第一句括号里的0,1代表出生送的那个包裹的第一格，当然你可以更改这个数字，那么你就可以把绷带放在其他的地方。当然，第一个语句的功能并不只被限制在用绷带上，你可以把其他东西比如药水，卷轴放在第一格现在在pvp中，变羊法术非常短暂且不稳定，这个宏可以帮你在变羊后快速开始对自己绷带以争取到时间减少危险。3. 解除次级诅咒宏、魔法抑制宏/施放 解除次级诅咒/Script if ( SpellIsTargeting() ) then SpellTargetUnit("Player");end这个宏在你指向目标是敌人或者没有目标时对自己施放解除次级诅咒法术，并且指向的目标不变。这在对付术士或者中了其他诅咒时非常有用，只需要按一下宏便可以将诅咒驱除，并且指向的目标仍然是敌人。在当前目标是指向一个可以被施放魔法抑制的对象时，会对该目标施放而不是自己。把第一行换成 /施放 魔法抑制(等级 x)  就变成魔法抑制宏了。把x改为你当前学会的魔法抑制的最高等级同理你可以制作出奥术智慧宏等等4.中断当前魔法并且对目标施放魔法反制/Script SpellStopCasting()/施放 魔法反制魔法反制常常用在打断敌人加血法术，或者其他重要法术。这时候你需要良好的反应和及时的操作。这个宏会自动打断你正在施放的法术并对敌人使用魔法反制。非常节省时间5. 瞬羊宏、瞬火宏/施放 气定神闲/施放 变形术(等级 x)注意：这个宏需要点击2次。第一次激活气定神闲，第2次变羊。把x改为你现在学会的变羊术的最高等级把第二句改为/施放 炎爆术(等级 x) 就是瞬火宏了当然你也可以用/施放 强化奥术/施放 气定神闲/施放 炎爆术(等级 x)然后连点宏3次来开启强化奥术并施放瞬大火球</t>
  </si>
  <si>
    <t xml:space="preserve">这个是我的照片哈哈~满分100只打外表分~我的照片哈~ </t>
  </si>
  <si>
    <t>挺好玩的女孩子啊,天真,纯洁,淘气,活泼,但也一定不够成熟.80分,男人很注重身材啊,甚至脚的肥瘦,走路的姿势等.</t>
  </si>
  <si>
    <t xml:space="preserve">男朋友那个太粗怎么办？男朋友的那个有些粗。可能我的小，不太适合。 </t>
  </si>
  <si>
    <t>一般男女性生活的合谐总有一个过程。象你的情况目前可采取女上式而且要在你充分兴奋阴道有渗出液时再让他插入阴茎。等到你生了小孩子以后，阴道变得松弛一些就会不嫌他阴茎大了。</t>
  </si>
  <si>
    <t xml:space="preserve">感冒一般分几种？都是什么病毒引起的？（越详细越好，谢谢） </t>
  </si>
  <si>
    <t>分为两种： 1.病毒性感冒    2.普通感冒（伤寒）   流行性感冒，又有分什么Ａ型、Ｂ型、雪黎株、南非株，究竟是怎么一回事？　　　　流行性感冒病毒依其基因结构的不同，被家分为Ａ型、Ｂ型、Ｃ型三种。其中之Ｂ型及Ｃ型流行性感冒病毒，只会传染给人类，而Ａ型流行性感冒病毒，主要流行于人类及家禽、猪、马等动物。因为Ａ型流行性感冒病毒，其基因结构容易产生变化，经常会产生新的变种，甚至更强的致病力，使得人类先前产生的免疫抗体失效，以致最常造成大流行。每一次有新的病毒株被培养出来时，研究人员便依病毒培养出来的地区予以命名。所以所谓的雪黎株、南非株，指的都是Ａ型流行性感冒病毒。    3.中医把感冒分为风寒感冒、风热感冒、和暑湿感冒三个不同的常见类型。      1.风寒感冒：多见于冬春季节，其主要症状为恶寒（怕冷）重，发热轻，鼻塞流涕、头痛无汗、咳嗽、痰稀白、全身筋骨酸痛、舌苔薄白等。因此，治疗时应选用辛湿解表、宣肺散寒的中成药。如1.午时茶，每日二次，每次一块，煎服或用沸水冲泡10分钟后服用。2.感冒清，每次2--4片，1日3次；3.正源丹，每日3次，每次2片；4.伤风感冒冲剂，每日2次，每次1--2包。     2.风热感冒：多见于夏秋季节，其主要症状为恶寒轻、发热重、咽痛、咳嗽痰黄、尿黄、舌苔薄黄等。治疗上宜选用辛凉解表、祛风清热的中成药。1.银翘解毒片，日服2次，每次4--6片，2.银黄口服液，每日3次，每次10--20毫升；3.桑菊感冒片，每日2次，每次4--8片；4.羚羊感冒片，每日2次，每次4--6片；5.感冒宁、板兰根冲剂、四季平安感冒片等均可按说明书或在药师的指导下服用。     3.暑湿感冒：多发生于6月--9月暑热季节。此时的感冒一般都兼挟暑湿之气。其主要症状为口渴饮、头昏、胸闷、恶心、呕吐、腹痛、腹泻、舌苔黄腻。治疗应以芳香化浊、清热化湿的中成药为主。如霍香正气丸，每次6克，每日三次；霍香正气片，每次要片，每日三次；霍香正气水，每次1支，1日3次，均温开水送服。另外，还可选用祛暑片、六一散等，效果都比较好。</t>
  </si>
  <si>
    <t xml:space="preserve">我下边的全是白的还有地图是么也看不见? </t>
  </si>
  <si>
    <t>我也是啊 文字的地方一片白????</t>
  </si>
  <si>
    <t xml:space="preserve">世界莫日上帝在干啥？ </t>
  </si>
  <si>
    <t>在考虑制造下一个世界——如果世界真的是他制造的话。如果不是他制造的——那他也是一样的干着急！</t>
  </si>
  <si>
    <t xml:space="preserve">收集在多少级赚钱最快?我现在23级收集,在狄恩打觉的升级也慢赚钱 </t>
  </si>
  <si>
    <t>楼上说的都对,我只补充点,收集越高越赚这是正确的,但有一个前提就是得有好装备.较理想的情况是40之前赚出2500-3000w天B,好在40之后换上c顶.所以我不太赞成你快速的冲级,如果你想快冲到28-30以后去水房挖石头的话,那你现在就要着手做准备,联系一下组队的人了,提前做好人际关系很重要.如果你没有什么把握能在水房站住脚的话(组野团开随机的话,你很难达到上述目标).那你现在还是找地方挖钱吧.</t>
  </si>
  <si>
    <t xml:space="preserve">声望系统怎么样的 </t>
  </si>
  <si>
    <t>声望系统　　随着声望数值的提升，声望等级也是时时（发生变化）更新。声望等级是玩家使用声望装备，声望坐骑的条件，玩家声望等级达到相应的标准就可以使用与之相对应的声望装备。</t>
  </si>
  <si>
    <t xml:space="preserve">已知函数f(x)=x的三次方+x(x属于R)若a,b,c属于R且? </t>
  </si>
  <si>
    <t>已知 函数f(x)=x的三次方+x(x属于R) 若a,b,c属于R 且a+b&gt;0 b+c&gt;0 a+c&gt;0 求证f(a)+f(b)+f(c)&gt;0f(a)+f(b)+f(c)＞0&lt;===&gt; a^3+a+b^3+b+c^3+c＞0&lt;===&gt; (a^3+b^3+c^2)+(a+b+c)＞0&lt;===&gt; 2(a^3+b^3+c^2)+2(a+b+c)＞0&lt;===&gt; a^2(b+c)+b^2(a+c)+c^2(a+b)+(a+b)+(b+c)+(a+c)＞0&lt;===&gt; (a^2+1)*(b+c)+(b^2+1)*(a+c)+(c^2+1)*(a+b)＞0由已知知道，上式显然成立.</t>
  </si>
  <si>
    <t xml:space="preserve">总感觉牙齿酸酸的，不怎么舒服，需要洗牙吗？自从生完孩子后，牙齿之 </t>
  </si>
  <si>
    <t>洗牙是常规治疗，酸痛等相关症状需要具体检查后确定</t>
  </si>
  <si>
    <t xml:space="preserve">我在广州体育东路开服装店的，营业执照到期了要去那里办理延期？详细? </t>
  </si>
  <si>
    <t>应该是工商局啊 具体地址可以打114咨询的 市话收费</t>
  </si>
  <si>
    <t xml:space="preserve">血宠的问题问下，地龙，改牛，水龙，不暴血的液态SLM，哪个血成长 </t>
  </si>
  <si>
    <t>160级满D地龙数据.血5788魔3043攻841防754敏639精神39回复473血成长35.425160级满D改牛数据.血5054魔2743攻941防983敏446精神69回复371血成长30.920160级满D水龙数据.血4765魔1977攻906防908敏315精神23回复379血成长29.150液态就不说了.那个满D的都一定会爆的...____________________补充______________________地龙最强.其次是牛.然后是水龙.其中改树应该排在第2.但是改树魔少敏低.所以会爆的.</t>
  </si>
  <si>
    <t xml:space="preserve">儿童牙齿什么时候矫正最合适?儿童牙齿都不整齐 </t>
  </si>
  <si>
    <t xml:space="preserve">乳恒牙交替时期，的排列常常是错杂的，有时其全是零乱不堪的，医学上称为暂时性错合。有些家长为此十分担忧，要求尽早的给予矫治。其实，人体牙齿有排列整齐的潜在倾向，在乳恒牙交替时，牙齿排列有自行调整的可能，在乳恒牙交替未完成前（除了反颌、开颌，不良习惯造成的错颌外，下文详细说明），一般不必急于矫治，应观察随访，有些孩子的恒牙会慢慢排列整齐的、即使需要矫正，也应在乳恒牙交替完成以后进行。通常在12岁左右，此时恒牙萌出达到了一定高度，各种矫治器的制作和佩戴才能准确和有效。小孩子换牙时期除了以下情况外，一般不需要做矫正。 （1） 严重的上颌骨或下颌骨骨骼畸形，如表现为前牙过分前突，嘴唇前突，反颌（兜齿 ）。（2） 不良习惯严重影响牙颌发育。如咬下唇习惯，吃手指习惯，口呼吸习惯，吐舌习惯。 （3） 个别牙严重错位，如扭转牙；个别牙反合（上牙咬在下牙的里面）。 在换牙的时候还会出现一些暂时性的错合，这些情况包括：轻度拥挤，门牙间有缝隙，咬合深。家长们看到这些情况，请不必担心。随着孩子的逐渐生长，颌骨的继续发育，这些错合会逐渐消失或缓解，所以没有必要进行矫治。 什么时候矫正最好？ 一般说来女孩子10-12岁矫正最好，男孩子11-13岁矫正最好。此时乳牙刚刚替换完。 但是对于患有骨骼畸形的孩子尤其是患有"兜齿"的孩子，医生建议应该在替牙期及早矫治。早期矫治有助于利用孩子的生长发育高峰期阻断异常的生长发育趋势，将其导向正常。 </t>
  </si>
  <si>
    <t xml:space="preserve">x2检验的基本思想是什么？可以解决哪些问题? </t>
  </si>
  <si>
    <t>假设检验的基本思想是小概率反证法思想基本步骤　　1、提出检验假设（又称无效假设，符号是H0））和备择假设（符号是H1）。 　　H0：样本与总体或样本与样本间的差异是由抽样误差引起的； 　　H1：样本与总体或样本与样本间存在本质差异； 　　预先设定的检验水准为0.05；当检验假设为真，但被错误地拒绝的概率，记作α，通常取α=0.05或α=0.01。 　　2、选定统计方法，由样本观察值按相应的公式计算出统计量的大小，如X2值、t值等。根据资料的类型和特点，可分别选用Z检验，T检验，秩和检验和卡方检验等。 　　3、根据统计量的大小及其分布确定检验假设成立的可能性P的大小并判断结果。若P&gt;α，结论为按α所取水准不显著，不拒绝H0，即认为差别很可能是由于抽样误差造成的，在统计上不成立；如果P≤α,结论为按所取α水准显著，拒绝H0，接受H1，则认为此差别不大可能仅由抽样误差所致，很可能是实验因素不同造成的，故在统计上成立。P值的大小一般可通过查阅相应的界值表得到。</t>
  </si>
  <si>
    <t xml:space="preserve">在新浪股票中的胜龙个股问诊里面的胜者螺旋转折日是什么意思？ </t>
  </si>
  <si>
    <t>它的本意是股票到这一天会发生向好的方向走，实际不行，还是天书。我对照我自己的股票观察很久了，没什么用，碰巧转好是运气。</t>
  </si>
  <si>
    <t xml:space="preserve">越是什么结构小学毕业考的一题 </t>
  </si>
  <si>
    <t xml:space="preserve">越属于 "半包围结构"中的"边字结构". 不知道是不是你要的答案? </t>
  </si>
  <si>
    <t xml:space="preserve">吃什么可以生发？ </t>
  </si>
  <si>
    <t>吃什么对生发都没多大作用啊，我以前也吃过挺多东西的，坚持了大半年都没什么作用也就没有 再吃那些玩意儿了，后来我也是一朋友介绍说什么温全头皮什么液的对掉发，生发有用，我也就了解了一下，好像听他们介绍是那么回事儿，也就用了，用了后才知道是真的可以，现在用了大概快五个月了吧，头发已经挺多了，特别是头顶长了挺多头发的了。也没以前那么老掉发了。挺开心的。</t>
  </si>
  <si>
    <t xml:space="preserve">如何选择8万左右的家用车？想买部8万块全部搞定的汽车，基本要求是 </t>
  </si>
  <si>
    <t xml:space="preserve">本田飞度两厢 1.3 MT2004款 大众(上汽)高尔 高尔 1.6 MT旋风 大众(一汽)捷达 2006款 捷达 CIX伙伴2006款 东风雪铁龙富康 富康 1.616V MT2005款 福特嘉年华 嘉年华 1.6 MT运动版2005款 悦达起亚千里马2005款 新千里马1.3GL MT2005款 都是不错的选择 </t>
  </si>
  <si>
    <t xml:space="preserve">南京哪里有陪购师，陪人逛街买衣服的？ </t>
  </si>
  <si>
    <t>南京有专业陪购师的，推荐您到南京思思彩妆造型提供专业陪购师，陪同客人，逛街，买衣服，对于陪购，南京市民已经不再陌生，但其实这一行业早在几年前就将“触角”伸到南京市场，一般是“二三百元/小时了，五百元算中档”的价格，目前在职业白领，以及个体老板，企业单位老总，家庭主妇很多人都选择专业陪购师的。</t>
  </si>
  <si>
    <t xml:space="preserve">媒体说，"很多热钱不知潜伏在哪儿？"如何理解呢？ </t>
  </si>
  <si>
    <t>?]錯自美???дf約有八千?|?糁??大部份在房地產,小部份在股市基金.?有一些是做資金到位證明用.</t>
  </si>
  <si>
    <t xml:space="preserve">这花是什么花叶卵形，外有粗锯齿，互生，伞状花序 </t>
  </si>
  <si>
    <t>这是白背三七。　名 白背三七 　　汉语拼音 bai bei san qi 　　别名 大肥牛(《广州植物志》)，土生地、白仔菜药、散血姜(《广西药植图志》)，土田七(《广西中药志》)，三百棒、地滚子，大救驾、百步还阳、石三七、树三七(《云南中草药》)，大绿叶、接骨丹(《云南中草药选》)，白背土三七、白三七草（《海南植物志》），枪刀药、清心菜、白血皮菜、胡豆七、胖儿草、玉枇杷、金丝枇杷、白东枫、厚面皮、鸡菜、白番苋、白红菜、疔拔、叉花三七、大晕病药。[1]﻿[3]﻿[8]﻿ 　　益寿草、长寿树、台湾仙草、益寿神草、生命树、龙仙草、神草。[2]﻿[9]﻿ 　　英文名 root and rhizome of Divaricate Gynura 　　原植物 Gynura divaricata (L.) DC. [G. oualis DC.； eudo-china (L.) DC.] 　　药用部位 以植物的全草入药。 　　功效分类 清热药；止咳药。[1]﻿ 　　附注 植物描述，详见词条：白子菜</t>
  </si>
  <si>
    <t xml:space="preserve">我的宝宝五个多月了，最近得了感冒，伴咳嗽有痰，请问吃什麽药或怎样? </t>
  </si>
  <si>
    <t>如果是普通感冒，没有发烧，可以多喝白开水，三四天后会自愈的。孩子这么小，最好不要用药，提高抵抗力是最重要的，否则会对药物产生依赖性，其次还要注意保暖以及不要过早地脱去冬装，另外，白开水的去痰效果很好，要在早晨起床后和外出活动后多服用。如果发烧那就要去看医生了。另外推荐一篇文章，希望对你有所帮助，</t>
  </si>
  <si>
    <t xml:space="preserve">完形填空MarkTwain__1__onedayifhecoul </t>
  </si>
  <si>
    <t>1. D2. B3. B4. B5. C6. C7. C8. B9. 有问题，没有空10. B</t>
  </si>
  <si>
    <t xml:space="preserve">热情的朋友们，谢谢你们来帮助一个菜鸟的爱情开始在大学的日子里，我 </t>
  </si>
  <si>
    <t>只要你用心就足够了，我想每个女孩子都不会拒绝一颗真爱她的心，不过如果你只是想玩玩而已，即使你用尽招术让她开心，也只是暂时的，一旦她发现你不是真诚的，也会立即离开，所以我想既然你们彼此对对方都有好感，那么在以后的日子里只要真诚相待，增进对双方的了解，真心爱对方，你们一定会很幸福，在此也真诚祝福你们可以长长久久</t>
  </si>
  <si>
    <t xml:space="preserve">关于光大信用卡还款问题我办了张5000的信用卡，在9月10日刷了 </t>
  </si>
  <si>
    <t>一、银行信用卡中心在北京，不知道您在哪个城市？信用卡的账单大多是通过挂号信寄送，少数是使用平信。即使是同城，平信也要一、两天的时间，挂号信当然会更慢一些。因此，您的账单日是1日，3日没有收到账单是很正常的。现在，应该已经收到了吧？二、1号是账单日，20号是还款日。9月10日刷了现金2500，10月19日还钱进去了，再取出来，明天20日又要还进去了？如果我20日还款取现呢? 如果当天还款当天取现是不是扣个人信用度的？1、9月10日刷了现金2500，在10月1日出账单；10月20日是还款日。如果10月19日还款，同时当天取现。10月19日取现，是在11月1日出账单，11月20日还款。因此，不需要在10月20日还款。2、如果20日还款取现，与19日交易是相同的，也是在次月还款。只要是在10月1日之后的交易，都是在11月1日出账单，11月20日还款。3、如果当天还款当天取现是不是扣个人信用度的？当天还款之后，首先是增加个人信用额度。再次取现后，扣减相应的信用额度。当天还款当天取现，不是不扣个人信用额度，而是先加后减相同的额度；只是交易后的信用额度金额与还款取现之前相同而已。</t>
  </si>
  <si>
    <t xml:space="preserve">介绍柬树的习性？ </t>
  </si>
  <si>
    <t xml:space="preserve">你的问题应该是楝树的误称楝树又称苦楝，学名Melia azedaeach L.，属楝科楝属植物。 别名：又名楝树，紫花树，楝枣子。 翠树、森树、楝枣树、火?鳌⒒ㄐ氖鳌⒖嗬笔鳌⒀蠡ㄉ?形态特征：落叶乔木，高达20米。树冠宽阔而平顶，小枝粗壮。皮孔多而明显，叶互生，2～3回奇数羽状复叶。小叶卵形至椭圆形，先端渐尖，缘何钝尖锯齿，深浅不一，基部略偏斜。圆锥状复聚伞花序腋生，花淡紫色，有香味。核果近球形，熟时黄色，宿存枝头，经冬不落。花期4～5月，果熟期10～11月。 树皮暗褐色，幼枝有星状毛，旋即脱落，老枝紫色，有细点状皮孔。2回羽状复叶，互生，长20～80厘米；小叶卵形至椭圆形，长3～7厘米，宽2～3厘米，基部阔楔形或圆形，先端长尖，边缘有齿缺，上面深绿，下面浅绿，幼时有星状毛，稍后除叶脉上有白毛外，余均无毛。圆锥花序腋生；花淡紫色，长约1厘米；花萼5裂，裂片披针形，两面均有毛；花瓣5，平展或反曲，倒披针形；雄蕊管通常暗紫色，长约7毫米。核果圆卵形或近球形，长约3厘米，淡黄色，4～5室，每室具种子1枚。花期4～5月。果期10～11月。分布：苦楝是古老的树种，在我国公元6世纪的《齐民要术》中就有楝树生长特性及育苗造林的记载。苦楝在我国分布很 广。黄河流域以南、华东及华南等地皆有栽培。本地区有自然分布，栽培应用较少。多生于路旁、坡脚，或栽于屋旁、篱边。北至河北，南至云南、广西，西至四川，都有分布 。生态习性：强阳性树，不耐庇荫，喜温暖气候，对土壤要求 不严。耐潮、风、水湿，但在积水处则生长不良，不耐干旱。枝梢生长快，至生长期终了嫩梢尚未充分成熟，顶芽容易脱落，梢端易受冻害。春季主梢下部成熟部位再萌发生长，从而 形成分枝多、树干矮的特性。主根不明显，侧根发达，须根较少，因而抗风力强，因而大树移植成活差。幼树生长快，寿命短，对二氧化硫等抗性强，具有吸滞粉尘和杀灭细菌的功能。 育苗栽培：以播种繁殖为主。出种率25~40%，种子千粒重550~830千克，每千克1200粒~1800粒，发芽率60%~80%。冬播或早 春播都可，每亩播种量15~20千克，约需40~50天才开始发芽，亩产苗量1.0~1.5万株，一年生苗高1.0~1.5米。 绿化用途：苦楝树形潇洒，枝叶秀丽，花淡雅芳香，又耐烟尘、抗污染并能杀菌．故适宜作庭荫树、行道树、疗养林的树种，也是工厂绿化、四旁绿化的好树种。 </t>
  </si>
  <si>
    <t xml:space="preserve">指甲上有很多白斑指甲一长长上方就有很多白斑左手的中指和无名指上方 </t>
  </si>
  <si>
    <t xml:space="preserve">指甲长白班通常是蛔虫病或体内缺锌，建议去检查、化验，对症治疗。这是关于指甲看健康的介绍，供参考了解！指甲断病： 1、 指甲变黑、指甲下有碎状斑点表明患有感染引起的（严重心脏感染）心肌炎，其他心脏疾病，出血性疾病。 2、 指甲易碎表示可能缺铁，甲状腺问题，肾功能受损，血液循环问题。 3、 指甲脆、软易磨损，缺乏营养，可能显示甲状腺机能亢进。 4、 黑指甲和/或薄、扁平、汤匙状指甲，均是缺乏维生素B12或贫血的征兆。（若手接触清洁剂、过敏物，指甲也可能变黑或变灰) 5、 指甲呈深蓝色显示肺部受阻，例如气喘或肺气肿。 6、 指甲尖端内陷表示心、肝或呼吸系统有异常问题。 7、 除局部真菌感染外，绿指甲渴显示体内细菌感染。 8、 指甲半白，且指尖黑点，可暗示肾脏病。 9、 甲床出现孤立的绿色条纹，特别匙肤色较白择，是皮肤癌的一个标准。 10、 串珠状指甲（表面不平）是风湿性关节炎的征兆。 11、 指甲延伸到指尖并向下弯曲是肺部损伤的征兆，如肺气肿、石棉肺。 12、 易断碎、裂痕、剥落，表示营养不良及缺乏盐酸及蛋白质。此时矿物质也极度缺乏。 13、 指甲基部隆起，且白色部分很小，意味这有呼吸系统疾病，如肺气肿或慢性支气管炎。这种症状有遗传的可能。 14、 指甲与甲床分离暗示甲状腺疾病或局限性感染。 15、 指甲状似被敲扁的铜管乐器，表示有部分或全部毛发脱落的倾向。 16、 红棕色的痘痕及指尖磨破、分叉，意味着牛皮癣；需要补充VC，叶酸，蛋白质。 17、 甲床周围皮肤变红意味着必需脂肪酸消化不良或结缔组织疾病，如狼疮。 18、 指甲上出现直立或水平状突脊。直立突脊意味着健康状况差、营养吸收不良、和/或铁缺乏、肾脏疾病。水平脊由于过重的精神压力或体力压力造成。指甲突脊交错，表示有形成关节炎的倾向。 19、 厚甲暗示着循环系统功能低下，血液循环不畅，甲状腺疾病。 20、 指甲变薄可能似扁平苔藓征兆。 21、 两条固定不变的白色条纹意味着低蛋白血症。 22、 指甲如果出现了白点、或者絮状的白斑，可能是蛔虫症或缺锌、或胃肠道有病、或贫血，营养不良等。 如果是蛔虫症可有下列症状：1、眼睛巩膜蓝斑：双眼或单眼巩膜出现不规则、不突起的蓝色或褐色的斑翳，大小如针孔或绿豆， 多少一定，儿童最明显。 2、面部白斑：面部出现白色园形斑，大小不一，大者如指甲大，小者如绿豆大。 3、指甲白斑：指甲中心部位有边缘不规整的条状或块状白斑。 4、舌红花斑：舌表面、舌尖或侧面见红色斑点，园形顶尖针孔大小。 5、再根据临床表现如营养不良、消瘦、时有脐周痛等，即可初步确诊。 此外指甲白斑：出现在指甲上的一个或数个白色斑点，提示指甲生长过程中曾遭受轻微损伤。 </t>
  </si>
  <si>
    <t xml:space="preserve">牡丹江一般的宾馆标间和普间价钱是多少？7月份能有打折吗？ </t>
  </si>
  <si>
    <t>7月份是牡丹江的旅游旺季，折扣少一些。一般的宾馆200元标间应该没有问题！湖上的宾馆也许稍贵些欢迎你内蒙的朋友！</t>
  </si>
  <si>
    <t xml:space="preserve">在户外露营去哪里好，应该注意些什么？ </t>
  </si>
  <si>
    <t>户外活动应当注意：    1、大帐篷不要选择低洼地；    2、烧火做饭应远离林木区；    3、夜晚休息防止野兽袭击；    4、明显威胁生命地方不去；    5、野外活动人数不能太少；    6、游览活动定要结伴而行。</t>
  </si>
  <si>
    <t xml:space="preserve">软件开发下学期要学什么课我是专科，大家顺便再介绍点学习方法。 </t>
  </si>
  <si>
    <t>我们主要学:SQL Server应用开发、Java面向对象程序设计、网页编程……</t>
  </si>
  <si>
    <t xml:space="preserve">海虾+柿子海味中的鱼、虾、藻类，含有丰富的蛋白质和钙等营养物质， </t>
  </si>
  <si>
    <t>看标题我就猜到了这是食物相克的问题…俺真有先知的能力？…</t>
  </si>
  <si>
    <t xml:space="preserve">姐妹们推荐一款好眼霜来救急啊，我眼角开始出鱼尾纹了，想去掉啊！ </t>
  </si>
  <si>
    <t>我用过一款去 皱产品，法国芙洛雅，可以直接涂抹到眼部周围，去 除鱼尾纹的效果非常显著，感觉比以前使用过的许多眼 霜效果都要好很多。去 除鱼尾纹后，我一直使用法国芙洛雅，直到现在，我的眼角不仔细看都看不出来鱼尾纹，我已经36岁了。所以，真心推荐你购买法国芙洛雅去 皱美容产品啊，完全可以取代眼 霜的。</t>
  </si>
  <si>
    <t xml:space="preserve">我登录不了我公司的微博了，我确信登录用户名和密码是正确的，登录时? </t>
  </si>
  <si>
    <t>你微博大概多久没登录了，密码大小写注意下，还有网速有无问题，如果用户名和密码没错的话，应该就是网速的问题，我以前遇到过此类的问题，隔断时间看看，如果都没问题的话请你@新浪微博叫专家给你看看</t>
  </si>
  <si>
    <t xml:space="preserve">白癜风怎样治疗？昆明手术治疗白癜风 </t>
  </si>
  <si>
    <t>您好，白癜风的发病原因很多，必须找到适合自己的发病原因的药物对症对因治疗才会取得更好的治疗效果。建议家长带孩子去专业的白癜风医院做个详细的检查，根据孩子黑色素损失的原因、黑色素损失的情况以及孩子的自身的身体状况，制定有针对性的治疗方案，并在医生的指导下做好护理工作，这样才能有效的治愈白癜风。现在采用的治疗方式是多方面的，综合性的治疗，像您的情况是要查明发病的诱因，采用中西医结合，提高自身的免疫力，调节体内微循环和黑色素细胞治疗相结合，等病情稳定后在采用手术一次性治疗白癜风的治疗方法有很多，不同的症状有不同的治疗方法，要及时的确诊一下，专家会根据自己的病情制定合理的治疗方案，积极的配合医生的治疗，争取早日康复。</t>
  </si>
  <si>
    <t xml:space="preserve">女的有很多痔是旺事业的，是否克夫？但我十指都无斗，又有协助丈夫之 </t>
  </si>
  <si>
    <t>难道说,有痔不在年高.搞笑啦.</t>
  </si>
  <si>
    <t xml:space="preserve">腾龙网络电视注册机6.0版的注册码百度上找了几个不能用 </t>
  </si>
  <si>
    <t>112636-980170882-28322101 11236-97889-38231注册会成功不过认证会失败</t>
  </si>
  <si>
    <t xml:space="preserve">请问新浪微博怎么取消关注已经被注销账号的人呢？ </t>
  </si>
  <si>
    <t>想修正的话，私信微博客服要求修正关注数，同时需提供注册时间/地点及密码前三位就行了。。如果对您有帮助，给我的答案一个好评哦，亲，谢谢（请进入应用“微问”里查看自己提出的问题并给出好评）</t>
  </si>
  <si>
    <t xml:space="preserve">简单物理～～家用电器连接使用较长时间后要停用一会儿是为了———— </t>
  </si>
  <si>
    <t>各种电器里都有导体,只要电流通过导体,就要发热,连续使用较长时间后,要停用一会儿,是为了散热,防止用电器的温度过高而烧坏元器件潮湿会降低绝缘性能,使电路工作失常,影响用电器使用,所以用电器长期停止使用,隔一段时间要通电,利用电热驱潮.</t>
  </si>
  <si>
    <t xml:space="preserve">怎么理解osi各层的作用？怎么理解osi各层的作用呢？ </t>
  </si>
  <si>
    <t>OSI每层功能及特点　　　　1、物理层：其作用是传输BIT信号，典型设备代表如HUB（集线器）。　　　　2、数据链路层：包括LLC和MAC子层，LLC负责与网络层通讯，协商网络层的协议。MAC负责对物理层的控制。本层的典型设备是SWITCH（交换机）。　　　　3、网络层：本层的作用是负责路由表的建立和维护，数据包的转发。本层的典型设备是ROUTER（路由器）。　　　　4、传输层：本层将应用数据分段，建立端到段的虚连接，提供可靠或者不可靠传输。　　　　5、会话层：本层负责两个应用之间会话的管理和维护。　　　　6、表示层：本层解决数据的表示、转换问题，是人机之间通讯的协调者，如进行二进制与ASCII码的转换。　　　　7、应用层：本层是人机通讯的接口。典型的应用程序如FTP、HTTP等。</t>
  </si>
  <si>
    <t xml:space="preserve">请问广东省内有哪几间知名的口腔学校.我想报读口腔医学,考取职业医? </t>
  </si>
  <si>
    <t>中山大学医学院，很好。还有南方医科大学、广州中医药大学、广州医学院、广东医学院等的相关院系了。</t>
  </si>
  <si>
    <t xml:space="preserve">请问各位老师600186今天怎么操作？同上 </t>
  </si>
  <si>
    <t>短期涨幅太大，今天减仓50%左右，明天再大幅拉升再减仓</t>
  </si>
  <si>
    <t xml:space="preserve">我现在想出国念研究生。可是换专业对我来讲是要从头学起吗？我是想申? </t>
  </si>
  <si>
    <t>请问你的专业是什么？又想转哪个专业呢？你是否已经获得学士学位？你愿不愿意选择靠近你的本科专业的硕士课程呢？</t>
  </si>
  <si>
    <t xml:space="preserve">缘分没到等于没有魅力吗?小伙子没有女朋友,人们常说缘分没到.可有 </t>
  </si>
  <si>
    <t>当然不啦,有时幸福要靠自己争取的,你还是个男生,很多事情当然要你主动才行啦</t>
  </si>
  <si>
    <t xml:space="preserve">淀粉是用什么做的？ </t>
  </si>
  <si>
    <t>淀粉的原料可以是一般的面粉，也可以是豌豆 绿豆 红芋 洋芋 蚕豆等含淀粉较多的豆类和块根块茎类食品。如用面粉来取淀粉，可先在面粉中加些水揉成团，然后加水洗，将洗出来的白色液体倒入布口袋中过滤，留在袋中的粉末晒干，即是淀粉。如用豆类或块根块茎类来做淀粉，则可把豆类浸泡，然后磨成浆，再过滤，去渣。再将液体沉淀，出来的干粉即是淀粉。块根块茎类只要洗净，切碎就可照上法加工。</t>
  </si>
  <si>
    <t xml:space="preserve">中药香薰治疗的疾病有哪些？ </t>
  </si>
  <si>
    <t xml:space="preserve">事实上，中药香薰并不能针对性的治疗某些疾病，任何香薰都没有直接治疗疾病的效果。比如香药春秋的药熏也是如此，不能够直接治疗疾病，但是它却可以对某些疾病起到一个预防、促进身体机能恢复等作用。他们的清浊避疫型药熏精油就是可以预防很多流感疾病，但是却不能直接治疗。希望我的回答能够帮到你。 </t>
  </si>
  <si>
    <t xml:space="preserve">这个锤子值多少？60的锤子，粉改3，所有相3/土相3/伤害+75 </t>
  </si>
  <si>
    <t>也就1500W 再好也只是过度期用的</t>
  </si>
  <si>
    <t xml:space="preserve">幽默出句：遥山厚意因君爱 </t>
  </si>
  <si>
    <t>对句：相思太苦缘你恋。出句：遥山厚意因君爱对句：似水柔情为你牵</t>
  </si>
  <si>
    <t xml:space="preserve">轻音剧场版何时出阿同上 </t>
  </si>
  <si>
    <t>现在都出了啊，土豆上有</t>
  </si>
  <si>
    <t xml:space="preserve">请大师帮我铁友算算八字女，私立电脑学校教师，专科，未婚，生于安徽 </t>
  </si>
  <si>
    <t>占者姓名：杨苏 　　出身地点：安徽阜阳　　今年虚岁：26岁　　性别：女 　 国际易经网   线上排盘系统阳历：1981年7月16日21时40分　　阴历：辛酉年(石榴木)六月十五日亥时　　　偏官　　　比肩　　　日元　　　食神坤造：辛酉　　　乙未　　　乙未　　　丁亥　　(辰巳空)　　　辛偏官　　丁食神　　丁食神　　甲劫财　　　　　　　　　　乙比肩　　乙比肩　　壬正印　　　　　　　　　　己偏财　　己偏财　　　　　　　神煞：灾煞　　　华盖　　　华盖　　　国印贵人　　　　禄神　　　孤辰寡宿　孤辰寡宿　太极贵人　　　　将星　　　　　　　　　　　　　金舆贵人　　　　　　　　　　　　　　　　　　　驿马　　　　　　　　　　　　　　　　　　　　　孤辰寡宿　　　　小暑：公历1981年7月7日13时12分　　立秋：公历1981年8月7日22时57分起运：命主于出生后7年4个月又6天10小时起运交运：命主于公历1988年11月23日7时交运　　　伤官　　食神　　正财　　偏财　　正官　　偏官　　正印　　偏印　　大运：丙申　　丁酉　　戊戌　　己亥　　庚子　　辛丑　　壬寅　　癸卯　　　　　07岁　　17岁　　27岁　　37岁　　47岁　　57岁　　67岁　　77岁　　始于：1988　　1998　　2008　　2018　　2028　　2038　　2048　　2058　　流年：戊辰　　戊寅　　戊子　　戊戌　　戊申　　戊午　　戊辰　　戊寅　　　　　己巳　　己卯　　己丑　　己亥　　己酉　　己未　　己巳　　己卯　　　　　庚午　　庚辰　　庚寅　　庚子　　庚戌　　庚申　　庚午　　庚辰　　　　　辛未　　辛巳　　辛卯　　辛丑　　辛亥　　辛酉　　辛未　　辛巳　　　　　壬申　　壬午　　壬辰　　壬寅　　壬子　　壬戌　　壬申　　壬午　　　　　癸酉　　癸未　　癸巳　　癸卯　　癸丑　　癸亥　　癸酉　　癸未　　　　　甲戌　　甲申　　甲午　　甲辰　　甲寅　　甲子　　甲戌　　甲申　　　　　乙亥　　乙酉　　乙未　　乙巳　　乙卯　　乙丑　　乙亥　　乙酉　　　　　丙子　　丙戌　　丙申　　丙午　　丙辰　　丙寅　　丙子　　丙戌　　　　　丁丑　　丁亥　　丁酉　　丁未　　丁巳　　丁卯　　丁丑　　丁亥　　止于：1997　　2007　　2017　　2027　　2037　　2047　　2057　　2067　　你朋友的八字是乙木日主生于长夏，不得时，日主坐财不得地，八字一印一比一食两财两杀，日主身弱用印，用神为时支亥水不得力。八字含义：1、小时候个性好强，父母管教严格，7到12岁多病，10岁后学业渐好，成绩步步高，以后水平较好；2、她的性格比较封闭，朋友少；3、她现在离家在外，婚姻遇卯年有成，但为同性姐妹所影响，不顺利；她婚后必然离家遥远；4、她财运亨通，但财中藏克，得财必然伴随身体方面的毛病；5、她现在大运在丁酉，为日主食杀，极为不利，27到37稍好，37岁以后行运大吉；6、她今年流年运不好，明年会很顺利；婚姻可在明年解决！7、她2017年有大灾，需要小心谨慎！！！8、她的名字杨苏，三才数格为“火土火”半吉之像，但与八字配合不好，是消耗用神之像；宜改为有水旁可木旁的名字为吉，数格最好为木和水。供参考。</t>
  </si>
  <si>
    <t xml:space="preserve">双节将至，先祝大家节日快乐！节后继续发财！问个轻松的话题：当你坐? </t>
  </si>
  <si>
    <t>一个字---爽.同贺节日快乐!</t>
  </si>
  <si>
    <t xml:space="preserve">谁认识补习班补物理的求介绍 </t>
  </si>
  <si>
    <t>恒企培训学校地址:茂南区光华南路59号大院18号公交大厦701-702室 这边培训物理课还是不错的 （为您解答,希望帮到您,如有用,请选下方“对我有用”谢谢采纳.）</t>
  </si>
  <si>
    <t xml:space="preserve">怎样赚钱最快???????我现在是30极法师~~刚开始玩~~以前 </t>
  </si>
  <si>
    <t>呵呵自己有电脑的可以摆摊买钱。比如去矿坑杀人爆他们的矿《那挂机的多》在自己买。就是有点缺德了呵呵</t>
  </si>
  <si>
    <t xml:space="preserve">结交土木同行，希望能够相互学习相互讨论。看到这个问题的同行们希望? </t>
  </si>
  <si>
    <t>建筑工程，在施工、监理、建设单位待过。</t>
  </si>
  <si>
    <t xml:space="preserve">赣州网站建设_赣州网站优化哪家公司好点呢？想建个站，本人在赣州想 </t>
  </si>
  <si>
    <t>找“赣州必应网”吧。。。他们资历比较深。。而且效果也满好的</t>
  </si>
  <si>
    <t xml:space="preserve">右手食指肌腱断裂一小部分 </t>
  </si>
  <si>
    <t>总的说，屈指肌腱比伸指肌腱难恢复不过我不懂你去的是什么医院，肌腱断了1/3，为什么医生说只能恢复到90%。我认为你的医生对他的手术不怎么自信。我今年年初的时候中指屈肌腱也是被玻璃划断了，接上之后，现在是一点影响都没有。大概3到4个月，就可以恢复的很好了。这个一定要到专业医院去手术，要有手外科或者显微外科的是最好的。我刚开始去的是一家综合医院，那医生讲的很吓人，说搞不好这个手指就残废了。我就没在那手术，去了一家显微外科医院，到了那边，医生跟我说你这是小事情，接上就好了。把我吓的半死。我手术之后医生跟我说，等肌腱张好了，你慢慢锻炼，就能恢复了。所以你不用怕，只要手术没问题，张好之后，好好锻炼，很快就恢复了。我现在是一点问题都没</t>
  </si>
  <si>
    <t xml:space="preserve">狗狗得了肛门腺炎怎么办？去年得过一次，费了好多事才治好，这次又来 </t>
  </si>
  <si>
    <t>肛门腺炎是犬的常见病，很多主人都听说过，但对于它的发病原因及处理方法可能不甚了解，现在向大家介绍一下。 　　肛门腺是位于肛门两侧偏下方皮肤黏膜内的一对外分泌腺体，是所有肉食动物都有的。它的主要作用是分泌一些刺激性气味作为自己的标志。肛门腺位于肛门皮肤黏膜的4、8点的位置上，开口向外。细心的主人可能会观察到在犬猫的肛门收缩时有两个针尖大的小眼儿，有一丝灰褐色的分泌物涌出。 　　肛门腺炎可分为两类，其中绝大多数为肛门腺阻塞，由于腺口阻塞，肛门腺的分泌物淤积造成的肿胀，引起不适。另一类为腺体内发炎，化脓而引起的疼痛、瘙痒。这两类病症常伴随发作。患此类病的犬表现为在初期引起瘙痒，其症状可分为三类： 　　第一类病犬在便后及安静时，肛门拖地向前行走或来回摩擦地面。 　　第二类病犬会出现回头舔咬肛门周围，或咬后腿上部外侧的皮毛及尾根。 　　第三类症状为病犬在安静时呈坐滑梯状，正常犬在正常坐姿时肛门不接触地面，患病时经常出现一侧后肢直立，而另一侧后肢侧立，肛门贴地的奇怪姿势。好像人在坐滑梯。在初期症状出现一段时间后，如不及时治疗，病犬会出现后肢行走障碍，行走几步会突然肛门贴地，叉开两后肢，回头观看肛门。进一步发展可导致肛门腺破溃，在肛门一侧或两侧出现腔洞，有脓血流出。 　　病情严重时，需要及时到动物做专业处理。作为主人应该做到的是预防、日常保健和及早发现，以防进一步恶化。预防方法十分简单，就是科学饲喂及相对稳定的日粮，以防止犬腹泻及便秘。在这里应当提醒犬主人的是正常粪便的标准，正常粪便应当是成形的软条状，表面具有一定的柔软度及黏性。那些很容易收拾而不粘器具和地面的粪便是不正常的，可引发此病。所以日粮中加适量的粗纤维，减少蛋白及骨头的含量。 　　日常保健是指每次在给犬洗澡时，主人应用手由下向上捏住犬的肛门两侧4点、8点位置，如果感到肿胀就用力将其中的分泌物挤出，每月至少这样清理一次，可防止此病的严重发作。</t>
  </si>
  <si>
    <t xml:space="preserve">强烈要求对拥有WZ111的玩家做出补偿！坑爹网随意调整参数，和宣? </t>
  </si>
  <si>
    <t>人家为了赚钱！马克思说:资本如果有百分之五十的利润，它就会铤而走险，如果有百分之百的利润，它就敢践踏人间一切法律，如果有百分之三百的利润，它就敢犯下任何罪行，甚至冒着被绞死的危险。 把道德还放在什么地位？</t>
  </si>
  <si>
    <t xml:space="preserve">为什么每当一个人对我好的时候,我就会依赖他. </t>
  </si>
  <si>
    <t>给于你好的人，总会一直给于你好。害怕自己被伤害，为了避免自己可能遭受到伤害，于是就趋向于那些不会让自己受到伤害的场所。逐渐越发的依赖他。也许，是惧怕孤独，不喜欢自己一个人的生活。建议不要养成这种依赖性。交朋友可以，但是不能因为朋友的存在，使得自己越发依赖他们。学会自主生活。</t>
  </si>
  <si>
    <t xml:space="preserve">为啥登陆界面没有服务器选择?????为啥到现在还没有服务器选择? </t>
  </si>
  <si>
    <t>那是在最上面 一个中国地图的形式 只有网通和电信 供你选择.你把鼠标放到上面就可以看到变化了</t>
  </si>
  <si>
    <t xml:space="preserve">我男朋友半个月没有与我联系过，又没有提出分手，这样我们可不可以算? </t>
  </si>
  <si>
    <t>其实感情的事很难说明白，有时也许两个人天天在一起，但是未必知道对方心里面的想法，真正的爱情或许就只有一刹那，在那一刹那过后就要学会去包容对方，去学会过日子，这是何炅说的，不过我觉得很有道理。</t>
  </si>
  <si>
    <t xml:space="preserve">刷5转碎片!刷5转碎片的洞口在哪个位置? </t>
  </si>
  <si>
    <t>大致范围如图.4属性隐秘之洞.有时可能会偏离.仔细找找就行了</t>
  </si>
  <si>
    <t xml:space="preserve">怀孕检查有胎芽，三个月没有胎芽什么原因怀孕检查有胎芽，三个月没有? </t>
  </si>
  <si>
    <t>你好，这种情况属于胎停育,导致胎停育的原因有很多,有免疫性因素,遗传性因素,感染性因素,内分泌性因素,解剖因素等.一般情况下第一次怀孕即出现胎停育,如果找不到病因的话,以后再怀孕靠盲目保胎是保不住的,而且多次流产对身体损害是非常大的.你的情况建议详细检查明确胎停育的具体原因后针对性的治疗后再试孕.祝您好孕.</t>
  </si>
  <si>
    <t>数字6倒立后变成数字9了。 .............................</t>
  </si>
  <si>
    <t xml:space="preserve">想学摄影是不是要花很多钱呀？一般学校的学费都有多少呢？学多长时间? </t>
  </si>
  <si>
    <t>看你想怎么学了，器材这笔钱不用说了，怎么也得弄个单反+俩镜头吧，还得报个班，找个过硬的学校，一般一个月的大约2500左右，我家挨着传媒大学，那的培训班好像就是这个价，也有三个月6000的，不过如果不准备从事高端行业或者有一定基础的，不必学那么久。</t>
  </si>
  <si>
    <t xml:space="preserve">男友为什么总喜欢在我面前说他的情敌。（就是另一位追求者我的男孩）? </t>
  </si>
  <si>
    <t>说明他也很优秀，让你珍惜你们的感情，更说明他是真正爱你的人。好好爱他吧，你会幸福的。</t>
  </si>
  <si>
    <t xml:space="preserve">复活节该怎么算 </t>
  </si>
  <si>
    <t xml:space="preserve">　复活节是西方传统的节日，公元325年尼西亚宗教会议规定，每年过春分月圆后的第一个星期天为复活节。其日期是不固定的，通常是要查看日历才能知道。简便计算方法，年份只限于1900年到2099年：NO.1 设要求的那一年是Y年，从Y减去1900，其差记为N。NO.2 用19作除数去除N，余数记为A。NO.3 用4作除数去除N，不管余数，把商记为Q。 　　NO.4 用19去除7A+1，把商记为B，不管余数。 　　NO.5 用29去除11A+4-B，余数记为M。 　　NO.6 用7去除N+Q+31-M，余数记为W。 　　NO.7 计算25-M-W。 　　  得出答数即可定出复活节的日期。若为正数，月份为4月，如为负数，月份为3月。若为0，则为3月31日。 </t>
  </si>
  <si>
    <t xml:space="preserve">aux线什么牌子好？音质好？ </t>
  </si>
  <si>
    <t>威讯 秋叶原  都还不错哈 朋友！ 感谢你对新浪的大力支持!有任何还不懂的地方请继续追问 如果回答对你有帮助 请点----有用----- ----有用-----亲   ~愿你的人生更美好 感谢你对新浪的大力支持!威迅的AUX线挺不错的</t>
  </si>
  <si>
    <t xml:space="preserve">爱一个人难还是忘记一个人难？人与人之间的感情，真系好奇妙！！！一 </t>
  </si>
  <si>
    <t>难者不会会者不难！如果还没结婚，一定要冷静，想想他的不好是否让你无法忍耐，你们的脾气，秉性是否相投．如果不是，还是忘了他吧！</t>
  </si>
  <si>
    <t xml:space="preserve">请问现在市面上卖的灵魂能力3是不是真是版 </t>
  </si>
  <si>
    <t>是正式版，试玩版只能用几个角色。</t>
  </si>
  <si>
    <t xml:space="preserve">QQ炫舞一共有多少级图标?QQ炫舞的图标一共有多少级?分别要多少 </t>
  </si>
  <si>
    <t>1级图标：10级 2级图标：25级 3级图标：40级 4级图标：55级 5级图标：70级 6级图标：85级 7级图标：100级目前最高7级图标</t>
  </si>
  <si>
    <t xml:space="preserve">请大家赶紧的看看这些题，请大家帮帮忙，谢谢！！！！！！！！！1. </t>
  </si>
  <si>
    <t>第一题 78元第二题 79人第三题每件服装的标价是X0.5X+20=0.8X-40解得x=200即每件服装的标价是200元0.5×200+20=120即每件服装的成本是120元设最多打X折120=200×X解得X=0.6即最多打6折</t>
  </si>
  <si>
    <t xml:space="preserve">快门优先适宜哪种情况使用?光圈优先呢? </t>
  </si>
  <si>
    <t>大体上说快门优先是用在需要拍摄者控制是否产生运动的模糊效果，典型的应用就是体育比赛，是要模糊的动感还是，将瞬间固定下来。光圈优先则是用在需要控制景深的场合，比如人像，你是想让人物只有眼睛清晰还是想让正个人头都清晰。由于比M操作更方便更省心，所以才会出现2种不同的控制方式，其实都是自动功能的一种，只不过不是全自动。</t>
  </si>
  <si>
    <t xml:space="preserve">帮帮忙，今天老师第一次讲三角函数。钝角△ABC，∠C是钝角，∠A </t>
  </si>
  <si>
    <t>你自己画图吧过C作CD⊥AB于D点∵tgB＝CD/DB＝1/3 可设CD＝x∴DB＝3x,则CB＝根号[(3x)平方+(x平方)]＝(根号10)x∵BC＝(根号10）∴x=1,即CD＝1，DB＝3∵∠A=30°，且CD＝1∴AC＝2，则AD＝（根号3）∴AB＝AD+DB＝（根号3）+3</t>
  </si>
  <si>
    <t xml:space="preserve">那里可以看到NBA的最新SP资料？[ </t>
  </si>
  <si>
    <t>官网就有啊</t>
  </si>
  <si>
    <t xml:space="preserve">如果开二章，是不是得从新下客户端啊？能在原来1章客户端上更新吗 </t>
  </si>
  <si>
    <t>不用自动更新,或者,下载补丁</t>
  </si>
  <si>
    <t xml:space="preserve">男人和女人第一次见面的"眼缘"你怎么理解2.这个"眼缘"很重要吗 </t>
  </si>
  <si>
    <t>一个人同另一个人在第一次见面的时候彼此之间被对方的外表长相气质神韵所吸引。这种现象就是眼缘。　　眼缘有一眼缘和终身眼缘。一眼缘指短暂的认同愉悦，而终身眼缘指那种“相看两不厌，只有敬亭山”那种百看不厌，不关岁月的，真正的眼缘。　　据说这与基因有关，有时我们不得不感叹，科学与玄学之间的某些雷同。</t>
  </si>
  <si>
    <t xml:space="preserve">结婚戒指到底重要不?我老公是一个绝对优秀的男人,善良,上进,孝顺 </t>
  </si>
  <si>
    <t>结婚戒指不是紧筘咒，如果你的老公不爱你的话，拿结婚戒指来又有何用？如果你实在喜欢的话，在你们的结婚纪念日适当提醒他一下给买一个，有礼后补．</t>
  </si>
  <si>
    <t xml:space="preserve">请问：限售股解禁对000012影响有多大？该股周一跌幅是否会很深 </t>
  </si>
  <si>
    <t>限售股解禁对000012有一定影响，个人建议暂时可以出局。</t>
  </si>
  <si>
    <t xml:space="preserve">请问现在适合投资什么呢? </t>
  </si>
  <si>
    <t>如果有经验的话，可以投资做餐饮，餐饮是所有投资项目中永远不倒的一面大旗!</t>
  </si>
  <si>
    <t xml:space="preserve">我想找到朋友的博客我刚注册了博客号码，也想看到朋友的博客。可是， </t>
  </si>
  <si>
    <t>搜索她最有可能写得文章</t>
  </si>
  <si>
    <t xml:space="preserve">家里台式机不拉网线可以上网吗?由于最近要搬去外地宿舍,但是只在那 </t>
  </si>
  <si>
    <t>你去买一个USB接口的无线上网卡，就是把一个手机卡似的资费卡插到到你买的无线上网卡里，这个资费卡有包半年的，一年的，具体就看你自己了，网卡就分两种，支持CDMA和支持EDGE，CDMA是联通卡，EDGE是移动卡联通的便宜些，移动的速度快些，这些就要看你自己选择了~！</t>
  </si>
  <si>
    <t xml:space="preserve">QQ堂免费挂机外挂的下载地址??? </t>
  </si>
  <si>
    <t xml:space="preserve">QQ堂 </t>
  </si>
  <si>
    <t xml:space="preserve">电脑知识每次开机，桌面都显示一个文件夹，请问怎样消除，多谢。 </t>
  </si>
  <si>
    <t>先点 开始--所有程序--启动--看看里面有没有文件，有的话清除。然后点 开始--运行--输入 msconfig 然后确定--启动--把里面可疑的启动项前的勾去掉，然后再应用确定。如果你不确定哪些可疑，你可以百度搜索一下看看分别是什么。</t>
  </si>
  <si>
    <t xml:space="preserve">GM怎么不给玩家提供游戏角色在游戏中的交易记录?GM最近游戏号被 </t>
  </si>
  <si>
    <t>这样的建议非常好，从技术上加以改进应该不会有什么大问题。希望能尽快改进！</t>
  </si>
  <si>
    <t xml:space="preserve">应用牛人勋章要怎么做才拿到123 </t>
  </si>
  <si>
    <t>要开发一个应用,还要有100个人用</t>
  </si>
  <si>
    <t xml:space="preserve">求提高英语能力的软件有没有好用的能提高英语水平的软件呢？不要太高 </t>
  </si>
  <si>
    <t>走遍美国洪恩环境英语金山词霸</t>
  </si>
  <si>
    <t xml:space="preserve">修车发电机是否发电怎么判断 </t>
  </si>
  <si>
    <t>很简单：如果电平没问题，汽车没多长时间就会自动熄火。</t>
  </si>
  <si>
    <t xml:space="preserve">多吃辣的食物是否对男性性器官有影响？会造成阳痿、早泄吗？抽烟和喝 </t>
  </si>
  <si>
    <t>多吃辣的食物准确的说：对男性前列腺有不良影响，但不会造成阳痿、早泄，如果老兄阳痿、早泄，千万别怪吃辣的食物，要怪你没有良好的精神状态和强健的体魄。解决办法：清洗头脑，积极锻炼，适当进补。。。。。。包你多吃辣的食物也能成为伟男子喔！！！！！！</t>
  </si>
  <si>
    <t xml:space="preserve">急切知道2企业对账问题，现在快到年底了，到了各个公司对账的时候， </t>
  </si>
  <si>
    <t>首先要收集好你公司关于这家公司所有的账目明细，包括发票，收据等等复印件，最好能找找以前对账的档案，财务必须有底。拿着这些材料去对方单位对账，如果对方单位不理睬或者不承认的话，起诉他们，不要太难为...你们公司的账务也应该处理下，作为坏账吧，这样也能体现你们资产的真实性。</t>
  </si>
  <si>
    <t xml:space="preserve">现在审核这么慢是不是乐天不在了？？？没管理员？？？？ </t>
  </si>
  <si>
    <t>估计是系统原因。</t>
  </si>
  <si>
    <t xml:space="preserve">新浪爱问如何才能加分？我有好些喜欢的资料下载可是积分不够了也不知 </t>
  </si>
  <si>
    <t xml:space="preserve">注册，激活邮箱，登录共享资料，上传资料供网友下载都可获得积分。具体得分途径与所得积分： 1注册成为爱问共享资料用户-- 20分 2成功激活邮箱-- 20分 3每天登录爱问共享资料-- 5分，每天5分封顶 4资料被人下载-- 每次获得设定的分数，如果您将资料无偿共享，资料被下载一次，我们将奖励您1个积分，(每条资料30分封顶) 5您分享的资料被人下载--  分享其他用户的资料并被下载，您可以获得与上传者相同的积分奖励。(每条资料30分封顶，通过自己的分享链接下载无效，重复下载无效) </t>
  </si>
  <si>
    <t xml:space="preserve">求助：试孕半年失败，我该做什么检查？我和老公半年前做了优生四项和 </t>
  </si>
  <si>
    <t>四年前的工作环境应该不会影响到现在受孕。建议你老公查个精子。你可以到医院做一下抗体（抗精子抗体、抗胚胎抗体、抗子宫内膜抗体等），此项只需抽血清，无需空腹，几十元。在YJ3-7天做个激素六项检查，激素六项是个动态值,有时医生还要求你在排卵期查,要抽血,大概300元左右吧,视你所待的城市来定. 如果这几项都没有问题的话你只能通过输卵管造影看看有无堵塞了。</t>
  </si>
  <si>
    <t xml:space="preserve">电力工程师岗位职责和电力工程师面试题求电力工程师岗位职责和电力工? </t>
  </si>
  <si>
    <t xml:space="preserve">电力工程师面试题：百度一下：job006面试题网，那里有电力工程师岗位职责1. 电力设备（汽机，锅炉及其他辅助设备）的选型并根据图纸确定具体规格和型号；       2. 设备请购申请的提出；       3. 电厂及锅炉设备的安装质量和安装进度的控制；       4. 电厂及锅炉安装质量的验收、调试和交付；       5. 相关技术图纸的整理和完善；       6. 电厂及锅炉安装过程的协调；       7. 上级交办的其它相关工作； </t>
  </si>
  <si>
    <t xml:space="preserve">最近有什么好听的新歌?什么类型的都可以. </t>
  </si>
  <si>
    <t>宇宙只有我和你、遗忘、幸福的可能、飞、眼泪太年轻、72小姐。误为以为爱情</t>
  </si>
  <si>
    <t xml:space="preserve">请问大家对父母的情感人，一生只有一个亲生父母，请问大家对父母如何 </t>
  </si>
  <si>
    <t>祝天下的所有父母亲都身体健康，平安快乐度一生！</t>
  </si>
  <si>
    <t xml:space="preserve">南昌哪里的书最便宜?南昌哪里卖的书最便宜，新书最好 </t>
  </si>
  <si>
    <t>洪都大道上的图书城,都是新书,都可以打折扣!</t>
  </si>
  <si>
    <t xml:space="preserve">苦闷我老是失眠我该怎么办? </t>
  </si>
  <si>
    <t>多运动不抽烟嗜酒,用一颗平常心看问题:)_</t>
  </si>
  <si>
    <t xml:space="preserve">电脑开不了机.自动重起急救!!!!开机后就显示由于最近硬件或软件 </t>
  </si>
  <si>
    <t>用下面的办法可以确定到底是不是系统中毒了。对于查杀病毒有一个比较好的办法就是到DOS下去杀。现在的工具启动光盘大都可以起到这样的作用！用光盘启动需要光驱作为第一启动设备。方法如下：电脑重启后按Del键进入BIOS。PhoenixBIOS：Boot→光标选择至CD-ROM Drive→按小键盘的+号使CD-ROM Drive升至第一位。Phoenix-AwardBIOS: Advanced BIOS Setup→First Boot Device设置为CD-ROM。AMIBIOS：Advanced BIOS Features→Boot Device Select→1st 改为CD-ROM。按F10保存设置，重新启动计算机。3.在提示从CD启动时按任意键，启动维护光盘。4.在进入的界面里用鼠标选择“杀毒软件”操作方法很简单，这里就不细说了。注意，如果系统引导文件等重要文件感染病毒清除后，可能会因为文件的损坏而无法启动系统。这是因为病毒损坏了Windows系统的文件，需要重新安装系统或修复系统才可以。本光盘没有系统安装功能，请使用您自己的系统安装盘安装或修复系统。5.如果真是有病毒的话，杀完毒后重启应该能正常了。</t>
  </si>
  <si>
    <t xml:space="preserve">手机内存卡格式化后如何下载歌曲今天一个同事准备让我给他手机下载几 </t>
  </si>
  <si>
    <t>这个简单，把卡放到手机，再拿出来，是不是就有音乐文件夹了，把音乐文件放到该文件夹，就可以了，该机应该不是智能机</t>
  </si>
  <si>
    <t xml:space="preserve">最近咳嗽得厉害，谁能告诉我治疗的秘方？ </t>
  </si>
  <si>
    <t>中成药桔梗片止咳嗽有神奇效果。本人曾患过肺结核病，在住医院期间当咳嗽不止、咳嗽厉害时，医务人员给一片深褐色的中成药桔梗片服用，服后立即停止咳嗽，止咳快效果特别好。后来才知道在这里住院的人大多向医生要几片备用，对其止咳作用无不称赞！虽然它不能根除咳嗽，但它能快速止住咳嗽从而避免了因咳嗽带来的痛苦。不是肺结核患者服用也没有副作用。</t>
  </si>
  <si>
    <t xml:space="preserve">WORD中一次性的找到所有的中文字符并全部删除。一次性的找到所有 </t>
  </si>
  <si>
    <t>查找-高级，在突出显示与使用通配符处打勾，查找内容输入：[!a-z0-9A-Z]替换内容：什么都不输入执行后去掉了所有的中文</t>
  </si>
  <si>
    <t xml:space="preserve">如何使用金山2002软件来对完美世界人物进行修改啊？能把人物整的? </t>
  </si>
  <si>
    <t xml:space="preserve">要修改人物体型，好像不用什么软件的，直接去游戏文件里改就可以了，只要改一次保存就可以了，不会变回来的。具体的方法你可以在网上搜素下。 </t>
  </si>
  <si>
    <t xml:space="preserve">辞职后必须让单位开辞职证明吗？跟社保有必须的关系吗？如题辞职后如 </t>
  </si>
  <si>
    <t>只要下个单位是交社保的，就可以继续交，但一定要原来的单位开离职证明。如果不继续交也要有离职证明才能将社保的钱拿回来。</t>
  </si>
  <si>
    <t xml:space="preserve">清泉先生，请问周一可以买入600690青岛海尔、600678四川? </t>
  </si>
  <si>
    <t>均可部分跟进.</t>
  </si>
  <si>
    <t xml:space="preserve">压线用的钳子电工之类的做线的时候除了用到压线钳、剥线钳等还有什么 </t>
  </si>
  <si>
    <t>克丝钳 尖嘴钳 平口钳 偏口钳  鱼嘴钳</t>
  </si>
  <si>
    <t xml:space="preserve">怎么不能更新?更新的时候,总是有共享违列,为什么呀? </t>
  </si>
  <si>
    <t xml:space="preserve">您好是你的客户端不完整，建议您重新安装下游戏。如果还是不成的话，只能是重新下载最新的更新补丁包，最新的客户端。下载网址如下： </t>
  </si>
  <si>
    <t xml:space="preserve">小规模纳税人进口货物成本我公司从日本人进口一批商品，找代理公司办 </t>
  </si>
  <si>
    <t>有进货的发票，才能确定进货价格。发票一般是A四打印纸外文及翻译好中文的，你要自己换算成人民币。进口增值税凭证也能算出来进货价。进货成本不是由关税完税价格+关税+进口增值税相加组成的。</t>
  </si>
  <si>
    <t xml:space="preserve">中国发展航母有用吗？不是说航母是海上坟墓吗？移动慢、目标明显、易 </t>
  </si>
  <si>
    <t>我觉得这个问题应该辩证的来思考。的确，航母正如楼主所说，移动慢、目标明显、易受攻击、好像海上坟墓一样，而且也需要花费大量的金钱和资源来建造和维护，也不是打仗胜利的必要条件。但是，在当今世界如果说它一点用处都没有，显然是不可能的，但说它有很大的用处，也是不对的。只能说它还有一些用处，但是又没有决定性的用处。首先，我们来看看航母的特点。航母是一种进攻性武器，它的攻击性非常强大，能够以自己为中心形成周围半径将近1000公里的战略性压制辐射，能够有效的攻击、阻断、迟滞、遏制、威慑敌方的水面、地面和空中的武装力量。因此它就成为许多国家十分青睐的东西。但是，航母也有明显的缺陷：目标明显、移动缓慢、自身防御薄弱、建造维护成本巨大、需要其它很多舰船保护、不能进入浅水区等等。因此，一般的国家是养不起的，就算养了，未必能保护好，就算保护好了，未必能用的起，就算用了，未必能用的好，就算用好了，打仗未必能胜利。它只是能够使使用方在战争的时候取得胜利的机会增大而已。对于航母，我的看法是这样：    如果我们仅仅进行近海防御，那么航母就并非必须的东西。因为我国没有海外殖民地，没有（至少目前）远距离的敌对国家，因此拥有航母是弊大于利的，理由如下    1.如果拥有了航母，周围的国家就会对我们比较防备警惕，在自己周围的国际环境中容易使别国产生疑惧，不利于我们国家的快速发展。这是政治上不得不考虑的因素。    2.航母舰载机的攻击距离1000公里左右，而陆基飞机攻击距离可以达到2500公里。同为飞机基地，显然陆基基地比航母具有更好的优越性。而航母要是只呆在近海，那建造它有何用？    3.母舰的建造维护以及护航舰只的编制，是需要花费巨额资金的，但若是造出来又不是用来攻击作战，那么只能白白耗费宝贵的财富。在近海攻击谁？自己么？    4.航母防御能力比较差，很容易被强大的敌人摧毁。而且一旦被摧毁后，所造成的政治、军事和民心压力可想而知。    因此，如果仅仅是近海防御，拥有航母是不必要的，是很浪费的。    如果我们打算建立远洋海军，那么在现阶段没有更先进的水上武器可以取代航母的阶段，拥有航母也是必需的。理由如下：    1.航母是远距离进攻性武器，它可以在敌方防区之外对敌人进行远距离精确打击。它尤其适用于与自己相距遥远而且有宽广水道可以直接到达的敌对地区。    2.它由于自身的防卫范围宽广，可以在很大的区域内打击、监视、干扰、阻截、威慑敌人的武装力量，以创造对自己十分有利的战区形势。    3.由于一般国家没有航母，因此它可以有效的威慑、恐吓、打击弱小国家，自己不会遭受重大损失。这样的事例美国正在全世界卖力的表演着呢。我们将来也有必要对小日本进行日本东海岸的战略威慑，让小鬼子安静一点。    4.拥有航母可以有效的保护自己的重要战略利益及战略要点，如石油资源粮食航线、马六甲海峡、南中国海、对马海峡、巴士海峡、台湾列岛、钓鱼岛等，同时也可以有效遏制敌对势力对我国本土及势力范围造成的战略威胁。    目前，我国已经调整海军的战略方向，开始组建远洋海军。在当前没有更先进的舰船能够取代航母之时，发展航母也是一种可以的选择。我们有必要拥有航母，只是不能过多建造，因为随着潜艇攻击防御和推进技术的不断发展，航母的安全日益受到威胁。我们必须着眼于未来，发展出我们自己更适合未来远洋海军的高效战舰，否则如果只是跟着美俄跑，永远会落在别人后面。</t>
  </si>
  <si>
    <t xml:space="preserve">旅途衣食住行如何省钱？ </t>
  </si>
  <si>
    <t xml:space="preserve">出外旅行，住的旅馆质量与旅游质量和费用支出有直接关系。要住得又好又便宜，首先，在地点上的第一选择是单位的招待所。它们条件都比较不错：普遍有冷气、、电话和热水。且价格便宜，安全有保障。当然，在选择旅馆时，要尽可能避免入住某些一看上去就没安全感的“招待所”，里面龙蛇混杂，据说许多治安问题都出在此类旅馆。其次，在时间上要避开当地的旅游旺季，对节约住的费用也有帮助。一般来说，在旅游淡季，旅店业都有不同程度的优惠。 交通费用是旅游中开销最大的一顶，往往占总开支的一半以上。如果时间宽裕，坐火车硬卧最适宜，既比飞机便宜得多，又节省住宿费用，增添旅途内容。购机票要先了解起飞时间与机型。到达目的地后，乘坐出租车前应大约知道路程和价格才不会被骗。 出门旅游，自然要跑这跑那的，要在“行”这方面节约，首先对自己旅游的景区要不得概括的了解，（所以我强烈建议您每到一地先买地图）对当地交通状况有一定认识。那么就可以选择“走着去”或是“打的去”。近的地方走着去，逛大街，看看景区和城市的风土人情而又不需要花钱，何乐而不为之呢？远的地方，还是打的去的比较好。 </t>
  </si>
  <si>
    <t xml:space="preserve">怎么办?会是什么问题我是11月21号用PLSZ测出的强阳,适时安 </t>
  </si>
  <si>
    <t>不要太担心 应该是好孕了 最安全的方法是验血 那个很准确 而且可以检测出大约怀孕多久 我就是在32天验到的 多注意身体 还有就是要注意在50-60天左右在做BC有的时候看不清楚胎心、孕囊、胎芽医生会让你复查的 BC做的太多对宝宝没有好处 注意饮食 好好休息 不要太过疲劳 减少弯腰次数 前三个月是很重要的 胚胎发育期 做好各项检查 祝你和宝宝都健康</t>
  </si>
  <si>
    <t xml:space="preserve">中国最大的超市? </t>
  </si>
  <si>
    <t>家乐福中关村店，号称亚洲最大。</t>
  </si>
  <si>
    <t xml:space="preserve">在电脑上(xp系统)怎样设置宽带拨号上网 </t>
  </si>
  <si>
    <t>控制面板==网络连接===添加新的连接===连接到IE==手动设置我的连接===要求账号密码===你电脑名称(随便输入字母)===宽带账号==密码====OK</t>
  </si>
  <si>
    <t xml:space="preserve">我有个朋友她的鼻子不高的,她问我要不要去做整容.大家觉得要不要啊 </t>
  </si>
  <si>
    <t>骨骼停止生长就可以整容了。只要你朋友觉得做了整容后，能更加完美、更有自信，那为什么不去做？记得要挑正规医院。</t>
  </si>
  <si>
    <t xml:space="preserve">帮忙弄个22*22的帮标我的帮派叫╰ァ?Y?﹎帮我弄个带“?Y? </t>
  </si>
  <si>
    <t>这个很简单啊 瞧瞧可以不</t>
  </si>
  <si>
    <t xml:space="preserve">姐妹们帮忙来看一下啊!我是9月25日YJ,10月5日,9日,11 </t>
  </si>
  <si>
    <t>不会把精子全部流走的。你昨晚AA，而精子从子宫穹隆处到输卵管伞端只需要1.5—2个小时。几亿个小精子，哪能都过去啊！当然是最强壮的才能去啊！其他战败的，当然只好“退兵”了。你到第二天早上才放这些“败兵”流走，还担什么心呢？那些一级棒的小精子可能已经在努力的把头往卵子里钻啦！    好啦，不要担心啦！祝你好孕吧！</t>
  </si>
  <si>
    <t xml:space="preserve">《蒙娜丽莎》是谁的作品 </t>
  </si>
  <si>
    <t>达芬奇！</t>
  </si>
  <si>
    <t xml:space="preserve">关于出售如果我在5173出售的东西过期没人买怎么办，要交钱吗? </t>
  </si>
  <si>
    <t xml:space="preserve">尊敬的客户:    您好！5173回复客服05很高兴为您服务！    您出售的帐号有效期限过后，不需要收取任何费用。                                                    </t>
  </si>
  <si>
    <t xml:space="preserve">虎哥你希望很大了啊一定要拿下啊 </t>
  </si>
  <si>
    <t>兄弟，今晚一起顶过关啊！！！</t>
  </si>
  <si>
    <t xml:space="preserve">纯格斗需要加多少点精神?格斗高手进!需要加精神多少点,不含装备跟 </t>
  </si>
  <si>
    <t>我没加也没准备 加的是敏捷.敏捷加躲避防御攻击移动速度..</t>
  </si>
  <si>
    <t xml:space="preserve">VB打开文件问题.在窗体上有一个Command1名称为"打开"按 </t>
  </si>
  <si>
    <t>在文件 path.txt 里写入一行D:\download\     （使用者可以改为需要的路径）把这个文件和你的程序放在同一个文件夹里。在VB程序：Private Sub Command1_Click()Dim path As StringOpen App.path &amp; "\path.txt" For Input As #1Input #1, pathClose #1Shell "explorer " &amp; path, vbNormalFocusEnd Sub----------------------------------------------两个按钮打开两个文件夹 (如果你有更多个按钮要打开多个文件夹，也可照此办理)在文件 path.txt 里写入D:\download\mp3D:\download\rmvb把这个文件和你的程序放在同一个文件夹里。 在VB程序： Private Sub Command1_Click()GetFolder 1End SubPrivate Sub Command2_Click()GetFolder 2End SubSub GetFolder(n As Long)Dim path As String, i As LongOpen App.path &amp; "\path.txt" For Input As #1For i = 1 To nInput #1, pathNext iClose #1Shell "explorer " &amp; path, vbNormalFocusEnd Sub</t>
  </si>
  <si>
    <t xml:space="preserve">如何知道自己的宽带类型？adslisdn拨号光纤＋LAN有什么区 </t>
  </si>
  <si>
    <t xml:space="preserve">   ADSL（Asymmetric Digital Subscriber Line）是非对称数字线路的缩写，是在普通电话线上传输高速数字信号的技术。通过采用新的技术在普通电话线上利用原来没有使用的传输特性，在不影响原有语音信号的基础上，扩展了电话线路的功能。　　ADSL使用普通电话线作为传输介质，虽然传统的MODEM也是使用电话线传输的，但它只使用了0K－4KHz的低频段，而电话线理论上有接近2MHz的带宽，ADSL正是使用了26KHz以后的高频带才能提供如此高的速度。具体工作流程是：经ADSL MODEM编码后的信号通过电话线传到电话局后在通过一个信号识别/分离器，如果是语音信号就传到交换机上，如果是数字信号就接入Internet。　  当电话线两端连接ADSL MODEM时，在这段电话线上便产生了三个信息通道：一个速率为 1.5Mbps－8Mbps的高速下行通道，用于用户下载信息；一个速率为640Kbps－1Mbps的中速双工通道，用与ADSL控制信号的传输和上行的信息；一个普通的老式电话服务通道；且这三个通道可以同时工作。光纤+LAN宽带通   宽带市场的不断发展让光纤日益贴近用户，因此出现了FTTX系列概念，并被写入ITU G.982和G.PONB等标准。FTTX以光单元(ONU)的位置所在，分为FTTH(光纤到户)、光纤到大楼(FTTB)、光纤到驻地(FTTP)和光纤到路边(FTTC)等几种情况。    FTTH(光纤到户)是指将光网络单元(ONU)安装在住家用户或企业用户处，是FTTX系列中除FTTD(光纤到桌面)外最靠近用户的光接入网应用类型。FTTH的显著技术特点是不但提供更大的带宽，而且增强了网络对数据格式、速率、波长和协议的透明性，放宽了对环境条件和供电等要求，简化了维护和安装。</t>
  </si>
  <si>
    <t xml:space="preserve">请大家帮我看看,我是不是怀孕了???????我和我LG最近打算要 </t>
  </si>
  <si>
    <t>按你说的9月3号月经，每次提前1-2天，周期应该是28、29天，排卵期在16-17号左右，AA安排得还好啊，有可能好孕才对。不过，你的AA安排太勤了，不一定是好事。所以，先祝你这次好孕！如果没有，不要伤心，下次算一下排卵期，有计划的安排几次AA，或许效果好一点。祝福你！</t>
  </si>
  <si>
    <t xml:space="preserve">出句：感恩加幸福［塔西］如题，谢对。 </t>
  </si>
  <si>
    <t>出句：感恩加幸福［塔西］ 对句：道谢伴吉祥 [无为]</t>
  </si>
  <si>
    <t xml:space="preserve">把InDesign下下来了，但是感觉好复杂……再推荐几个好用的排? </t>
  </si>
  <si>
    <t>pagemaker,因为这个软件也比较元老级希望能帮助到你，麻烦点击“有用”，谢谢！</t>
  </si>
  <si>
    <t xml:space="preserve">术士练级快不？和猎人比慢多少？同样时间猎人60。术士刚多少？ </t>
  </si>
  <si>
    <t>术士练级中期打怪速度不快，因为中期后如果没有魔伤的加成的话DOT的伤害相对不高，打一个怪要补好几次DOT，但是有个好处就是减少了FS的30秒休息时间，没魔了自残，然后用生命红吸，血也有了，就是可以不带休息的。SS的SOLO速度是比不上猎人盗贼和FS</t>
  </si>
  <si>
    <t xml:space="preserve">什么叫诗话？最著名的诗话吧有那些？ </t>
  </si>
  <si>
    <t>　　诗话，是中国古代批评的一种主要样式，其形式、风格带有典型的东方性。自北宋始创，历代诗话逾千部以上，且衍生出朝鲜诗话、日本诗话等，洋洋大观。然而何谓诗话，历来亦众说纷纭。古代文论史上，最早将自己关于诗歌的著作冠以诗话之名的，乃欧阳修。他在《六一诗话》（原著仅名《诗话》，后人为区别、称引方便，遂改称《六一诗话》）中，开宗明义地说：“居士退居汝阴而集，以资闲谈也。”基于录掌故、“资闲谈”的写作初衷，他将作品命名为诗话，可谓名实相符。“话”，最初为“善言”之意⑴，也就是吉祥美好的言语，它来自远古祭祀仪式上的祷辞。随着语言的发展，至少到了隋代，“话”字已衍生出另一个意思：故事。唐宋盛行的“说话”，就是讲故事，作为“说话”的文学脚本的“话本”，也成为流行词汇。因此诗话，即诗之话，《四库全书总目》称其“体兼说部”。就内容而言，诗话乃诗歌的故事，其方式为漫谈，体裁为随笔、小品文，目的是助兴、消遣。它不同于前人“诗品”、“诗式”、“诗格”、“诗论”、“诗说”诸体，在欧公看来，这些言说诗歌的方式不是风格过于严肃，行文过于枯燥，就是体式过于拘谨，文辞不够通俗；其内容亦各有偏重，或重于品评，或标举诗例，或言说本事，或述作诗之法。而诗话，用郭绍虞先生的话说：“在轻松的笔调中间，不妨蕴涵着重要的理论；在严正的批评之下，却多少又带些诙谐的成分。”⑵同时宽泛的诗话之体又可兼容并蓄，熔诗品、诗式、诗格、诗论、诗说、诗本事于一炉。这种包容性本身就是一种独创！《六一诗话》不仅借鉴了前人论诗之法，形式上似乎也受到六朝笔记、民间说部、佛教语录的影响，风格轻盈灵活、长短不拘、随谈漫兴、轻松自在、片言肯綮。而这与欧阳修所倡导的简而有法、流畅自然、平易通达的文风也是一致的，自欧公以文坛领袖首创，效者纷纷，人们对诗话的理解也随之不断深化。　　北宋末年，诗话家许彦周给诗话下的定义是：“诗话者，辩句法，备古今，记盛德，录异事，正讹误也。”这是从诗话的内容立论，随后黄彻又增添了“辅名教”、“论当否”两条⑶。这时“体兼说部”“以资闲谈”的诗话已经被视为一种文学批评的专著形式了。诗话开始出现“论诗及事”与“论诗及辞”两大流派的分野：一派以欧阳修为宗，继续沿“记事”、“闲谈”的方向发展；另一派师法钟嵘的《诗品》，内容不以记事为主，侧重于品诗论句，风格较为严肃，理论色彩浓厚，以严羽的《沧浪诗话》为代表。到了清代，在朴学大盛的氛围中，两派渐有合流的趋势，诗话由此进入鼎盛时期，诗话之体的优势，终于得到充分的发挥。　　一方面，诗话越来越显示出开放的文体优势，没有什么不可以装进这只无边的口袋，这只包罗诗歌万象的口袋用起来也十分方便，极具活力；另一方面，诗话也成为一个容易被混淆的泛滥的能指，似乎跟诗沾边的文字都可以叫作诗话，以至于清人林昌彝认为：“凡涉论诗，即诗话体也。”⑷何文焕辑录《历代诗话》时，将诗话兴起之前钟嵘的《诗品》、皎然的《诗式》、孟?さ摹侗臼率芬彩章荚谀凇Ｋ允暗睦斫馕抟墒е恚陨险庑┗蛭俅壑妫蛭案锩亩韵螈桑蚩煽闯墒暗那吧恝剩档降拙鞘啊６彼稳钤谋嗉闹泄钤绲囊徊渴白芗妒白芄辍罚允暗慕缍ǜ涌矸骸８檬榧剂耸凹氨始切∷翟?00种，纯粹的诗话作品只是其中一小部分，其余大部分为偶有论及诗歌的笔记，像陶岳的《零陵总记》、毕田的《湘中故事》，都被归入诗话一类。　　我认为造成这种误会的原因是，人们往往从内容来定义诗话。如《辞海》对“诗话”的解释：“评论诗歌、诗人、流派以及记录诗人议论、行事的著述。”别说《诗品》、《诗式》，这个定义连亚里士多德的《诗学》乃至西方所有诗歌评论都包括在内了吧？诗话在内容上可以容纳一切与诗歌有关的作品，而无论专业与否、篇幅长短、记事还是评论；换言之，仅仅根据诗话“盛放”的内容来定义诗话，根本无法将它与诗品、诗式、一鳞半爪的散论以及西方文论区别开来。要想准确界定诗话必须从形式上来把握它的特殊性。　　欧阳修称《诗话》为“退居汝阴而集，以资闲谈也。”这个不能叫定义的说法恰恰比许多诗话的定义都准确。这十一个字逗漏了诗话的两个特征，一个叫“集”，另一个叫“资闲谈”。集又有二意，一是收集，二是集子，就是说欧阳修把一则则与诗歌有关的小品收集起来，编成集子，因此诗话是一部著作，而不是一篇文章、个别辞条；一鳞半爪的散论尚构不成诗话。同时它又是由若干互不相关的诗条组成的随笔集，而非体系严密的专著。欧阳修“集”的目的是“资闲谈”。这决定了诗话的文字，是一种通俗易懂、漫谈性质的小品，一种诗歌“八卦”或学术随笔，而不是严肃的学术论文。这种诗话的风度带着作者的体温和情感，与某种“专业性”保持一种融入其中又超脱其外的关系。如果用诗话惯用的比喻的手法，拿《文心雕龙》跟《六一诗话》比较，我们可以说，《文心雕龙》如阿房宫，深闳内美、富丽堂皇，《六一诗话》似沈园，小桥流水，情景交融；《文心雕龙》如《观沧海》，“星汉灿烂，若出其里”，《六一诗话》似《小石潭记》，“蒙络摇缀，参差披拂”；《文心雕龙》如御驾亲征，旌旗招展，绣带飘摇，《六一诗话》似老妇还乡，洗尽铅华，娓娓道来；《文心雕龙》如黑社会老大，城府森严，机关算尽，《六一诗话》像“死跑龙套的”⑺，业余身份，专业精神；《文心雕龙》如满汉全席，不怕你吃不好就怕你吃不了，《六一诗话》似贵州小吃，津津有味的人多没吃完打包的人少；《文心雕龙》如上网，浩如烟海，头晕脑胀，《六一诗话》似短信，言简意赅，条分缕析；《文心雕龙》如黑格尔，“体大思精”，《六一诗话》似罗兰巴特，吉光片羽；《文心雕龙》，《诗话》雕虫。因此我对诗话的定义是：　　诗话是一种随笔集，由一则则以漫谈的方式撰写的评论诗歌、诗人、流派或者记录诗人言行的随笔汇编而成。　　我认为诗话是典型的“东方文体”。它是一种诗化的文学批评，充分运用诗歌的各种手法，讲究妙悟、性灵，是对“写意”的写意。朱东润先生在《中国文学批评史大纲》的序言中，对文学批评与批评文学作了区分。同中国古代许多杰出的文论一样，优秀的诗话作品是一种批评文学，文质彬彬，在批评的同时强调“文学性”。诗话也是对“专业性”的超越，它逍遥于“专业性”与“业余性”之间，甚至根本不作专业性与非专业性的区分，相反相成，纵横往来，运用之妙，存乎一心。这恰恰是诗话立体的关键，如果一味的“资闲谈”，那是当今娱乐新闻的路数，没什么价值，如果片面强调专业性，那与《诗品》等古典诗论何异？情理事论，小大由之，这便是诗话了。诗话中的认知是温和的，不强求人接受的，绝不会摆出一副真理在握的姿态；你要是觉得我说的有道理，我这是微言大义，你要是觉得我说的没道理，我这是闲谈。严羽的《沧浪诗话》被认为是中国古代最重要的一部诗话著作，他的以禅喻诗的方法，“别材”、“别趣”、“妙悟”、“兴趣”的概念，师法盛唐的思想，影响何其深远，可他以“沧浪”为名，体现了一种你认为我这沧浪清浊、悉由尊便的豁达态度。清人方东树的《昭昧詹言》，乃煌煌1700多条的诗人专论，极具学术价值，他却冠以“詹言”，取“大言炎炎，小言詹詹”⑻之意。　　任何一种文艺理论，很难不受时代潮流的影响。钟嵘的可贵正在于逆潮流而动，持论高瞻，用朱东润先生的话说：“论文之士，不为时代所左右，不顾时势之利钝，与潮流相违，卓然自信者，求之六代，钟嵘一人而已。”钟嵘反对当时工求声律的主张，认为：“今既不被管弦，亦何取于声律耶？……但令清浊通流，口吻调利，思为足矣。”斥用典，是钟嵘与潮流力争的第二个方面，所谓“观古今胜语，多非补假，皆由直寻。”钟嵘之难得，在于著成体系且能独立于潮流之外。在这点上，诗话因不追求体系而较易超越潮流。它不装腔作势，不在自己的观点上大做文章，它抒真情，述真事，讲真话，偶有所得，欣然命笔，只言片语，直书胸臆，往往独具只眼，不囿于流俗成见。钱钟书先生说：“许多严密周全的思想和哲学系统经不起时间的推排销蚀，在整体上都垮塌了，但是它们的一些个别见解还为后世所采用而未失效”，又说：“脱离了系统而遗留的片段思想和萌发而未构成系统的片段思想，两者同样是零碎的，眼里只有长篇大论，瞧不起片言只语……那是浅薄庸俗的看法”⑼。“只言片语”，“还为后世所采用而未失效”，这就是诗话龙蛇自如、小大由之的优势了。</t>
  </si>
  <si>
    <t xml:space="preserve">穆斯林都是阿拉伯人么？好象阿拉伯人都是穆斯林。 </t>
  </si>
  <si>
    <t>"穆斯林都是阿拉伯人么？好象阿拉伯人都是穆斯林。"你的这两个说法都不准确。首先，信仰伊斯兰教的穆斯林除了阿拉伯人之外，比较著名的还有波斯人、突厥人，还有欧洲的阿尔巴尼亚人。其次，阿拉伯人也不完全是穆斯林，叙利亚特别是黎巴嫩的部分阿拉伯人是信仰基督教的。</t>
  </si>
  <si>
    <t xml:space="preserve">有没有会C语言的求三个数中最大值的源程序怎么写!谢谢 </t>
  </si>
  <si>
    <t>很简单的问题，例子如下：main(){  int i,max=0,a[3];  for(i=0;i&lt;=2;i++)/*输入三个整数*/    scanf("%d",a+i);  max = a[0];   /*MAX赋初值*/  for(i=0;i&lt;=2;i++) /*循环比较，如果大于MAX，重新给MAX赋值*/   if (a[i]&gt;max)      max = a[i];  printf("max=%d\n",max); /*输出MAX值*/  getch(); /*按任意键继续*/}</t>
  </si>
  <si>
    <t xml:space="preserve">请教一道日语题！もう春になった___、まだ、温かくない。AからB </t>
  </si>
  <si>
    <t>如果C是"けれど",表示逆接，根据上下文可以理解。如果C是“ければ”，则不知道该如何解释。</t>
  </si>
  <si>
    <t xml:space="preserve">如何应对别人询问自己的收入？ </t>
  </si>
  <si>
    <t>直接说：挣的不多。或者说：一般一般。敷衍过去就好，如果你不想回答别人对你收入的询问的话！</t>
  </si>
  <si>
    <t xml:space="preserve">我以前没炒过股票告诉我怎么炒股啊？我在深圳和上海各开了一个户但我 </t>
  </si>
  <si>
    <t>同意ywglys的说话,你没炒过最好不要进来.要想练练也可以先自已在本本上做些记录等能明白股市里面的道理在来真的投入买卖!中国的股市最大的特点是骗.圈钱,你要想投资取的回报.是不可能的.我原全买国有股.相心国企是国家的.最后怎样亏完!说实话没有一支股票是真实的.去看看陕西这次股票达尔曼,和 兰田股票这两只里面谁在做假?老百姓不可能!诚信?(现在我也投机.相心自已不听股评.中央台听.查考一下.有利就卖.大跌就买.有利好就走.没法你要诚心投资死定,现在的股市).在那开户.在那进行交易!</t>
  </si>
  <si>
    <t xml:space="preserve">语文分析句子成分艾奇逊当面撒谎，将侵略写成了友谊。是单句还是复句 </t>
  </si>
  <si>
    <t>复句。“艾奇逊当面撒谎”是一句单句，“（他）将侵略写成了友谊”是另一句单句</t>
  </si>
  <si>
    <t xml:space="preserve">小狗的问题2个月的小狗从狗妈妈那拿来，我家和狗妈妈的家住一个楼， </t>
  </si>
  <si>
    <t xml:space="preserve">    放心吧，不会的，狗狗只会忠诚于它的主人，再见到它的妈妈的时候它只会知道那是它的同类，能判断出对方的性别，即使在一起生活的母子狗狗，在幼犬长大后它们也不会记得是母子关系。    希望你的狗狗健康成长，给你和家人带来更多的欢乐！！</t>
  </si>
  <si>
    <t xml:space="preserve">眼皮浮肿怎么办?有什么办法可以有效祛除浮肿啊? </t>
  </si>
  <si>
    <t>1、如果觉得眼部浮肿，将一茶勺的盐溶于一杯暖水中，把棉花浸湿后压干水分，敷在眼睛上数分钟，就能有效减低浮肿。 2、清晨起床后，喝一大杯温热的柠檬水，可以消除体内毒素，预防眼部松弛。 3、若是前一晚喝太多水导致眼部浮肿，可以先用冷水洗洗脸，然后用冷毛巾敷眼睛；若是前一天晚上喝酒或熬夜造成眼部浮肿，应该用温毛巾覆盖眼部，以促进眼部血液循环，缓解眼部肌肉疲劳。 4、挑选适合自己的眼霜质地很重要。一般，膏状的眼霜营养丰厚，眼部口者喱则侧重于补水。眼肿是因为眼部水分聚集，肌肤难以吸收，如果再补水，只会令情况更糟。所以在眼肿的日子，一定要选用有消除浮肿功能的眼霜。 10：00a.m. 工作的间隙，做一些简单的眼部，舒缓紧盯镜头造成的眼部疲劳。简单的几个动作，就可以让你笑僵了的双眸焕然一新，随时以靓丽的姿态接受镜头的考验。 1、头部保持不动，只移动双眼，尽量向上望，5秒后转向下再望5秒。 2、眼睛向左望，5秒后再转向右望。 3、从左至右慢慢转动眼球，重复5次。 4、从右至左慢慢转动眼球，重复5次。 2：00p.m. 吃过午饭，略做休息后，做个简单的眼部按摩，帮助眼周血液流畅地循环 1、用中指和无名指轻按眼眶，舒缓眼部组织。 2、由鼻梁处开始，用中指轻柔地按压眼睑，由内眼角按转至眼尾。 3、从外眼角开始，用中指轻柔地按压眼睑，由眼尾按至内眼角。 6：00p.m. 刚刚收工，准备去赴朋友的约会，画了一天的浓妆终于可以卸掉了，清洁的手法是减少眼部皱纹的关键技巧 1、卸妆液不要只用指间蘸取，应该用全部手指将卸妆液涂抹在脸上。手的运动方向应该是从内至外，自上而下。 2、在眼中滴入有滋润效果的眼药水，可以缓解眼干症状。 10：00p.m. 睡前做好充分的准备，明天才不会顶着一双肿眼起床 1、睡前3小时内不要多喝水，否则不管你是单眼皮、双眼皮，到了第二天都会水肿。 2、睡时将枕头调高5-10cm，这样水分就不会聚集在眼周导致眼部水肿了。 3、上床后，用无名指轻按双眼下眼睑的中间部位10-12次，这样有助于眼周的淋巴循环，减少眼部积水。</t>
  </si>
  <si>
    <t xml:space="preserve">电脑上网时,屏幕一时光亮一时黑暗,请问是为什么?好奇怪啊,电脑屏 </t>
  </si>
  <si>
    <t>一般显示不正常的原因可以归结到 显示器 显卡你先确定是你的显示器的问题还是你的显卡问题，你把你的显示器安装到另一台机器上，看看是否还有你那样的情况。如果显示器正常，那么你的显卡有问题，下载最新的显卡驱动 安装，如果问题没有解决，那么是你的显卡出现了物理零件问题，换显卡吧。</t>
  </si>
  <si>
    <t xml:space="preserve">请问男方进入后碰到处女膜时会感觉的到那层膜吗？第一次和老公做好痛 </t>
  </si>
  <si>
    <t>我想JJ不会感觉得到，除非是破处专家，阅历特丰富。另外，你小时候的流血，现在看来肯定不是处女膜破裂，很有可能是会阴撕裂等情况，因为你妈妈当时也不可能很仔细地检查，如果不是医务人员，更有可能误断。</t>
  </si>
  <si>
    <t xml:space="preserve">盘腔积液15mm怎样治疗 </t>
  </si>
  <si>
    <t>病情分析：盆腔积液因急慢性盆腔炎附件炎引起者，多伴有下腹痛（双侧或单侧），腰骶部疼痛，腰酸下坠,下腹涨痛，坠痛，腰酸等症，或因长时间站立，过劳，性交，或经前期加重，重者影响工作。指导意见：或下腹痛、或有白带增多、月经紊乱、经血量多痛经，性感不快；患者感到很不舒服，应该马上积极治疗，直到积液吸收、消散为止。一旦发现有盆腔积液应到正规的医院进行就治。盆腔炎引起的盆腔积液可以用一些这方面的专业药物卡琳贝尔。</t>
  </si>
  <si>
    <t xml:space="preserve">二战时有多少种双翼机? </t>
  </si>
  <si>
    <t xml:space="preserve">德国：Go145教练机，苏联：别－2舰载侦察机，伊15驱逐机，波2教练机/联络机/救护机/夜间袭扰机，安2运输机，意大利：菲亚特CR.30/32 /42战斗机，Cant Z.501 Gabbiano海鸥远程侦察轰炸水上飞机，Ro.37 双座战斗/对地攻击/观察/联络/救护机，英国：斯蒂尔曼式，格罗斯特角斗士战斗机，费利大青花鱼鱼雷轰炸机，费利箭鱼舰载鱼雷轰炸机，德哈韦兰D.H 87 ”虎蛾“联络机，超马林“海獭”侦察/搜索救援机，超马林“海象”舰载侦察机，“长尾鲛”舰载侦察机，“海狐”舰载侦察机，日本：川西E7K海军“94”式水上侦察机 ，中岛 E8N2海军“95”式水上侦察机 ，爱知 E11A1海军“98”式水上侦察机 ，三菱 M 海军“0”式观察水上飞机 ，Ki-3 川崎 93 单发轻轰炸机，中岛 Ki-4陆军“94”式侦察机 ，笠川 Ki-9 陆军“95-1”中级教练机 ，笠川 Ki-17陆军“93-3”式初级教练机 ，川崎 Ki-10 陆军“95”式战斗机 ，美国：霍克III战斗机，海鸭舰载侦察机，应该还有很多。。。。。川西E7K海军“94”式水上侦察机 </t>
  </si>
  <si>
    <t xml:space="preserve">完美世界官方太乱了。简直乱出游戏。一会什么国际。一会又其他的。你? </t>
  </si>
  <si>
    <t>汗LZ请问几级- +，时装的确是要出一点新的了不过已经蛮多种类了看来LZ是刷不出好颜色吧</t>
  </si>
  <si>
    <t xml:space="preserve">不怕晒，不怕错，坚持而已，继续我的9场个人实图小单。努力继续大家 </t>
  </si>
  <si>
    <t>提醒三點:1.德假球隊?β?盟杯不感冒!斯?D加??不?,至少要防??平!2.西球隊?β?盟杯好像更感興趣!但瓦????也不?,太?崆??建議防平!?俗剂腥赵?W冠附加??﹃?利物普均?鸪善骄???力不弱.??是分?儇?的.3.其它要多看好主隊,多選主隊不??</t>
  </si>
  <si>
    <t xml:space="preserve">沈阳哪里能买到兰芝的草莓面膜,西塔的朝百有吗??价位怎样? </t>
  </si>
  <si>
    <t>中街的新玛特有，我就是在那里买的。草莓和睡眠的我当时买的时候都是185元</t>
  </si>
  <si>
    <t xml:space="preserve">我想代理一个品牌开个实店,并想在网上开个网店,以增加知明度,想请? </t>
  </si>
  <si>
    <t>到淘宝去开吧先在淘宝注册一个用户名，再进行实名认证：上传身份证、填写个人资料、提交银行账号再等淘宝和支付宝审核个人实名，一般三个工作日内会通过的，通过后淘宝和支付宝就会以邮件的方式通知你通过审核，到时你的淘宝首页也会有显示的</t>
  </si>
  <si>
    <t xml:space="preserve">常说有五百罗汉,其中有一个叫...........这些罗汉都有名 </t>
  </si>
  <si>
    <t xml:space="preserve">超绝伦尊者，即超伦菩萨　　尊者己历无数劫，在无数诸佛之所勤修梵行，获得广大无边之神通，深广难测之智慧。他悲悯众生而常住世间，令其平安；他心恒寂静，住于菩萨无住解脱。据《大言广佛华严经》等载，当佛陀在摩揭陀国菩提道声始正觉时，他自远方的佛国世界赶来，以示对佛陀的祝贺和礼敬。 </t>
  </si>
  <si>
    <t xml:space="preserve">我违章停车被帖了单子,一直没有交费,有一年了会有什么处理? </t>
  </si>
  <si>
    <t>车辆有违章记录是不给年检的。对当事人预期缴纳罚款的，每日按罚款数额的3%加收罚款。</t>
  </si>
  <si>
    <t xml:space="preserve">我是天才一架25米的梯子在一座建筑物上,梯子的底部离建筑物7米. </t>
  </si>
  <si>
    <t>（一架25米的梯子靠在一座建筑物上,梯子的底部离建筑物7米）你可以把其看成是一个正三角行，斜长25米，一边长7米，设另一边为X，求出另一边：25×25＝7×7＋X*X，X＝24米，设梯子的底部滑开Y米，（梯子的顶部滑下4米）就是（X-4）×（X-4）＋(Y+7)*(Y+7)＝25×25，所有Y＝8米。</t>
  </si>
  <si>
    <t xml:space="preserve">怎样劝说已婚喜欢上暧昧还发生关系的女人为了那个暧昧发生关系的男人 </t>
  </si>
  <si>
    <t>这个女人没有家庭责任，不愿意付出应有的母爱，看不起自己的老公，不顾自己和老公的人格尊严，虽然认识到和那个男人不可能，却仍然一心一意地追求着自己的浪漫。因此可以这样来总结：自私无耻，我行我素，缺乏人性，表面上很强势，内心里很灰暗。仅仅靠劝说，用一般的道理说服她，基本上是不起作用的。这只能靠她自己的醒悟了，也就是说，只能当她意识到自己仅仅是那个男人的玩物，意识到她自己很卑贱的时候，意识到一个女人必须有自己尊严的时候，她才可以止步。</t>
  </si>
  <si>
    <t xml:space="preserve">我是3月7号来的例假，4月5号乳房开始胀，用了早早孕，检测是可能? </t>
  </si>
  <si>
    <t>你应该是怀孕了,可去医院做尿检确定,也可于两周后去医院做B超足月妊娠为280天左右,预产期的算法是:末次月经月数加9(或减3),日数加7,你的预产期是今年的12月14号左右</t>
  </si>
  <si>
    <t xml:space="preserve">占豪午评：5500昙花一现继续关注金融股今天大盘高开15点，随即 </t>
  </si>
  <si>
    <t>银行股也该被受到关注了</t>
  </si>
  <si>
    <t xml:space="preserve">元级目前服役了吗，有多少艘 </t>
  </si>
  <si>
    <t>元级有1艘在服役中，还有1艘已经海式了，另外建造中的还有几艘。下面这个是新下水的元</t>
  </si>
  <si>
    <t xml:space="preserve">商用立式冰柜保鲜冷藏展示柜冰柜氟是够的，但制冷效果差是什么回事 </t>
  </si>
  <si>
    <t>首先您需要确定保鲜冰柜的档位调正确了（数字越大温度越低），但是不要调最高档，最高档一般是不停机的档位，一直使用容易造成保鲜冰柜的压缩机负载，而降低使用年限，不建议长期使用。请检查您是否留出足够的位置散热，和散热风扇是否正常工作散热。如果在保鲜冰柜制冷剂不少没有泄漏的情况下保鲜冰柜制冷效果不佳可能是散热不足，建议检查一下冷凝器(散热的风扇，有的是背网式的)是否正常，是否需要清洁。有可能是保鲜冰柜所加的制冷剂水分太多，建议更换雪种。可能是保鲜冰柜的温控器发生故障，停机时间太快，无法达到需要的温度。也有可能是保鲜冰柜的中空玻璃门没有关紧或者漏冷比较大，建议清洗保鲜冰柜的门封条，检查门是否关紧，是否会漏冷气</t>
  </si>
  <si>
    <t xml:space="preserve">帮我出注意,要不我的手机就没啦,,呜呜,...我的一位朋友,他帮 </t>
  </si>
  <si>
    <t>这个社会亲兄弟都要明算帐的，身边的人都不一定十分可信，更别说是在外地的朋友了。他要真的来了，大不了就不要面子，说你是和他开玩笑的，你要借他你也没有用的，快过节了，不方便。相比之下，厚脸皮一次比忐忑不安的过新年要强呀！</t>
  </si>
  <si>
    <t xml:space="preserve">男婴尿浑浊儿子2岁3个月，今天早上尿尿发现很浑浊的白色，桶桶里还 </t>
  </si>
  <si>
    <t xml:space="preserve">    尿常规好的应该就没什么事，因为，人体每时每刻都在进行着新陈代谢，所产生的大量废料必须溶解在水中，通过一定的途径排出体外。时期，由于生长发育需要及活动量大，故代谢也旺盛，按每公斤体重计算，所产生的废料大大超过成人。    与天气变化也有关系，天气一凉，气温开始下降，人体为了维持正常体温和器官功能，必须增强新陈代谢，以求得更多的能量，因而产生的代谢废物就更多。因为天气凉，衣服穿得多，出汗又明显减少，所以从汗液中排出的废物也减少了，于是从尿中排出的废物量就增加。再加上天凉以后小儿喝水量减少，这就大大加重了肾脏的负荷，小便浓缩，使尿中的废物达到了饱和状态。若人体的体温比外界气温高，尚能勉强维持这种饱和状况，所以刚刚排出的尿似乎还是清澈的，但当尿液突然遇到外界的低气温而被一下子冷却时，那么，尿液中的废物再也不能溶解在水中，而迅速变成结晶形式释放出来，这时，我们肉眼就会看到小便一下子变得像米汤那样浑浊了。这就是天凉以后，小儿尿液易变混的原因。     所以，遇到这种情况不要恐慌。不过，这也说明小儿的饮水量不足，应该多让孩子饮些开水。如果长期饮水不足，入不敷出，也势必会增加肾脏负荷，对孩子的健康不利。</t>
  </si>
  <si>
    <t xml:space="preserve">捷豹车标的由来和车标表示的含义 </t>
  </si>
  <si>
    <t>捷豹的车标的含义：英国捷豹（Jaguar）汽车标识被设计成一只纵身跳跃的美洲虎，意味着捷豹具有美洲虎的优雅风度，又兼具温顺的脾性、超凡的动力和敏捷的身手。捷豹车标的由来：捷豹汽车的名字起源，则可追溯到1935年。里昂斯爵士（捷豹创始人）为了将当时全新推出的SS100与其他车型区别，决定为其取个全新的名称。JAGUAR – 一个象征力与美的名字应运而生。1945年，里昂斯将当时的SS公司改为今日大家所熟悉的捷豹汽车公司（Jaguar Car Ltd.）。这一跃豹标志经过不断的演变，成为经典。大家可以登录  里面有完整的演变介绍哦。</t>
  </si>
  <si>
    <t xml:space="preserve">一分的硬币那一年的最珍贵？ </t>
  </si>
  <si>
    <t>一分、两分、五分、一角……虽然随着水平的提高，小巧的硬币在生活中出现的次数越来越少，但在收藏市场它们的身价却是日益提升，有的升值幅度甚至达15万倍之多。     “可别小瞧这些硬币，现在它们的身价可是与日俱增。”厦门钱币文化馆馆长陈鹭星告诉记者：特别是其中的“五大天王”，两年前  每套还不到2000元，现在已飙升到5000多元。所谓“五大天王”就是1979年、1980年、1981年的5分硬币，1980年的2分硬币和1981年的1分硬币。不仅整套价值不菲，单个的价格也不低。     福建收藏家协会副会长丁建南说，1981年的1分硬币，眼下在收藏市场上的价格是1500元，较面值相比涨了15万倍。其他四位“天王”的身价也不菲，那几个年份的5分硬币，现在的价格在250元左右；1980年的2分硬币目前市场价达300元，是面值的上万倍。     此外，发行的第二套硬币，2000年时一套价格才2万元，现在没有10万是拿不到手的。丁建南说，这套硬币流通时间很短，发行量较少，收藏价值较大。其他一些硬币近年来升值幅度也不小，如1981年的5角硬币、1957年的1分硬币，现在的身价起码是面值的数百倍。     从1955年到1992年，我国一共发行了1分、2分、5分三种面值的硬分币75种。这么多种类的硬币，不是年代越久就越值钱。福建收藏家协会会员陈亚元告诉记者，存世量的多少，才是决定硬币价值的主要因素。     比如“五大天王”，当时中国人民银行发行这五枚分币，是打算做成纪念币赠送给友好国家的，因此发行量非常小，并且没有在市场上流通过。还有1955年、1957年、1992年的1分币，1992年的2分币，由于存世量非常少，因此具备了一定的收藏价值。应当注意的是，眼下央行并没有停止硬币流通，对大部分的硬币而言，它们的价值就是它们的面值</t>
  </si>
  <si>
    <t xml:space="preserve">"接收"一词的日文翻译比如，甲方接收乙方交付的货物后或者甲方接收 </t>
  </si>
  <si>
    <t>甲方は乙方の?物を受け取る甲方は乙方の?物以後を受け取る</t>
  </si>
  <si>
    <t>问1</t>
  </si>
  <si>
    <t>Lv1 达美姐妹的店-耶莱达美 法兰城[94.78] 75G/张Lv2 医院-封印师提拉 维诺亚村[61.53] 300G/张Lv3 装备店地下二楼-杂货店的德因 奇利村[66.77] 675G/张Lv4 杂货店-杂货店艾娜 杰诺瓦村[43.23] 1200G/张Lv5 坎那贝拉村贝德莉奴卡片屋[35.88] 1850G/张Lv6以上的需要盗贼去偷了,NPC没卖的</t>
  </si>
  <si>
    <t xml:space="preserve">怎么选择煲汤的锅？ </t>
  </si>
  <si>
    <t>最好是砂锅.因为砂锅可以保留了原有材料的营养.</t>
  </si>
  <si>
    <t xml:space="preserve">宝藏用什么武器好?本人７１宝藏　没有文身　问问那什么武器好　Ａ的 </t>
  </si>
  <si>
    <t>练级是侦弱小波，PK是伤害恶魔~~~无悬念，看你倾向于哪方面了</t>
  </si>
  <si>
    <t xml:space="preserve">大家来参考一下，这个头饰哪个颜色好看呢？我想买个头饰，不知道哪个 </t>
  </si>
  <si>
    <t>一般紫色还有粉红色是百搭色,你不论穿什么颜色的衣服都可以陪的.20岁以下就买粉色的,20岁以上就买紫色的了.好了,你要相信自己的眼光哦.</t>
  </si>
  <si>
    <t xml:space="preserve">狐臭~有没有什么可以去狐臭的偏方~药我已经用了很多都没用~手术效 </t>
  </si>
  <si>
    <t>楼上所说的方法只需做一样就可以了，平时 的话要多注意生活卫生。</t>
  </si>
  <si>
    <t xml:space="preserve">哪里能看比赛？请给个地址 </t>
  </si>
  <si>
    <t xml:space="preserve">N次如出一辙的相亲经历,郁闷,帮忙分析??先介绍一下本人的基本情 </t>
  </si>
  <si>
    <t>把自己包裹那么紧干吗？要来个与世隔绝吗？即使不为了与异性接触，没事的时候和朋友出去走走不也很好吗？你除了工作以外都把自己泡在网上吗？经常上网就不会厌烦吗？要找一个会玩魔兽的，也许是有一个共同爱好了，可是有谁会天天泡在网上玩游戏呀。你首先改善一下自己的接触环境，没事可以和朋友出去走走。一般相亲的话，大都一开始是男生比较主动些，女生一开始太主动，你肯定不怎么习惯，再说了女孩第一次见面大都比较腼腆，所以就只有男孩子来主动找话题了，等气氛不在那么紧张的时候，女生自然会主动找话题和你聊的。没事的时候和相处的女孩子出去玩玩，逛街、游玩、一起吃饭，不知道去哪玩的时候，可以询问女孩子的意见呀！两个刚在一起聊的话题，有很多，兴趣爱好，以前一些好玩的经历，都能很快打开僵局。但你首先做的，是调整自己的生活状态。</t>
  </si>
  <si>
    <t xml:space="preserve">WinRAR与Winzip分别是什么软件？它们各有什么区别？ </t>
  </si>
  <si>
    <t>都是压缩文件和解压缩文件的软件。zip差不多为windows下的标准压缩文件,它的算法公开的。几乎所有的压缩软件都支持这种格式。winzip则是采用这种格式最老牌,最通用的软件了。winrar作为后起之秀,推出了rar压缩格式。在压缩算法上可能更胜一筹。大部分情况下压缩后的文件占空间更低。而且,它支持的文件格式相当广泛,很多后缀的文件如. e等都能解压,当然也包括最通用的zip。而winzip不能解压缩rar文件的,所以我个人喜欢winrar一些。补充一下,用winrar压缩,你可以选择压缩成rar格式,也可以是zip格式。</t>
  </si>
  <si>
    <t xml:space="preserve">NPC出售的召唤兽技能书是针对所有召唤兽的吗？ </t>
  </si>
  <si>
    <t xml:space="preserve">虽然召唤兽可以学习NPC所出售的所有技能，但学习召唤兽技能时需要根据召唤兽的性格选择相应的技能，这样才能最大限度的发挥召唤兽的能力。 </t>
  </si>
  <si>
    <t xml:space="preserve">本人70级妖精，拿了70黄昏法剑，请问穿什么时装好看？？？妖精拿 </t>
  </si>
  <si>
    <t>自己瞅瞅喽 ~</t>
  </si>
  <si>
    <t xml:space="preserve">做完功课后~~~JMM：我想问问，每次做完“功课”后，差不多2~ </t>
  </si>
  <si>
    <t xml:space="preserve">有可能有宫颈糜烂或者宫颈息肉,阴道炎建议就医 </t>
  </si>
  <si>
    <t xml:space="preserve">我加错无行了一定要洗吗我45级了我的无行先加了水又加了4点金还有 </t>
  </si>
  <si>
    <t>我加错无行了 一定要洗吗答：看你的样子应该是法水吧。分析：如果你是法敏水、或体法水的话。（即加点为：只加灵和敏、或只加灵和体的话）很高兴的告诉你，没必要洗点或重练。如果你是上面二种练法的话。伤害不高主要是武器和手镯的问题。一般情况下，40级——60级。如果你是用白武器的话。最少要把武器改到五。而手镯尽可能跟上等级。因为手镯也能增加法伤的。如果你不是我上边所说的水系或加点的话。就点击我左边的名字，然后把你是什么系的。怎么加点再详细告诉我。我再找时间解答你。</t>
  </si>
  <si>
    <t xml:space="preserve">济南哪个音像店有卖张含韵的预售版的我很喜欢张含韵，不知道济南哪家 </t>
  </si>
  <si>
    <t>爱书人没有吗。我那天还看到了呢</t>
  </si>
  <si>
    <t xml:space="preserve">谁能在更改word的文本框默认设置后,保存为自己喜欢的设置?谁能 </t>
  </si>
  <si>
    <t>1、在页面设置好后——另存为：保存类型为文档模板2、win98到 C:\WINDOWS\Application Data\Microsoft\Templates    winxp到 C:\Documents and Settings\用户\Application Data\Microsoft\Templates 里删除原模板3、将自己的模板改名为normal.dot ，存到第二点的路径下4、关闭word，重新打开即可</t>
  </si>
  <si>
    <t xml:space="preserve">关于购买基金请问想要购买那种用证券帐户不能购买的基金，怎样购买， </t>
  </si>
  <si>
    <t>请到工商银行购买。</t>
  </si>
  <si>
    <t xml:space="preserve">我想做代练..怎么办？ </t>
  </si>
  <si>
    <t xml:space="preserve">尊敬的客户:    您好！5173回复客服03号很高兴为您服务！    如您是买方，请您先发布需求信息，然后等待接单，代练完成以后接手客服会与您联系验收。    如您是代练供应方，请您先搜索需求信息，然后承接订单，代练完成以后提交订单，买方验收后12小时内代练款转帐到您的5173账户。    如您还有其他的疑问，请您拨打代练咨询热线：0579-83515173，他们会为您更好的解答您的疑问。    感谢您对5173的支持！！愿您一年365天快快乐乐，平平安安!愿您度过温馨浪漫的每一天！                                            </t>
  </si>
  <si>
    <t xml:space="preserve">经常肚子痛,肠子象抽筋一样,连带肛门也抽筋,这时就要马上上厕所, </t>
  </si>
  <si>
    <t>如果是结肠炎  不好根治,容易反复.有可能化你可以吃蜂胶试试(坚持半年).</t>
  </si>
  <si>
    <t xml:space="preserve">牙龈出血两个月，好久没用牙刷了，随时都可能出血，不痛。看过医生了? </t>
  </si>
  <si>
    <t>我想你对牙龈出血了解甚少，下面和你介绍一点。你对号入座：牙龈出血又称齿衄，指牙缝或牙龈渗出血液而言。足阳明胃经行于上齿，手阳明大肠经行于下齿；肾主骨齿为骨之余， 所以本症与胃， 大肠及肾关系密切，但是以胃肠的病变为常见。胃肠实火表现：出血多，色鲜红，齿龈红肿疼痛，口气臭，口渴喜欢喝热的，可能有便秘，舌质红，苔黄。胃中虚火表现：出血色淡，齿龈烂，口干欲饮，唾液少。肾虚火旺的表现：出血淡红，牙齿动摇，或者微痛；可能有头晕，耳鸣，腰膝酸软。舌苔少。原田酒对上述三种表现都有非常好的效果如果全身上兼有散见的出血点，或者有紫色的斑点，舌体大， 那可能是脾不统血造成。</t>
  </si>
  <si>
    <t xml:space="preserve">出现恶意刷单者怎么办客服。向这种竞争对手看到你挂的单就恶意的购买 </t>
  </si>
  <si>
    <t xml:space="preserve">尊敬的客户:     您好！5173客户服务041很高兴为您服务！请您先不要着急，请您登陆5173用户名,“进入我的5173”,选择左边任务栏中的“我要投诉/咨询”,在线提交您的问题,工作人员在30分钟内在线答复您，您可以在“咨询投诉管理”中查看回复结果,并对我们的服务进行评价。如果属实我们会做相应的处理。感谢您对5173的支持!!!                                                   </t>
  </si>
  <si>
    <t xml:space="preserve">周星驰有没有演过九品之麻官九品之麻官是不是这样写的啊还是九品芝麻 </t>
  </si>
  <si>
    <t>演过《九品芝麻官》的电影</t>
  </si>
  <si>
    <t xml:space="preserve">账号密码记得，区忘记了，怎么找？我原来玩过完美世界国际版，但账号 </t>
  </si>
  <si>
    <t>你挨个区去试试就估计就能找到了 嘿嘿</t>
  </si>
  <si>
    <t xml:space="preserve">五菱扬光6376C2007年5月购入，行把20000公里，没装空? </t>
  </si>
  <si>
    <t xml:space="preserve">3万元左右                             </t>
  </si>
  <si>
    <t xml:space="preserve">家用电磁炉的频率是多少？ </t>
  </si>
  <si>
    <t>家用微波炉的微波频率大约是2.4GHz左右，该微波不能有效穿透人体表皮而伤害内部的器官和组织，只要不是持续长时间地被辐射，一般不会对健康构成严重危害。家用电磁炉的工作频率大约是3、40KHz左右，因为低频电磁波的发射能力很低，而电磁炉也不具备完整的发射天线，所以不应有意夸大电磁炉的辐射。</t>
  </si>
  <si>
    <t xml:space="preserve">肝血管瘤的检查方法有哪些呢 </t>
  </si>
  <si>
    <t>肝血管瘤是肝脏的良性肿瘤，早期多无症状，不容易被诊断，往往要结合一些有关检查才能确诊，目前临床上常采用的检查方法有：超声波检查、放射性核素血池扫描、肝动脉造影、CT 、核磁共振成像等等。1、B型超声检查B型超声检查常作为肝血管瘤的首选检查方法，声像图表现为边界清楚的均匀高回声的肿块，少数大血管瘤可见网状不均匀回声，偶尔伴有钙化。2、计算机断层扫描(CT)检查。肝血管瘤的典型CT表现为密度均匀、边界清楚的低密度肿块;静脉造影动态CT扫描显示为由四周向中心逐渐充盈的密度影，密度与周围肝组织相同。3、磁共振成像(MRI)检查磁共振成像检测肝血管瘤的特异性高达92%～100%，T1像显示瘤体密度与周围组织密度相同，而T2像瘤体显示高信号。4、肝动脉造影检查肝动脉造影能显示直径超过1cm的瘤体，对肝血管瘤的诊断准确率较高，表现为早期造影剂充盈且不间断染色，呈现“棉絮团”或“雪树状”特征性表现，但此检查方法具有创伤性，不作为常规检查方法。5、放射性核素血池扫描检查放射性核素血池扫描诊断肝血管瘤的阳性率可达100%，但其敏感性较低，不能发小直径低于3cm的小病灶。</t>
  </si>
  <si>
    <t xml:space="preserve">如何的身材才是最完美的？我是女生。。我今年21岁。。。体重63k </t>
  </si>
  <si>
    <t>你没说明你的身高哦，体重和三围都应该和身高来计算的。给你的公式你算一下就知道自己的身材是否完美了：标准身材计算法：体重：身高-112cm胸围：身高*0.52腰围：身高*0.37腹围：身高*0.457臀围：身高*0.542腿围：身高*0.26+7.8你的三围是32、32和36，写错了吧？那岂不是胸和腰围一样粗的？练瑜珈可以柔韧身体保持体型的。</t>
  </si>
  <si>
    <t xml:space="preserve">我该如何化妆，谢谢，我可什么都不懂啊！我25岁了，但从来没有化过 </t>
  </si>
  <si>
    <t>最好是上美容院，请专业的美容师给你做个“皮肤鉴定”看看你是属于什么性的皮肤。干性、油性、混合性，还是敏感皮肤。当然可以请教专业的美容人士给你介绍一、两款合适你皮肤的化妆品。现在一些大城市，也有专业造型的，个人形象设计中心；他们会根据你的实际情况，给你最最满意的答案！日常的，可以用用“玉兰油”、“雅芳”、“欧莱雅”这几个牌子的粉底液，还有干粉，口红还是淡点好。毕竟你没有化过妆，不需要浓妆的。上大商场的化妆品专柜转转，寻找最合适你皮肤的色系。祝你永远青春靓丽！</t>
  </si>
  <si>
    <t xml:space="preserve">松下微单镜头25MMF1.4拍摄什么最适宜 </t>
  </si>
  <si>
    <t>人文头，相当于全副的50mm焦距，也就是 50 1.4的标头，拍拍人文环境之类的</t>
  </si>
  <si>
    <t xml:space="preserve">小中一注~~~今天的这几个1都看出来了，呼呼 </t>
  </si>
  <si>
    <t>强中自有强中手，有冷有胆量</t>
  </si>
  <si>
    <t xml:space="preserve">当一个人产生嫉妒心理时很多时候，人会产生嫉妒心理，比如说家庭中兄 </t>
  </si>
  <si>
    <t>即使是身心健康的人或轻或重地都有嫉妒心理，只不过是有些人易表露，有些人善于掩饰而已。有此心理并非坏事，如果把此问题处理好了，则是一种催人积极奋进的原动力———学会取人之长补已之短。如果处理不好，妒火中烧，就会引起不正当竞争，惹出许多是非来。嫉妒心理是人人都有的。适度的呢，能让人很积极的面对生活中的事情，寻找一定的差距，尽快提高自身修养；而过分的关注别人的优势引起的嫉妒心理就会导致个人的不良情绪和不理智的作法。调节不能在于别人给你的建议，而只能是你自己不断的提高。个人的修养是你看清很多事情的基础。相信你是最棒的，其他的就吸之精华去其糟粕．</t>
  </si>
  <si>
    <t xml:space="preserve">关于地图的不知道为什么FS不把地图一些跑龙套的人换下~！比如在大 </t>
  </si>
  <si>
    <t>向来都是隐藏观众的...........</t>
  </si>
  <si>
    <t xml:space="preserve">芥末产于树上还是一种作物?生长习性及分布? </t>
  </si>
  <si>
    <t>芥末维基百科，自由的百科全书本文讨论植物学的芥末。如要了解芥末所做成的調味料，??⒖唇婺┽u. 芥末（Mustard）属十字花科芸苔属，其种子往往有特殊的气味和味道，常用作调味品。 常见种类常见的芥末有三种：白芥末主要生长于在北美、中东和地中海沿岸，其种子味道较温和，带有芳香味。 黑芥末原产南欧，其种子较辛辣，现多生长于阿根廷、智利、美国和一些欧洲国家。 褐芥末（印度芥末）源于马来亚，多产于英国、美国等地。  辨?e山葵及其代用品辣根常被称为绿芥末或日本芥末，這是因?樯娇钠痘蛭兜琅c芥末类似；但实际上，山葵属于山葵属，辣根则属于马萝卜属，與芥末是不相關的。</t>
  </si>
  <si>
    <t xml:space="preserve">打雷下雨的时候,雨水为什么不会让人触电? </t>
  </si>
  <si>
    <t>触电主要是电流对人的伤害。雨滴很小不能储存很多电量。即使电压很高，也不会对人造成伤害。</t>
  </si>
  <si>
    <t xml:space="preserve">上火了，脸上长了很多痘痘怎样去火？ </t>
  </si>
  <si>
    <t>多喝水，喝绿茶（不要饮料绿茶）</t>
  </si>
  <si>
    <t xml:space="preserve">钡灌肠步骤是怎么样的呢？ </t>
  </si>
  <si>
    <t>用于检查的钡餐是药用硫酸钡，因为它不溶于水和脂质，所以不会被胃肠道黏膜吸收，因此对人基本无毒性。钡餐造影即消化道钡剂造影，是指用硫酸钡作为造影剂，在X线照射下显示消化道有无病变的一种检查方法。原理  X线检查时，由于人体各种器官、组织的密度和厚度不同，所以显示出黑白的自然层次对比。但在人体的某些部位，尤其是腹部，因为内部好几种器官、组织的密度大体相似，必须导入对人体无害的造影剂（如医用硫酸钡），人为地提高显示对比度，才能达到理想的检查效果。这种检查方法临床上叫做X线造影检查。适用范围  X线造影检查使用得较多的是胃肠钡餐造影和钡剂灌肠造影。这项检查安全、无创伤，无副作用，但有些患者，如急性呼吸道感染病人，严重心、肝、肾功能不全病人，以及碘试验阳性的病人，一般不适宜做这项检查。弊端  吞钡或钡灌肠检查仅能看到消化道的轮廓，而且充满钡剂的消化道造影常掩盖了微小的病灶，因此常口服发泡剂或向肠道注气，使胃肠道内既有高密度的钡剂，又有低密度的气影，形成气钡对比造影，容易获得阳性结果。分类  根据临床诊治的需要，可将胃肠钡餐造影分为上消化道钡餐、全消化道钡餐、结肠钡灌肠以及小肠钡灌肠检查。特殊情况处理办法  医药上若错把氯化钡等可溶性钡盐当做硫酸钡使用，通常用可溶性硫酸盐如硫酸镁等来解毒。钡离子属于重金属离子，对人体危害很大。引如硫酸根离子可使钡离子和硫酸根离子结合反应产生硫酸钡，从而解除危险。钡餐检查的注意事项  1.检查前一日起禁服含有金属的药物（如钙片等）。   2.一般检查需要数小时，请耐心等待，未得医生同意不要吃任何东西，也不要离开。少数病人当日下午还须复查。   3.检查时最好穿没有钮扣的内衣</t>
  </si>
  <si>
    <t xml:space="preserve">胸部疼怎么回事我家小孩现在在吃奶，这几天吃奶的时候总是会压到胸部 </t>
  </si>
  <si>
    <t>胃经问题，经络淤滞了。别吃消炎药了。点按足三里、阳陵泉、地机三个穴位每个穴位按2分钟。下午再点按三阴交2分钟，如果穴位很疼证明经络真的是不通的。（不要用力，力道要轻，有感觉穴位有微微疼痛为佳）</t>
  </si>
  <si>
    <t xml:space="preserve">生物单选2:减数第二次分裂后期人的体细胞含23对染色体,在减数第 </t>
  </si>
  <si>
    <t>后期有４４条染色体，由于第一次减数分裂时同源染色体分离，所以不可能有XY，所以ＢＣ错。A\D都对。</t>
  </si>
  <si>
    <t xml:space="preserve">中国法律存在的最大问题是什么？ </t>
  </si>
  <si>
    <t>缺胳膊少腿儿，漏洞太多。</t>
  </si>
  <si>
    <t xml:space="preserve">我想炒股票,拿不准是自己开户,还是找证券经纪人,请大家帮忙出主意? </t>
  </si>
  <si>
    <t>还是自己去，找个服务好的券商，比什么都强，遇到无良的经纪人，你就等陪钱吧！</t>
  </si>
  <si>
    <t xml:space="preserve">如何学英语我是初三的学生，英语就是学不好，才考50分，那要怎样才 </t>
  </si>
  <si>
    <t>每天早上坚持读半小时英语，可以使单词，短语，句子或者课文。很有效的，英语学习在于坚持。加油！！！</t>
  </si>
  <si>
    <t xml:space="preserve">为什么我上传的txt格式的资料不行，但上传word格式的资料却可? </t>
  </si>
  <si>
    <t>目前对涉及版权的作品，审查很严格，已经上传的不符合要求还会被删除，可能是没有通过审核，还有就是故障引起的，或换个时间段在上传试试，因为编辑审核的尺度也是不一样的（目前暂时禁止上传视频、文件、重复资料和侵权网络小说）。如果有问题，请你到你的个人中心下面有一个反馈意见，给他们发电子邮件，让工作人员帮助你解决。爱问共享资料    禁止上传重复资料和侵权网络小说     发布时间：2012年1月18日  各位网友，大家好！        为了维护积极健康的网络环境，维护原创作者的权益，自公告发布日起，共享资料禁止上传重复资料和侵权网络小说。        希望大家理解并支持我们，共同营造良好的互联网文化氛围。        您有任何意见或建议，欢迎您通过邮件iask@ 、微博私信@爱问共享资料联系我们。 　　　　　　　　　　　　　　　　　　　　　　　　　　　　　　　 　　　　　　爱问共享资料产品组　　　　　　　　　　　　　　　　　　　　　　　　　　　　　　　 　　　　　　2012年1月18日</t>
  </si>
  <si>
    <t xml:space="preserve">将债务转成资本会使所有者权益增加，帮我举个会计分录来说明这个问题? </t>
  </si>
  <si>
    <t>借：应付账款  贷：实收资本</t>
  </si>
  <si>
    <t xml:space="preserve">华菱000932成本3.66元，节后该如何操作？继续等待或择机卖 </t>
  </si>
  <si>
    <t>000932主力震荡洗盘中，股价在低位横盘震荡，后市看高，节后可能有一次震仓动作，不要轻易出局，坚决持有，中线有一定的机会。</t>
  </si>
  <si>
    <t xml:space="preserve">我的尾椎扯着屁股疼痛！坐立不安没有病史，最近一年左边腰部尾椎扯着 </t>
  </si>
  <si>
    <t>欢迎健康咨询，臀部痛，且有向下肢放射痛，这种痛多不过膝关节，久坐后加重，如果有久坐工作史多考虑臀上肌皮神经卡压综合症。可以建议做手法、物理因子等治疗。一般很快就会痊愈的。</t>
  </si>
  <si>
    <t xml:space="preserve">我买一条阔腿牛仔裤，不知道配什么上衣好看，建议建议呗？今天心情好 </t>
  </si>
  <si>
    <t>当然要配短款的上衣了，有腰身的话就更好了。因为阔腿裤本来就很宽大了，如果上面也穿很肥大的衣服，就会显得人很圆，没有精神。上面穿的瘦的话，就会有粗细变化，会和谐很多。</t>
  </si>
  <si>
    <t xml:space="preserve">汗味重怎么办？我今年18岁.本来我16岁之前腋下没味道.可是现在 </t>
  </si>
  <si>
    <t>用止汗喷雾！nike的很不错！你试试看吧！</t>
  </si>
  <si>
    <t xml:space="preserve">大家我我该何去何从，我现在的工作是给网吧维护电脑，但是这是我跟着? </t>
  </si>
  <si>
    <t>其实好网吧就是规模大一些的 你说的是网管吧 放心吧只要你有能力 别人就会抢你这个人才的</t>
  </si>
  <si>
    <t xml:space="preserve">形容人今天这样明天那样，做事无定性的成语形容人今天这样明天那样， </t>
  </si>
  <si>
    <t xml:space="preserve">朝秦暮楚 朝三暮四 反覆无常 </t>
  </si>
  <si>
    <t xml:space="preserve">导致离心泵震动的原因有哪些啊？ </t>
  </si>
  <si>
    <t>1、安装不合格或使用一段时间后泵体发生位移（重点检查同心度）2、离心泵旋转部分动平衡有问题（重点查看叶轮有无损坏）</t>
  </si>
  <si>
    <t xml:space="preserve">[旗谜]初闻飞鸟欢唱，终于记下那音。（谜友名一）很熟的谜友哦！ </t>
  </si>
  <si>
    <t>fnhc6</t>
  </si>
  <si>
    <t xml:space="preserve">什么是宏观调控 </t>
  </si>
  <si>
    <t xml:space="preserve"> 宏观调控（简称宏调）是政府实施的政策措施以调节市场经济的运行。在市场经济中，商品和服务的供应及需求是受价格规律及自由市场机制所影响。市场经济带来经济增长，但会引发通货膨胀，而高潮后所跟随的衰退却使经济停滞甚至倒退，这种周期波动对社会资源及生产力都构成严重影响。所以宏观调控是着重以整体社会的经济运作，透过人为调节供应与需求</t>
  </si>
  <si>
    <t xml:space="preserve">击剑的有效部位是哪几个？不同的剑种分别对应的是哪？ </t>
  </si>
  <si>
    <t>有效部位  花剑-躯干  重剑-全身有效   佩剑-上半身</t>
  </si>
  <si>
    <t xml:space="preserve">上海怎么确认自己得了尖锐湿疣？ </t>
  </si>
  <si>
    <t>　　自查：人体感染了人类乳头瘤病毒后大约经过半个月至8个月，平均为3个月的潜伏期后才发病，由于尖锐湿疣初期时常不痛不痒，皮疹也不明显，多数患者一般无症状。因发病初期，疣体不大，用方法，直接将疣体去掉即可，这样对患者来说也无多大痛苦，如不及时进行治疗，导致疣体长得较大或广泛发展的时候，通常需要经过多次治疗，才可以将疣体完全去除，病人也备受痛苦，且也容易导致尖锐湿疣反复发作，久治不愈，容易导致进一步癌变的发生。　　醋酸白实验：此方法可以很准确的确定是不是尖锐湿疣等病原体感染，用3%~5%冰醋酸溶液遍涂可疑受侵皮肤，3~5分钟(肛周10分钟)后如变白则为醋白试验阳性，可检出禸眼所不能发现的感染，在放大镜下观察更为明显。本试验的原理：变白是蛋白质凝固的结果，由于HPV感染细胞产生的角蛋白与正常的未感染上皮细胞产生的角蛋白不同，前者可被醋酸脱色变白而后者则不变白，醋酸白试验的敏感性很高，对确诊HPV感染很有帮助，但由其他原因引起的慢性炎症致上皮增厚时也可出现假阳性反应，假阳性反应发白区的界限不清和不规则,准确率在80%左右。</t>
  </si>
  <si>
    <t xml:space="preserve">狗狗病了，很心疼！请高手帮忙啊！狗狗已经到了青年狗的阶段了，最近 </t>
  </si>
  <si>
    <t>会不会是犬瘟热阿　　主要原因：俗称“狗瘟”，是危害犬类的主要传染病。该病是由犬瘟热病毒引起的高度接触性传染病。一般春季多发，主要侵害4-12月龄的犬，如不及时治疗，死亡率较高。病毒通过气溶胶微滴和被污染的物体传播，经消化道、呼吸道感染。病犬是传染源，病毒大量存在于病犬的鼻汁、唾液、血液等组织中，并能通过尿长期排毒，污染环境，传染性极强。　　临床表现：发病初期，患犬精神倦怠，食欲下降，眼和鼻流出水样分泌物。体温升高至40摄氏度以上，持续1-3天，尔后消退，几天后再次升高，持续时间较长，后出现继发感染。病之后期，病犬精神反常，全身呈强直性痉挛，口吐白沫，惊厥昏迷，感觉丧失，最后在呼吸肌麻痹和心力衰竭死亡。　　治疗预防：本病在救治中应注意以下几方面。一是及早应用特异性高免血清，这是清除体内病毒的有效措施，依据病情可一日一次，或上、下午各一次。二是应用抗生素控制继发感染。三是对症治疗。犬个体小，连续呕吐、拉稀便造成脱水，如不及时补液，则会危及生命。及时的强心、补液可维持机体代谢所需营养物质，保持酸碱平衡及电解质平衡。经验表明尽早实施救治，成功率较高，延误治疗(发病后第三日救治)，成功率较低。</t>
  </si>
  <si>
    <t xml:space="preserve">新区该怎么练?练什么职业好?怎么加点~要详细点的哦哦 </t>
  </si>
  <si>
    <t>　　白妖比较好，因为改版后，白妖的能力提高了，前景看好，白妖前期练级对装备要求不高，安定就可以，而且冲级也快，也不用花多大本钱学魔法，练级的同时钱也攒到了。到了后期不用说了，不论什么职业都要有好的装备。白妖如果想在50级以后有好的发展练个体妖吧，18体最后一点加精吧，这样练到50级以后血长，魔也不少，血魔的多少这是其它的点数所不能比的，比如敏可以用装备艾盔，敏链，还有通畅魔法来弥补，而且到了50级有奖励点数，也可以加上，但血魔是随着级别的不断升高而增加，无法弥补，特别到了后期，血魔的多少直接影响职业的战斗持久力，而且白妖不用加魅本身魅9点，可以带练三个宠物。 　　打钱多的还是敏妖，不过后期垃圾。玩的时间长的话还是体白妖，级别高了之后血多。</t>
  </si>
  <si>
    <t xml:space="preserve">谁能给我说说雷东多了 </t>
  </si>
  <si>
    <t xml:space="preserve">绰号“王子”的费尔南多·雷东多是现在史上最出色的后腰之一，他和皇家马德里一起创造了一出白色的传奇，但由于种种原因，雷东多的国家队生涯显得苍白无力，最终只留下风中的一丝忧郁。 费尔南多·雷东多（Fernando Carlos Redondo Neri）场上位置：中场出生日期：1969年6月6日出生身高/体重：186cm/79kg国籍：阿根廷/西班牙曾效力俱乐部：青年人队 特内费里 皇家马德里 AC米兰  ＋职业成就 ·2次西班牙甲级联赛冠军：1994/1995赛季，1996/19-97赛季·1次意大利甲级联赛冠军：2003/2004赛季·3次欧洲冠军杯冠军 1997/1998赛季，1999/2000赛季，2002/2003赛季·1次丰田杯冠军：1998年·1次西班牙超级杯冠军：1996/1997赛季·1次意大利杯冠军：2002/2003赛季·1次南美U17青年锦标赛冠军：1985年·1次欧洲冠军杯最佳球员：1999/2000赛季 ＋人物评价 　　如果要用两个词来形容费尔南多·雷东多的足球生涯，我会选择风华绝代和百年孤独　　　　　　　　　　　　　　　　　　　　　　　　　　——题记　　章节一 艺术家的诞生　　1969年6月6日，费尔南多·卡洛斯·雷东多·内里出生在阿根廷首都布宜诺斯艾利斯一个名叫阿德罗格的小镇。出生伊始，有亲友说：“这个孩子将来一定能成为艺术家！”当时人们都笑了，要成为一个艺术家谈何容易，但很多年以后，不经意的话语竟然“一语成谶”。这个后来被人们用敬仰的语气称作“王子”的男子，用他的优雅和技术，在绿荫场上最完美地诠释了足球的真谛，看他踢球，如同就是在欣赏一件精美绝伦的艺术品。　　少年雷东多和那些玩着街头的足球巨星过着截然不同的生活，出身于中产阶级家庭的他不仅过着衣食无忧的生活，而且还接受到了良好的教育，他上过大学的经历相信对于今天的职业足球运动员来说依然是凤毛麟角的。 年少时的雷东多就显示出了非凡了领导能力和优秀的品格。母亲路易斯·克里斯蒂安说：“从上幼儿园起，就常常有老师对我说，有这么懂事，这么彬彬有礼的孩子真是幸福。这孩子从小干什么都认真，责任感强，受到伙伴的欢迎。所以，当他开始踢球时，我们没有任何担心。”　　而另一个小故事或许更能折射出日后雷东多“固执”的性格：雷东多从小是阿根廷独立队的球迷，他的父亲决定在儿子5岁生日那天，他一件球衣作为礼物。可是，当时阿迪达斯生产的正品球衣很贵，父亲觉得买给一个5岁的孩子还是太奢侈了。于是他们就在小摊上买了一件假球衣。但是当父母把假球衣送给他时，雷东多静静地盯着球衣，对父亲说：“我想要的球衣是袖子上有三道线的，如果不是，我宁可不要。”　　章节二 初涉足坛　　和所有在南美大陆上成长的孩子一样，足球是年幼的雷东多和哥哥莱昂纳多最好的伙伴。在所有阿根廷男孩的心目中，1978年世界杯英雄肯佩斯是最大的偶像，但由于父亲是阿根廷传统强队独立队的忠实球迷，雷东多认为独立队的博奇尼才是最完美的球星，他的速度和脚法成为了雷东多毕生追求的目标。　　曾执教于阿根廷青年俱乐部青少部门的科内霍因为发掘了马拉多纳而出名。然而，除了马拉多纳，科内霍还培养了另一名足球天才：“22年前，我第一次遇见了这个孩子，他那翘翘的小鼻子给我留下了深刻的印象，才12岁的他已经有了坚定的信念和责任感。他在我手下呆了四年，直到升入一线队。”　　16岁就成为职业球员的费尔南多于1985-86赛季亮相一线队，同时他还入选了阿根廷17岁以下国家队，作为队长出战了17岁以下南美青少年锦标赛，与马拉多纳的弟弟乌戈一起举起了冠军奖杯。从此，年轻的雷东多开始扬名世界。不久之后，国家队就向他发出了邀请。1986年世界杯冠军教头比拉尔多为了备战四年后的意大利世界杯，将雷东多招入队中，但位置是替补。然而费尔南多的回答却是：“为了集中精力学习大学课程，我希望退出国家队。”这就是雷东多的性格，而从第一次拒绝国家队开始，这位阿根廷王子就注定要和蓝白衣衫擦肩而过，这也是阿根廷球迷心中永远难以释怀的心结。　　　　　　　　　　　　　　　　　　　　　　　　　　　　　 </t>
  </si>
  <si>
    <t xml:space="preserve">到底要寄什么卡给女人，最能博得她的欢心呢? </t>
  </si>
  <si>
    <t>到底要寄什么卡给女人，最能博得她的欢心呢? 用女朋友的名字，制作成一张精致的贺卡，最能得到她的欢心！</t>
  </si>
  <si>
    <t xml:space="preserve">英语不好,学历不高就无法在上海立足吗?我现在工作两年多,主要搞平 </t>
  </si>
  <si>
    <t>其实不同学历、经历的人在上海都有发展的空间，也都有成功的机会。关键看你认为成功的标志是什么。我见过一个小油漆匠在上海创业，十年以后拥有了自己的厂、连锁超市。关键还是看怎么把握机会。不断努力吧。</t>
  </si>
  <si>
    <t xml:space="preserve">这么多冷门球，为什么没有入选难道真是体彩中心给大家发红包？！ </t>
  </si>
  <si>
    <t xml:space="preserve">体彩中心准备让大家吃一顿。。。 </t>
  </si>
  <si>
    <t xml:space="preserve">能被7整除的数的特征是什么? </t>
  </si>
  <si>
    <t>（1）1与0的特性： 1是任何整数的约数，即对于任何整数a，总有1|a. 0是任何非零整数的倍数，a≠0,a为整数，则a|0. （2）若一个整数的末位是0、2、4、6或8，则这个数能被2整除。 （3）若一个整数的数字和能被3整除，则这个整数能被3整除。 (4) 若一个整数的末尾两位数能被4整除，则这个数能被4整除。 （5）若一个整数的末位是0或5，则这个数能被5整除。 （6）若一个整数能被2和3整除，则这个数能被6整除。 （7）若一个整数的个位数字截去，再从余下的数中，减去个位数的2倍，如果差是7的倍数，则原数能被7整除。如果差太大或心算不易看出是否7的倍数，就需要继续上述「截尾、倍大、相减、验差」的过程，直到能清楚判断为止。例如，判断133是否7的倍数的过程如下：13－3×2＝7，所以133是7的倍数；又例如判断6139是否7的倍数的过程如下：613－9×2＝595 ， 59－5×2＝49，所以6139是7的倍数，余类推。 （8）若一个整数的未尾三位数能被8整除，则这个数能被8整除。 （9）若一个整数的数字和能被9整除，则这个整数能被9整除。 （10）若一个整数的末位是0，则这个数能被10整除。 （11）若一个整数的奇位数字之和与偶位数字之和的差能被11整除，则这个数能被11整除。11的倍数检验法也可用上述检查7的「割尾法」处理！过程不同的是：倍数不是2而是1！ （12）若一个整数能被3和4整除，则这个数能被12整除。 （13）若一个整数的个位数字截去，再从余下的数中，加上个位数的4倍，如果差是13的倍数，则原数能被13整除。如果差太大或心算不易看出是否13的倍数，就需要继续上述「截尾、倍大、相加、验差」的过程，直到能清楚判断为止。 （14）若一个整数的个位数字截去，再从余下的数中，减去个位数的5倍，如果差是17的倍数，则原数能被17整除。如果差太大或心算不易看出是否17的倍数，就需要继续上述「截尾、倍大、相减、验差」的过程，直到能清楚判断为止。 （15）若一个整数的个位数字截去，再从余下的数中，加上个位数的2倍，如果差是19的倍数，则原数能被19整除。如果差太大或心算不易看出是否19的倍数，就需要继续上述「截尾、倍大、相加、验差」的过程，直到能清楚判断为止。 （16）若一个整数的末三位与3倍的前面的隔出数的差能被17整除，则这个数能被17整除。 （17）若一个整数的末三位与7倍的前面的隔出数的差能被19整除，则这个数能被19整除。 （18）若一个整数的末四位与前面5倍的隔出数的差能被23(或29)整除，则这个数能被23整除</t>
  </si>
  <si>
    <t xml:space="preserve">采访成功人士要问什么问题 </t>
  </si>
  <si>
    <t>成功的秘诀和奋斗经验···</t>
  </si>
  <si>
    <t xml:space="preserve">打算组台电脑请问组好后有什么检测的软件没谢谢检测硬件配置性能等等 </t>
  </si>
  <si>
    <t>有的,最好使用优化大师,性能检测,硬件的管理和兼容性都能看到的,还有显示器的频率,支持不支持3D效果,以及声卡,显卡都能检测出来的!</t>
  </si>
  <si>
    <t xml:space="preserve">我的宝宝九个月刚断奶,该怎样喂她?宝宝断奶后特别想吃奶粉,白天除 </t>
  </si>
  <si>
    <t>错误1 给宝宝喝刚刚挤出的牛奶新鲜的东西最好吃，这个道理几乎人人皆知。然而，这句话只是相对有道理，对于有些食物来讲并不是这样，例如刚刚挤出的牛奶。刚刚挤出的牛奶，是去私人处购买其自行喂养挤出的奶。有的妈咪认为这种牛奶的营养最好，因为它是最新鲜的，但是卫生条件却不能保证。购买者不可得知挤奶的人员是否健康？装牛奶的器皿是否无菌？奶牛是否感染了布氏杆菌，结核菌等微生物？因此，这种特别新鲜的牛奶不应该给宝宝喝。一旦喝到有问题牛奶，宝宝的健康会受到严重损害。正确做法：应该去市场选购经过国家严格卫生标准检验过的牛奶。但要注意的是，给宝宝喝时一定要注意保质期限，即使冷藏保存也要尽早喝掉。错误2 把牛奶高温煮沸得时间过久有的妈咪总怕牛奶被病菌污染，因此在煮牛奶，习惯于把时间加长一些，认为这样比较，其实这种做法很不科学。牛奶中所含的蛋白质，在加热时会发生很多的变化。当牛奶温度达到60度到62度时，会出现轻微的脱水现象，即蛋白质发生了改变。同时，牛奶中所含的一种十分不稳定的磷酸盐，由于煮沸时间加长而变为中性磷酸盐，从而影响肠道吸收钙和磷。除此，高温久煮还会使牛奶中的乳糖开始分解，生成少量的甲酸，使牛奶变为褐色，并且使味道变酸。尤其是用小火煮牛奶时间过久，其中的维生素等物质易受空气氧化而被破坏，从而使营养价值大为降低。正确做法：最好用旺火煮牛奶，待牛奶煮开即离开火，落滚后再加热，如此反复三次。这样，既可杀灭牛奶中的病原菌，又可保证营养成分不被破坏。错误3 在煮牛奶时加些糖有的妈咪常常在煮牛奶时往里面加一些糖。认为这样可增加口味，不仅使宝宝喜欢喝，而且还可使蛋白质有效地利用。殊不知，这样做有损于牛奶的营养价值。营养学家的科学实验已经表明，牛奶与糖同煮时，其中的赖氨酸会与蔗糖组成一种新的化合物，即果糖氨基酸。这种物质不但不能被宝宝消化吸收，而且还会产生一种被称为“梅德反应”的有毒物质，影响宝宝的肝肾发育。同时，牛奶加糖后也会使其中的钙含量大大丢失，由此降低了牛奶的营养价值。正确做法：要想让宝宝喝甜牛奶，最好等牛奶煮沸后，凉至微温时再放糖。但要注意加糖的比例，如果加的过多，就会影响宝宝的消化功能。通常，每100毫升牛奶加5-8克为宜，大约为三分之一汤匙。错误4 在牛奶中加果汁喝奶后马上吃酸水果有的妈咪觉得牛奶中的钙质含量高，宝宝喝了容易大便干燥。因此，喜欢在牛奶中加一些果汁，或是让宝宝喝完牛奶后，马上就吃酸水果，以为这样不仅可避免便秘，而且能增加维生素的摄取。然而，这种做法却影响了牛奶中蛋白质的吸收。牛奶中的蛋白质遇到果汁或水果中的酸性物质，如VC、果酸等，容易发生凝固变性，形成一些很不容易消化吸收的凝胶物质，从而使宝宝出现腹胀，腹泻等消化不良的症状。正确做法：牛奶与果汁或酸水果不仅要分开食用，而且还要保持一定的时间间隔。通常，果汁与酸水果的食用时间，在喝牛奶前后的一个小时左右较为适宜。错误5 牛奶与巧克力同食宝宝不爱喝牛奶，却喜欢吃巧克力。于是，妈咪常常在宝宝喝牛奶时，在牛奶中加些巧克力，或在宝宝喝完后，便奖给一小块巧克力。一是为鼓励宝宝喝牛奶的积极性；二认为牛奶加了巧克力营养价值会更高，只要注意给宝宝刷牙就是了。妈咪的这种做法适得其反。因为，巧克力中含有草酸，会与牛奶中的钙结合，形成不容易吸收的草酸钙。如果经常这样食用，会使宝宝的头发干燥而没有光泽，还会经常腹泻，出现缺钙及生长发育缓慢。正确做法：不仅不要在喝牛奶时吃巧克力，而且平时也要少给宝宝吃。因为巧克力只是含大量的糖和脂肪，而蛋白质含量却很少，根本不含纤维素。只是宝宝体力消耗大时，可以两餐之间适当地吃一点。错误6 常以乳酸奶替代鲜牛奶有些宝宝不爱喝牛奶，让妈咪伤神费脑。无意中发现宝宝喜欢喝乳酸奶，如乐百事、喜乐等。于是干脆给宝宝换成乳酸奶。然而这两者在营养价值上却有着很大的差别。虽然乳酸奶的口味比较适合宝宝，也易于消化吸收，但其中只含有很少量的蛋白质，牛奶不足总量的三分之一。而牛奶中所含的营养素，要比乳酸奶高得多，其中的蛋白质、脂肪、铁和维生素的含量均是乳酸奶的三倍以上，因此，乳酸奶与牛奶营养价值相关悬殊。正确做法：不可以乳酸奶来代替宝宝每天所喝的牛奶，但并不是说不可以喝乳酸奶，只是应该合理安排。通常，在两餐之间的加餐中，可把乳酸奶作为零食，适当地给宝宝喝一些。</t>
  </si>
  <si>
    <t xml:space="preserve">如何快速祛痘 </t>
  </si>
  <si>
    <t>长痘是我们肌肤不可避免的问题。目前环境污染严重，生活压力大，熬夜，饮食不健康等可能会促发痘痘的形成。在治疗青春痘的众多方法中，中药祛痘是目前最受欢迎的祛痘方法之一， “中药成分不含激素”、“少化学添加剂”是其主要亮点，在市面上也较受欢迎。其中我用过一款叫“依薇儿”品牌的祛痘产品就不错。不仅祛除痘痘了，用了之后皮肤比以前更光滑了。</t>
  </si>
  <si>
    <t xml:space="preserve">中学生怎么补充营养?我儿上初三,每天学习任务很重,经常学习到深夜 </t>
  </si>
  <si>
    <t>尽可能休息，多做运动。适当放松自己，唔好卑甘大压力自己</t>
  </si>
  <si>
    <t xml:space="preserve">存在以下心理问题怎么办？目前存在以下几个方面的心理问题：一个是： </t>
  </si>
  <si>
    <t>其实存在心理问题的人大多数能力较强，看问题比一般人复杂，对周围包括自己要求较高。所以出现你这种情况很正常，而且这种人也普遍存在，所以你并不是唯一一个有这种的人，这样说你有没有感觉轻松一点？来针对你的问题解决一下1、典型的强迫症。不过凡属于心理的问题其实都是被复杂化的简单问题。对自己要求高没什么不好，关键在于你是否认清了自己的能力和你所做事情的可行性。人的一生总会有成功和失败，失败并不代表错误，你要反省的事情只有两件，你是否做了正确的选择和你是否努力，有则改之，就这么逃避，因为你不知道怎么弥补所以把心思都放在责备自己，所以最好的解决方法就是继续走你的路，忘掉过去。2、我不太了解你所说的事情是否对你很重要以至于你过分地关注它们，还是你对每一件事情都这样？有时候我在做一件很重要的事情的时候如果时间紧迫也会出现这种情况。但看你说想尽快完成很明显这些事情对你来说已经是一个负担，是不是完成这件事情结果对你影响很大？如果不是就没有必要那么在意了，你的人生不会那么容易因为什么事情就360度大旋转。3、这种情况也不少见，缺乏安全感的表现。这种事情的确有，而且更离奇，更倒霉的事情数不胜数，让你觉得不可思议。我想如果你有这么好的运气，应该去买彩票，我想中彩票的几率怎么也比被雷劈到大吧？呵呵。如果你觉得充电不安全拿到别的地方去就行了。至于雷劈的事情，也是要有很多条件的，正常情况下我们都不具备这些条件，只要注意有雷雨的天气不躲在树底下，避免去空旷的地方，就不用担心这个问题。有很多人经历战争灾难都能活下来，如果你怕你遇到和别人一样倒霉的事情，那为什么就不能有和别人一样好的运气躲避过去呢？</t>
  </si>
  <si>
    <t xml:space="preserve">[思考]哪里能买得到小苏打这种东西呢？、 </t>
  </si>
  <si>
    <t>卖面粉的那种店应该有</t>
  </si>
  <si>
    <t xml:space="preserve">我充了15个u币为啥没了！ </t>
  </si>
  <si>
    <t>你的U币会不会被兑换成了金币，而你自己却不知道？</t>
  </si>
  <si>
    <t xml:space="preserve">被感染性病了要几天能发现，都有什么感觉和症状啊？我只做过一次，老 </t>
  </si>
  <si>
    <t>得了性病最快也要一个月才能发现，慢的话就不好说了。如果觉得对自己不放心的话你应该早点去医院看看小心为好</t>
  </si>
  <si>
    <t xml:space="preserve">电脑上的杀毒软件安多了好吗？我安了360安全卫士，金山毒霸，还有? </t>
  </si>
  <si>
    <t>和我一样，不要紧的，360不是杀毒的，只算是防毒的，只有电脑配置好，不会有影响的！我的电脑配置不是很好也没一点影响，放心用吧！</t>
  </si>
  <si>
    <t xml:space="preserve">美宝莲和欧泊莱的粉底哪一个适合比较透气，而且要不油腻？ </t>
  </si>
  <si>
    <t>欧泊来的比较好，之前用过美宝莲的，会结块，而且定妆时间一般</t>
  </si>
  <si>
    <t xml:space="preserve">番禺莲花山花市在哪里 </t>
  </si>
  <si>
    <t>番禺莲花山是广东省重点风景名胜区，位于番禺市东部珠江口狮子河畔。莲花山由48座红色砂岩低山组成，海拔最高为108米，占地2.54平方公里。其中有座麒麟峰，因峰顶上有一块酷似莲花的岩石，所以后人把这座山称为莲花山。。。。</t>
  </si>
  <si>
    <t xml:space="preserve">现在的世界GDP排名是怎么样的?,中国排名第几?列出前10名 </t>
  </si>
  <si>
    <t xml:space="preserve">世界银行公布全球去年GDP排名 --------------------------------------------------------------------------------     2005年07月04日  08:22    深圳新闻网  美国居首位中国名列第7 【深圳新闻网讯】根据世界银行公布的最新排名，世界第一经济强国美国去年的国内生产总值近11.67兆美元，遥遥领先于居第2位的日本。中国以1.65兆美元，略微落后于意大利，排名世界第7。 国内生产总值（GDP）以美元计，排名全球184个国家和地区前10位的依次为：美国、日本、德国、英国、法国、意大利、中国、西班牙、加拿大、印度。另外中国香港以1630亿美元排名第33位，中国澳门以68亿美元排名第110位。世界银行没有公布中国台湾地区的数据。  </t>
  </si>
  <si>
    <t xml:space="preserve">从1到9哪个数字最勤劳，哪个数字最懒惰？ </t>
  </si>
  <si>
    <t>正所谓1不做，2不休，1最懒惰，2最勤快</t>
  </si>
  <si>
    <t xml:space="preserve">好心人帮我翻译一下Shouldthequality,quanti </t>
  </si>
  <si>
    <t>如货物质量、数量被发现与合同规定不符，卖方同意审查任何因此而产生的索赔。索赔应随附一份由卖方同意使用的知名调查机构出具的报告。卖方不对因安装不当或错误操作产生的索赔负责。卖方仅对就工艺制作或不合格材料提出的索赔负责。如果信用证与合同条款不一致，买方未能在卖方通知后的时限内修改信用证条款，卖方有权取消合同或延迟发货并就损失提出索赔。</t>
  </si>
  <si>
    <t xml:space="preserve">GM,请快点来救救我啊@!:(....为什么我人物里的好友还有帮 </t>
  </si>
  <si>
    <t>恩~游戏本身的问题~经常有这事~不奇怪~重进游戏就可以了~或是在线过一段时间就好了~游戏的BUG~</t>
  </si>
  <si>
    <t xml:space="preserve">考中南和武汉理工的研究生那个好些我是学的无机非金属专业的，想考研 </t>
  </si>
  <si>
    <t>中南大学的无机非金属是很不错的，武汉理工整体上远不如中南。所以个人建议报考中南的。临近专业一般中南的工科都是不错的，文科就不好说了。我是中南的，不太了解武汉理工</t>
  </si>
  <si>
    <t xml:space="preserve">可不可以帮我找一张模仿赵薇绘制的手绘图，我找了半天都没有找到。 </t>
  </si>
  <si>
    <t>帮你找了张最像的，希望你会喜欢！</t>
  </si>
  <si>
    <t xml:space="preserve">为什么？铁锤锤鸡蛋为什么锤不破？ </t>
  </si>
  <si>
    <t>铁锤锤鸡蛋锤当然不破，破的是鸡蛋</t>
  </si>
  <si>
    <t xml:space="preserve">跪求：奖金分配方案！！！我们部门正要实施奖金分配。请问大家如何分 </t>
  </si>
  <si>
    <t>奖励机制的设计十分复杂.总的出发点还是要调动绝大多数人的工作积极性,因此:1. 20%的得奖比例太少,应该让70%--80%的人都能拿到奖金;2. 在拿奖金的人员中,要拉开差距,拿的多的和拿的少的人数不宜太多,中间的人要多(枣核型)3. 必须量化考核,提高可操作性,使拿的多的,拿的少的,甚至拿不到的,都心服口服.4. 每条线的奖励幅度, 应该根据完成任务的情况有所不同,这样,完成任务最好的线里面完成任务最好的员工应该拿到最高的奖金.应该达到让别人"眼谗"的数字.5. 量化考核办法要公开,让员工自己都能算出应该拿多少奖金.这种方案,需要"紧烧火,慢揭锅" 在一定范围内研究透了再试行.</t>
  </si>
  <si>
    <t xml:space="preserve">1档的呕吐蝙蝠(新手任务给的)掉1魔需要练吗 </t>
  </si>
  <si>
    <t>各有各的道理，那个蝙蝠确实不是啥值得养的宠，不过毕竟是1D，做招牌很可惜的，楼主不喜欢可以转手赚点。。。而且养起来当个性宠也不错。。。。不过建议等级高了养＋不要当主力宠</t>
  </si>
  <si>
    <t xml:space="preserve">求个7区PVE艾维娜的联盟LR号求够60级有装备的联盟LR本人喜 </t>
  </si>
  <si>
    <t>你最好去这个FWQ上去喊 这里喊没用</t>
  </si>
  <si>
    <t xml:space="preserve">要是碰到阴雨天，贴过玻璃膜的家里光线是不是更暗一些？ </t>
  </si>
  <si>
    <t>任何波长光线通过任何介质都会有一定比例的损失，不过贴膜是对特定范围波长的光线（主要在非可见光部分）阻挡更厉害些；人眼对光线强度的变化情况反应，在光线较强的情况下较光线较弱的情况下敏感度差一些，即在明亮光线下，亮度有一点变化时人眼不易觉察，反而在光线较暗时，亮度有一点改变，眼睛马上可以有反应；这样，阴雨天光线不强的情况下，贴膜对其他波长可见光的影响更容易比较出来，就会觉得光线更暗一点。</t>
  </si>
  <si>
    <t xml:space="preserve">546分能上川大的水利专业吗？我是四川考生理科考了546分能上川 </t>
  </si>
  <si>
    <t>川大的水利嘛~不知道=。=（不要打我） 不过我有个同学就是学水利的 倒是没怎么和我们说过这个专业的实力 但是说过很多他们老师和系主任为人比较有趣的事现在水利应该是大学4年都在江安新校区就读了 不会搬到望江去建议你去看腾讯高考上的往年录取信息 真的很全 往年专业录取分数都可以查得到的 我去年来川大主要就是参考的这里的消息本来想帮你去看的 但是现在校园网的情况...上的人太多打不开啊 嗯嗯这也是个应该知道的问题 川大江安的校园网部分会12点后断网 部分宿舍则是通宵保持 具体怎么搞的我也不知道 上的人少的时候还可以 但是基本看不了什么速度慢的视频 下载东西倒是和宽带差不多快 当然可以自己去办宽带就一切OK了多?铝说?欢迎可能的新同学~学校尤其是校园环境很好很好 哈哈</t>
  </si>
  <si>
    <t xml:space="preserve">汉堡，进球啊，大家一起顶汉堡进球啊 </t>
  </si>
  <si>
    <t>汉堡踢的很差劲啊 机会都没什么</t>
  </si>
  <si>
    <t xml:space="preserve">关于软件问题普天698手机影音播放器若能升级该怎样升级 </t>
  </si>
  <si>
    <t>你好!这款手机不支持软件升级(包括影音播放器),刷机也是不能更改的,官方网站没有这款机升级的信息.希望对你有所帮助!有问题在提</t>
  </si>
  <si>
    <t xml:space="preserve">我想给我女儿取名，麻烦懂的人士帮个忙。我女儿2012年3月5日， </t>
  </si>
  <si>
    <t xml:space="preserve">姓氏：蔡　　性别：女出生时间：公历2012年3月5日19时分农历：二○一二年二月十三日戌时生辰八字：壬辰年 癸卯月 乙丑日 丙戌时八字五行原始得分情况：水24；木27　　　　(同类帮或生日元总得分：51)火15；土35；金0　(异类克泄耗日元总得分：50)五行旺衰原始得分:1八字喜用神：日主弱，八字弱，实用神为偏印和正印。八字喜水木，水木就是此命的「喜神」。金虽为八字忌用，但金在命局中没有出现，是虚忌神，因此金也为八字喜用，八字喜：水木金。 “蔡文*”五行为“木水*”，八字喜水木金，因此姓名第三字五行应为金或木或水。　 以下名字都补益八字、有利本人，数理得分高，您可以从中选择您喜欢的名字：蔡文蕾(68分)  　蔡文蔚(71分)　　蔡文郡(75分)　姓氏蔡五行为木，姓名学笔画17。此八字取名用字五行顺序应为：木水金或木木水以下名字都补益八字、数理得分高、有利本人，您可以从中选择您喜欢的名字：　蔡箫娆(89分)　蔡芃希(88分)　蔡欣润(85分)　蔡萧妍(86分)　　  蔡梓弘(85分)　蔡佳含(91分)　蔡薇洁(90分)  蔡欣霏(85分) </t>
  </si>
  <si>
    <t xml:space="preserve">火影忍者鸣人九尾化是哪一集 </t>
  </si>
  <si>
    <t>你好是火影549集 二人小队!好评谢谢001话 旋涡鸣人.拜上 016话 被解开的封印056话 生或死！？传授奥义是要赌上性命的062话 吊车尾的潜力078话 爆发！这就是鸣人的忍法帖079话 冲破极限！光明与黑暗133话 泪的咆哮，你是我的朋友 134话 泪雨的结局 173话 海战 被解放的力量 247话 无法实现的梦想248话 复活的猛兽们249话 吹飞到异空间260话 九尾解放261话 极密任务START262话 大蛇丸VS人柱力263话 小樱的眼泪290话 共鸣</t>
  </si>
  <si>
    <t xml:space="preserve">请问结婚登记必须到户口所在地办理吗我和女朋友的户口所在地一样,但 </t>
  </si>
  <si>
    <t>不可以，必须到你们户口所在地去办理。为了结婚只能回老家一次了。带上你们二人的户口本，身份证原件，（可到登记处去复印，省得在外复印不合格），照片也可到登记处去照，这样更好一些，因为有时候因为照片不合格，还很麻烦的。最后祝你们幸福、甜蜜</t>
  </si>
  <si>
    <t xml:space="preserve">很早的一部国内电视剧记得好像是95年中央电视台放过一个叫《都市女 </t>
  </si>
  <si>
    <t>我也在找这部电视剧呢，很想怀旧一下，可是，别说哪里有的看了，网上连多一点的资料都查不到。只记得里面有个阿柳，认识了一个弹吉它的男生，阿柳的妈妈为了不让她见那个男生，就把她锁在了家里。阿柳文静的阿柳竟然从阳台爬了过去。。。。阿柳的妈妈是沈丹萍演的。主题曲：《校园歌曲》 有一种美丽叫沧桑， 它就写在我脸上， 也许今生早已注定要我有， 仍为你受伤。 有一种幸福叫忧伤， 默默走在我身旁， 当你靠近我的时候， 她就到我怀中躲藏。 走过你的路和你的苦， 给我的温柔找个家， 点亮你的心和你的泪， 把那感动留下。 走过你的路和你的苦， 给我的流浪找个家， 点亮你的心和你的泪， 把那青春留下……</t>
  </si>
  <si>
    <t xml:space="preserve">药转药，我的是怎么一回事我的是药转药，我转生的时候，领了本宗和一 </t>
  </si>
  <si>
    <t>晕啊,那是谋的神仙啊,你怎么取了个谋的神仙啊,你是药,当然不能用了,只有30级的时候再取药的神仙,别再去错了,目前你只有先用本尊玩了!!!</t>
  </si>
  <si>
    <t xml:space="preserve">鲜为人知的一只优质地产股600811是一只鲜为人知的地产股1,拥 </t>
  </si>
  <si>
    <t>这支股票主营综合批发行业。目前到年底还有6块钱的发展空间。其概念性的股票已经不那么看好；参股券商也没有上半年的优势。但是其成长性和潜力都不错。不少主力资金看好它的未来（2009年）。目前它会缓慢上扬，但是年底以后就要走下坡路。2009年逐步看好。</t>
  </si>
  <si>
    <t xml:space="preserve">沈阳音乐学院播音主持考哪些内容？ </t>
  </si>
  <si>
    <t>即兴演讲 即兴评述 朗读 和写作</t>
  </si>
  <si>
    <t xml:space="preserve">我是一名研究生，快毕业了，这段时间突然觉得不是太忙，就想好好把英? </t>
  </si>
  <si>
    <t>要看你找的是什么工作了一般来说外贸行业的英语用的较多如果找的是其他行业的就比较少了。不过多一门本领也没有太多的坏处，你说是吗？如果关键的时候可以派上用场，那你就厉害啦！！祝你工作顺利！！</t>
  </si>
  <si>
    <t xml:space="preserve">我是刚用微博,不知道别的好文章分享到这里,怎么操作 </t>
  </si>
  <si>
    <t>分享是标题+连接，有的门户网站会有分享这一栏，就会有显示分享到的地方，比如QQ空间、腾讯微博、新浪微博、人人网等图标或者文字，你点击后即可分享你想要分享的好文章。</t>
  </si>
  <si>
    <t xml:space="preserve">买w170好还是w150好呢？本人想买个数码相机，看了好几款最后 </t>
  </si>
  <si>
    <t>W150和W170之间的差别楼主已经知道的。像素相差200万对于一般家用基本上可以忽略不计（一般家用500万就有多了）。广角端越广，在相同的距离下拍摄能拍下越宽的画面，这是广角的主要作用。一般家用机型，其广角端是35mm。使用35mm跟使用28mm广角拍照，差别明显。28mm跟30mm也是有差别的，只是差别不是很大；通常的35mm都够一般家用，更不用说这个30mm的了；30mm跟35mm比的话，广角效果也是很明显的。由于这两个不同，这两款机相差350元。而这两项差别看起来都是无关紧要的，所以，W150性价比高。要是不在乎多350元，选W170好了。毕竟它是上了千万级像素的称号，而且是款名副其实的广角机型。当然了，从实惠出发，就建议选W150，虽然它没有千万级像素可炫耀，可它毕竟有30mm小广角，重要的是节约了三百多块。</t>
  </si>
  <si>
    <t xml:space="preserve">天堂2里面法师中~什么职业厉害 </t>
  </si>
  <si>
    <t>喜欢单练的首选，咒术诗人.其次狂咒，辅助法师，战狂（兽法），先知，席林长老</t>
  </si>
  <si>
    <t xml:space="preserve">如何修复硬盘的坏道,坏族,坏扇区? </t>
  </si>
  <si>
    <t>硬盘坏道分逻辑坏道和物理坏道两种，逻辑坏道可通过格式化来修复或者隔离，物理坏道不要修复。可以用scandisk检查硬盘并标记坏道。如果坏道比较集中，用PQmagic软件重新分区，把有坏道的部分分成一个区，然后把它隐藏，避免读写坏道引起坏道扩散。如果坏道比较分散，建议把有坏道的分区用windows格式化为ntfs格式，该文件系统对硬盘读取安全性要求高，会把不稳定的道标记为坏道，避免文件损失。</t>
  </si>
  <si>
    <t xml:space="preserve">我该怎么办我的爱情最近心情查到了极点，有件事情憋在心里很久了，最 </t>
  </si>
  <si>
    <t>如果你真的很爱他，但你家人又不同意的话！那这样你真的会很难受的，我是一个女生，我有过同感！最后，我只能妥协了，也许是我太不勇敢了！因为我怕失去亲人，同时也怕失去他，认识了五年，家人知道后我们还是继续交往，最后还是妥协了！所以，劝你早一点告诉你家人吧，不然，越晚说的话你会陷得越深，你也会越痛苦的！而且，有一点我必须告诉你，他好像对你不是很坚持，所以，早一点告诉你家人，看你家人的态度，实在不行</t>
  </si>
  <si>
    <t xml:space="preserve">韩国男明星谁最帅?觉得谁最帅就帖谁的图. </t>
  </si>
  <si>
    <t>帅是以内涵与才智共并的...当然是我的权相佑最帅了</t>
  </si>
  <si>
    <t xml:space="preserve">赤壁我的号由于没有绑定密保卡,让人盗了一次,后来我上了官方的安全 </t>
  </si>
  <si>
    <t>没绑定密保卡的用户，完美是不给予保护的。不支持装备物品找回。对于你的禁言，肯定是盗号的在上面对GM进行辱骂之类的，被GM禁了言。其实GM也在游戏的里玩的。只是你不知道哪个人物是GM而已。GM当久了心理会变态的。建议您按照正常的程序走，不建议删号再取回的办法。你可以咨询一下完美的客服。估计有办法的。</t>
  </si>
  <si>
    <t xml:space="preserve">两天苏州游，如何安排行程比较合理？ </t>
  </si>
  <si>
    <t>苏州: 1．住宿 那个出了，朝东过了火车售票处，坐1路或102路到观前街人民路口。苏州住宿都差不多，石路有很多宾馆，君泰新奥商务酒店是很好的选择．苏州住宿很方便，不需担心． 出了火车站，注意前面的护城河，过了铁桥有个大型公交车站，有去各个古镇的大巴．（周庄很有名气，也正因为这样，所以也少了古镇本有的那种气息，建议去同里，木渎，角直，这样实在的古镇） 2．夜景 观前和石路是苏州最有名的步行街，购物很方便，夜景也很好，石路有游船码头，可以乘船夜游，领略古苏州夜景．特别是晚上盘门很漂亮． 姑苏之夜还可以选择去著名的夜园网师园，网师园也被列入《世界文化遗产名录》，夜花园有昆曲、评弹、江南丝竹、古筝、笛子等曲艺节目轮流在花园中不同的厅堂演出。夜花园门票80元。 还有贝律铭设计的著名苏州博物馆，在晚上灯光效果别具特色，值得一看，会有不错收获的额． 十全街是苏州著名的夜景街，喜欢热闹的可以去那里泡吧逛街看夜景。 再远一点的，金鸡湖晚上有音乐喷泉，水幕电影，交通晚上不太方便，打的吧，想去．可以直接谈好价格不打表． 3．美食 早餐在离“如家”不远的“近水台”吃面，强烈推荐“蟹粉小笼”和“虾肉烧卖”，汁多，偏甜，味鲜，皮厚度适中不容易破。面建议选择双交面，自由搭配浇头，焖肉值得品尝。 观前街“好人名间小吃”，2个人吃饱15元，吃好40元。味道、环境都还不错，名气很响，是改良川菜。 看看玄妙观，一路上经过“采芝斋”等老店，可以买点特产． 碧凤坊 晚饭可到和观前街平行的碧凤坊巷内美餐一顿，碧凤坊内有大名鼎鼎的绿杨馄饨、陆长兴等小吃店，定能让你大饱口福。 4．行程 玄妙观（就在观前街上，住下后就能随便过去逛逛） 介绍：苏州香火最盛的地方并非佛教寺庙，而是道教的玄妙观。 历史：玄妙观始建于西晋咸宁二年（公元276 年），已有1700余年的历史。清初，为避康熙帝玄烨名讳，改称“圆妙观”。玄妙观极盛时有殿宇30余座，是当时全国最大的道观。现有山门、主殿（三清殿）、副殿（弥罗宝阁）及21座配殿。 导游：山门雄伟高耸，上悬康熙帝御笔赐额“圆妙观”。 观内建于南宋淳熙六年（公元1179年）的三清殿重檐歇山，巍峨壮丽，是江南最大的木构古建筑。殿内供奉的高达17米的三清（上清、玉清、太清）塑像，堪称宋代雕塑的上佳之作。 玄妙观中现存有唐吴道子画老君像、玄宗赞、颜真卿书等碑刻，宋代刻石高手张允迪摹刻，可称“四绝”碑，是目前国内仅存的两块老子像碑之一，弥足珍贵。 玄妙观前一条街名观前街，为苏州的主要商业街之一。 地址：观前街94号 交通：游1、2、4、5线、1、2、4、8、20、38路可达。 开放时间：7：30—16：30 门票：10元，70岁以上老人凭证免票，1.2以下儿童免费。团体30人以上8折。 D1：狮子林－拙政园—虎丘 狮子林 介绍：狮子林为苏州四大名园之一，至今已有650多年的历史，被列入《世界文化遗产名录》。 历史：狮子林为元代僧人天如禅师为纪念他的老师中峰神僧而创建的。元代至正二年（公元1342年），元末名僧天如禅师的弟子“相率出资，买地结屋，以居其师。”。因园内“林有竹万固，竹下多怪石，状如狻猊（狮子）者”；又因天如禅师得法于浙江天目山狮子岩的普应国师——中峰神僧，为纪念佛徒衣钵、师承关系，取佛经中狮子座之意，故名“师子林”、“狮子林”。 导游：狮子林拥有国内尚存最大的古代假山群。湖石假山玲珑众多、出神入化，形似狮子起舞，被誉为“假山王国”，有“桃源十八景”之美誉。很多游人喜欢在假石群众玩捉迷藏，不知道窍门的人还真很难走出来。其实进入假山群只要顺同一个方向，保持一直往右拐或往左拐，就很容易走出谜洞了。园中最高峰为“狮子峰”，另有“含晖”、“吐月”等名峰，建筑有“立雪堂”、“卧云室”、“指柏轩”、“问梅阁”等。 地址：城东北园林路23号。 交通：游1、游2、游5线、202路（原2路）、204路（原4路）、23、529（原29路）、40路、78路、301路、305路到达 门票：旺季（4月底到10月底）30元；淡季20元。70岁以上老人凭证免费，1.2以下儿童免费 提示：可与苏州民俗博物馆、钱币博物馆同游。沿园林路向北百米即是拙政园。 拙政园 介绍：是苏州园林中最大的，也是最著名的一座，被列入《世界文化遗产名录》。 历史：拙政园始建于明代，王献臣是该园第一位主人。他在嘉靖、正德年间官居监察御史，晚年仕途不得意，罢官而归，买地造园，请文征明为其设计蓝图,建成了这座以水为主，疏朗平淡，近乎自然风景的中国园林之母。借《闲居赋》“拙者之为政”句意，取名为拙政园。 导游：全园分东、中、西、住宅四部份。 住宅 是典型的苏州民居，现布置为园林博物馆展厅。 东部 明快开朗，以平冈远山、松林草坪、竹坞曲水为主。主要景点有：兰雪堂、缀云峰、芙蓉榭、天泉亭、秫香馆等。 中部 为拙政园精华所在，池水面积占1/3，以水为主，池广树茂，景色自然，临水布置了形体不一、高低错落的建筑，主次分明。 主要景点有：远香堂、香洲、荷风四面亭、见山楼、小飞虹、枇杷园等。 西部 主体建筑为靠近住宅一侧的卅六鸳鸯馆，水池呈曲尺形，其特点为台馆分峙、回廊起伏，水波倒影，别有情趣，装饰华丽精美。 主要景点有：卅六鸳鸯馆、倒影楼、与谁同坐轩、水廊等。 地址：娄门内东北街178号 交通：游1、游2、游5线，202路（原2路）、313路（原3路）、923路（原23路）、529路（原29路）、40路、78路拙政园站下，往东行100米即到。 开放时间：8：15－17：30 门票：旺季（3.1－5.31；9.1－11.30）70元；淡季（6.1－8.31；12.1－2.29）50元。两个旺季分别举办免费杜鹃花节、荷花节。 提示： 1、拙政园使用手持式电子导游机，在入口可以租用。 2、出拙政园后，向西走100米，可到太平天国忠王府、苏州博物馆、苏州园林博物馆，沿园林路步行百米左右可到狮子林、苏州民俗博物馆。 3、拙政园门口的东北街和园林路上有很多工艺品商店，当地的土特产如苏扇、苏绣等在此都可以买到。 拙政园--出发之前在楼下食品商店里买好水，景点内卖水很贵。从“好人”步行3钟至人民路上乘3路至“拙政园”，或坐人力车5元，出租车10元。拙政园游览1个半小时左右。 虎丘 虎丘 同样在出发之前买好水，建议打车到虎丘，也就16元左右，可节省不少时间。虎丘四周有小河环绕，建议先沿河步行一圈，把其他的小景点看了，再上山看塔。 介绍：是苏州城的标志性景观，有“吴中第一名胜”之称，位于苏州古城西北，距阊门3.5公里的郊外。虎丘古迹很多，传说丰富，集林泉之致，丘豁之韵。宋代诗人苏轼曾说过：“到苏州不游虎丘，乃憾事也。”古人在评价虎丘的特色时，曾提出：“九宜”之说，称虎丘宜月、宜雪、宜雨、宜烟、宜春晓、宜夏、宜秋爽、宜落木、宜夕阳。 历史：远古时代，虎丘曾是海湾中的一座随着海潮时隐时现的小岛，历经沧海桑田的变迁，最终从海中涌出，成为孤立在平地上的山丘，人们便称它为海涌山。“海涌流辉”的照壁、海涌桥、海涌泉、拥翠山庄月驾轩内立有清代学者钱大昕书写的“海涌峰”石刻都可见虎丘与海的渊源。 苏州在春秋时是吴国的首都，吴王阖闾死后就葬于此处，葬后3日，便有白虎踞于其上，故名虎丘山。而后秦始皇曾登丘览胜；西楚霸王项羽又在此率8000子弟起兵反秦。而后唐代大诗人白居易在苏州任刺史时，曾凿山引水，修七里堤，使虎丘景致更加秀美。 导游：主要景观有：虎丘塔、“天下第三泉”、断梁殿、憨憨泉、试剑石、剑池、拥翠山庄、万景山庄等。 虎丘塔 是建于宋代（公元961年）的平面八角砖塔，共7层，高47.5米。 由于地基的原因，塔身自400年前就开始向西北方向倾斜。据初步测量，塔顶部中心点距中心垂直线偏离已达2.3米（世界著名的意大利比萨斜塔，其塔顶偏离4.4米），斜度2゜40’，被称之“东方比萨斜塔”。原来的塔顶毁于雷击。1956年重修时，在第三层夹层内发现石函、经箱、铜佛、铜镜、越窑青瓷莲花碗等大批珍贵文物。 虎丘剑池 虎丘最神秘、最吸引人的古迹是剑池。在千人石正北石壁上，镌刻着四个大字：“虎丘剑池”。据说这四字出自唐代大书法家颜真卿的手笔。所谓剑池是在崖壁下有一窄如长剑的水池。吴王阖闾墓可能在这里，相传当时曾以鱼肠剑和其他宝剑3千为吴王殉葬，故名剑池。两片陡峭的石崖拔地而起，锁住了一池绿水。“池暗生寒气”、“空山剑气深”，气象为之一变。据《苏州府志》记载，陆羽曾长期寓居虎丘，一边研究茶叶，一边著作《茶经》。剑池之水被他评为“天下第五泉”。 吴王墓之谜 1955年整修虎丘，疏浚剑池。当时曾刷洗苔藓，核实剑池东侧岩壁上确有明代长洲、吴县、昆山三县令吾翕等人以及唐寅、王鏊等人的石刻记事两方，载有明正德七年(1512年)剑池水干，于池底发现吴王墓门的简单情况。从虎丘后山由泥土堆成和上述种种迹象分析，剑池很可能是为了掩护呈王墓而设计开凿的。墓门后面也很可能存在某种秘密。但是吴王墓是否即在其中，在未经考古发掘证实之前，尚是千古之谜。 地址：虎丘山8号 交通：游1、2线、8路、32路、146路（原46路）、949路（原49路）到达 开放时间：7：30－18:00 门票：旺季（4月16日—10月30日）60元；淡季（10月31日—4月15日）40元。70岁以上老人凭证免费，1.2以下儿童免费。 小贴士：在入口可以租用手持式电子导游机，每次10元。 晚饭结束，可以选择游船夜游苏州，也可以去苏州博物馆看漂亮的灯． D2：苏州乐园—博物馆 要想玩的尽兴就要舍得钱，里面除了个别不要钱，多数项目是在门票外另外收钱的，与多数游乐场一样，其实都那样，不过既然来苏州了，怎么也就去一次挖，就冲那句，迪斯尼太远，来苏州乐园． 苏州乐园 介绍：苏州乐园位于苏州新区西面的狮子山麓，分为水上世界和欢乐世界两部分。 导游： 欢乐世界位于狮子山东侧，以“东方迪斯尼”为主题，以东方迪斯尼为主题，共分为欧美城镇、儿童世界、未来世界、苏格兰庄园、威尼斯水乡、百狮园、皇座广场等九大景区。 引进诸如飞碟探险、时空飞船、宇宙大战、太空历险、三角滑翔翼、空中飞人、高空弹射等一大批高科技游乐设备 水上世界有13000平方米的魔幻水城、4000平方米的造浪池和瑞典进口的半球充气滑台等，漂流河还有仿真动物埋伏，仿佛置身于侏罗纪公园。 地址：苏州新区狮子山 交通：到欢乐世界：公交33、51、68、69、游3路到苏州乐园下，沿狮山路步行5分钟；到水上世界：公交38、39、89、游3路到水上乐园下。 开放时间：欢乐世界9：00-17：00，水上世界9：00-21：00。水上世界每年7.1-8.31月开放。 门票：欢乐世界60元，学生凭学生证40元70岁以上老人凭证半票，1.4以下儿童半票。水上世界门票40元，某些项目另收费。</t>
  </si>
  <si>
    <t xml:space="preserve">生肖技能哪里学的？ </t>
  </si>
  <si>
    <t xml:space="preserve">生肖技生肖技学习流程：学习生肖技需要通过一系列任务的考验。首先等级达到25级，然后便可在黑统领处(灵霄城84，186)接到“生肖使命”任务。“生肖使命”任务的第一步：与灵霄城的黄馨(119，496)对话；与黄馨对话后，她会要求玩家去黑风岭抓捕20级以上黑风巡山人一个；抓捕成功归来之后，她有会要求你去找张果老(灵霄城187，340)；与张果老对话后又会领取新的任务“生肖力量”；“生肖力量”第一步的考验是要玩家去蛛穴密林消灭10只毒蜘蛛;完成第一步考验后，下一个任务则是要玩家去陈塘关找韩湘子，借用他的紫金箫引出陂陀大王并打败它；韩湘子也不会随便借出他的宝物，也必须经过他的考验；借到紫金箫之后来到海底之路，这里需要注意的是，玩家必须根据物品栏中的“紫金箫”上显示的坐标地址，走到相应的位置，然后使用“紫金箫”才能与陂陀大王战斗； 任务的最后一步考验：打败风尘峡谷中的地灵兽(75，90)；完成这一系列的任务之后，就可以学到一阶生肖技啦~！恭喜恭喜~！注解：一阶生肖技共有五种属性。其中有四种为攻击性，一种为控制系。攻击的属性有玄、伤、咒、仙，而控制系的属性为无。玩家在完成一系列考验之后所学习的一阶生肖技是五种生肖技中的随机一种。且学习成功一个生肖技后，就不能再学习另一个生肖技了。 </t>
  </si>
  <si>
    <t xml:space="preserve">吃什么药能增加体内女性荷尔蒙分泌 </t>
  </si>
  <si>
    <t>吃药。</t>
  </si>
  <si>
    <t xml:space="preserve">新帕萨特tsi问题前两天4s店给我打电话，说让我去升级tsi发动 </t>
  </si>
  <si>
    <t>你应该详细问清楚你朋友车子的跳档问题是不是确实是在升级后，若确定，那么就应该让你朋友去4S店解决问题，并确定是不是一定是发动机电脑升级带来的问题，可以肯定是发动机电脑升级后确实会带来有以下几点好处：a当您迅速踏下油门踏板发动机可作出更急切地反应b 增加发动机功率和扭矩c更平滑的功率传输，使城镇道路超车更容易，换挡更平顺d在正常驾驶情况下有助于更好的省油，减少燃料开支和减少您车辆低速行驶时引起的缸内积炭 现在许多汽油发动机（涡轮增压和非增压）和涡轮增压柴油机都可以通过对汽车ECU优化，升级。对于非涡轮增压汽油车经过ECU升级以后可以达到以下效果：a发动机可以提高10％的功率和扭矩b提高油门响应的速度c提高发动机的转速范围对于涡轮增压汽油车a发动机可以提高20％的动力，提高达25％的低速扭矩b提高油门响应的速度c在整个发动机转速范围内优化了动力输出变得更加顺畅d提高发动机的转速范围e在正常驾驶情况下更省油 汽车ECU优化升级能够满足我们高品质的期望。我们升级优化ECU是在安全数据范围内进行的，所以不会影响发动机的可靠稳定性和发动机寿命。  对于涡轮增压柴油车经过ECU升级以后可以达到以下效果：  a发动机可以提高30％的动力和扭矩b在整个发动机转速范围内提供更好，更流畅的动力输出c同时也改善了燃油的经济性不过要说明的是原版的也就是车子自带的系统是最稳定的，你要自己考虑好。希望对你能够有用。</t>
  </si>
  <si>
    <t xml:space="preserve">麻烦养过苏格兰牧羊犬的爱狗人士帮助一下，还望不吝赐教！我很想养一 </t>
  </si>
  <si>
    <t>　　我家就有一只苏牧,已经一岁了.苏木是很有感情，很亲人的狗．LZ如果要养苏牧的话,先观察一段时间(先不要洗澡,防止感冒)如果是健康的话,再去免疫.现在有国产和进口的疫苗,进口疫苗效果国产的好,但价格也高一些.现在很多都是用的荷兰的英特威.另外疫苗是注射是在小狗两个月的时候开始,每15天一次,共三次.在免疫期间一星期内不能洗澡.以后的免疫就是一年一次了.   其次一定要多抽时间陪他运动,玩耍,这样也会加深你们的感情，也会避免苏牧的后肢力量不足和过于肥胖．在食物里面可以加点钙片,但要适量,多了的话耳朵不会扒下去.　　另外苏牧的皮肤是敏感型的,家里不能铺地毯,也不能经常带他到草丛里面玩耍,感染了螨虫等皮肤病是很麻烦的(因为牧羊犬的血统问题不能打针治疗)．洗澡的时候一定要用狗狗专用的沐浴液,人的皮肤的Ph值和狗不一样，狗用人用的沐浴液会出现瘙痒等皮肤问题．　　小狗的话，最好不要喂牛奶，不容易消化．可以把狗粮泡软了以后喂食.还有盐不能放多了,吃多了的话轻则出现掉毛,重则会氯化钠中毒.肝子不要长时间喂,否则会维生素A中毒．另外像巧克力，洋葱，葱千万不能喂，有致命危险！鸡骨头，鸭骨头那种小又尖锐的骨头最好也不要喂．海鲜也容易过敏．　　在狗狗两、三个月的时候会啃家里的东西，那是在磨牙．这时候最好去买点狗狗专用的咬胶给他或者拿猪骨，牛骨那些大骨头让他啃．　　楼主如果要买狗的话，最好是能看到小狗的父母，这样不会被骗．苏牧幼犬的价格在１０００到３０００左右，看狗的品相和毛量来定．</t>
  </si>
  <si>
    <t xml:space="preserve">充完钱领不了石头我用神州行充了50RMB。。提示充值成功。但是进 </t>
  </si>
  <si>
    <t>请与早上9点以后到充值问题专区里提交。</t>
  </si>
  <si>
    <t xml:space="preserve">为什么电信开了新区，而网通没开？同样是玩家，乐显你们决的对我们网? </t>
  </si>
  <si>
    <t>网通还开什么新区啊 都没人玩   还是电信人多点 虽然我也是网通线路玩电信 比较卡  但还是喜欢人多的感觉</t>
  </si>
  <si>
    <t xml:space="preserve">请各位JJMM帮忙!谢谢！我是5月1日做的人工流产的,开始那6至 </t>
  </si>
  <si>
    <t>你现在这个情况应该是跟你坐车太劳累，又吃了西瓜的生冷东西所以才这样子。因为你才刚人流半个月不应该太过劳累，也更不应该吃生冷的东西。就算怎么想吃也要等一个月后吧。在这段时间里也更加要注重个人卫生，还有一个月内不能同房，一个月后还没有来月经，同房的时候应该做好避孕。你现在不用过分担心，先观察几天。如果还是出血量大的话，就要去就医。</t>
  </si>
  <si>
    <t xml:space="preserve">空调不凉了我家思迪刚买不到两个月，为省油没怎么开空调，刚买时空调 </t>
  </si>
  <si>
    <t>思迪是省油的好车，1.3还是1.5的？应该是同类级别车中最好的（我可以毫不夸张的说），此车前有两个风扇散热，进风口也比飞度加大，应该不会影响散热！另外我想问一下：你是否把空调调节按钮打到最蓝色的部分（红色区是热风蓝红交界处是冷热中和风）；你是否一直在用外循环（这样会抵销很多冷却气体）；你是否把出风口打到吹玻璃设置，在外面太阳大时把玻璃上的热气吹到一起也不会凉；你看看散热器是否很脏，洗车时叫师傅用高压枪离远一点冲洗一下；去广本店查一下雪种够不够（新车可能性不大）；我还告诉你哪怕是1.3的思迪，你的空调对你的车的动力影响都不会很大。正确使用空调要注意以下几点：在冷车时尽量不要用（等水温升起后如你开了1、2公里看到录色的信号灯熄灭）；空调在不用情况下至少每周要开几分钟对压缩机有好处；在市区堵车时间长时最好停一停空调；在发动机转速高时，尽量不要同时开启空调，等收油发动机转速回复到正常值时再开（已开了在正常使用中不在此列）！我的飞度车是1.3排量，已开了5万公里，保养得当，至今空调出风口在打到最低温时测得温度是10.5摄氏度！</t>
  </si>
  <si>
    <t xml:space="preserve">我是学生，7月要跟团去日本旅游，如果我家里一次打给我5万块钱让我? </t>
  </si>
  <si>
    <t>赴日跟团旅游签证现在比以前宽松多了，需要中国人去消费。5万存款应该是半年以上的。你没有存款，可以用家长的存款证明也一样，是一个户口本的。另外，旅行社需要你提供5万元现金的保证金交给旅行社，回来后还给你。主要是旅行社为了保自己的送签权资格，怕万一有旅客非法滞留，该旅行社就有受到罚款，并取消送签权资格。</t>
  </si>
  <si>
    <t xml:space="preserve">会计分录随便定该怎样入帐刚来一家公司任会计，看到老的会计对会计分 </t>
  </si>
  <si>
    <t>既然是流水账，那说明两个问题：问题一，这企业的会计核算不正规，税务机关对他们采取核定征收，他们记账只是为了自己看得明白，有一个数就行了。问题二，这是内账，这企业有两套账。不管是哪个问题，他们这账都属于不正规的会计核算，既然都这么处理过来了，老板都没有问题，那你要改变之前就必须问老板，以老板的意思来定，擅自改动是不好的。</t>
  </si>
  <si>
    <t xml:space="preserve">蟋蟀吃什么 </t>
  </si>
  <si>
    <t>蟋蟀是杂食性昆虫，喂养时最好荤素搭配。素食：饭粒、毛豆米、瓜子仁等。荤食：蟹肉、虾肉、昆虫肉等。蟋蟀一定要干净，每天要打扫，最好还要洗澡。</t>
  </si>
  <si>
    <t xml:space="preserve">一道有机解答题已知甲烷与氧气的混合气体，在有足量过氧化钠存在的密 </t>
  </si>
  <si>
    <t>总的化学方程式为2CH4 + O2 + 6Na2O2 =2 Na2CO3 + 8NaOH （1）容器中压强为零(150°），且残留物溶于水无气体产生（无Na2O2 ）所以O2、CH4、Na2O2的物质的量之比为1：2：6（2）取0.1molCH4，且CH4完全反应，只能得到一种气体（无Na2O2 ）所以根据C守恒，放出气体为CO2，物质的量是0.1mol</t>
  </si>
  <si>
    <t xml:space="preserve">看来，酒还没醒！刚刚下载电视剧，心里想下载的是45集，却下载46 </t>
  </si>
  <si>
    <t>喝醉了酒~~~~~~~~再拿别人的故事继续麻醉自己？</t>
  </si>
  <si>
    <t xml:space="preserve">寺庙里买的开过光的水晶,黑曜石,在佩带的过程中是否还要净化?隔多? </t>
  </si>
  <si>
    <t>佛珠，是念佛的工具，不是“辟邪”的物件。念佛，没有佛珠一样辟邪；不念佛，即使挂佛珠、带佛珠也不能辟邪。可叹，世道凌夷，迷信泛滥。开光，是寺院或造像落成后的启用仪式，表示开始启用。就像学校的开学式一样。没有一个人买一本书也要搞个开学式、没有一个学生在家做作业也搞个开学式。开光也是同理。南无阿弥陀佛</t>
  </si>
  <si>
    <t xml:space="preserve">请问大家自动取款机取款的最高限额是多少呢？ </t>
  </si>
  <si>
    <t>取款机取款的最高限额是根据各银行取款机限制的取款额度而有所不一样,另外关于日最高取款额,根据发卡银行的规定而不一样,一般是5000元左右.</t>
  </si>
  <si>
    <t xml:space="preserve">什么时候开网通服务器啊？？？？？？？？？？？？？？？ </t>
  </si>
  <si>
    <t>公测的时候</t>
  </si>
  <si>
    <t xml:space="preserve">为何搜索我的用户名找不到我自己呢？加用户是不是输入关键字就能找到? </t>
  </si>
  <si>
    <t>刚刚试了，可以搜索到您的，把您的账号昵称输入到上方的搜索栏，不要忙着点击，输入后下面会出来下拉的推荐，第二个就是您的。如果帮到您，请给好评。谢谢在搜索页面点击“找人”可以找到的，再就是建议丰富一下微博内容，这样更能提高被搜到的几率。</t>
  </si>
  <si>
    <t xml:space="preserve">手机上网套餐业务可以介绍下套餐的种类吗?多少多少元的. </t>
  </si>
  <si>
    <t>手机上网有5元的30M,20元的150M,还有500M的，2G 、5G的，用手机上网一般用5元的就够了，我就是的。</t>
  </si>
  <si>
    <t xml:space="preserve">难道真的是多事之秋吗?我老公的公司最近发生了好多事情,害得他也紧 </t>
  </si>
  <si>
    <t>主要还是心里作用!你说的事没一件是有必然联系的!一个人,越紧张,就越容易出事故!首先,你就不应该紧张!你要再紧张,你老公受得了?每天该干嘛就干嘛,做事专心,谨慎从事,不会有什么问题的!更不要刻意的为这事做些什么,不要把自己搞的又紧张又累!反而会出事!</t>
  </si>
  <si>
    <t xml:space="preserve">有图有真相，请批 </t>
  </si>
  <si>
    <t>凯泽和萨拉换下好</t>
  </si>
  <si>
    <t xml:space="preserve">备受煎熬与倍受煎熬的区别？在什么情况下用这两个词？ </t>
  </si>
  <si>
    <t>1、“备受”是说“受尽”。例如：“备受关注”受到普遍关注；“备受煎熬”是说受尽各种煎熬；“备受赞赏”是说受到各方面的赞赏。2、“倍受”是说“更加受到”，“格外受到”。例如：“倍受关注”是说更加受到关注；“倍受煎熬”是说更加受到煎熬；“倍受赞赏”是说更加受到赞赏。这里的“倍”是“加倍”，“更加”的意思。两种意思差不多，都可以互用，“倍受”比“备受”的程度稍高一些。</t>
  </si>
  <si>
    <t xml:space="preserve">我有好运了吧我昨天和今天都用试纸测过,有两条微弱的红线,但今天没 </t>
  </si>
  <si>
    <t>你好，看你的情况基本可以确定是受孕了，可医院HCG或B超确诊</t>
  </si>
  <si>
    <t xml:space="preserve">飞机上可以带盒霍香正气水吗飞机上可以带霍香正气水吗可以带几盒呢？ </t>
  </si>
  <si>
    <t>这个问题分两部分答。1.跟行李办托运就可以。你自己包装好，带两，三合都没问题。最好放到行李箱里，我回家过年都带香水啊！液体类的化妆品，而且有朋友还带洋酒。2.跟人直接上飞机不行。安检那一关就被拦下了。关于这个问题你最好打电话去机场安检部问一下就明白啦！</t>
  </si>
  <si>
    <t xml:space="preserve">登陆自己的账户和密码，结果显示的页面和地址都是别人的，怎么回事？ </t>
  </si>
  <si>
    <t>这种情况我遇到很多次，你不要太担心。是不是在你之前有人用同一台电脑登陆了微博，然后你再登陆就会出现这样的问题。当遇到这个问题的时候你可以刷新下或者冲刺呢登陆就可以解决的</t>
  </si>
  <si>
    <t xml:space="preserve">intel915G的主板，内存只支持到ddr2533，这样的主板? </t>
  </si>
  <si>
    <t>明确告诉你，可以用DDR2 800的内存800的内在放到你主板上他会按533工作的，不会有问题我以前的电脑也是只支持到533 我插上667的也只是按533工作没问题的</t>
  </si>
  <si>
    <t xml:space="preserve">少阳剑气怎样达到十阶我看到有人的少阳剑气达到了十阶有人知道怎么升 </t>
  </si>
  <si>
    <t>加了法宝技能少阳剑气就是9+1了,就是第十阶</t>
  </si>
  <si>
    <t xml:space="preserve">帮我翻译在大学要学习专业知识与培养各方面能力 </t>
  </si>
  <si>
    <t xml:space="preserve"> At university, one must study speciality knowledga and cultivate one's ability in various aspects</t>
  </si>
  <si>
    <t xml:space="preserve">80级百炼精铁卖多少钱.我们区150点卡卖98W左右。 </t>
  </si>
  <si>
    <t>我们江苏--北固山点卡100万，80铁45--50万，你看看吧，呵呵</t>
  </si>
  <si>
    <t xml:space="preserve">什么叫依事实为依据，依法律为准绳？如果说执法人员在执法过程中，既 </t>
  </si>
  <si>
    <t>执法人员有上级，您可以向执法人员的上级投诉，处理案件需要出具决定书或判决书，上面是盖有公章并经过审核的，没有判决书或决定书，您可以拒绝接收处罚。如果您对判决书或决定书不服，也可以提出不同意见，要求重新处理。</t>
  </si>
  <si>
    <t xml:space="preserve">你自己要快乐?要永远快乐啊???你自己要快乐?要永远快乐啊?你自 </t>
  </si>
  <si>
    <t>快乐~是啊！一定要快乐，不仅为了自己，也为了你们~</t>
  </si>
  <si>
    <t xml:space="preserve">谁可以给我个激活码啊我找了好久都找不到激活码。那个好心的哥哥姐姐 </t>
  </si>
  <si>
    <t>等明天,去官方网要把.明天有活动</t>
  </si>
  <si>
    <t xml:space="preserve">我的文档打印中，老是自动缩小是怎么回事在打印文档时，老师自动缩小 </t>
  </si>
  <si>
    <t>把打印机驱动删除，重启一下电脑，然后重新安装打印机驱动。</t>
  </si>
  <si>
    <t xml:space="preserve">04年的两题定义判断消费者监督权:是指消费者享有对商品和服务以及 </t>
  </si>
  <si>
    <t>1.c 其他几个太离谱，而这个太明显2.b题干已经说了，期限是一个必然性的，而其他几个都存在偶然性，只有临终是肯定必然的，所以也不难</t>
  </si>
  <si>
    <t xml:space="preserve">我是新手SF,请大家都来讨论下!!请各高手指教下!!请大家都来顶? </t>
  </si>
  <si>
    <t>上个星期有人问了一个和你类似的问题详情请参见； 小前是个多面手,个人认为你要把你的2分命中率和强断提高一下。还有要明确一下你的“大局观”。第一、一场比赛最重要的是胜利.所以队友有机会我一定传球给他,而我自己所能做的就是珍惜队友的每次传球,并把他的传球化为得分.第二、在防守上,把每次成功的防守转化为得分(成功的防守包括篮板、强断、盖帽等等),这是最长自己士气的.第三、千万少失误,这也是最伤士气的.以上是我对你的三点建议,做到了以上三点你就合格了，希望你用好小前.PS.针对楼下的朋友，请不要恶意中伤，这是做人起码的素质。我们回答的目的是为了解疑、答惑、授业。而最简单的方法就是为他指明一条正确的道路。方向明确了，修行就要靠他自己，你能替他修炼么？所以说，古人说的话一点没错。师傅请进门，修行靠个人。真理是掌握在少数人手里的。</t>
  </si>
  <si>
    <t xml:space="preserve">提高睡眠质量的方法是什么？为什么可以提高？怎样提高？以及有什么副? </t>
  </si>
  <si>
    <t>一、物理疗法　　物理疗法具有无副作用、依赖性疗效显著的特点。经颅微电流刺激疗法 这种物理疗法是通过微电流刺激大脑，能够直接调节大脑分泌一系列有助于改善失眠多梦病症的神经递质和激素，如5-羟色胺、已酰胆碱，这些激素参与调节人体多项生理和心理活动，能够全面改善失眠患者多梦、早醒、入睡困难等，另外还能够缓解患者由于失眠而在次日白天所出现的头晕、注意力下降、情绪烦躁等症状。　　二、疗法　　在中医治疗方面，治病求其本，主要是采用中药和针灸治疗。　　1中药治疗：中药治疗失眠症已有二千年的临床丰富经验，应用的药方擢发难数。中药有调节人体睡眠/清醒周期，改变患者睡眠质量，服用后无昏睡感，不影响工作，无强制性催眠作用，需要睡眠时即可入睡，可长期服用，无成瘾性，养心安神之功。中药治疗失眠药物主要成分如下：丹参、莲子心、茯苓、远志、炒酸枣仁、柴胡、珍珠粉、首乌藤。　　2针灸治疗：在针灸治疗方面，经过多年的临床实践经验，采用结合穴治疗失眠症疗效显著，有者当天针治后，当晚睡觉如宝宝一般好睡。其治疗失眠症的结合穴分布在人体五个部位，如头部的睡眠三针、耳部的安神四穴。手部的睡眠穴、颈部的安眠四穴和足部的睡眠二针等等。　  三、食物调理　　食疗调理方法如：玉竹猪心：猪心500克、玉竹20克、荸荠50克、韭黄10克、鸡汤40克、酱油15克，料酒、盐、胡椒、葱、姜、水淀粉、醋、麻油少许。猪心切成薄片，玉竹用水煮，提取浓汁20毫升，再配荸荠、韭黄、鸡汤，加入酱油、料酒、盐、胡椒、葱、姜适量煸炒，用水淀粉勾芡，淋入醋和麻油少许。每日1-2次。请给好评谢谢您</t>
  </si>
  <si>
    <t xml:space="preserve">我在chinaren校友录里注册的用户名的密码忘了，请问该怎么办? </t>
  </si>
  <si>
    <t xml:space="preserve">以下是chinaren的找密码页面。用户名可以找网上的同班同学在“成员名片”中找到（如果没有加密的话自己找就行了）。如果忘了提示问题那就没救了。那你只能重新申请一个账号了，也很快的。如果我忘记了密码怎么办？   　　2004年11月8日以前注册的ChinaRen用户，建议您致电：010-58511234或填写以下信息发送至：alumni@ 　　用户名：　　提示问题：　　答案：　　全名：　　昵称：　　性别：　　生日：　　电话：　　注册省份：　　身份证：　　加入的学校及班级名称：　　注册chianren日期：（大概）　　最后一次登录chinaren的日期：　　2004年11月8日以后注册的ChinaRen用户，请将您忘记或者丢失的ID、联系方式和申请时注册证件的复印件同时传真至010-58722727，转校友录客服。　　管理员在确认身份后，会尽快帮您解决问题的。 </t>
  </si>
  <si>
    <t xml:space="preserve">审判者马塞尔的日记后篇这任务怎么做不了我打了30多次就是没做了这 </t>
  </si>
  <si>
    <t>其实并不是LS所说那样的你只需要 打冒险 级别就可以了  不需要打冒险以上可能是任务描述错误你要是打冒险以上 永远也出不了 但打冒险不出5次 一般3次必出快去试试吧</t>
  </si>
  <si>
    <t xml:space="preserve">宋楚瑜的父亲叫什么？ </t>
  </si>
  <si>
    <t>叫宋达</t>
  </si>
  <si>
    <t xml:space="preserve">青岛公司注册条件是什么 </t>
  </si>
  <si>
    <t xml:space="preserve">                    普通的有限责任公伺，最少注册资金3万元，需要2个或2个以上的股东，从06年1月起新的公伺法规定，允许1个股东注册有限责任公伺，这种特殊的有限责任公伺又称“一人有限公公伺(但公公伺称中不会有“一人”字样，执照上会注明“自然人独资”)，最少注册资金10万元。如果只有你一个人作为股东，则选择一人有限公公伺最少注册资金10万元；如果你和朋友、家人合伙投资创业，可选择普通的有限公公伺最少注册资金3万元。   </t>
  </si>
  <si>
    <t xml:space="preserve">交朋友！想恋爱！！第一次怎么表达啊？ </t>
  </si>
  <si>
    <t>自然点说出真心话</t>
  </si>
  <si>
    <t xml:space="preserve">青岛留学中介排名？主要是英国和澳洲方面的，谢谢 </t>
  </si>
  <si>
    <t>哪有什么青岛留学中介排名啊，去英国或者澳洲 最佳的中介就是山外留学。是首批获得国家教育部、公安部、工商行政管理局批准可从事自费留学业务的中介机构之一，有十年的出国留学服务经验，具体的你可以电话咨询。</t>
  </si>
  <si>
    <t xml:space="preserve">热刺在主场对阵桑德兰，3能做胆么？ </t>
  </si>
  <si>
    <t xml:space="preserve">02热刺-桑德兰  热刺主场5连胜，状态极为火爆，胜利物浦，灭热刺。澳门本场开出球半深盘，对热刺实力极为肯定，桑德兰经过赛季初的低迷后，不得不中途换帅，虽然上场战胜布莱克本成功反弹，但也异常艰苦。本场双方实力差距明显，欧洲主流公司大都在8.00以上打出不易，桑德兰难逃一败，胆3                                  </t>
  </si>
  <si>
    <t xml:space="preserve">人生的四项基本原则是什么? </t>
  </si>
  <si>
    <t>真。。。。。。善。。。。。。美。。。。。。乐。。。。。。</t>
  </si>
  <si>
    <t xml:space="preserve">过点Ｐ（２，３）引圆ｘ＾２＋Ｙ＾２－２ｘ＋４ｙ＋４＝０的切线，其? </t>
  </si>
  <si>
    <t>圆ｘ＾２＋Ｙ＾２－２ｘ＋４ｙ＋４＝０的标准方程为(x-1)^2+(y+2)^2=1,圆心(1,-2),半径1设过点Ｐ（２，３）的切线L的斜率为k,方程为:y-3=k(x-2),即kx-y+3-2k=0,圆心(1,-2)到切线的距离=半径1:｜k+2+3-2k｜/√(k^2+1)=1,｜5-k｜/√(k^2+1)=1→(5-k)^2=(k^2+1),→25-10k+k^2=k^2+1,→k=2.4=12/5∴切线方程为:y-3=(12/5)(x-2),即12x-5y-9=0,另外,x=2也是一条切线的方程(此时斜率不存在)</t>
  </si>
  <si>
    <t xml:space="preserve">佳附地黄丸能阴阳双补吗?为什么它的主治上写是:温补肾阳呢? </t>
  </si>
  <si>
    <t xml:space="preserve">应该是桂附地黄丸吧！看看下面的文章就知道了　　这段时间，小张周围的同事、朋友都在服用六味地黄丸。大家相互介绍六味地黄丸的疗效，说它能解决很多问题，这不同事们也介绍小张试一试。是不是六味地黄丸能包治百病，它究竟有什么作用？小张带着疑问去问了学专家，专家听了来意后，给小张做了番介绍。 　　六味地黄丸并不是包治百病，但据统计，在各种文献报道中，六味地黄丸治疗的病症涉及137种。最常见的是用于治疗亚健康状态、提高免疫力、延缓衰老，所以很多人把它当作保健药品在长期服用。同时，作为治疗药品，它在高血压、糖尿病、更年期综合征等疾病的治疗和辅助治疗中也取得了良好的效果。　　六味地黄丸最早源自“医圣”张仲景的名著《伤寒杂病论》的“金匮肾气丸”（即桂附地黄丸）。至北宋，太医丞钱乙认为肾决定着人的生长发育，强调补泻要同时进行的理论。遂从“金匮肾气丸”入手，创制了滋补肾阴的名方——六味地黄丸，由熟地、山茱萸、山药、泽泻、丹皮、茯苓6味中药组成。　　中医学认为肾藏有“先天之精”，为脏腑阴阳之本，生命之源，故称为“先天之本”。方中用熟地黄滋阴补肾，填精生髓，为方中的君药。山茱萸滋养肝肾，并能涩精；怀山药补脾益气而固精，二者用为臣药。三味药相配，共同发挥补益肝、脾、肾的作用，效力全面，且以补肾阴为主，补其不足，可治“本”。泽泻泄肾利湿，并可防止熟地黄过于滋腻；丹皮能够清泻肝火，同时可以制约山茱萸的收敛作用；茯苓淡渗脾湿，帮助怀山药健运脾胃，这三味药物为泻药，泻湿浊，平其偏盛，为佐药，是治标。　　六味药材的选择地道不地道，对药效也是相当重要的，所谓“药材好、药才好”。地道药材就是指有特定产区（土壤、气候）、历史悠久、生产及加工技术成熟，品种优良、临床疗效突出的中药材。药材产地不同，其有效成份含量、疗效有着显著的差异。中国历代名医名家在临床中总结出不同的药材有各自的地道产地。素有地道药材产地是中成药生产的“第一车间”之说。比如生产“仲景”牌浓缩六味地黄丸的宛西制药，其所选用药材产自著名的“天然药材库”——河南伏牛山，其主导产品仲景六味地黄丸以制药工艺之规范、先进，被国家确定为优质优价产品，无愧于“承医圣精华，造仲景名药”的称号。因其为浓缩剂型，服用量少，不含糖，更适宜现代人养生保健的新要求。　　再说，六味地黄丸价格也比较便宜，相比市场上动辄几十、上百元的药品来说，十几元以内的价格，广泛被大众接受。听完了这些介绍，小张的疑问消散了，到药店除了给自己买了几瓶外，还给父母也带了些。　　  </t>
  </si>
  <si>
    <t xml:space="preserve">晕!突然之间地图上也没怪也没人!和刚开始公测时的情况又一样了正在 </t>
  </si>
  <si>
    <t>是你的网络问题，网络延迟了，所以才这样，不关游戏的事，我也试过，</t>
  </si>
  <si>
    <t xml:space="preserve">请问报考专业问题？疑惑！我大学学的是数学教育，现在一高中当数学老 </t>
  </si>
  <si>
    <t>考把以后可以向管理靠近</t>
  </si>
  <si>
    <t xml:space="preserve">电脑配置最近准备买台电脑大概配置是AMD5000+(黑盒)技嘉板 </t>
  </si>
  <si>
    <t>CPU:AMD5000+黑盒版 705主板：悍马HA03内存：红色威龙1G *2 370显卡：影弛8800GT游戏盒子 1999硬盘：希捷 250G 7200.10 8M（串口/5年盒）485光驱：三星 金将军 18X全兼容光雕刻录机TS-H6 275电源：航嘉 多核DH6 380散热器：AVC 拿破仑（静音版）150机箱：自己选吧。。。。。。。。总计：5063总套配下来，为了方便超频，选择了悍马的板子和红龙的内存，朝频能力很强大，而且整套也没有什么瓶进，用现在的话说就是很好。很强大</t>
  </si>
  <si>
    <t xml:space="preserve">关于做任务的～我在做一个１９级的红国任务，是说找贪污者的～我不会 </t>
  </si>
  <si>
    <t>你去ＮＳ的官方论坛~``里面有很多写这个任务的详细流程~``我也是看那个做的~`很快~``自己仔细找找就好~```</t>
  </si>
  <si>
    <t xml:space="preserve">什么灯最节能？ </t>
  </si>
  <si>
    <t>什么灯最节能？光之光照明告诉你：管中管节能灯比T8灯管亮度提高30%，节电约60%，综合节能近90%，可能是目前整个行业中最节能的节能灯，几年以来，T5支架灯风靡一时，但T5支架灯相互对于原来的T8或T10灯管，节电率一般只有30%—40%，而今年以来流行比较快的LED灯管，节电率相对比较高，但光衰较大，而且价格很高，很多消费者难以接受，有些消费者仔细算完经济账后甚至说：全是面子工程，节能不省钱！通观整个照明行业，而真正节能又省钱的灯具非管中管莫属！</t>
  </si>
  <si>
    <t xml:space="preserve">斗战神召唤兽怎么学习内丹 </t>
  </si>
  <si>
    <t>召唤兽有了内丹以后才可以使用炼兽丹激活领悟的,首先需要获得内丹与召唤兽合成,如果想升级内丹,则需要该内丹领悟,使用炼兽丹只是其中一种领悟的方法...</t>
  </si>
  <si>
    <t xml:space="preserve">吴国虎睛石任务吴中桂阳的虎睛石任务，要找两块虎睛石，一块从任务“ </t>
  </si>
  <si>
    <t>到桂阳东塔打那儿的刀兵自然会接到任务，再根据任务做就行了（有时打几个不出，要多打几个，打到任务出现为止）</t>
  </si>
  <si>
    <t xml:space="preserve">21级以后怎么升级快望各位高手指点指点有积分的！！！！！！！！！ </t>
  </si>
  <si>
    <t>看你经济实力了！愿意花大量人民币的就去救公主或者闯天关，公主最快愿意花小量人民币的就冲值炼狱，去炼狱魔境7或8，级稍低的话去墨镜沼泽，有人带的话更好，打上神佑或买双倍更好纯免费玩家就去死水，机关等免费地图慢慢练了每天的10个王城诏令任务建议必做，做够10个20级给20万，30给80万，40给140，做不了的放弃或不屑去做的话那就不做</t>
  </si>
  <si>
    <t xml:space="preserve">关于感冒的求助谢谢大家感冒后不打喷嚏也不咳也不流鼻涕就是头昏全身 </t>
  </si>
  <si>
    <t>由于每个人的体质和体征表象不一样,所以感冒症状也不一样,你可能平时不大爱出汗,一有个头疼脑热的就会感觉浑身酸痛无力,畏寒怕冷,关节疼痛等---.建议你吃点泰诺片,沏杯红糖姜水趁热喝,用热水泡脚15--20分钟最好能出汗.多喝开水,若症状改善要坚持服用3--5天,直至痊愈.祝你早日康复!</t>
  </si>
  <si>
    <t xml:space="preserve">北京远大学校分校区在什么位置？想去看看北京远大学校的分校区，但是 </t>
  </si>
  <si>
    <t>北京远大学校有两个分校区：1、联想桥校区海淀区皂君庙5号中蔬卉园宾馆6层地铁路线：13号线大钟寺站向西600米至联想桥，再向南400米公交路线：乘坐86路、87路、319路联想桥南站下车向南400米      2、呼家楼校区朝阳区向军南里二巷5-5号北京呼家楼力行宾馆2层地铁路线：10号线呼家楼站D口右转100米即至公交路线：乘坐113路、402路、特3路呼家楼北站下车向北200米</t>
  </si>
  <si>
    <t xml:space="preserve">上联：嫣然月下娇，花飞弦外春遗恨 </t>
  </si>
  <si>
    <t>上联：嫣然月下娇，花飞弦外春遗恨下联：寂寞屏前醉，月坠西山秋缠绵</t>
  </si>
  <si>
    <t xml:space="preserve">学教机房的电脑不知中了哪种病毒！ </t>
  </si>
  <si>
    <t>进程是不是多了几个纯数字进程，症状是任何一种杀毒软件都打不开即使是安全模式也一样等，我是修改相关注册表项后（因对注册表很熟），再进安全模式才杀掉的比较顽固。</t>
  </si>
  <si>
    <t xml:space="preserve">完了，我的单要死了。14场已完赛事就出一棍！悔啊，国米勒沃可没防 </t>
  </si>
  <si>
    <t>勒沃出1了,国米单3</t>
  </si>
  <si>
    <t xml:space="preserve">有氧运动和无氧运动有那些区别？ </t>
  </si>
  <si>
    <t>有氧和无氧运动的区别　　现在人们的生活水平提高了，希望通过运动健美身材、健康身体的朋友也越来越多了，关于运动健身方面的知识和概念，也越来越受到人们的关注，在这些概念里呀，也许您听说过有氧运动、无氧运动这两个词，那么，什么叫有氧运动，什么叫无氧运动？有氧运动和无氧运动对于健身爱好者来说又能起到什么不同的作用呢？这个问题，也许大多数的健身爱好者就只解其表，不解其理了。熟悉这两个概念，对于您从事科学健身是有着非常重要的意义的，下面，活力小子就给简单的介绍一些这方面的小知识。　　其实呀，有氧运动和无氧运动，是按照运动时肌肉收缩的能量来自有氧代谢还是无氧代谢而划分的。　　有氧锻炼也叫有氧代谢运动，是指人体在氧气充分供应的情况下进行的体育锻炼。也就是说，在运动过程中，人体吸入的氧气与需求相等，达到生理上的平衡状态。因此，它的特点是强度低，有节奏，持续时间较长。要求每次锻炼的时间不少于1小时，每周坚持3到5次。这种锻炼呀，氧气能充分酵解体内的糖分，还可消耗体内脂肪，增强和改善心肺功能，预防骨质疏松，调节心理和精神状态，是健身的主要运动方式。常见的有氧运动项目有：步行、慢跑、滑冰、游泳、骑自行车、打太极拳、跳健身舞、做韵律操等等。所以说，您要是体重超标，要想通过运动来达到减肥的目的，活力小子还是建议您选择有氧运动，象慢跑、骑自行车呀什么的，这些运动呀，不仅能够很好的起到消耗体内脂肪的目的，而且还简单易行。所以，您要是想通过运动达到减肥的目的，那么您就应该首先考虑选择参加一些有氧运动。　　说完了有氧运动，下面我们再给您介绍一下无氧运动。所谓无氧运动，是指肌肉在“缺氧”的状态下高速剧烈运动。比方说赛跑、举重、投掷、跳高、跳远、拔河、肌力训练等。由于速度过快和爆发力过猛，人体内的糖分来不及经过氧气分解，而不得不依靠“无氧供能”。这种运动会在体内产生过多的乳酸，导致肌肉疲劳不能持久，运动后感到肌肉酸痛，呼吸急促，您要是想让自己的身体更强壮一些呀，那么活力小子建议您可以到健身房去参加无氧运动。不过，您在锻炼的时候呀，最好听从一下教练的指导，给您指定一个适合您的训练计划，这样，您的锻炼就能起到事半功倍的效果喽。　　 当然了，有氧运动和无氧运动的区分是根据运动时肌肉收缩的能量来自有氧代谢还是无氧代谢，而不是简单的根据运动项目。所以，对于普通的健身爱好者来说，如何判断自己从事的运动是有氧运动还是无氧运动就是一个比较现实的问题了，特别是对于一些从事有氧运动的爱好者来说，您要是不具备一些基本的健身常识，那么别看您累得汗流浃背，也不见得能起到预想中的效果，那该怎么办呢？您先别着急，下面呀，活力小子就给您介绍一个小方法。这个方法很简单，就是根据心率的高低快慢来判断，因为不论从事哪项健身运动，作为有氧运动，心率一般都在每分钟130次左右为最佳。这也叫黄金心率，心率130就是针对有氧运动，消耗体内脂肪而言的。尽管每个人的基础心率和最高心率各有差异，但是有氧运动的心率不应超过每分钟130次，也就是人体最大吸氧量的50%—60%，其实心率达到每分钟150次机体就开始混合代谢，如果心率达到了每分钟160次，甚至每分钟180次以上，就表明运动代谢方式是在无氧运动状态下进行的。持续30分钟以上的、心率控制在每分钟140次以下的运动方式才是进行的有氧代谢，消耗脂肪从而获得减肥瘦身的良好效果。最后还要提醒您，有氧运动当然不能忽视年龄、体质状态等个体差异，运动过程中也应该始终微微出汗而不应该大汗淋漓。如果您是一位女性朋友，那么因为您的血红蛋白值比男性朋友要低一些，所以，进行有氧运动的时候，强度可以适当降低些、而时间可以稍微延长些。</t>
  </si>
  <si>
    <t xml:space="preserve">男1980年11月11日、女1984年10月22日、儿子2009? </t>
  </si>
  <si>
    <t>阳历2011年5月17～31日只有适宜你们可以搬家（入住），但对全家人助益不大（无助无害）的日子：阳历2011年5月21日或5月26日。夫：1980（庚申）年11月11日妻：1984（甲子）年10月22日儿子：2009（己丑）年5月6日阳历2011年5月17日～6月份除了下面的日子，没有你们可以举行“入宅仪式”（入住）的日子。阳历2011年5月17日～6月份你们搬家（入住）的最佳吉日：阳历2011年6月6日、6月10日、6月18日、6月22日或6月30日。分析如下：1、阳历2011年6月6日，农历（阴历）五月初五（壬辰）日9：43之后：壬辰日和双方生肖三合。“入宅仪式”时请生肖属狗的亲朋好友暂时避开。2、阳历2011年6月10日，农历（阴历）五月初九（丙申）日13：00～14：59、19：00～20：59、23：00～23：59或清晨0：00～2：59：丙申日是夫生肖的禄；丙申日和妻生肖三合；丙申日是儿子生肖的贵人。“入宅仪式”时请生肖属虎的亲朋好友暂时避开。3、阳历2011年6月18日，农历（阴历）五月十七（甲辰）日9：00～10：59、23：00～23：59或凌晨0：00～0：59：甲辰日和夫妻双方生肖三合；甲辰日的贵人是儿子生肖；甲辰日和儿子生肖五合。“入宅仪式”时请生肖属狗的亲朋好友暂时避开。4、阳历2011年6月22日，农历（阴历）五月二十一（戊申）日7：00～10：59或13：00～14：59：戊申日是夫生肖的禄；戊申日和妻生肖三合；戊申日是儿子生肖的贵人；戊申日的贵人是儿子生肖。“入宅仪式”时请生肖属虎的亲朋好友暂时避开。5、阳历2011年6月30日，农历（阴历）五月二十九（丙辰）日15：00～18：59或清晨3：00～4：59：丙辰日和男方生肖六合；丙辰日和女方生肖三合。“入宅仪式”时请生肖属狗的亲朋好友暂时避开。阳历2011年5月17日～6月份适宜你们可以搬家（入住），但对全家人助益不大（无助无害）的日子：阳历2011年5月21日、5月26日日、6月5日、或6月12日。1、阳历2011年5月21日，农历（阴历）四月十九（丙子）日清晨1：00～2：59或7：00～8：59。“入宅仪式”时请生肖属马的亲朋好友暂时避开。2、阳历20011年5月26日，农历（阴历）四月二十四（辛巳）日11：00～14：59、19：00～20：59或清晨1：00～2：59。“入宅仪式”时请生肖属猪的亲朋好友暂时避开。3、阳历2011年6月5日，农历（阴历）五月初四（辛卯）日清晨3：00～6：59或11：00～12：59。“入宅仪式”时请生肖属鸡的亲朋好友暂时避开。4、阳历2011年6月12日，农历（阴历）五月十一（戊戌）日15：00～16：59。“入宅仪式”时请生肖属龙的亲朋好友暂时避开。搬家的日子通常是指：举行“入宅仪式”的日子，最好在“入宅仪式”前把所有家电、家具就定位、床、书、衣服、等杂物（锅、碗…）整理好，封门（把门关好），等“入宅仪式”的吉日开门、上香祭祖、开火（点火）或放鞭炮…等，在当天入住。 “入宅仪式”指，在吉日时： 1、在吉日时，开新宅的门。 2、在吉日时，开新宅的门后，准备好祭祖的所有事宜（布桌与祭品）。 3、准备好祭祖的所有事宜（布桌与祭品）后，上香祭祖,是点香祭祀祖先。 4、点香祭祀祖先后，插好香后，香在燃烧时，就可以在空暇时开炉火和烹饪。“入宅仪式”没严格规定要开炉火和烹饪。 5、香火过二分之一，就可以烧纸钱。 6、烧纸钱后，香还在燃烧时，就可以放鞭炮了。“入宅仪式”没严格规定要放鞭炮。 7、“入宅仪式”礼成（完成）。 恭喜乔迁之喜，祝事事大吉。</t>
  </si>
  <si>
    <t xml:space="preserve">怎样考飞行员？ </t>
  </si>
  <si>
    <t>看你是想考民航还是空军了，去年起空军已经扩大了招生范围，你所在的省市应该是可以参加招飞的。高三第一学期，就会开始体检。但是民航不是所有的地方都招，基本只在省会和直辖市。空军要求身体严格，成绩要求不高，但是民航要求英语水平高，身体要求不是很高。</t>
  </si>
  <si>
    <t xml:space="preserve">治疗痛经方式？每次来例假都非常的痛苦啊！有没有什么好的办法呢？ </t>
  </si>
  <si>
    <t>用红糖和老姜煮水喝，效果很不错</t>
  </si>
  <si>
    <t xml:space="preserve">物理一束光线与水平面成30度角,为使光线沿水平方向射出,则平面镜 </t>
  </si>
  <si>
    <t>答：选(4).你想想光线沿水平方向射出，必定有两个方向，比如说光线从北边来的话，有可能向北边水平射出就是75度，也有可能是向南边射出就是15度。不好画图：假如从北边与水平面成30度角射入的话，如果向北边水平射出，则：入射光线和反射光线的夹角就是30度，入射角就是15度，入社光线和法线的夹角就是15度，平面镜跟水平面的夹角就是75度。假如从北边与水平面成30度角射入的话，如果向南边水平射出，则：入射光线和反射光线的夹角就是120度，入射角就是60度，入射光线和法线的夹角就是60度，平面镜跟水平面的夹角就是15度。</t>
  </si>
  <si>
    <t xml:space="preserve">高中化学有机基础部分[急急急]1、一种气态烷烃和一种气态烯烃，它 </t>
  </si>
  <si>
    <t>1)设平均分子式为CxHy,根据题意有:CxHy+3.2 O2=2CO2 +2.4 H2O得平均分子式为C2H4.8所以烷烃为C2H6烯烃为C2H46-----0.8---4.84-----1.20.8:1.2=2:3(选C)2)CH3-CH-CH-CH3  -----------是不是打错字了应该为CH3-CH=CH-CH3,根据乙烯所以原子共面和甲基的结构特点,可知最多可能有（8 ）个原子共处同一平面.3)单庚烯的同分异构体数目,如无支链应该为5种.仅供参考!</t>
  </si>
  <si>
    <t xml:space="preserve">请问孕妇能使用乙醇消毒液（75%酒精）吗？最近我自己用了酒精对发 </t>
  </si>
  <si>
    <t>您好，一般来说，酒精局部外擦孕妇皮肤，避开了肚子部位，少量涂抹问题不会很大，但是，取决个体差异，不是完全绝对的，您若担心，最好的办法也只能建议按时做好产检，密切监测胎儿的情况，以便早期发现胚胎的异常，另外，过分的焦虑对于胚胎的发育也是不利的，您最好是保持良好的心情。</t>
  </si>
  <si>
    <t xml:space="preserve">3D09055期大擂台！希望志同道合的朋友踊跃发表自己的心水！摆 </t>
  </si>
  <si>
    <t>我多的就是分，不要奖励，大家拿实买交流就好！今日看好3D定位复式：049/345/268</t>
  </si>
  <si>
    <t xml:space="preserve">我要有关交通安全标语或警示语,例:“交通法规，生命之友”， </t>
  </si>
  <si>
    <t>司机一滴酒，亲人两行泪路好人稀车不飞、家人盼你安全归谨慎驾驶车顺人、粗心开车车吃人</t>
  </si>
  <si>
    <t xml:space="preserve">句子谨慎的出口商为他的货物海运投保。在海上，货物很容易遭受危险。 </t>
  </si>
  <si>
    <t>The careful exporter insures for his goods sea transportation.On the water, the goods suffer danger very easily.Therefore, some nations carried on profession to turn of the insurance is a kind of another service.England because of having virtuous London 劳埃 ship class the development of the agency, became this kind of a service of main exit, earning for the expenses of other national outside 贸 insurances</t>
  </si>
  <si>
    <t xml:space="preserve">召唤之厅这个任务要个死亡熔炉钥匙,请问谁知道这个钥匙哪里有啊?召 </t>
  </si>
  <si>
    <t>你那任务不需要钥匙的呀,因为没门,那个任务道具是打怪掉的,就里面的怪,另外还有个任务,就是要打怪打钥匙开门的,不过都很简单,你是没明白任务说明,</t>
  </si>
  <si>
    <t xml:space="preserve">谁能说说桥牌的具体规则 </t>
  </si>
  <si>
    <t>桥牌的规则太多了，一本世界定约桥牌联合会颁布的《定约桥牌规则》就有近百页厚，书店有卖的。其实如果你只是想玩好桥牌，那么只要会打就行了，规则有裁判员来掌握。</t>
  </si>
  <si>
    <t xml:space="preserve">如今人和动物的区别何在？别给我将课本上怎么说的，也别给我从科学的 </t>
  </si>
  <si>
    <t>人比动物的高明之处在于人会使用钞票买东西</t>
  </si>
  <si>
    <t xml:space="preserve">春天来了，小女子，想去平谷看桃花，有什么农家乐或者联系方式吗？大? </t>
  </si>
  <si>
    <t>看桃花还没有到时间,再过一段时间,大约4月15日左右吧,住宿平谷农家比较多,一般住一晚上15到20元左右,比较便宜,可以打电话找金海湖景区或则问随便一个景区,或则可以直接问我</t>
  </si>
  <si>
    <t xml:space="preserve">减肥就是减重么?减肥就是减掉一些体重吗? </t>
  </si>
  <si>
    <t>减肥不等于减重,因为减重可能只是减掉水分,而且也可能减掉身体宝贵的的肌肉组织.正确的减肥应该是减去身体多余的脂肪组织.</t>
  </si>
  <si>
    <t xml:space="preserve">宠物加血，怎么加着加着就不加了？ </t>
  </si>
  <si>
    <t>没有饱食度了，加血需要饱食度的，饱食度没有了就不会再释放了。饱食度影响着寿命和好感度</t>
  </si>
  <si>
    <t xml:space="preserve">请问：吉利轿车的05款优利欧这车的性能如何？这款车的发动机性能如 </t>
  </si>
  <si>
    <t>不知你选用什么车型，只能大概说说：吉利，中国第一家生产的民营企业，它从起步、成长到发展壮大，经历了无数坎坷的历程。目前，吉利旗下已经形成了以吉利豪情、美日、优利欧为主打产品，美人豹、上海华普为补充的经济型轿车生产体系。吉利，中国第一家生产汽车的民营企业，它从起步、成长到发展壮大，经历了无数坎坷的历程。目前，吉利旗下已经形成了以吉利豪情、美日、优利欧为主打产品，美人豹为补充的经济型轿车生产体系。这款车的发动机性能如何？吉利配套企业：上海华普发动机在沪量产 （05年以后车） 　　 近日，正式投产的上海华普发动机有限公司位于上海市金山区，耗资1.28亿元，厂房建设用时仅１０个月。在吉利集团的产业链中，华普发动机公司被定位为专门定点开发生产高技术含量发动机的企业。上海华普发动机公司的主要产品是１．８升、１．６升和１．５升三种系列的汽油发动机，工厂同时还具有生产１．３升发动机的能力。 　　上海华普发动机公司采用日本和德国先进加工技术制作的气缸体、气缸盖柔性生产线，以及新型的部装线、总装线、试车线、性能试验室以及高精度测量室。公司生产的发动机具有自主知识产权，是国内具有先进水平的高性能汽车用汽油机。 百公里耗油是 ：1.8L、1.6L、1.5L、1.3L四种系列的汽油发动机。吉利CK-1、华普M303、M303B等中档轿车及跑车的理想配套动力。与能常的车的油耗差不多，以1.6为例：城市约9L.车身钢板厚度是多少？与能行的车用的也差不多，0.55-0，8之间。采用何种制动方式？多数前盘后毂吉利作为一款低廉的经济型轿车进入家庭，应该是一个不错的选择。对于吉利车的优点，几乎所有的车主都不约而同地提及到：价格便宜、配置较高、乘坐相对宽敞、经济实用等等，尤其是吉利车的配件非常便宜，而且维修也很简单，几乎任何一家正规的修理厂都能完成这项工作，这些车主道出自己的“用车经”，直接到配件市场购买配件，然后到修理厂进行修理，简单的维修自己动手解决，这样可以将用车成本降到最低。对于吉利车的各项缺点，各位车主也诉说了不少，我总结了一下，大致有以下一些：　　1、制造粗糙，尤其是我们测试的这些车型，都是老款的内饰和仪表，很多不易使人觉察的地方可以看到铸造工艺留下的点点痕迹。新款吉利改进了不少，但是还有很多需要进一步完善的地方。　　2、离合沉重。2004年以前购买吉利离合重的现象比较普遍，这些车主在维修过程中认为造成离合重的原因是因为离合器拉线的问题，但在更换拉线后问题仍不能解决，原因是因为离合器压盘压力过大、踏板架子结构不合理以及拉线弧度大三个原因共同导致而成，因此仅仅更换离合器拉线并不能从根本上解决问题。　　3、小问题多。油表失灵、门锁问题、车窗问题、不明噪音等等，这些问题虽然不影响驾驶，却足够让吉利车主感觉心烦。4、渗油现象。发动机渗油、变速箱渗油、转向机漏油等，虽然这些现象基本上是低端国产车的通病，甚至一些中档车也存在类似的问题，但是吉利如果能够进一步改进和完善，应该会有赢得更多的消费者。</t>
  </si>
  <si>
    <t xml:space="preserve">三菱M320用哪种电池比较好？三菱M320用亚比仕600毫安的电 </t>
  </si>
  <si>
    <t>个人觉得还是飞毛腿500毫安好些</t>
  </si>
  <si>
    <t>请,幽幽,幽友!写小诗如</t>
  </si>
  <si>
    <t>痴痴地 傻傻地神情这样动人思念是一条网线你在天边我在这边远远地 远远地字行那样熟悉网络就像一场梦你在痴迷我在思念</t>
  </si>
  <si>
    <t xml:space="preserve">用滑轮组提起重物时，所作的额外功占有用功的25%，则滑轮组的机械? </t>
  </si>
  <si>
    <t>请点一下，以便看得清楚些.</t>
  </si>
  <si>
    <t xml:space="preserve">如何用自己的BLOG和别人更好地交流,事实上首要的是怎样更好地推? </t>
  </si>
  <si>
    <t>"来而无往非礼也",其实互相交流就是互相访问吗,互相留言,否则就是"非礼".我看许多人都有这样的困惑————如何提高自己的知名度,如何与别的博客交流.我倒有个注意,临渊羡鱼不如归而结网,我们每一个有这样想法的人只要组织起来,大家都互相访问,加为友情联接,那么就又有朋友,又有了知名度了.就从我做起吧,我的博是   只要有人来访问留言,鄙人一定盛情款待,顺便说一句,我更喜欢普普通通的朋友.</t>
  </si>
  <si>
    <t xml:space="preserve">我要想服装设计还晚吗我是已经有27岁的人，如果要学服装设计晚吗? </t>
  </si>
  <si>
    <t>如果你对这件事有执着的向往并愿意努力钻研，找一所好的学院，你一定会成功我们是做服装的，到时欢迎你的加盟</t>
  </si>
  <si>
    <t>生化危机</t>
  </si>
  <si>
    <t>英文：Special Tactics And Rescue Service中文：特殊战术与救助部队特地在官方权威解惑书中查到的</t>
  </si>
  <si>
    <t xml:space="preserve">在金庸和古龙的经典武侠作品中谁的内功最高 </t>
  </si>
  <si>
    <t xml:space="preserve">金庸中谁内功最高 　　参评人选：郭靖，杨过，张无忌，段誉，萧峰，虚竹，令狐冲。均以各人所记载的最高境界为准。其余虽也不乏主角高手，但因记载较少且武学基本不成体系无可比性，故不参与排名。 　　排名因素：内功×0.3，招式×0.3，经验×0.2， 气势×0.1，计谋×0.05，潜力×0.05 　　1 内功： 内功为所有武学的根本，天下高手，无不一深厚内功惊世骇俗。 　　郭靖：《九阴真经》 　　杨过：与雕自练 　　张无忌：《九阳神功》 　　段誉：鸠摩智全部功力+段正淳等众人部分功力 　　萧峰：自练 　　虚竹：无崖子七成功力+童姥、李秋水各九成功力 　　令狐冲：黑白子、岳不群、桃谷六仙等人功力+《易筋经》 　　萧峰、杨过二人属自练内力，应难及《九阴》、《九阳》这样天下公认的神功。萧峰武功纯属刚猛一路，降龙十八掌所需内力巨大，故应稍胜杨过。段誉未吸鸠摩智内力之前已不比萧峰差，而鸠摩智内力也不输于萧峰，故段誉强于萧峰。虚竹内力所传三人均为当世顶尖高手，比之段誉又要强一些，且小说中也记载其内力“世间已难有第二人”，起码在天龙中是最强。令狐冲所处时代普遍内力境界都比较低，虽然也练过《易筋经》，但只为治病之用。所以内力最强的是虚竹、郭靖和张无忌。不过虚竹的内力是别人硬塞的，掌握的并不纯熟，比之郭靖和张无忌自行修炼该当差一些。对于这两个人，都是武功盖世之人，但张三丰有这样一句话：他或许都未达到当年郭靖的功力。张无忌和张三丰内力也差不多，所以郭靖起码不输于张无忌。而考虑到本来“九阴”，“九阳”无甚高低差别。但郭靖生性淳厚，基本功扎实，又已修习了数十年，比之张无忌几年内的突飞猛进应该要略胜半筹。所以内力最高者应为郭靖。 　　郭靖：100 张无忌：95 虚竹：90 段誉：80 萧峰：70 杨过：65令狐冲：60 　　2 招式：招式不仅要精妙，还要与所习内功配合的好，才能发挥最大效力。 　　郭靖：九阴真经+降龙十八掌 　　杨过：古墓派武功+玄铁剑法+黯然销魂掌 　　张无忌：乾坤大挪移+太极拳+圣火令 　　萧峰：降龙十八掌 　　段誉：六脉神剑+凌波微部+北冥神功 　　虚竹：小无相功+天山折梅手等逍遥派武功 　　令狐冲：独孤九剑+吸星大法 　　以上诸人中，张无忌所习乾坤大挪移和圣火令算成一路，小说中记载其能与九阳神功相得益彰，且均以九阳神功为基础，所以威力巨大，打遍无敌手，而郭靖所习九阴真经更为一完整的武学体系，想必内功与招式融合得更趋完美，况且九阴真经招式之精妙，倚天中已由周芷若加以验证。降龙十八掌与太极拳，一个为丐帮纵横江湖的法宝，箫峰以其一招就在天龙中笑傲群雄，另一个为张三丰颠峰之作，流传至尽，两者皆为天下奇功，当不相上下。所以论招式仍是郭靖略胜了张无忌半筹。其他人，虚竹所习武功也为逍遥一派，但考虑其资质平庸所学不多领悟有限，故难敌前两人。以慕容氏和鸠摩智之言，六脉神剑在天龙中绝对是顶级功夫，可惜段誉难以收发自如，凌波微步又是只能闪避，难以攻敌，如此段誉的招式便大打折扣，还好有北冥神功撑着。杨过也类似，黯然销魂掌威力巨大但碰上小龙女就使不了了。令狐冲剑法虽是极好，但没剑也是白搭，连寻常的壮汉也打不赢，好在还有吸星大法。 　　郭靖：100 张无忌 ：95 段誉：85 虚竹、萧峰：80 令狐冲：70杨过：65 　　3 经验：高手对战，武功往往在仲伯之间，靠的就是冷静的头脑和准确的判断。换言之，就是临敌对战之经验。 　　萧峰身为丐帮帮主，纵横江湖十余年。小说中记载其接任帮主前便经受数道艰险考验，任帮主后更立下汉马功劳，被逐出帮后又有聚贤庄大战上百人的惊人之笔，其作战经验可谓无人能及。且其师傅也说，任何一件平常的功夫到了萧峰手中，都会威力倍增。可见其竟能将各门功夫的潜力发挥到极致，再加上天龙中世道混乱，高手极多，此项排名自以他为先。郭靖镇守襄阳数十年，也算是历经百战，射雕和神雕中的高手也不少。其经验不可不谓丰富。张无忌虽贵为明教教主，但大事小事常自己一力承担。力战六大派，万安寺救人，少林寺大战无一不是凶险至极。年纪虽轻，大仗打了不少。可惜倚天中门派多高手却少，能跟张大教主喂招的更是少之又少。其他诸人比这三人就要差得远了，杨过和令狐冲放浪江湖，没有固定的目标，遇上不平事便行侠丈义一番。好在杨过有独挡九大高手之战，令狐冲则有和绝顶人物东方不败比拼的经验。不过考虑到神雕中高手多于笑傲，所以杨过更胜一些。段誉和虚竹一个类型，都是好孩子，打架多属被迫行为，经验自然谈不上。 　　萧峰：100 郭靖、张无忌：95 杨过：80 令狐冲75 段誉、虚竹：60 　　4 气势：古龙的小说中最讲究精神，是以陆小凤、楚留香常常能战胜比自己强很多的对手。可见高手之间，能在气势上压倒对方，便已先胜了一筹。 　　气势的高低，很重要地取决于双方的武林声望。萧峰和郭靖是公认的大英雄、大豪杰。这两人武功，侠气重，行事光明磊落，郭靖箭射帅旗折服双边兵将，萧峰怒战聚贤庄威风凛凛，无不让人热血沸腾。神雕大侠杨过闯尽江湖号令三教九流，功绩显著。张无忌武功虽高，因年纪尚轻气势略显不足。光明顶一战成名却出场的莫名其妙，少林寺一战本可出尽风头却手软让了周芷若，其他时间则更像是个超级特工，搞探察暗杀可以，却难以达到郭、萧二人那样威震三军的气势。令狐冲典型颓废到底，体中无气，心中更无气。段誉更是标准的公子哥。虚竹就不用说了。 　　郭靖、萧峰：100 杨过：90 张无忌：85 令狐冲：70 段誉、虚竹：60 　　5 计谋：计谋说白了就是诡计，高手固然不屑这些阴着，但在关键时刻，恐怕还能靠它保命。 　　令狐冲无疑是这一项上的佼佼者。战田伯光是最好的表现。其天性狡谐，机灵透顶，虽自小被岳不群严厉管教，却仍花样百出，在风清扬面前更直陈其对诡计的不避讳。杨过也有这方面的杰出表现，近乎“无赖”的个性倒也让他免了不少亏。张无忌为人十分忠厚，赵敏言其在计谋方面差的太远，颇有道理。萧峰一世英雄，也不见其有何诡诈之举。段誉和虚竹又是同病相怜，痴的可以，不过段誉很善于跑，也是一条上计。郭靖就最惨了，本来脑瓜不灵，还自小被侠义之道束缚的可以，全仗有个蓉儿在旁罩着，不然早死翘翘了。 　　令狐冲：100 杨过：95 段誉：75 张无忌、萧峰：70 虚竹、郭靖：60 　　6 潜力：各位日后发展如何，是否为明日黄花，全看这项了。 　　郭靖和萧峰人到中年，再练下去无非内功更精进些，难有较大飞跃。段誉和虚竹本不善武功，又抱得美人归，实在乐不思蜀。杨过古墓隐居，以其后人的武功境界看，一定没有荒废。笑傲中的高手死伤殆尽，令狐冲自可笑傲江湖，又有易筋经和吸星大法两大法宝还未使到颠峰，再加上天资奇高，前途不可限量。张无忌虽身陷儿女情长却时刻得记着倚天剑的任务，九阳神功是不敢耽下了。 　　令狐冲：100 张无忌：95 杨过：90 虚竹：80 段誉：75 郭靖：65 萧峰 ：60 　　郭靖 杨过 张无忌 萧峰 段誉 虚竹 令狐冲 　　内功×0.3 100 65 95 70 80 90 60 　　招式×0.3 100 65 95 80 85 80 70 　　经验×0.2 95 80 95 100 60 60 75 　　气势×0.1 100 90 85 100 60 60 70 　　计谋×0.05 60 95 70 70 75 60 100 　　潜力×0.05 65 90 95 60 75 80 100 　　总分： 　　1 郭靖： 95.25 　　2 张无忌： 92.75 　　3 萧峰： 81.5 　　4 虚竹： 76 　　5 段誉： 75 　　6 杨过： 73.25 　　7 令狐冲： 71 　参考。 古派顶级高手 　　燕十三 第十五剑，那是不应出现在人世间的一剑　　李寻欢 一门三探花，小李飞刀，例不虚发。　　荆无命 左手比右手还快。　　傅红雪 天下第一刀　　剑神 谢晓锋　　楚留香 盗帅夜销魂，侠盗夜留香　　水母阴姬，香帅只能接下七招。　　石观音， 香帅只能接下二百招。　　逍遥候，变态级高手。古龙兵器榜 　　第一，天机棒，又名如意棒 　　“天机老人”孙老头 　　死于上官金虹 　　第二，子母龙凤环 　　“龙凤环”上官金虹 　　死于李寻欢 　　第三，小李飞刀 　　“小李探花”李寻欢 　　第四，嵩阳铁剑 　　“铁剑”郭嵩阳 　　死于荆无命 　　第五，温侯银戟 　　“银戟温侯”吕凤先 　　第七，蛇鞭 　　“鞭神”，“神鞭”西门柔 　　第八，金刚铁拐 　　“横扫千军”诸葛刚 　　死于郭嵩阳 　　第九，青魔手 　　“青魔手”伊哭 　　死于阿飞 　　第十， 东海玉萧 　　死在郭嵩阳的堂弟郭定之手 　　第十九，流星锤 　　“风雨流星”向松 　　死于荆无命 　　第三十七，判官笔 　　高行空 　　死于郭嵩阳 　　第四十六，飞枪 　　燕双飞 　　死于李寻欢   金庸武侠人物　　　1、 令狐冲―--全灵人男剑，力和内功都很次，独以快剑成为一流高手，原为华山工会，因与会长岳不群关系恶化，改投恒山工会，后任恒山工会会长。 　　2、 韦小宝―--全运人男刺，匕首、神行百变、装死（龟息）、火枪―标准的刺客，现有称号：千万富翁，正在向：风流帅哥称号冲刺。 　　3、 郭靖―--全运人男武，在新手区时苦练不得法，进展奇慢，郭靖跟莉敏关系不错，第一次就批发了七块肉去拜师。 　　4、 东方不败―--男人剑自杀转职―全魅女人刺，一把流云针使的出神入化，原日月工会会长，但不关心工会事务，基本交副会杨某处理。 　　5、 谢逊―--全力男魔刀，外号：金毛狮王，因丢失心爱装备―屠龙刀，并从来没有修医为其加鹰眼，郁闷的失心疯了。　　6、 小龙女―--敏魅女仙符，古墓工会代会长，剑法也不错，常用符鬼：玉蜂。 　　7、 杨过―--灵敏男人剑，与令狐冲同为独孤的徒弟，单手锐器技能全满，而双手及双手持技能一直为零。（杨过小号：男魔符，常用符鬼―--神雕） 　　8、 任我行―--全力人男阴，曾被卡在梅庄地下很久，修得乾坤大挪移（倒转？），原日月工会会长。 　　9、 欧阳锋―--力灵男修医，原白驼山工会会长，用毒高手，后因挂技能不得法，以致精神错乱。（小号：男魔符，常用符鬼―--蛇） 　　10、 箫峰―--曾用名：乔峰，全力男魔武，原丐帮工会会长，因遭诬陷，性情乖张，在PK区错手杀死爱侣阿朱，从此阿朱删号不玩，后与阿朱的妹妹阿紫一直在冰封谷游荡。 　　11、 胡青牛―--全智人男药，是个热心的好药师，但与修医妻子组队配合的不好，以致反目成仇。　　12、胡斐----全敏男人刀　　13、蓝凤凰----全魅女修医，五仙工会会长　　14、王语嫣----练功指导员，自己不会打，但对各门派功夫了如指掌 .古派小说美女一览 　　苏樱：水红色的人影，衬托着艳而多姿的秋海棠，灵逸中尽显风情。 　　水灵光：秀水清清，纯而剔透。玻璃杯中的晶莹，浅浅浮上一层薄绿。 　　风四娘：明朗的褐色，浸水后会变得深沉，于此见高华。 　　梅吟雪：深白深白，所有颜色都褪去的一干二净，流动着独属冬季的玉洁冰清。 　　丁琳琳：明快的鹅黄，稚嫩的靓丽，伴着银色的铃铛，翩翩起舞。 　　蝶舞：深紫，浓的无法化开，不是忧郁，而是绝望。 　　朱七七：跳跃着的火焰，独取那一抹桔红，可以感受那份烫人的热意。 　　林仙儿：妖异的蓝紫，堕落的颜色，魅惑，垂手可得。 　　小公主：青是优雅，青是倔强，青是深层处的高傲的疯狂。 　　水天姬：桃红一瓣永相随，谁说，那是一种劫？ 　　温黛黛：褚色，迷人，媚艳，只是非寻常人，穿不出那种超然于外的素洁。 　　白飞飞：萤火，漆黑的夜色中，脆弱的一点，却执着着不肯熄灭。 　　朱泪儿：嫩绿是希望，希望在悦目中缓缓绽放。隐藏其中的，是顽强的生命。 　　铁心兰：月白。其实她很温柔，就象月光轻洒在你身上，不凉，却郁。 　　张菁：正喜大红，纯粹没有杂色，只有热情奔放着，告诉你，什么叫快乐 　　慕容九：浅碧，背景上一朵素菊，前者是毒，后者是弱。 　　苏蓉蓉：黄色的柔并不能淡去它的浓意，如果颠覆，万劫不复。 　　林诗音：优雅的深蓝，淡淡的落漠，此生的命运，却是忧郁。 　　孙小红：太阳般的金色，能够包容伤口，创造奇迹 　　燕七：浅蓝，纯而干净，舒服的颜色，让人忘俗。它没有热度吗？不。 　　田丝丝：少女梦中的粉红，有一点点跳脱，更多的是可爱，而且甜美。 　　沈璧君：华贵的紫色，尊崇的让人膜拜，只是透过去看，一切都并不明快。 　　高老大：灰是所有颜色被水洗过后的混淆色，所有杂质一一沉淀，却回不到纯白的最初。 　　上官小仙：夜的黑，默默散放，黑暗中的人，看不清楚，一种沁入心脾的凉，慢慢渗透。 　　小蝶：折翅的蝴蝶，斑驳的脆弱，颜色被打翻，点点紫，点点红。 　　明月心：迷梦后的真人，浅灰后的暗绿，隐隐透露着阴晦，令人不悦。 　　卫凤娘：温柔如水波，水晶中透一层薄蓝，轻轻流过，暖意脉脉。 </t>
  </si>
  <si>
    <t xml:space="preserve">在北京办的暂住证的问题在北京办的暂住证,有分B和C,有什么不同呢 </t>
  </si>
  <si>
    <t>朋友你好，给你个资料，你可以了解一下：根据《北京市外地来京人员户籍管理规定》第七条之规定：年满16周岁，在本市暂住时间拟超过1个月或在本市从事务工、经商等活动的外地来京人员，应当在进行暂住登记的同时申领暂住证。暂住证依据暂住人在京居住时间分为：A、B、C三种。　　C证条件：来京不满一年，从事非务工经商或者从事务工经商等活动，有正当来源和合法暂住处所的外地人员。　　B证条件：在京暂住一年以上五年以下，且近期无违法犯罪记录的外地人员。　　A证条件：在京暂住五年以上的外地人员。符合下列条件之一的外地来京人员， 可直接申领A证：       1．本市高、新科技企业聘用的管理、科技人员，及取得市主管部门核发的《应聘证》的外地人才。       2．在京投资30万元人民币以上或购买商品房的外地人员。        3．经市政府批准在京设立的外地驻京机构中派驻来京的工作人员       4．夫妻配偶一方系本市常住户口，且家庭生活基础在本市的外地人员。       5．在京务工经商期间，获得本市区县级以上荣誉称号或者有突出贡献的人员。 希望对你有用！</t>
  </si>
  <si>
    <t xml:space="preserve">农历上的几“龙治水”是如何推断出来的？ </t>
  </si>
  <si>
    <t>初一二逢辰，三龙治水，行雨均平，春夏秋冬雨水应之高田，全收麻豆麦也。初三四逢辰，是三四龙行雨，雨水调均，高低大收。初五六逢辰，是五六龙，半凶半吉，种宜早，大收之年。初七八逢辰，七八龙治水，春秋月有虫蝗，遍伤人民，五谷长价，百姓饥荒，乡村饿死。初九十逢辰，九十龙治水，本年大水，又有秋旱，苗焦枯，五谷不收，一水一流半收。初十一二逢辰，十一二龙治水，其年多旱，秋夏枯干，空贵，耕种五谷不收，江湖断流，冬有雨雪</t>
  </si>
  <si>
    <t xml:space="preserve">家中电脑,子网掩码为什么总是,默认网关为什么总是? </t>
  </si>
  <si>
    <t>子网掩码不能单独存在，它必须结合IP地址一起使用。子网掩码只有一个作用，就是将某个IP地址划分成地址和主机地址两部分。 子网掩码的设定必须遵循一定的规则。与IP地址相同，子网掩码的长度也是32位，左边是网络位，用二进制数字“1”表示；右边是主机位，用二进制数字“0”表示。附图所示的就是IP地址为“ ”和子网掩码为“ ”的二进制对照。其中，“1”有24个，代表与此相对应的IP地址左边24位是网络号；“0”有8个，代表与此相对应的IP地址右边8位是主机号。这样，子网掩码就确定了一个IP地址的32位二进制数字中哪些是网络号、哪些是主机号。这对于采用TCP/IP协议的网络来说非常重要，只有通过子网掩码，才能表明一台主机所在的子网与其他子网的关系，使网络正常工作。 常用的子网掩码 子网掩码有数百种，这里只介绍最常用的两种子网掩码，它们分别是“ ”和“ ”。 1.子网掩码是“ ”的网络：最后面一个数字可以在0~255范围内任意变化，因此可以提供256个IP地址。但是实际可用的IP地址数量是256-2，即254个，因为主机号不能全是“0”或全是“1”。 2.子网掩码是“ ”的网络：后面两个数字可以在0~255范围内任意变化，可以提供2552个IP地址。但是实际可用的IP地址数量是2552-2，即65023个。 IP地址的子网掩码设置不是任意的。如果将子网掩码设置过大，也就是说子网范围扩大，那么，根据子网寻径规则，很可能发往和本地机不在同一子网内的目的机的数据，会因为错误的判断而认为目的机是在同一子网内，那么，数据包将在本子网内循环，直到超时并抛弃，使数据不能正确到达目的机，导致网络传输错误；如果将子网掩码设置得过小，那么就会将本来属于同一子网内的机器之间的通信当做是跨子网传输，数据包都交给缺省网关处理，这样势必增加缺省网关的负担，造成网络效率下降。因此，子网掩码应该根据网络的规模进行设置。 如果一个网络的规模不超过254台电脑，采用“ ”作为子网掩码就可以了，现在大多数局域网都不会超过这个数字，因此“ ”是最常用的IP地址子网掩码；笔者见到的最大规模的中小学校园网具有1500多台电脑，这种规模的局域网可以使用“ ”。 默认子网掩码 在Windows 2000 Server中，如果给一个网卡指定IP地址，系统会自动填入一个默认的子网掩码。这是Windows 2000 Server为了节省用户输入时间自动产生的子网掩码。比如，局域网最常使用的IP地址“192.168.x.x”默认的子网掩码是“ ”。一般情况下，IP地址使用默认子网掩码就可以了。</t>
  </si>
  <si>
    <t xml:space="preserve">亚山钻石的充值方法现在市面上已经买不到骏网一卡通,请问除了直接网 </t>
  </si>
  <si>
    <t>您好，手机充值也可以购买，具体请您参照主页的充值流程说明</t>
  </si>
  <si>
    <t xml:space="preserve">一个逻辑问题！76.虽然菠菜中含有丰富的钙，但同时含有大量的浆草 </t>
  </si>
  <si>
    <t>A一般人常吃大米，中和了浆草酸，就不会影响对菠菜中钙的吸收</t>
  </si>
  <si>
    <t xml:space="preserve">冬天饮食该注意什么？冬天比较寒冷户外运动少了很多吃的太多又怕发胖 </t>
  </si>
  <si>
    <t>应该多吃一些温热补益的食物这样，不仅能使身体更强壮，还可以起到很好的御寒作用。　　根据食物中所含营养素的不同，冬季膳食应具有以下特点：　　多吃主食，适当吃点羊肉、鹌鹑和海参。蛋白质、脂肪和碳水化合物被称为产热营养素。所以，冬季我们要适当增加主食和油脂的摄入，保证优质蛋白质的供应。狗肉、羊肉、牛肉、鸡肉、鹿肉、虾、鸽、鹌鹑、海参等食物中富含蛋白质及脂肪，产热量多，御寒效果最好。　　怕冷与缺少钙和铁有关。人怕冷与机体摄入某些矿物质较少有关。如钙在人体内含量的多少，可直接影响心肌、血管及肌肉的伸缩性和兴奋性；血液中缺铁是导致缺铁性贫血的重要原因，常表现为产热量少、体温低等。因此，补充富含钙和铁的食物可提高机体的御寒能力。含钙的食物主要包括牛奶、豆制品、海带、紫菜、贝壳、牡蛎、沙丁鱼、虾等；含铁的食物则主要为动物血、蛋黄、猪肝、黄豆、芝麻、黑木耳和红枣等。&gt;&gt;&gt;补钙高手的“英雄谱”VS女性怕冷注意多补铁　　海带、紫菜可促进甲状腺素分泌，产生热量。人体的甲状腺分泌物中有一种叫甲状腺素，它能加速体内很多组织细胞的氧化，增加身体的产热能力，使基础代谢率增强，皮肤血液循环加快，抗冷御寒，而含碘的食物可以促进甲状腺素分泌。含碘丰富的食物是：海带、紫菜、发菜、海蜇、菠菜、大白菜、玉米等。&gt;&gt;&gt;防病话海带VS保健良品--紫菜　　动物肝脏、胡萝卜可增加抗寒能力。寒冷气候使人体维生素代谢发生明显变化。增加摄入维生素A和维生素C，可增强耐寒能力和对寒冷的适应力，并对血管具有良好的保护作用。维生素A主要来自动物肝脏、胡萝卜、深绿色蔬菜等，维生素C则主要来自新鲜水果和蔬菜。&gt;&gt;&gt;维生素A知多少VS关于维生素C的一二三　　芝麻、葵花子能提供人体耐寒的必要元素。寒冷天气使人对体内蛋氨酸的需求量增大。蛋氨酸可以通过转移作用，提供一系列适应寒冷所必需的甲基。因此，冬季应多摄取含蛋氨酸较多的食物。如芝麻、葵花子、乳制品、酵母、叶类蔬菜等。　　吃辣的可以祛寒。辣椒中含有辣椒素，生姜含有芳香性挥发油，胡椒中含胡椒碱。它们都属于辛辣食品，冬天多吃一些，不仅可以增进食欲，还能促进血液循环，提高御寒能力。&gt;&gt;&gt;适量吃辣人添寿　　　小编推荐：冬季养生宝典　冬季室内真的危机四伏？－－天气逐渐变冷，人们越来越多地在温暖如春的室内活动，室内潜伏着的“隐形杀手”应该引起人们的重视。详细阅读&gt;&gt;&gt;&gt;冬季应该早睡晚起－－传统养生学认为，人生于天地之间，其生命活动就要与大自然的变化保持一致，需要根据四季气候变化的规律而改变自己的日常生活规律，以顺应自然，这就是“天人相应”的思想。详细阅读冬季你最需要什么水果？－－冬天是干燥的季节，我们更加习惯性地每天吃水果。想使水果变得和昨天不同？是不是每份水果都适合我们的需要？详细阅读&gt;&gt;&gt;&gt;冬季保暖“三点式”－－医学研究发现，静止状态不戴帽的人，在环境气温为15℃时，从头部散失的热量占人体总热量的30％，4℃时散失总热量占60％。此外，天气寒冷令血管收缩，人们就会出现头痛头晕的症状，对于脑血管病人来说，很容易诱发脑血管病。由此可见，头部保暖非常重要。</t>
  </si>
  <si>
    <t xml:space="preserve">卧室墙刷粉红色有什么说法听朋友说卧室墙面刷粉红不好，想问高师有什 </t>
  </si>
  <si>
    <t>自古以来室内的墙就是白色的，以前没有玻璃，窗户又小，为了明亮，就尽量做成白色。没有其他的色出现，所以也就没有什么说法。现在人们的环境变了，条件好了，审美需求提高了才出现各种颜色。</t>
  </si>
  <si>
    <t xml:space="preserve">求好玩的单机游戏不要太大下的太麻烦 </t>
  </si>
  <si>
    <t>你要是喜欢角色扮演类的话，推荐你玩仙剑奇侠传系列，比较经典。其它的就是魔兽争霸、使命召唤(这个比较大)、模拟人生。要是不想动脑筋就玩祖玛。</t>
  </si>
  <si>
    <t xml:space="preserve">Thecleverboymadeaholeinthewall,_? </t>
  </si>
  <si>
    <t>选B throught which, which 引导一个非限定性定语从句,which 代替 a hole；  what was going on... what 引导一个宾语从句，在屋外发生了什么</t>
  </si>
  <si>
    <t xml:space="preserve">天堂2号被盗了怎么找回来?"密码被盗.2及密码被改,邮箱被改,还 </t>
  </si>
  <si>
    <t>打客服电话咨询下。我想如果他们想帮你找回来的话，那么要你提供身份证复印件传真过去，在官网首页下载的表格中填写详细的申请理由与要求，按照程序走一遍。不过你这个被改的确实太多了，比较难弄。祝你好运吧~~</t>
  </si>
  <si>
    <t xml:space="preserve">这种女孩能要么？我是很喜欢她的，也有打算往结婚那个方向发展。但是 </t>
  </si>
  <si>
    <t>你可以给自己一段时间好好审视一下你到底还想要她吗？她是否也想和你往结婚的方向努力！从你的描述来看没人能认为这一定是个好女孩！但毕竟我们不认识她！如果她很在乎你也会为你改变的！让时间给你一个最好的答案吧！</t>
  </si>
  <si>
    <t xml:space="preserve">UT我是上海的!!为什么我进不去我们会的频道!!希望快点回答!! </t>
  </si>
  <si>
    <t>你点左上角的连接，然后输入你们公会的UT号就行了</t>
  </si>
  <si>
    <t xml:space="preserve">渴求大家的帮助和化解，感谢！临毕业，当时“以为”很喜欢对方，背着 </t>
  </si>
  <si>
    <t>得不到大家的祝福的婚姻确实不太顺利,但从你听别人的意见就改变自己的行为方式看,你太在意别人的意见了.这样对你对他们都不好.坚定自己的信念,自己做的一定有自己的理由不是么?!其实证书只是一种形式而已,真正让你无法释怀的是你对别人看法过于担心的心理阴影.</t>
  </si>
  <si>
    <t xml:space="preserve">我该怎办?我和她在一起已很长时间了.她说两年后就和我结婚.但她就 </t>
  </si>
  <si>
    <t>那就結婚后再做啊</t>
  </si>
  <si>
    <t xml:space="preserve">纸上谈兵的主人公是谁？ </t>
  </si>
  <si>
    <t>战国时赵国的赵括，也就是长平惨改十万兵被坑杀的造成者。赵括,马服君赵奢之子,也叫马服子,战国时赵将。他只会空谈其父所传兵法,实际不能指挥作战。公元前260年,赵中秦反间计,用赵括代替老将廉颇,一反廉颇的策略,改守为攻,在长平(今山西高平西北)主动全线出击,向秦进攻。</t>
  </si>
  <si>
    <t xml:space="preserve">电脑下载的传奇通用登陆器怎么解压到传奇里面啊！请知道的帮个忙！！? </t>
  </si>
  <si>
    <t>单激下载文件，结压到传奇目录里，然后打开传奇目录里面有结压文件，打开后全选复制，粘贴到传奇目录里。打开传奇通用登陆器就可以用了。</t>
  </si>
  <si>
    <t xml:space="preserve">快递中的首重续重是怎么回事的？是怎么计算的？我很不懂的，有没有解? </t>
  </si>
  <si>
    <t>以KG为计算资费单位，即每件包裹重量尾数不满1KG的，应进整按1KG计算资费,首重1KG。上海到沈阳的话，是15元（首重）+1.5元/KG 续重差不多24元具体你再问下快递员</t>
  </si>
  <si>
    <t xml:space="preserve">腰腹部特别肥胖,赘肉特别多,真的想好好的减减谁有没有更加好的方法 </t>
  </si>
  <si>
    <t>其实网上流行的减肥方法很多，但真正有效果的真就是不多。好多方法不光不管用，甚至还会威胁我们的健康。我个人认为这个纯绿色植物精油提取的肚`e`瘦是个不错的选择，我的好多朋友都是用它减肥成功的。毕竟是纯中药的绿色的对人体怎么来说伤害还是小的，祝大家都能减肥成功。</t>
  </si>
  <si>
    <t xml:space="preserve">LR天赋问题请问我是50生存LR,想洗成兽王,该怎摸加 </t>
  </si>
  <si>
    <t>兽王31是没的说的，其他的建议全+射击吧，记得一定要+射击距离啊，其他的看情况+吧。</t>
  </si>
  <si>
    <t xml:space="preserve">soccerball与football的区别． </t>
  </si>
  <si>
    <t>soccer n.英式足球 ，也就是特指平时我熟悉的比较圆的那种足球。football n.既可表示足球, 也可以表示橄榄球。 也就是说，平时我们谈到足球可以说football没错，说soccer就更强调是英式足球。只不过在美国文化里，他们用football表示橄榄球，英式足球仍然是soccer表示。</t>
  </si>
  <si>
    <t xml:space="preserve">吃鸡蛋只吃蛋清吗？请教胆固醇高手！鸡蛋是众多健美运动员和爱好者的 </t>
  </si>
  <si>
    <t>我没有，但是我有办法不浪费又不会摄入过多，如果是普通人吃呢，年轻的一天一个，中老年隔天一个。</t>
  </si>
  <si>
    <t xml:space="preserve">请问下，今天技能槽打折吗？开箱子是不是双倍爆率？ </t>
  </si>
  <si>
    <t xml:space="preserve">这次没这个活动啊，有什么活动网上已经说了！活动一：缤纷好礼送不停 科比为了感谢所有玩家的支持，将在新版本上线后对所有玩家派发红包。每天在指定时间段内登陆，就能轻轻松松拿红包。红包内可是藏着各种极品道具，还有几率开出永久的小熊睡衣！ 活动时间 新版本上线—— 4月25日 每日：12：30 ——13：30 18：30 ——19：30 活动规则 玩家在指定时间段登陆游戏即可获得奖励。 活动奖励 红包1个，可以开出各种道具，甚至可以开出永久道具小熊睡衣。 活动二：全新永久服饰璀璨登场 2008年《街头篮球》道具商城将推出全新永久加能力服饰共八款。16级永久下装首次登场，带来全新感受！不要犹豫啦，流行的、实用的在这里全都能找到！任你搭配出全新形象和百变造型，让你也感受巨星风采。 活动规则 版本更新后玩家进入游戏内道具商城即可购买到“全新永久加能力服饰”。全新永久道具将替换（除1级下装外的）07旧款永久道具，并首次推出16级永久下装。 道具介绍 男装 Free球衫（Lv1） Nike“勇气”汗衫（Lv16） 舞者长裤（Lv16） 财源滚滚鞋（Lv1） 女装 彩虹露背装（Lv1） FS露背衫（Lv16） 花纹8分裤（Lv16） 财源滚滚鞋（Lv1） 活动三：全民参赛拿奖励 庆祝科比加盟，全民奖励降临《街头篮球》！只要在游戏中进行8场3v3比赛就能获得“神秘宝箱”1个。打开宝箱，各种夺人眼球道具任你拿！一起开始比赛吧，相约球场，我们不见不散！ 活动规则 1.玩家在游戏中进行3v3比赛，8场后即可获得奖励。 2.奖励将直接发放到游戏中“我的道具”内。 活动奖励 神秘宝箱，打开宝箱，不同职业抽到的道具属性不同。 图2活动奖励 活动时间 新版本上线后即开启，活动将长期进行。 </t>
  </si>
  <si>
    <t xml:space="preserve">请问一下，是在证券公司用股票帐户买便宜呢，还是到基金的网站上买便? </t>
  </si>
  <si>
    <t xml:space="preserve">证券公司进行场内LOF与ETF基金(上市交易型开放式基金)交易,费率最高不超过0.3%.可以参考下面的贴子:在证券公司开沪深股东帐户,即可在证券公司营业部或证券公司网站,进行上市交易型开放式基金的场内交易.(如果以前买过股票或封闭式基金,已经有帐户则不用重开,用原来的帐户即可)LOF基金即能在场内交易,也能在场外进行申购和赎回.本从比较喜欢场内交易,证券公司进行场内交易(LOF基金和ETF基金)虽然目前仅有22支基金可供选择,但其中不泛优质基金,主要是看中了:一.交易费率低廉,进、出费用仅为0.3%,费用比银行和网上直销都便宜不少.二.资金到帐快捷(T+1),时间成本和机会成本都比较占优势.三.交易方式灵活方便,即可在证券公司营业部进行交易,又可利用网络在家或办公室进行操作.四.更有利于进行波段操作.及时抓住机会和迅速回避风险.五.如果有时间关注,还可以以比前一日基金净值低的价格,买到基金.场外交易进出成本合计大约在2%左右,而且赎回资金到帐时间至少为TT+4,或者更长.柜台交易更麻烦,而且受银行上班时间的限制,申购赎回都不是很方便.因此,如果条件充许的话,还是选择场内交易比较划算一些. 南方高增 160106嘉实300 160706荷银效率 162207万家公用 161903融通巨潮 161607广发小盘 162703景顺鼎益 162605南方积配 160105招商成长 161706中银中国 163801博时主题 160505巨田资源 163302兴业趋势 163402富国天惠 161005景顺资源 162607ETF基金50ETF 510050深ETF 159901180ETF 510183交易方式同股票,封闭式基金一样,费率相同.不收印花税祝投资成功! </t>
  </si>
  <si>
    <t>三场法乙已买50倍尼姆</t>
  </si>
  <si>
    <t>第一场直接走10可能好点，主队大热</t>
  </si>
  <si>
    <t xml:space="preserve">自考毕业生和统招毕业生的差别？这二者在就业方面有什么样的差异？能 </t>
  </si>
  <si>
    <t xml:space="preserve">虽然国务院颁布的《高等自学考试暂行条例》中明确规定高等教育自学考试毕业证书获得者的待遇与普通高校同类毕业生相同，但自考毕业生在现实生活中受到的待遇却不如人意。和那些全日制毕业生相比，自考生好像变成了“武大郎”，似乎比人家矮了一截。 在就业、考研、评职时也屡屡受到不平等待遇。　　调查表明，虽然有不少人认为是社区对自考生存有便见，但也有相当一部分人认为自考生能力确实不如统招生，认为自考生只是考试机器，自考生的素质比统招生差.....自考生是中国的弱势群体。 　　由于种种原因，他们没有机会跨入高校的大门，本来行行出状元，不读大学大有作为者不在少数，但他们选择了自考，为的是弥补未读大学之憾。可是这样的选择――似乎是一个错误！ 　　自考生，遭遇了太多太多的不公平。 　　姑且不谈每次报名时总会无缘无故多交的从来不会有收据的几文钱，也不说常常遭遇考办老师漠不关心的冷眼，单单是自考这个在中国风行了数十年且在不断完善的体系本身，似乎已经出现了诸多弊病或者是跟不上时代的尴尬。 　　诚然，数百万人通过自考拿到了文凭，但这样的文凭在社会得到的认可度却越来越低。君不见不少大的单位招人时之重要条件就是“全日制”高校毕业生――直接把自考生排除在外！ 　　2004年初，重庆市曾经因为市政府和人事局招聘时“歧视”自考生，而引发了当地数十万自考生声势浩大的“维权行动”。 　　其实，这样的例子在我们身边实在太多。作为自考生，我们已经习惯了用人单位冷漠的挑剔的质疑的眼神。因为，只有我们自己知道――每位能够完成自考学业拿到文凭的自考生走过的是一段辛酸的历程。没有良师辅导，没有学友并行，完全信赖自己挤出业余时间牺牲休息的苦读，才拿到那纸薄薄的文凭。 　　我要说的不是这些。毕竟这只不过是每个自考人必须经历的过程。 　　我要讲的是，自考本身存在的问题。 　　一直以来我都在反思，为什么自考会得不到社会的承认？ 　　是自考生素质太差了么？绝对不是。当前自考生很大一部分是九十年代中前期农村出来的中专生，那时候他们初中毕业后选择的是当时最难考的中专，不过是为了帮助穷困的家庭省些学费。当时也只有最优秀的初中生才能够是中专的校门。――当然，短短几年时间社会的变革实在太多，曾经为许多人趋之若鹜的中专已改头换面成了高职，并且成了学习最差的学生们的选择。 　　除了这些中专生以外，参加自考的优秀人才实在太多。这也是真正接触过自考群体的人们的共识。 　　于是我们可以毫不留情地给出答案，不是因为自考生不优秀而得不到社会的承认，而是因为自考体制体身束缚了自考生的创造力。参加过自考的人都明白，自己必须花比高校学生数倍的功夫才能过相应的课程：这里每一科都得不到老师的任何照顾。于是我们也不难发现某些自考生因为一科过不了而苦苦挣扎多年――这也是普通高校永远无法出现的情形！ 　　为什么我们的自考，让我们花费了大量的时间和精力，培养的却是无法为社会接受的人才？ 　　有人说过，整个中国教育体制都有问题。我以为，所有问题最为集中的就在自考这个群体。 　　这些是大环境所致，我们不怪。但是，为什么自考本身还存在着下面一些完全可以改变的弊病？ 　　首先，自考分为专科和本科两种。当然具体还有什么独立本科段或者是其它本科段。本科毕业的人必须持有专科文凭。这就不懂了。普通高校也分专科和本科。但却没有任何规定要把专科读完才准读本科。其实，自考完全可以把这样设置：独立本科段提供给以前没有专科文凭的报考者，其它本科段则向有专科文凭者开放。这样就避免出现了某些自考生本科都完成了专科却还没过的可能。 　　其次，自考本科毕业论文时间拖的太长。许多自考生年纪都不小，时间算不上金钱，但至少也还宝贵。时间长到多久？也许是一般人不敢想象。拿四川师范大学来说，毕业生年初提出申请，年中学校辅导，年底进行答辩，前前后后竟然是一年时间！！！一年呐！这难道不是官僚主义的作风？为何自考（长线）不能像高校毕业生那样，在课程完成前写论文，是有关学校怕麻烦，还是对自考生的歧视？ 　　再次，既然自考文凭不被社会承认，那么总可以考研吧。近几年来自考生考上研究生的也不在少数，但是似乎考研的安排对自考生也是一个难题。国家规定，必须有大本文凭才能够考（除了同等学历报考之外），那么刚刚毕业还未拿到毕业证的自考生呢？因为毕业论文问题，他们拖上的恐怕非是一年，而是两年吧。自考每年10月30号有一次考试，这次考试即便过了（假设这次考试过全部科目上），也得11月底才知道成绩。而研究生报考是11月上旬。毕业论文得拖到第二年，也要到年底。那么就是说这回毕业证得等到12月份才能够领到，又错过了报名时间。总共浪费了多长时间，整整两个年头呐！要不是同等学历报考有诸多限制，谁谁谁愿意等这么久？为何研究生招生不对自考生的实际情况予以考虑，把即将毕业的自考生同普通高校应届毕业生同样看待不就行了吗？或者是规定在读研前必须提供毕业证不就成了？ 　　最后，短线自考的出现，真正的损害了自考生的整体声誉。短线自考，几乎每个学校都在办。不管这是创收的办法还是真正为了提高自考生的素质，但在实际中短线自考却成了“混文凭”的代名词。很多科目学校自己出，及格率高得吓人。据笔者了解的情况，短线自考学校出题的科目，老师从来都只会象征性地让几人不及格而已。这并非是诋毁短线自考，因为这也是普通高校的惯常做法。但如果借自考之名来行这类“混文凭”之实，是广大长线自考生无法接受的。而且，既然短线自考生可以提前写毕业论文，甚至可以毕业前就考研，为何同是自考的长线生就不行了呢？ 　　可怜天下自考生！可怜天下自考生！ 　　为了一纸难被社会承认的文凭，他们承受了太多太多的不公平待遇！可是又有谁能够理解他们？ 　　贪婪的考办，傲气的主考院校，无动于衷的主管部门…… 　　这一切，何时何日才能有所改观？？？ 　　期盼公正！ 　　希望天下的自考生们联合起来，努力争取本属于自己的公平学习权利！ 　　希望有良知血性的领导、教育工作者，为自考生多做一些实事！ </t>
  </si>
  <si>
    <t xml:space="preserve">尿路感染患尿频，尿急的症状已经有两年了，时好时坏，平时没事就想往 </t>
  </si>
  <si>
    <t>你的问题应该是附件炎，如真的同医生说的什么因处女膜破后有些翻到尿道口导致常有感染的话，那你还不如把因处女膜破后有些翻到尿道口的那部分用激光做掉，那样的话就不会感染了，还有平时用高温的高锰酸钾溶液熏，然后再洗生殖器，一段时间就会好的</t>
  </si>
  <si>
    <t xml:space="preserve">北京地名北京大兴那边有个团和行宫，请问那里为什么叫团和行宫？ </t>
  </si>
  <si>
    <t>团河行宫建于清乾隆四十二年(1777),占地约400亩,围墙2公里。因宫内有团泊,是团河之源,故称团河行宫。介绍： 团河行宫在黄村卫星城东2.6公里处，辽金时为一片天然猎场，元朝时筑飞放台，放鹰捕野鸭，明代围墙养鸟兽，称南海子。 是清朝南海子4座行宫中最大的一个。这里曾是元、明、清三代著名的皇家苑囿。清乾隆42年(1777年)始建行宫。面积为27公顷，水面4公顷，分为东、西两湖，湖东南为宫殿建筑，湖北为园林建筑。成为一座杰出的皇家大花园和郊游围猎之地。团河行宫建于清乾隆四十二年(公元1777年)，有璇源堂、涵道斋、归云岫等八景，史称“团河八景”。1900年被八国联军破坏，宫中珍宝被洗劫一空。1984年修复。东湖中岛两侧分架精巧的木桥。岛上有翠润轩，又名敞宇，三楹，为大式卷棚歇山筒瓦顶，梁枋上绘有苏式彩画。西湖上有御碑亭，方形，四檐吻兽相衔，彩画夺目。亭内有乾隆题诗碑。新开辟有垂钓、古装照像、古装肩舆等旅游活动。新建狩猎游乐场，游人可在此骑马持弓，捕猎野兔等小动物，尽情领略当年封建帝王行围狩猎之乐趣</t>
  </si>
  <si>
    <t xml:space="preserve">全身无力怎么办晚上睡觉多梦，早晨醒了后感觉下半身无力！性生活减退 </t>
  </si>
  <si>
    <t>肾虚。用补肾的中药 调一调会帮助恢复的。也可以外用 腰肾膏 贴患处。</t>
  </si>
  <si>
    <t xml:space="preserve">中心点高度变化检测直径检测设备像一般的直径检测设备，除了可以测量 </t>
  </si>
  <si>
    <t>直径检测产品除标准系列外，还可根据用户的特殊需要定制。如果您不了解产品性能是否能满足您的需要，您可申请样品试用，我们帮您解决试验过程中的问题，直到您满意为止。我公司(真尚有）也可帮您用这种传感器组成测量系统，如零件尺寸、轮廓、厚度等测量系统的软硬件集成。</t>
  </si>
  <si>
    <t xml:space="preserve">今年"快乐男声"中的一个选手唱的一首韩语快歌叫什么名字? </t>
  </si>
  <si>
    <t>张远唱的《浪漫满屋主题曲》——&lt;命运&gt;希望我的回答让您满意~</t>
  </si>
  <si>
    <t xml:space="preserve">焦虑症的临床表现主要哪些呢 </t>
  </si>
  <si>
    <t>表现为对日常琐事的过度和持久的不安、担心。焦虑的痛苦在精神上体验为对一些指向未来的或不确定的事件过度的担心、害怕，或担心灾难、意外或不可控制的事件发生，如担心家人患病，小孩发生意外，工作上的失误，很小的经济问题，人际关系等，又称之为预期性焦虑，内容可以变化不定。精神焦虑可同时伴有睡眠的改变、失眠、多梦、注意力集中困难、工作效率下降、易激惹、烦躁不安等。躯体性焦虑或植物性焦虑主要表现为自主神经功能异常，患者可表现手心出汗、恶心、心慌、心率加快、口干、咽部不适、异物感、腹泻、多汗等；泌尿生殖系统症状有尿频、尿急、勃启不能、悻慾冷淡；神经系统症状有耳鸣、视物模糊、周身不适、刺痛感、头晕及“晕厥”感。运动方面的症状表现为烦躁不安、肌肉震颤、身体发抖、坐立不安、无目的活动增多、易激惹、发怒、行为的控制力减弱等。焦虑病人的外观可见到表情紧张、痛苦、双眉紧锁、姿势僵硬不自然，可伴有震颤。皮肤苍白，多汗。小动作增多，不能静坐，往复徘徊。个别病人有口吃，或原有口吃加重。肌肉緊张症状表现头挤压性疼痛、以额枕为主，肩腰背疼痛、僵硬感、动作困难。睡眠障碍常以入睡困难为主，上床后忧虑重重辗转反侧，无法入睡，可有噩梦，大汗，恐惧。</t>
  </si>
  <si>
    <t xml:space="preserve">地球内部软流层的成分 </t>
  </si>
  <si>
    <t>一般认为，软流层的形成需要高温条件，以及水和挥发性组分的加入等因素。地球内部的温度随深度的增加而增高，一般至100km深时，温度便接近于地幔开始熔融的固相线温度，这时在水和挥发性组分的参与下，开始产生选择性熔融，逐渐形成固流体软流层。由于该软流层是位于岩石圈底部的巨厚（100～350km）软弱层，它的平均密度[（3.20～3.22）g/cm3]比上覆大洋岩石圈的（3.31g/cm3）小，但比大陆岩石圈的大，而顶面又起伏不平，洋中脊与海沟之间的高差为30～40km，大陆盆—山系之间的高差为20～30km，故该层是造成上覆岩石圈严重失稳及导致大洋岩石圈板块下滑、潜没、漂移、扩张的决定性因素，也是大陆岩石圈在软流层上漂移（也只能是漂移而不能向下潜没）的原因所在。 软流圈的形成是一个漫长的地质演化过程。软流圈熔岩产生时所需的热能、水和挥发性物质，主要由放射性元素衰变和地球圈层分化过程释放出来。释放出来的热能和轻组分上升到低温、刚硬的岩石圈底部时，受到岩石圈的阻挡而逐渐积累起来，从而导致该部位最终形成软流层，所以软流层的形成是地球发展到一定阶段的产物。没有软流圈便不会有岩石圈，特别是大洋岩石圈；没有软流圈，大规模密度倒转现象也不会发生，也不会出现贝尼奥夫带，以及由贝尼奥夫带所提供的板块大幅度漂移的应变空间，因而，也就没有了板块。所以，也可这样认为，板块构造是地球圈层分化到软流圈阶段之后才产生的。</t>
  </si>
  <si>
    <t xml:space="preserve">醉笑陪伊三万场此句出处为何?求此句出处 </t>
  </si>
  <si>
    <t>醉笑陪公三万场,不用诉离觞 ——出自苏东坡词《南乡子》后被辗转红尘的三毛引改为醉笑陪君三万场，不诉离伤。安妮也是爱恋这句的吧，清醒纪里用过它。 自是向往，并心有模仿。想那聚散离合处，宽袖飘飘中的飞觞相望。那一刻，即便是水浸了眼眉，也舍不得眨一下的吧。就那样将所有低低的衷肠话所有稠密的心思简约为一个手势，笑着，坚持着，神情舒散，眼神清透。仿似从此可以不去计较情谊的虚实、不再执拗于红尘欢爱。这样的果敢和镇定，即便手擎的是一杯姿态内敛、内里炽热的鸠酒，也会一笑饮尽吧。那么回头再看醺笑微微里，那个手扬杯盏的姿势，它的美，真的是直抵内心。 如此笃定。就像眼睁睁看到大把大把的青春和爱呼啸而去也可以不为所动。就像明知千万场繁华只是幕落的前奏，拼了性命却也不要空枝的寥落。场场投入。场场轰烈。场场无悔。哪怕一路上寒雀满疏篱，内心有交战，也都可以做到气定神闲，笑而不答。这一切，只是因为太清醒。因为够聪明，所以清楚预期，不会有奢求。因为情谊太深厚啊，所以一颗心再玲珑通透，也不识了怨尤。“纵被无情弃，不能羞。”这样踏刃而舞的凛然和通达，让遇见的人心生敬意与怜惜，自此不忍诉离伤。 如此气度，真是痛快，何等风流。想那红尘百转的你与我，颓垣断井边踉跄过，姹紫嫣红里贪恋过，这一刻，利名竭，是非绝，所有的欠缺与圆满，都在这杯酒里,澈为静默。“百年三万六千日，一日须倾三百杯。”这一刻，你一觞，我一盏，没有言语，没有计较，没有纠缠，没有爱憎，也就，无关离伤。这一刻，醺笑微微里，身前身后，胸臆之间，猎猎飞满了亮堂堂的大红锦缎。 那么，亲爱的，我便是那万丈锦帛上开得无畏开得绵延无绝期的花朵啊。笑着沉默，笑着坚持。知进，不知退。永无倦怠，永无意兴阑珊！</t>
  </si>
  <si>
    <t xml:space="preserve">如何取消移动密保我申请了移动密保，但我手机不见了，所以激活嘛根本 </t>
  </si>
  <si>
    <t xml:space="preserve">尊敬的客户:     您好！5173客户服务041很高兴为您服务！进入“我的5173”，点击“我要卖”，进入后点击“发布担保信息点这里”按钮。如果您帐号为未审核状态，将弹出提示信息，点击“确定”后将进入“修改我的详细信息”页面，在此页面输入支付密码，点击“确定”进入修改资料。 当修改资料提交成功后，您的账号激活申请即已提交到系统后台，客服将会在第一时间电话与您联系，以便核实您的账号身份。您可以通过“我的5173”导航中的“账号激活明细”来查看激活申请进度。如果您的电话不能使用，您可以用您朋友的电话激活。 如您的问题还没有解决，请您登陆5173用户名,进入我的5173,选择左边任务栏中的"我的咨询投诉",在线提交您的问题,我们会有人员在30分钟内在线答复您，您可以在"咨询投诉管理"中查看回复结果,并对我们的服务进行评价。感谢您对5173的支持!!!            </t>
  </si>
  <si>
    <t xml:space="preserve">被人强奸了咋办呢。 </t>
  </si>
  <si>
    <t>用法律解决问题</t>
  </si>
  <si>
    <t xml:space="preserve">晚上睡觉时阴茎一直勃起是不是病态，有什么办法解决？白天都很正常， </t>
  </si>
  <si>
    <t>睡眠勃起  在睡眠的过程中，会有间歇性的眼球快速运动期，而阴茎勃起也常发生在这时间。一般统计上，每天晚上会有三次到五次的勃起，每次勃起的时间，平均十五分钟，但也有长达一小时之久的。只要神经、血管及阴茎海锦体结构与功能正常，就会有这种现象，而这也是性功能的重要指标；在这段期间，阴茎的勃起比较不受心理因素的干扰，也较能实实在在表现出原本的功能，这种生理的现象，对性功能的研究及治疗，提供了极重要的指标。对於阳萎的患者而言，如果清晨起床时仍有勃起的现象，那麽此种阳萎可能是心理因素引起的，诊断及治疗的方向就随着调整，可以省略一些复杂的检查。正常男性在睡眠时阴茎都会有勃起的现象，大人和小孩都一样。解决办法就是睡觉前手淫一次，把“货”给卸了就可以。</t>
  </si>
  <si>
    <t xml:space="preserve">女性心理咨询师(警察)适合在男犯监狱做心理咨询师吗?女性不能从事 </t>
  </si>
  <si>
    <t>那要经过监狱系统的保护安全措施并结合服刑人员在监狱的表现有所了解再去提供心理学援助同事要有过硬的咨询技能</t>
  </si>
  <si>
    <t xml:space="preserve">射精无力怎么办?你们说怎么办啊 </t>
  </si>
  <si>
    <t>射精无力和以下情况有关:1.年纪较大2.休息不充分,睡眠质量不高3.射精过于频繁你有以上情况吗?</t>
  </si>
  <si>
    <t xml:space="preserve">组装电脑详细的装机过程?怎么把买来的散件装在机箱里?有技巧吗?要 </t>
  </si>
  <si>
    <t>建议楼主你看看“教你如何组装电脑！详细图片介绍-ZOL博客”这篇文章，里面有详细的介绍，而已还都配有图片，应该比较适应你的需求，网址： 祝问题早日解决！</t>
  </si>
  <si>
    <t xml:space="preserve">手机卡以后还会有单向收费卡吗手机卡现在都是双向收费,以后还有没有 </t>
  </si>
  <si>
    <t>虽然现在信产部明令禁止手机单向收费，但是很多地方依旧有变相的单向收费卡。以后应该会有明正言顺的单向卡</t>
  </si>
  <si>
    <t xml:space="preserve">上海小儿得癫痫疾病会不会影响智力 </t>
  </si>
  <si>
    <t>肯定会影响智力的，因为每抽一次，就会影响脑细胞，然后从而影响智力，癫痫的孩子有20%可以在17岁后自愈。但并不是说这样的孩子就不需要用药物治疗干预。目前药物治疗是国际上公认的最好的治疗方法，目的是控制放电、抑制急性发作，间接改善孩子的智力。据文献报道，癫痫儿童认知障碍也和癫痫类型有关，其中小运动型发作伴智力低下的百分比最高，达59.3%;失神小运动发作最低，占10%。其次，癫痫的发作頻率、病程。癫痫是由于大脑的异常放电引起的病变，而在异常放电的过程中，大脑皮层的细胞受到严重的损害，而大脑皮层细胞与智力有直接的关系，因此，癫痫的发作越频频，对智力的影响就越大。同时，病程越长，智力的损害就越严重。所以，专家表示，癫痫的治疗很重要，而且要早发现，早治疗，以免给孩子的智力造成影响。癫痫儿童的智力低下，主要取决于脑损害程度，而引起癫痫儿童智力低下的重要原因是其原发病。癫痫儿童的认知障碍还与癫痫类型、发作頻率与病程、脑电图及抗癫痫药物有关。癫痫的类型及影响癫痫儿童智力因素主要有：继发性癫痫，如各种脑炎、产伤，或患有先天性遗传病等，几乎均可导致智力障碍;原发性癫痫，大约有1/3可出现智力障碍。</t>
  </si>
  <si>
    <t xml:space="preserve">胎动不太多是不是女孩我35周了,感觉胎动不算太多,好像还没有孕中 </t>
  </si>
  <si>
    <t>胎动多少与男女没有关系,因为孩子的性格并不是完全一样的.在说了.只要宝宝健康,男女又有什么关系呢?我26周了.</t>
  </si>
  <si>
    <t xml:space="preserve">怎么知道自己是否怀孕怀孕有什么容易发现的表现 </t>
  </si>
  <si>
    <t xml:space="preserve">    如果月经一直正常周期，而这次推迟了一周还没来，就有可能怀孕了。前期没什么太大的表现，可能比较容易困，混身乏力，没个人的体质不同，表现也不同的。你可以到药店买个测孕试纸，按照上面的说明自己测一下就知道了。（最好用晨尿测更准确的。）</t>
  </si>
  <si>
    <t xml:space="preserve">2012年属龙的宝宝几月生好？老公阴历84年3月12日，老婆阴历? </t>
  </si>
  <si>
    <t xml:space="preserve">生个小宝宝好不好，从妊娠科学的角度来说，与这小宝宝父母的属相和生日是没有关系的。 不过从出生后如何更好地抚养和孕妇本人较好地度过“坐月子”来考虑，建议在2011年的七八月份怀孕，到2012年（龙年）的四五月份出生小宝宝。那时时值春夏之交，气温不冷不热，特别适宜“坐月子”，而且新鲜蔬菜和水果陆续上市，适合坐月子调剂饮食营养。 那个季节对于小宝宝的抚养也比较方便。等到2012年入冬时小宝宝已经半岁之后了，会在床上爬行了 </t>
  </si>
  <si>
    <t xml:space="preserve">世界各国国庆节由来 </t>
  </si>
  <si>
    <t>据统计，全世界以建立的时间为国庆日的国家有35个。我国以建国的1949年10月1日为国庆节。以占领首都那天为国庆节的有古巴、柬埔寨、捷克和斯洛伐克。有些国家以国家独立日为国庆节。1804年1月1日各国国庆节，海地人民歼灭了拿破仑的6万远征军，在太子港宣布独立，从此就把每年的1月1日定为国庆节。墨西哥、加纳等国也是如此。还有些国家以武装起义纪念日作为国庆节。罗马尼亚把共产党领导武装起义国庆节加班，推翻安东尼斯库反动统治后，转入反法西斯战争的1944年8月23日定为国庆节。法国是以摧毁专制性象征物的日期，定为本国国庆节。另有一些国家以重大会议日为国庆节。美国以1776年7月4日大陆会议通过《独立宣言》的日子为国庆日。加拿大是以英国议会1867年7月1日通过《大不列颠北美法案》这一天为国庆节。日本是以天皇裕仁的诞辰日为国庆。还有以国家元首的生日为国庆节的，如尼泊尔、泰国、瑞典、荷兰、丹麦、比利时等国家。国庆日的历史悠久，源远流长。因此，世界各国确定国庆日的依据也千奇百怪。回答人的补充   2009-10-18 07:56 法国是以7月14日法国大革命时（1789年）巴黎人民捣毁巴士底监狱这一天作为国庆日。　　·美国是以7月4日独立日为国庆日（1776年7月4日通过“独立宣言”）。　　·英国的国庆是女王的“官方生日”。英国女王伊丽莎白二世真正的生日是1926年4月21日，而官方生日是每年靠近6月11日的那个星期六。　　·俄罗斯的国庆日是6月12日（1991年）“国家主权宣言”通过日。　　·意大利的国庆日是6月2日。1946年的这一天，意大利全国举行公民投票，决定国家政体。投票结果废除了君主制，实行共和制，从此，这一天成为国庆日。　　·日本的国庆日称“建国纪念日”为每年的2月11日，是国定假日。据说是日本神武天皇于公元前660年2月11日统一日本，建立了日本国。　　·韩国的国庆日是7月17日。1948年7月17日，韩国通过了《大韩民国宪法》，这一天定为国庆日回答人的补充   2009-10-18 07:57 附录：世界各国国庆节日期表 1月 1月1日: 古巴. 苏丹, 海地 1月4日: 缅甸 1月20日: 亚美尼亚 1月26日: 澳大利亚, 印度 2月 2月4日: 斯里兰卡 2月6日: 纽西兰 2月11日: 日本 (建国日) 2月16日: 立陶宛 2月21日: 伊朗 2月23日: 汶莱 2月24日: 爱沙尼亚 2月25日: 科威特 2月27日: 多明尼加 国庆节日期之3月篇 3月 3月3日: 摩洛哥, 保加利亚 3月17日: 爱尔兰 3月23日: 巴基斯坦 3月25日: 希腊 3月26日: 孟加拉 4月 4月4日: 塞内加尔 4月18日: 辛巴威 4月21日: 英国 4月26日: 坦尚尼亚 4月27日: 南非 4月30日: 荷兰 (Koninginnedag，女皇生日) 5月 5月1日: 马绍尔群岛 5月15日: 巴拉圭 5月17日: 挪威 (行宪纪念日) 5月20日: 喀麦隆 5月22日: 叶门 5月25日: 阿根廷 5月28日: 亚塞拜然 5月30日: 克罗埃西亚 6月 6月2日: 义大利 6月5日: 丹麦 6月6日: 瑞典 (1523年古斯塔夫1世登基) 6月10日: 葡萄牙 6月12日:俄罗斯,菲律宾 6月17日: 冰岛 6月21日: 斯洛维尼亚 6月26日: 马达加斯加 6月30日: 刚果民主共和国 国庆节日期之7月篇 7月 7月1日: 加拿大（加拿大日） 7月3日: 白俄罗斯 7月4日: 美国 (独立日) 7月5日: 委内瑞拉 7月9日: 帛琉 7月11日: 蒙古 7月12日: 吉里巴斯 7月14日: 法国 (巴士底日) 7月17日: 伊拉克 7月20日: 哥伦比亚 7月21日: 比利时 7月23日: 埃及 7月28日: 秘鲁 8月 8月1日: 瑞士 8月2日: 马其顿 8月5日: 以色列 8月6日: 玻利维亚 8月9日: 新加坡 8月11日: 查德 8月15日:南韩 8月17日: 印尼（独立日） 8月19日: 阿富汗 8月20日: 匈牙利 8月24日: 乌克兰 8月27日: 摩尔多瓦 8月29日: 斯洛伐克 8月31日: 马来西亚, 乌兹别克, 吉尔吉斯 国庆节日期之9月篇 9月 9月2日: 越南 9月3日: 卡达 9月7日: 巴西 9月9日: 北韩 9月12日: 衣索比亚 9月15日: 尼加拉瓜, 哥斯大黎加, 洪都拉斯, 萨尔瓦多 9月16日: 墨西哥 9月17日: 叙利亚 9月18日: 智利 9月23日: 沙乌地阿拉伯 9月24日: 几内亚比绍 10月 10月1日: 中华人民共和国 (国庆节), 奈及利亚, 图瓦卢 (独立日) 10月3日: 德国 (重新统一) 10月10日: 中华民国 (国庆日，纪念武昌起义（1911年10月10日，农历八月十九）, 斐济 10月12日: 西班牙 10月16日: 教廷 10月21日: 索马利亚 10月26日: 奥地利 10月27日: 土库曼 10月28日: 捷克 10月29日: 土耳其 11月 11月1日: 阿尔及利亚 11月3日: 巴拿马 11月9日: 柬埔寨 11月11日: 波兰, 安哥拉 11月18日: 拉脱维亚 11月22日: 黎巴嫩 11月28日: 东帝汶 12月 12月1日: 罗马尼亚 12月2日: 阿拉伯联合大公国 12月5日: 泰国 12月6日: 芬兰 (独立日) 12月11日: 布吉纳法索 12月12日: 肯亚 12月16日: 哈萨克 12月17日: 不丹 12月28日: 尼泊尔</t>
  </si>
  <si>
    <t xml:space="preserve">什么俗称片碱？是什么？作用？ </t>
  </si>
  <si>
    <t xml:space="preserve">片碱　　产品英文名 Caustic soda;Sodium hydrate;Sodium hydroxide 　　产品别名 氢氧化钠;苛性碱;火碱;苛性钠 　　分子式 NaOH 　　产品用途 基本化工原料;广泛用于化工, 冶金, 造纸, 石油, 纺织以及日用化工等部门 　　CAS号 1310-73-2 　　毒性防护 具有极强腐蚀性，其溶液或粉尘溅到皮肤上，尤其是溅到粘膜，可产生软痂，并能渗入深层组织。灼伤后留有瘢痕。溅入眼内，不仅损伤角膜，而且可使眼睛深部组织损伤。如不慎溅到皮肤上立即用清水冲洗10min；如溅入眼内，应立即用清水或生理盐水冲洗15min，然后再点入2%奴佛卡因。严重者速送医院治疗。 空气中烧碱粉尘最高容许浓度为0.5mg/m3。 操作人员工作时必须穿戴工作服、口罩、防护眼镜、橡皮手套、橡皮围裙、长统胶靴等劳保用品。应涂以中性和疏水软膏于皮肤上。生产车间应通风良好。  </t>
  </si>
  <si>
    <t xml:space="preserve">谁知道17几的鼠人副队长在古哪个位置呀？能说个坐标不呀？谢谢详细 </t>
  </si>
  <si>
    <t>嘿嘿在白精灵领地的地下要塞，基本是很深的地方，没换D装以前一个人是很难进去找到他的，想进去收骨头是吧，呵呵60%的回收率，要不是我高级了，我还真有点心动</t>
  </si>
  <si>
    <t xml:space="preserve">如题，重装的电脑如何连接局域网？ </t>
  </si>
  <si>
    <t>你可以先用自动获取IP地址试试要是不行的话就设置个静态的，你要是不知道网管的话可以试试 或 ，一般都是这两个</t>
  </si>
  <si>
    <t xml:space="preserve">激光打印机的选择本人想买一台黑白激光打印机。家用。在1000元左 </t>
  </si>
  <si>
    <t>惠普LaserJet1010长期以来用户对惠普产品的青睐是无庸质疑的，小巧迷你型的惠普LaserJet 1010黑白激光打印机的诞生，势必会受到众多眼光的注视了，那么这款机也确实有着它无与伦比的特点。首先它提供了目前最先进的USB 2.0接口，采用了惠普瞬时热熔器技术，它能使温度迅速上升，从而省去预热时间，降低了能耗，实现更高效的打印，再加上它8MB强大的，从而可以使它的首页输出时间达到小于10秒，打印速度达到12页每分钟。虽然仅提供了600×600 dpi打印分辨率，但是由于采用了增强分辨率技术，在品质上可以达到1200 dpi效果，这种分辨率增强技术无需高分辨率即可提高输出质量，实现高速打印高质量文档，能很好地满足用户较高质量的打印需求。 　　另外，HP Laserjet 1010一改传统激光打印机外形沉闷呆板外观融合了该公司喷墨打印机产品的曲线和黑、灰相间的配色风格，让用户感觉倍加亲切。在惠普高质量保证情况下，此机一体化的硒鼓结构使得用户使用起来更加方便和节省。值得一提的是，HP Laserjet 1010(企业版)与爱普生EPL-6200L打印机一样提供了长达三年的保修服务，在这个服务至上的年代，有着良好的保修服务也必然是产品的又一卖点，对于用户来说选择服务良好的产品也会觉得更为放心，安心了！ 　</t>
  </si>
  <si>
    <t xml:space="preserve">请教清泉老师能帮忙详细分析一下002166\002141吗,万分 </t>
  </si>
  <si>
    <t>002166 002141 参与震荡.600158 有风险.</t>
  </si>
  <si>
    <t xml:space="preserve">李毅加时赛进球了！3比1了！大帝今天神了！ </t>
  </si>
  <si>
    <t>明天媒体肯定又搞热捧了墙头草作风</t>
  </si>
  <si>
    <t xml:space="preserve">急！请教阴茎勃起很疑惑的问题。我的阴茎勃起时龟头皮肤有皱皮，而且 </t>
  </si>
  <si>
    <t>男性性兴奋时的最明显的变化就是阴茎坚挺变硬.阴茎勃起时龟头皮肤有皱皮，而且比阴茎体小一点，充血不够充分,说明龟头还未达到最高兴奋状态.你做提肛动作(刺激前列腺兴奋)时阴茎头可以增大三分之一,这证明你正在达到性兴奋最高潮.龟头皱皮消失且色泽红润光亮,可一松劲它又恢复原形缩小的原因是性器官不可能一直保持性兴奋最高潮,它会在高潮过程中会有短暂的"休息".但当你再次提肛时用手捏住阴茎根部才没缩小，再次兴奋.这是正常现象.不用担心.你没有异常.注意有时龟头和阴茎兴奋并不那么"同步".而且阴茎会硬但龟头永远不会硬.</t>
  </si>
  <si>
    <t xml:space="preserve">罗纳尔多是不是很肥了很多? </t>
  </si>
  <si>
    <t>的确肥左，商业活动太多，训练有不认真，想不肥都很难！</t>
  </si>
  <si>
    <t xml:space="preserve">以前，提交没通过，会收到邮件提示。现在，没有提示了。您对此怎么看? </t>
  </si>
  <si>
    <t>反正都是山寨的，无所谓~~~</t>
  </si>
  <si>
    <t xml:space="preserve">玛尔巴要多少级多少能力才可以进啊 </t>
  </si>
  <si>
    <t>65级不需要能力值.只要到级就可以</t>
  </si>
  <si>
    <t xml:space="preserve">夫妻夜话请问:你们俩夫妻亲昵作爱时会聊些什么样的话题来助兴. </t>
  </si>
  <si>
    <t>一来，这种话说得很随意，一时记不得了。二来，这种话没有定律。三是，未必需要助兴吧？</t>
  </si>
  <si>
    <t xml:space="preserve">狼队真的绝杀？？？按道理是应该。看结果是难了。人算不如天算。德甲 </t>
  </si>
  <si>
    <t>继续努力。。。。。。。。。。</t>
  </si>
  <si>
    <t xml:space="preserve">成都名老中医有没有好一点的名老中医？为什么我一个咳嗽几个中医都治 </t>
  </si>
  <si>
    <t>成都中医药大学的门诊部  在十二桥那边  是全成都市门诊量除开省医院和川一，排第三  都是些教书带学生的老中医</t>
  </si>
  <si>
    <t xml:space="preserve">新成立的一般纳税人公司所得税报税问题...急急急我们是5月份成立 </t>
  </si>
  <si>
    <t>营业收入按主营业务收入和其他业务收入合计金额填写。营业成本按主营业务成本和其他业务支出合计金额填写。实际利润额按本年利润总额填写。以上各行没有直接的勾稽关系。2010-01-12 18:56 补充问题开始说错了。。应该是： 在10-12月中，本期金额和累计金额那列都写10-12月发生额。。。我的所得税额是多少啊？之前的负利润能不能抵税啊？？？？？？ 本期金额填写10--12月份金额。累计金额填写5--12月份金额。2010-01-12 19:20 补充问题假如我在第二个季度有收入。。公司仍是亏损。。我算10-12月所得税时。。是不是本期那列就拿本期利润乘以0.25。。而累计金额那列就拿累计利润乘以0.25.。。两个结果中本期的大于累计的。。哪个是我要交的..还是不应该是我说的那么做 （1)如果第二个季度有收入，利润仍是亏损，不交所得税。（2）利润亏损不需要乘以0.25</t>
  </si>
  <si>
    <t xml:space="preserve">急！急！急！掉线问题，只要登陆游戏（别的帐号也不行）或者QQ，就 </t>
  </si>
  <si>
    <t>建议你装个 卡巴斯基6.0破解版查毒效果不错另外比第一版增强了，在扫毒的时候不影响你的工作不行的话在重装瑞星杀毒效果。。真的不灵还是用 卡巴。。。一个WOW老鸟的建议</t>
  </si>
  <si>
    <t xml:space="preserve">石姓女孩起名字姓石，2007年11月13号9点36分出生 </t>
  </si>
  <si>
    <t>八字：丁亥 辛亥 辛亥 癸巳五行：火水 金水 金水 水火方位：南北 西北 西北 北南亏缺：木 土建议：石蓉宣石盈沁石襄恒石中雅石恋瑶石柔琴石聪瑞</t>
  </si>
  <si>
    <t xml:space="preserve">男人性欲最强的年龄段是什么时候多少岁的时候男人性欲最强?女人呢? </t>
  </si>
  <si>
    <t xml:space="preserve">男人性欲旺是在20岁以后至35岁左右。过了35岁就开始逐步衰退。女人通常30岁开始性欲递增，也有27~28岁就开始性欲旺的。　 </t>
  </si>
  <si>
    <t xml:space="preserve">什么叫做中枢神经系统白血病(脑白)？哪些表现提示可能发生了脑白？ </t>
  </si>
  <si>
    <t>中枢神经系统的白血病主要系白血病细胞浸润至脑膜或脑实质，使患者表现出相应的神经和/或精神症状。脑白可见于白血病病程的任何阶段。当一白血病患者在病程中出现不明原因头痛、恶呕、视物模糊或复视、斜视、面部感觉异常、面肌麻痹、伸舌偏斜或截瘫、大小便障碍或精神行为异常、意识障碍(嗜睡、昏睡、昏迷)等情况时，需警惕脑白的发生。进一步可通过测脑脊液压力、脑脊液常规、生化及病理等检查以确诊。</t>
  </si>
  <si>
    <t xml:space="preserve">家里装修，很多地方需要用木器漆来刷，想找款环保的漆，哪几个木器漆? </t>
  </si>
  <si>
    <t>环保木器漆品牌的像多乐士就不错，十大木器漆品牌排前三，多乐士专注于环保系列，无异味无刺激性，不含甲醛，而多乐士油性木器漆还含有精炼大豆油酸，三苯含量也非常低，对家人的健康没有危害。我家当初装修时就是选得多乐士，到现在看着效果依然不错，家具纹理清晰，并且质量也很好。</t>
  </si>
  <si>
    <t xml:space="preserve">帐号安全问题 </t>
  </si>
  <si>
    <t xml:space="preserve">不用郁闷了，我也郁闷一上午加一下午了，郁闷也没有用，鄙视GM也没有用，什么时候开区只有完美官方内部人员知道，等官方公告出来了谁都知道了。用网通线去跑电信区吧，跑到吐血卡死，然后绝望的彻底离开完美，我们这些网通玩家都离开完美，看他完美还怎么开，竟然敢无视我们这些网通玩家的存在，过分！！！ 强烈建议完美迅速在一星期内加开2个以上网通服理由：1，网通客户绝对不比电信的少2。在家玩的网通用户应该比较多!3. 你们自己看看才几个网通啊，你叫人怎么玩 啊～～没想到的大家一起帮忙想 4.电信已经连续开了3个新区了，网通却一个都没有，这样极其不公平！5.那么多等服的玩家都等得没耐心了，把网通玩家都得罪跑了了，完美公司也别想再经营下去了！6.男女还要求平等呢，怎么就这么歧视我们网通的用户呢！7.后来的补上哈！ </t>
  </si>
  <si>
    <t xml:space="preserve">紫癜性肾炎能吃韭菜吗 </t>
  </si>
  <si>
    <t>病情分析：以皮肤黏膜出现紫斑为主要表现的血证。指导意见：花生衣5～10克，红枣10枚，党参15克。水煎服，每日1剂。 不可以吃韭菜的。</t>
  </si>
  <si>
    <t xml:space="preserve">因为失恋了我们吵架了，他骂我，我就和他提出了分手。我俩吵架他都好 </t>
  </si>
  <si>
    <t>既然恋爱了，就得相互宽容，互相理解。</t>
  </si>
  <si>
    <t xml:space="preserve">庄里的乐泰中心UME，万达IMAX和奥斯卡影院，那个最好？ </t>
  </si>
  <si>
    <t>ume还是不错的推荐UMEUME啊必须！</t>
  </si>
  <si>
    <t xml:space="preserve">隔蒸汽层有什么设置要求 </t>
  </si>
  <si>
    <t>隔蒸汽层一般用防水涂料，现在多用水泥基或聚合物防水涂料隔蒸汽层要求在迎水面设计，现在一般用在采暖地区、外墙做内保温的部位，因为保温材料蒸汽渗透性强，而它背面的墙体温度与室内相差较大，当蒸汽压达到饱和时，容易在内部结露，使墙体发霉其实，现在一般将保温层做在室外，就不需要做隔蒸汽层了</t>
  </si>
  <si>
    <t xml:space="preserve">怎样才能让她回心转意？她以前说喜欢我~现在却又和别的人好了~我们 </t>
  </si>
  <si>
    <t xml:space="preserve">      别浪费这样的时间了，没什么意义，又这个功夫不如再找个更好的！真的！</t>
  </si>
  <si>
    <t xml:space="preserve">我最近感觉身体不适去医院检查，医生说是痔疮要做手术，里面长了两个? </t>
  </si>
  <si>
    <t>这个看你在什么医院做，另外还有医保是什么类型的。一般县级医院在3000左右，报销完自己负担在1000左右。割痔疮是个不大得手术，应该收费不搞得。当然要根据你痔疮得类型决定手术方式。    这要根据当地医院得收费标准，大约在一千到两千左右吧。</t>
  </si>
  <si>
    <t xml:space="preserve">请问番禺区石楼交警大队电话是多少 </t>
  </si>
  <si>
    <t>番禺区市莲路石楼镇333号 84862939</t>
  </si>
  <si>
    <t xml:space="preserve">爱一个人最重要的是什么？ </t>
  </si>
  <si>
    <t>凡事为他想,他的缺点你要提醒他,实在改不了的你要包容他,最重要的是不能爱上别人,自己要有上进心,因为你爱他就要对他负责,给他安全感.他不开心要哄他开心,他不讲理在他任性时就酸了，如果不是那你要改正他,时时给点新鲜感.相信他</t>
  </si>
  <si>
    <t xml:space="preserve">请问货币基金的管理费、托管费及手续费怎么算（以华安现金富利为例）? </t>
  </si>
  <si>
    <t>基金管理费0.33%，按日计算，按月支付。比如，10月10日，富利净值有100亿，那么当天华安公司可以提取管理费100亿*0.33/366=90163.93元。（今年是闰年）托管费也是这样计算，费率是0.10%。两个费用都是月底一次性付清。管理费是付给基金管理公司的，托管费是银行收取的。</t>
  </si>
  <si>
    <t xml:space="preserve">宝宝鼻塞睡不着觉，有没有快速解决的办法呀？ </t>
  </si>
  <si>
    <t>我的儿子从小就有轻微的鼻炎，只要一感冒鼻塞得一塌糊涂！以下是我采用的一些办法，试试效果还可以，希望能对你有所帮助：如果只是一个鼻孔不通，就让他侧着睡，把不通的那个朝上，时间一长会缓解！如果二个鼻孔都不通，你就把他竖着抱起来等他睡着，再用东西垫高枕头（要有些斜度），把他轻轻放下去仰着睡。因为鼻塞时躺下去睡觉会更厉害。总之，鼻塞是因感冒引起，要等感冒好了以后才会通。做父母的会很心疼宝宝，不过哪有孩子不生病的，所以只有父母辛苦些，仔细照料宝宝，等宝宝好了才能睡好觉！</t>
  </si>
  <si>
    <t xml:space="preserve">谁有贾静雯在［至尊红颜］里的照片？谁有贾静雯在［至尊红颜］里的照 </t>
  </si>
  <si>
    <t>look.............</t>
  </si>
  <si>
    <t xml:space="preserve">为什么输入帐号后,说玩家资料不一致 </t>
  </si>
  <si>
    <t>因为是封闭测试，还没有公测~12-31号期间官网会发送一批封测的号，据说是限送的~所以注册了也没有用，要等到31号才可以玩，所以呢，大家就慢慢期待吧，我相信，这是一款非常好的竟速类游戏，有望超过卡丁车袄！</t>
  </si>
  <si>
    <t xml:space="preserve">小孩打预防针的不良反应小孩刚六个月前天打了乙肝第三针和百白破，当 </t>
  </si>
  <si>
    <t>是打预防针的不良反应..属于正常范围...至于什么时候好要看情况..去医院看一下吧..</t>
  </si>
  <si>
    <t xml:space="preserve">过期的酸奶有什么用处 </t>
  </si>
  <si>
    <t>变质，变酸坏了不能喝的牛奶酸奶不要弃掉，因为它还有很多利用价值。　　　　１手提包、皮鞋失去光亮时，使用变酸不能喝的牛奶酸奶擦洗，可使其光亮如新。　　　　２味道变坏的牛乳半瓶放入面盆里，用清水冲薄，作为洗脸用水，可使皮肤柔软美丽。　　　　３变质牛奶可作为亮光蜡代用，滴于地板上，用桌布磨擦可去污发亮。　　　　４留在瓶底的少量牛奶，加水冲薄，洒在盆花里，对花卉类有益，但不要洒过多。　　　　５衣类污染墨水时，先用清水洗，再用牛乳水洗，然后用洗剂洗即可洗掉。　　　　６洗澡时，把发酸的牛乳一两瓶倒入浴池里，可享受克丽脱拉式的牛乳浴，心身凉爽。另外可以用来做面膜及，用酸奶美容的方法是，清洗完面部后将酸奶或牛奶涂在脸上，15分钟洗去即可。还可以用来护发，像发乳一样倒在头发上用手揉搓，然后再用清水洗净，长期使用可以使头发保持光亮，不分叉。 过期的牛奶，酸奶：1.可以用来清洗衣服上的果汁，把污迹用过期的牛奶湿透，3个小时后用清水洗掉即可。2.用来浇花可以使花开时间的更长</t>
  </si>
  <si>
    <t xml:space="preserve">求助我想在我的博客右边象册下面加图片,谁知道代码是什么,帮帮忙啊 </t>
  </si>
  <si>
    <t xml:space="preserve">如何在BLOG首页两则空白处插入图片的代码：&lt;IMG height=180 src="图片地址" width=180 border=0&gt;代码说明：width=宽度  height=高度  的数值为图片大小，可根据自己需要调整；具体操作步骤：点击控制面板——个人首页维护——自定义空白面板——点击进入编辑界面——新增——勾选显示源代码——面板标题（随便起一个名字，因为在首页上不会显示，所以自己知道即可）——在面板内容里复制以上代码（标点符号都不可以缺少）——保存——再点击控制面板——定制我的首页——添加模块——勾选做好的空白面板——选取——保存设置欢迎光临我的博客： </t>
  </si>
  <si>
    <t xml:space="preserve">请钟魁是什么神仙啊?他的资料谁能介绍一下,谢谢! </t>
  </si>
  <si>
    <t>钟 馗 钟馗是中国民间俗神信仰中最为人们熟悉的角色，贴于门户是镇鬼?⌒暗拿派瘢谥刑檬庆朱铟鹊牧榉鱿钟谫幸侵惺峭彻碚堆拿徒纱伺缮鲂涡紊闹迂赶贰⒅迂竿肌Ａ侗静莞倌俊防铮彩章加弥迂赶裆栈乙运宸蚺浜推渌┟娉赏枰灾瘟颇巡⑴奔驳戎⒌摹懊胤健薄＞葜泄睹袼住吩又颈ǖ溃敝炼兰途攀甏踔粱褂腥宋尾⊙忧胛资傩兴健罢蛑迂浮弊焦砬舱Ｌ降囊鞘?施汉如、杨问春《“镇钟馗”傩仪记》)。 对普通百姓来说，“钟馗打鬼”之类的故事几乎人人熟知。钟馗信仰在民间的影响既深且广。但这只是问题的一个方面。另一方面，钟馗这位神通广大的神祗其身分来历，恐怕就不是一般人能够说得清了。事实上，这个问题自唐代以来就令许多学者争论不休。近年来，随着民俗热的兴起，钟馗信仰的起源与流变等问题又被提出，众多学人各抒己见，歧说纷见，迄今尚无定论。 目前所知最早记载钟馗其人其事的是唐卢肇的《唐逸史》：开元年间(713—741)，唐玄宗病中梦见一小鬼盗走玉笛以及杨贵妃的绣香囊。玄宗大怒，正要派武士驱鬼，忽见一大鬼奔进殿来。此鬼蓬发虬髯，面目可怖，头系角带，身穿蓝袍，皮革裹足，袒露一臂，一伸手便抓住那个小鬼，剜出眼珠后一口吞了下去。玄宗骇极，忙问是谁?大鬼向玄宗施礼，自称是终南山钟馗，高祖武德年间，因赴长安应武举不第，羞归故里，触殿前阶石而死。幸蒙高祖赐绿袍葬之，遂铭感在心，誓替大唐除尽妖魅。唐玄宗醒后，病也霍然而愈。玄宗令画家吴道子按其梦中所见画一幅钟馗图。图成，玄宗在画上批曰：“灵祗应梦，厥疾全瘳，烈士除妖，实须称奖；因图异状，颁显有司，岁暮驱除，可宜遍识，以祛邪魅，益静妖氛。仍告天下，悉令知委。”有司奉旨，将吴道子《钟馗捉鬼图》镂板印刷，广颁天下，让世人皆知钟馗的神威。 卢肇是唐武宗会昌三年(843)的进士，距开元时代已有一百多年，所叙未必是事实。但是皇帝赐给大臣钟馗画像作为新年礼物，的确是盛唐以来的惯例，如开元时的名人张说及其后的刘禹锡等，都有谢赐钟馗图和历日表的作品传世。另外，人们还在敦煌遗书中发现了唐写本《除夕钟馗驱傩文》，是为钟馗已在大傩仪中扮演主角的实证。凡此，可见钟馗信仰至晚从盛唐起已成为全社会的风尚。所以，也有人估计钟馗故事的起源可能早于唐代。 在钟馗俗信兴盛未艾的热流中，北宋沈括首先对唐玄宗梦钟馗的故事提出质疑：宋仁宗皇祜年间(1049—1054)，金陵上元县曾发现一处古冢，乃南朝宋征西将军宗?U母郑夫人墓，由碑文可知，宗?U有妹名叫钟馗。此外，后魏有李钟馗，隋将有乔钟馗、杨钟馗。因知“钟馗之名从来亦远矣，非起自开元之时”(《梦溪补笔谈》卷三)。明人郎瑛、胡应麟等多从其说，但结论有别。郎瑛认为钟馗的原型就是北朝人尧暄，其人本名钟葵，字辟邪，“馗”乃“葵”字讹传，由于他表字“辟邪”，所以后人才附会出捉鬼的故事。胡应麟提出，钟馗捉鬼的传说“盖自六朝之前固已有之”，所以尧暄曾取名钟葵而字辟邪，南北朝时名叫钟馗的人很多，可能都取义于此。 明杨慎和清顾炎武、赵翼等根据《周礼·考工记》“大圭，长三尺，终葵首”、《方言》“齐人谓椎为终葵”等资料，认为所谓钟馗系由“终葵”演变而来。“终葵”是一种利器——椎，“大圭”是古时天子的仪仗，上端形状像椎，故云“大圭终葵首”。齐人说话迟缓，把“椎”的发音拖成了两个音节，乃成“终葵”。古人以椎为作战的利器，故《后汉书·马融传》中有“?终葵，扬关斧”的描绘。“盖古人以椎逐鬼，若大傩之为耳”(《日知录》卷三十二《终葵》)。南北朝时许多人取名钟葵或钟馗，是希望像古人用以刺鬼的武器终葵(即利椎)那样，令所有的鬼魅望而生畏，这种意义到了唐代最终传变为人格化的“钟馗”。近年来随着秦汉文书大量出土，古代盛行以椎击鬼的事实已被证明。如秦简《日书·诘篇》云，人被哀鬼缠上，可“以棘椎、桃秉(柄)以敲其心，则不来”；西汉帛书《五十二病方》也记有用铁椎击鬼治病的法术。故有人认为顾炎武对钟馗起源的解释是可信的。 今人常任侠、马雍均写有钟馗考，各抒己见，但立论大致不脱明清人士的窠臼。唯何新、王正书两人别开新说。 何新认为钟馗本来就是人名，与所谓“椎”或“终葵”者了不相关。钟馗的原型，是商汤时的巫相仲傀，其名在《尚书》、《左传》、《荀子》中又作“仲虺”、“中归”、“中垒”。商人事鬼，凡政官都兼巫祝，仲傀为巫相而兼驱鬼之方相。傀者，面具也；驱鬼必戴面具，面具之形甚多，因而发生仲傀多首的传说。仲傀以同音演变为仲虺，虺乃神话中的怪蛇，于是仲虺又演变为九首巨蛇之“雄虺”(《天问》)、食魅之“雄伯”(《后汉书·礼仪志》)，连《山海经》佚文中阅领众鬼的“郁垒”(参见本书《贴神把门与度朔山神话》)，实际上也是仲傀与雄虺传说的又一变形，郁垒即中垒的变称。要之，由驱鬼之巫相的真人仲傀，变为食鬼怪兽钟馗，变形愈繁，去真相愈远，但也留下一丝痕迹：古人命名常以字释名，钟馗之“馗”乃“九首”合文，《天问》：“雄虺九首”，则仲虺以“虺”作名，而“馗”——九首，或即其人之本字也(《文史新考·钟馗考》)。 此说既出，赞同者有之，但亦有人质疑，以为商人事鬼而不逐鬼，况且也没听说仲傀或仲虺有何逐鬼的业绩。 王正书认为，钟馗其人及历代驱鬼辟邪的观念，实起源于上古巫术，他是由先代位居祝融之号的重黎衍生而来。重黎在上古史中有重黎、重回、句芒等称呼，句芒在传说中又被描绘成介于天地、神人之间的负有特殊使命、生有特殊形貌的人物，其使命之一便是居巫职，有《史记·天官书》记载可证。到了商代，秉其职而取其名的是仲虺，实际上仲虺即重回(重黎)的音转。至于“终葵”，本指一种椎形体，由于重黎在从事神巫职能时所戴羽冠取自此形，故在商代约定俗成为从事巫职的标记。商代通行以职为氏，所以由仲虺形成的族系也被称为“终葵氏”。到了周代，这个神职集团又改称“方相氏”。方相氏的得名与终葵氏相同，都从上古神巫头部的装束引申而来，区别在于“终葵”源自羽冠，“方相”源自面具。这种以方相氏为中心的驱鬼风俗，一直沿袭至唐代。要之，自上古时代的神巫重回，到商周时代的仲虺、终葵氏和方相氏，都是钟馗的原型，无论在性质上或称谓上都是一脉相承的(《钟馗考实》)。 此说与何新的见解相比有一致之处，只是将钟馗的来源更往上溯自重黎。但亦有人以为重黎或句芒都是神话传说中的形象，未必能印证实有其人。何况如果自重黎以至仲虺、终葵、方相为一脉相承的话，为何汉晋文献中不见“终葵氏”的记载，而直到南北朝时才又突然冒出了许多“终葵”或“钟葵”、“钟馗”。这个长达数百年的空白性中断，实难解释。 综观古人今贤的见解，应该说都有各自的道理，而质疑者也不乏持之有故的依据。诸说并立，钟馗之由来仍然还是中国民俗文化史上的一个大谜。</t>
  </si>
  <si>
    <t xml:space="preserve">马上要过的到底是2010年春节还是2011年春节？如果春节是一年 </t>
  </si>
  <si>
    <t>农历2010的大年三十 已经到了公历2011年的2月份了么  呵呵</t>
  </si>
  <si>
    <t xml:space="preserve">我要崩溃了，请大家帮帮我！！我去年离异，带着一个女儿，今年过了年 </t>
  </si>
  <si>
    <t>结婚是件多么重大的事啊，你当初为什么这么草率呢？酿了恶果怎么办，先耐心的尝着吧，不要怨任何人。没有感情的婚姻是不要维系的好，好在，你的第二次婚姻时间还不久，该是容易断的。你坦率的与现在的老公讲清楚，看他是提出什么条件，你能做到的尽量答应。是你伤害了他。无论他是个怎样的人，选择这段婚姻是你自己太草率造成的。你那位等你的人是不是可靠？如果你解决了自己的问题，他又变卦了，你怎么办？有做好心理准备吗？世间的爱情其实是极不可靠的。因为人心在时刻变化之中。你很不幸，已经遭遇两次不幸的婚姻，但，不妨从中反省，吸取教训。要懂得保护自己，也要懂得爱惜别人。现在的老公是个明白人吗？是个明白人的话，应该是好处理的。否则，就很难说了。祝你好运！找到真爱！</t>
  </si>
  <si>
    <t xml:space="preserve">怎么样用USB线连接两台电脑进行数据传输？ </t>
  </si>
  <si>
    <t>要慎重选择！USB连接线有两种规格，一种只是USB文件传输电缆(data-link)，而另一种带有网卡功能的USB网络适配电缆（net-link），通过USB端口到USB HUB，提供了更快捷简便的方法建立计算机网络，取代了以往的网卡。 ??? 老实说USB1.1规范的联网线相比通过传统PCI网卡搭建的100Mbps网络而言，在性能上没有任何优势可言，但随着USB2.0联网线的现身，使得USB联网线开始受到前所未有的重视，毕竟在理论上，USB2.0联网线的速度是100M PCI网卡的5倍！因此就算是有以太网卡的用户，为了能得到更高速的传输速率，也值得考虑一下最新的USB2.0的联网线。 笔者在这里提醒打算选择USB2.0联网线的朋友要注意，只有主板提供对USB2.0的支持，才能发挥出USB2.0的性能。对于主板不支持USB2.0的用户可以通过外接的PCI to USB2.0转接卡来实现，目前最常见的就是使用VIA USB2.0控制芯片的PCI扩展卡。 下面笔者就详细介绍一下USB联网的过程： 众所周知USB设备支持即插即用和热插拔功能，当然“USB联机线”也不例外。当USB联机线连接两台主机后，计算机就会自动分配地址，用户不需要进行任何物理参数的设置。并且“USB联机线”的连接可以在开机状态下直接进行，不需要关闭计算机的电源。 不过，在计算机的软、硬件都能满足USB功能的前提下，还要保证在CMOS参数设置中，将USB一项设置为有效(Enable)状态。因此大家在联机时第一步就是打开电脑并进入BIOS设置，检查主板USB支持是否启用；如果设置为禁止(Disable)状态，大家需要打开USB功能。 第二步给两台机器安装驱动程序；笔者用的这款产品的软件安装界面很直观，所以基本没费什么力气就装好了两台机器的驱动程序。 这款产品可以通过软件支持USB Super Link Adapter和USB Virtual Network Adapter两种不同的双机连接方式。 注意：在安装到这一步的时候可要注意了一定要在软件安装的时候将两台机器的连接方式设定为同一状态，否则可是连接不上的。另外，要注意的是在软件尚未安装的完成前，是不能将两台机器用这条USB连接线连接的，不然的话在安装软件的时候会出错并提示在软件安装完成后连接。 大家看到这里可能会问USB Super Link Adapter和USB Virtual Network Adapter有什么区别呢？其实大家可以把前者想象成类似于LPT端口的直连，而后者是虚拟网卡功能；不过在使用时和一般的网卡没有什么区别。 使用USB Super Link Adapter连接方式安装后，双击在桌面上的快捷方式会打开如上图的窗口，在和对方电脑连接成功后在窗口下方会显示出所连接电脑硬盘的所有盘符，并且可以相互传递资料。值得一提的是在使用USB Super Link Adapter方式连接时不支持游戏中的LAN方式连接。 在使用USB Virtual Network Adapter连接方式安装完毕后，在网络连接中可以看到‘本地连接’的图标。 ??? 双击后可以看到当前的连接状态和速度（480Mbps），在它的属性里所有的选项和设定与安装了普通网卡的电脑也是一样的。 另外，这两种连接方式可以通过软件进行切换，只要运行在开始\菜单\程序\USB SuperLink中的SETUP.EXE就会打开和初次安装一样的‘安装类型选择窗口’。从这个窗口可以选择切换方式，要注意的是和软件在第一次安装的时候一样，就是一定记得先将两台电脑上的USB连接线拔下，否则还是会报错而退出安装的。 第三步在安装完驱动程序之后，系统会提示要重新启动系统。系统重新启动后，USB连线以插入电脑的USB接口，系统就会提示发现新硬件，并自行安装驱动（这才是真正的安装驱动过程），之后大家就可以在网络连接里面看到一个多出来的网络连接，右键点击查看属性，可以看到该连接使用的网卡是USB Virtual NetWork Adapter 2#，也就是利用USB接口虚拟出来的网卡。 第四步下面大家先来看看实现双机互连需要进行的网络设置，以笔者所用的电脑为例，台机为WindowsXP，笔记本为Windows2000，将台机WindowsXP中的网络连接打开，将GeneLink虚拟的本地连接的IP地址设定成为 ，子网掩码设为 。 ??? 将笔记本中的虚拟网卡的IP地址设定成为192.168.0.X（X是介于1到255之间的任意数值）点击确定之后，两台机器就可以互相访问了，需要注意的是XP操作系统与以往操作系统的一点小小区别，在没有共享任何文件的情况下，即使输入了正确的用户名和密码也是不能进入的，不像9x或者2000即使没有共享文件也可以看到打印机和传真以及计划任务。所以遇到不能登陆其它机器XP系统的情况，请先检查该机器是否有任何的共享文件 第五步经过以上硬件和软件的安装和设置后，用户就可以使用USB Link电缆进行两台计算机之间的通信了。包括文件的传输、共享对方计算机上的资源等。 分别在两台计算机上双击桌面上的PC—Linq图标或选择“开始／程序／PC—Linq”菜单下的“PC—Linq”功能项，将出现与Windows操作系统中的“资源管理器”很相似的操作窗口，只是PC—Linq窗口由上下两部分组成：一般上半部分显示的是本地计算机(Local Machine)上的资源，而下半部分显示的是远程计算机(Remote Machine)上的资源。两台计算机之间的操作都在这个窗口中进行。 1、文件操作功能 像在Windows下的“资源管理器”一样，PC—Linq窗口中的操作同样支持复制、粘帖、创建、删除和直接拖曳等功能。概括地说，PC—Linq的功能基本上是对“资源管理器”的克隆。只不过“资源管理器”只能管理本地计算机上的资源，而PC—Linq窗口却能同时管理两台计算机上的资源。 2、共享对方计算机上的资源 除以上所介绍的常用功能外，在PC—Linq窗口中还可以共享另一台计算机的软驱、光驱、文件和打印机等资源。其中，共享对方的软驱、光驱和打印机时，无论从操作方式还是从速度上看，与在本地计算机上几乎没有什么区别；如果对方计算机上的应用程序没有严格的链接要求，一般都能通过调用在本地计算机上运行。其他的如WAV、MP3及一些文本文件都可以直接在本地计算机上顺利地调用。 写到这里，我们的双机USB互连就算是大功告成了！！最后，笔者提醒大家在从计算机上拔掉USB Link电缆之前一定要先关闭本地的PC—Linq窗口，否则会因终断连接而产生蓝屏，甚至会死机。</t>
  </si>
  <si>
    <t xml:space="preserve">骨髓增生异常综合征用什么办法治比较好 </t>
  </si>
  <si>
    <t>比较熟悉的应该是化疗、骨髓移植和免疫抑制治疗吧，但是化疗副作用很大，骨髓移植也难度比较大前面那个李文雨医生说的方法就挺好的，中西医结合的免疫疗法应该是很新的的技术了</t>
  </si>
  <si>
    <t xml:space="preserve">蔡依林最近状况 </t>
  </si>
  <si>
    <t xml:space="preserve">看看这里吧： </t>
  </si>
  <si>
    <t xml:space="preserve">生产主管这职位好吗？我是刚毕业的大学生,应聘了一家大型外资企业的 </t>
  </si>
  <si>
    <t>首先你要确定你对此行业熟悉吗，如果不熟悉你感兴趣吗，如果你能肯定这两个问题，才能往下想，生产主管是个需要有理性的思维方式和缜密的做事方法的职位，还得有相关行业的经验，否则，工作很难展开，如果你是外行，只是对此行业有兴趣，建议从基层做起，积累经验之后再说，同时建立你的人脉关系；由于你是刚刚开始工作，第一份工作的不顺利，会打击你的自信心，这很重要．很抱歉，没有鼓励你，并不是说你不行，只是想让你冷静．</t>
  </si>
  <si>
    <t xml:space="preserve">CPU使用100%指的是什么啊？ </t>
  </si>
  <si>
    <t xml:space="preserve">经常出现占用100%的情况，主要问题可能发生在下面的某些方面: 　　CPU占用率高的九种可能 　　1、防杀毒软件造成故障 　　由于新版的KV、金山、瑞星都加入了对网页、插件、邮件的随机监控，无疑增大了系统负担。处理方式:基本上没有合理的处理方式，尽量使用最少的监控服务吧，或者，升级你的硬件配备。 　　2、驱动没有经过认证，造成CPU资源占用100% 　　大量的测试版的驱动在网上泛滥，造成了难以发现的故障原因。 处理方式:尤其是显卡驱动特别要注意，建议使用微软认证的或由官方发布的驱动，并且严格核对型号、版本。 　　3、病毒、木马造成 　　大量的蠕虫病毒在系统内部迅速复制，造成CPU占用资源率据高不下。解决办法:用可靠的杀毒软件彻底清理系统内存和本地硬盘，并且打开系统设置软件，察看有无异常启动的程序。经常性更新升级杀毒软件和_blank"&gt;防火墙，加强防毒意识，掌握正确的防杀毒知识。 　　4、控制面板—管理工具—服务—RISING REALTIME MONITOR SERVICE点鼠标右键，改为手动。 　　5、开始-&gt;；运行-&gt;；msconfig-&gt;；启动，关闭不必要的启动项，重启。 　　6、查看“svchost”进程。 　　svchost.exe是Windows XP系统的一个核心进程。svchost.exe不单单只出现在Windows XP中，在使用NT内核的Windows系统中都会有svchost.exe的存在。一般在Windows 2000中svchost.exe进程的数目为2个，而在Windows XP中svchost.exe进程的数目就上升到了4个及4个以上。 　　7、查看网络连接。主要是网卡。 　　8、查看网络连接 　　当安装了Windows XP的计算机做服务器的时候，收到端口 445 上的连接请求时，它将分配内存和少量地调配 CPU资源来为这些连接提供服务。当负荷过重的时候，CPU占用率可能过高，这是因为在工作项的数目和响应能力之间存在固有的权衡关系。你要确定合适的 MaxWorkItems 设置以提高系统响应能力。如果设置的值不正确，服务器的响应能力可能会受到影响，或者某个用户独占太多系统资源。 　　要解决此问题，我们可以通过修改注册表来解决:在注册表编辑器中依次展开[HKEY_LOCAL_MACHINESYSTEMCurrentControlSetServiceslanmanserver ]分支，在右侧窗口中新建一个名为“maxworkitems”的DWORD值。然后双击该值，在打开的窗口中键入下列数值并保存退出: 　　如果计算机有512MB以上的内存，键入“1024”；如果计算机内存小于512 MB，键入“256”。 　　9、看看是不是Windows XP使用鼠标右键引起CPU占用100% 　　前不久的报到说在资源管理器里面使用鼠标右键会导致CPU资源100%占用，我们来看看是怎么回事？ 　　征兆: 　　在资源管理器里面，当你右键点击一个目录或一个文件，你将有可能出现下面所列问题: 　　任何文件的拷贝操作在那个时间将有可能停止相应 　　网络连接速度将显著性的降低 　　所有的流输入/输出操作例如使用Windows Media Player听音乐将有可能是音乐失真成因: 　　当你在资源管理器里面右键点击一个文件或目录的时候，当快捷菜单显示的时候，CPU占用率将增加到100%，当你关闭快捷菜单的时候才返回正常水平。 　　解决方法: 　　方法一:关闭“为菜单和工具提示使用过渡效果” 　　1、点击“开始”--“控制面板” 　　2、在“控制面板”里面双击“显示” 　　3、在“显示”属性里面点击“外观”标签页 　　4、在“外观”标签页里面点击“效果” 　　5、在“效果”对话框里面，清除“为菜单和工具提示使用过渡效果”前面的复选框接着点击两次“确定”按钮。 　　方法二:在使用鼠标右键点击文件或目录的时候先使用鼠标左键选择你的目标文件或目录。然后再使用鼠标右键弹出快捷菜单。 </t>
  </si>
  <si>
    <t xml:space="preserve">世界历史人物世界上有那些国家的君主可以和秦皇汉武，唐宗宋祖相提并 </t>
  </si>
  <si>
    <t>凯撒，亚利山大.</t>
  </si>
  <si>
    <t xml:space="preserve">发放给职工的福利发放给职工的饮料，食品，烟酒开的是高品销售统一发 </t>
  </si>
  <si>
    <t>发放给职工的饮料，食品，烟酒开的是高品销售统一发票，能进应付福利费吗 可以是否有额度限制没有是否缴纳个人所得税要和工资汇总缴纳个人所得税</t>
  </si>
  <si>
    <t xml:space="preserve">BONO这个职业装品牌怎么样？有人穿过吗？ </t>
  </si>
  <si>
    <t>BONO是全国知名的职业装品牌了。在业内口碑很好，基本是大型行业客户商务职业装的首选品牌。BONO已为全国40000多家金融、电力、烟草、能源企事业单位提供高档职业装置装服务。BONO在全国各地设立了60多家服务网络，为你提供量身定制服务，提供更完善的售后保障。另外，还拥有200余亩物流仓储基地，让配送更无忧。我们公司也要求统一着装，基本公司每次定做的职业装都是BONO这个品牌。总体来说，BONO在公司实力和产品质量、服务态度上都是很好的，值得推荐的大品牌！</t>
  </si>
  <si>
    <t xml:space="preserve">会换宠的高手，帮忙指点下！我想拿90级满5级技能的恶魔蝙蝠换别的 </t>
  </si>
  <si>
    <t>2挡1防1魔虽然极品但不实用 但很拉风好看,而不实用想换宠,最高限度,敏的, 蜜蜂 4-3挡不掉敏蜜蜂 85以上 满技能                魔的, 红鬼,绿鬼,神盾 7-5挡 不掉魔 85以上 满技能                攻的, 4色TL 黄 色 蓝 灰 2-3挡 不掉攻 85 满技能                防的, 水龙 1-3挡 90以上 满技能</t>
  </si>
  <si>
    <t xml:space="preserve">急求:06年和07年初级经济师《邮电经济专业知识与实务》的考试试? </t>
  </si>
  <si>
    <t>06年和07年初级经济师《邮电经济专业知识与实务》的考试试题你把上行复制，粘贴到百度搜索一下，可以找到这个网站的这里不让贴，一贴答案就被撤销了，我在你提问的评论里贴了，你看看还有没有</t>
  </si>
  <si>
    <t xml:space="preserve">蜂蜜结晶了还可以食用吗？ </t>
  </si>
  <si>
    <t>还可以食用。结晶只是因为天气变凉的时候，在蜂蜜里面能够溶解的糖分减少，所以有一些糖分会结晶。等天气变暖的时候，那些结晶就会自动溶解了。即使不溶解，也还是可以食用的。</t>
  </si>
  <si>
    <t xml:space="preserve">和她（大一）认识是通过短信聊天。我（大二）编了一个短信谎言，发了? </t>
  </si>
  <si>
    <t xml:space="preserve">能我的回答你不喜欢,不过我还是要告诉你真相!那就是------100%没希望。始终记住:能成功的从一开始就是很容易的，困难的感情必定不能最后成功！！事实上，人家不愿意做你女朋友的意思已经再明白不过了，她之所以不当面明确的告诉你，只是想让你面子上不至于下不来。我想你并不是看不懂，只是不甘心，或者说不死心。你在这里提问的目的也不是想知道回答，而是希望大家给你鼓励。但是我绝对不会鼓励你继续追求下去，因为，这种追求是无望的。她为什么不作你的女朋友？不要问为什么，不要想到底是什么原因，也不要总结自己是不是哪些小地方做的不妥，其实这些都是次要的。真正的原因是，她没看上你，不管她有没有男朋友，她都不可能接受你。因为，你达不到她心目中男友的条件。至于具体是什么条件，我就不知道了，也许是个头，也许是长相，也许是经济条件，也许是学历，也许是性格。反正一句话，这茬没指望了。BTW：很不满那些不分青红皂白就劝别人继续努力的人，明明没指望的事情非要害人家继续陷在里面，是不是别人碰的一头包，你们好看笑话啊？那有女孩子对自己心仪的男人设那么多障碍的，她不怕他掉头走啊。所以说，劝楼主继续努力的不是白痴就是幸灾乐祸想看笑话的人。最后，送你一句话，希望天下男子汉共勉：———————————————————天涯何处无芳草，你既无心我便休！ 祝你早日碰到一个欣赏你的女孩子,那时候,你才知道,什么是真正的爱情 </t>
  </si>
  <si>
    <t xml:space="preserve">关于洗脸用的硫磺肥皂价钱大约控制在多少？什么牌子好一点，听说香味 </t>
  </si>
  <si>
    <t xml:space="preserve">上海硫磺皂,不过味道很重，硫磺皂有杀细菌、真菌和螨虫的功效，对一些皮肤病有一定的预防和辅助治疗作用。虽然硫磺皂比临床上用的硫磺栓的浓度低多了，但也不建议长期连续使用。建议间断使用，如开始时可以一天两次，症状减轻后可改为一天一次、三天一次等，逐渐间断直至停止。虽然长期使用硫磺皂不会导致菌群失调，降低皮肤抵抗力，但它容易使皮肤缺水，引起皮肤干燥和脱皮等现象。可以在洁面后使用补水的润肤霜。 </t>
  </si>
  <si>
    <t xml:space="preserve">任务问题。黑石塔上层的钥匙任务。黑石塔上层的钥匙任务。任务过程。 </t>
  </si>
  <si>
    <t>楼上的说错了，高图斯的命令是杀了黑下几个BOSS，然后去萨尔那里交任务拿黑手饰物的任务，黑上钥匙任务是在一进黑下平台（能看到对面的食人魔）那里有个斜坡，一般是从那里绕过一群怪不打，从坡上上去有个平台（很黑，你可以把显示器调亮点），平台上只有1个怪，走近他和他对话他会给你“晋升印章”这个任务，我不太会表达，不知道你明白没有，这个任务可以共享，找个有任务的共享一下就行，不过你交任务还得去那里。</t>
  </si>
  <si>
    <t xml:space="preserve">AC米兰本赛季的表现新赛季今天就开始了,AC米兰会有什么样表现呢 </t>
  </si>
  <si>
    <t>知耻而后勇!我相信A米的实力,新赛季最少一个冠军!</t>
  </si>
  <si>
    <t xml:space="preserve">最近发觉自己是越长越胖,我该怎么办我发觉自己吃地也不多,可自己却 </t>
  </si>
  <si>
    <t>首先要弄清发胖的原因。人为什么会发胖？就一个根本原因：输入＞消耗！你吃得太多，身体需要不了那么多营养，就把它变成脂肪积存起来了。要使自己不发胖，必须保持做到：每天摄取的热量＝身体消耗的热量。要使自己，就必须做到：每天消耗的热量＞摄取的热量。这就是减肥的原理。那么，到底该怎样减肥？ 1、严格遵守和养成“早吃好、午吃饱、晚吃少”的饮食习惯，其中“晚吃少”是减肥的关键！这里有三点必须注意：一是必须吃早饭。不吃早饭的人，容易发胖。因为经过一夜睡眠，身体有10多个小时一直在消耗能量却没有进食，人体需要含丰富碳水化合物的早餐来重新补充、储藏能量，不吃早餐使人在午饭时出现强烈的空腹感和饥饿感，不知不觉吃下过多的食物，多余的能量就会在体内转化为脂肪；二是中午一定要吃饱。中午不吃饱，晚上必然饿，“晚吃少”就难以做到了；三是晚上一定要做到尽量尽量少吃！而且晚餐不要吃肉食、甜食、油炸食品，喝一些清淡的面汤、米汤就可以，不要喝咸汤。许多减肥成功者不约而同的秘密都是：晚上九点以后坚决不进食，也坚决不喝水！这是他们保持曲线美的关键。事实的确如此，许多专家都曾经表示想保持窈窕身材的人士，过于丰盛的晚餐、夜宵，热量都是无法消耗的。根据人体的生物钟运行显示，在九点后，人体各器官功能已基本处于微弱状态，那也正是积累脂肪的时刻。而我们正常晚餐所吃下的东西需要5个小时才能被完全消化掉，这多余的热量，日积月累会造成皮下脂肪堆积过多，肥胖的命运也就悄然降临了，所以要牢记晚上九点以后绝对禁止进食。 有人说：九点前我就饿得难受，怎么办？那就吃苹果吧。苹果可以减肥。苹果可以调理肠胃、止泻、通便、消食化积，可以治疗高血压，降低血中胆固醇。苹果是低热量食物，以苹果充饥能使人体摄入的热量减少，同时苹果又含有人体必不可少的各类氨基酸、蛋白质、各种维生素、矿物质及胡萝卜素等，既可以基本上满足人体的必需，又能够被人体充分消化吸收，极少有废弃物，也就减轻了肠胃、肾脏的负担，使体内废物得以充分排出，使血液得以净化。 2、坚持晚饭后快步走半个小时以上。很多人肥胖的部位主要在屁股和腹部，这样的人有一个共同的特点，要么长期从事案牍工作，要么不爱活动。长时间坐在办公桌前、微机前、电视前，多余的热量消耗不掉，就转化成脂肪沉积在腹部和臀部了。所以，要想减肥，必须改掉不爱活动的生活方式，要增釉硕亩嘤嗟娜攘俊?早晨锻炼不如晚上锻炼。从人的身体状态来说，人沉睡一夜，早晨身体处于缺水状态，血液粘稠，投入剧烈运动，有可能造成大脑供血不足、脑溢血、心肌梗死等危险（如果喜欢晨练，建议你洗刷完毕喝1－2杯白开水，再去锻炼）。从环境上来说，空气中的一些毒气，在太阳没出来以前很难挥发，也不适于锻炼。从后续反应来看，早晨锻炼后容易吃得更多，反而加大了摄入量。 晚饭后锻炼主要是为了把身体中多余的热量消耗掉。但是吃过晚饭不宜立即活动，那时候血液集中在肠胃进行消化工作，立即活动影响消化。吃过晚饭半个小时后外出活动为宜。最理想的运动方式就是快步走，并且时间要持续在半个小时以上，这样周身的脂肪细胞才会充分运动起来，进行有氧呼吸才能把体内脂肪氧化，所以有氧运动才能减肥。剧烈跑步，上气不接下气，身体处于一定程度的缺氧状态，是不能氧化脂肪的。 3、不吃甜食。蛋白质不会使人发胖，糖类才会使人发胖。因为糖类在体内极易被分解或吸收，是人体热量的主要来源。绝大部分食物中都含有糖，那些糖已经保证了你身体的需要。额外过多地食用甜食，能诱发胰腺释放大量胰岛素，促使葡萄糖转化成脂肪。大部分胖子，都有一个爱吃甜食的习惯。要减肥，就尽量不要吃甜食喽。(中学生最好不要戒吃甜食，因为甜食能增强记忆力)。 4、进食速度要慢。吃饭时咀嚼次数要多，要细嚼慢咽，这样不仅有利于唾液和胃液对食物进行消化，而且有利于减少进食。食物进入人体，血糖升高到一定水平，大脑食欲中枢就会发出停止进食的信号，过快进食，大脑发出停止进食信号前，你已经吃的过量了。所以进食速度要慢，吃饭要以八成饱为宜。 减肥还有许多具体的小方法，如食醋、戒饮白酒、不吃零食等，但是我认为只要做到以上最重要的四点就可以了。关键在于坚持！关键在于养成生活习惯！我就是这样做的，没有吃过任何减肥药，没有刻意去节食，也没有刻意去锻炼，按上面四点去做并且把它变成了我的生活习惯，一年来我的体重下降了20斤！效果是不是很明显？我认为，只有这样的减肥才是科学的减肥！只有这样的减肥才是有效的减肥！只有这样的减肥才是健康的减肥！想减肥的朋友不妨试试。</t>
  </si>
  <si>
    <t xml:space="preserve">别人常说好女费男，为何不是好男费女呢，求解释 </t>
  </si>
  <si>
    <t>因为男人好色（男儿本色）嘛！</t>
  </si>
  <si>
    <t xml:space="preserve">加点方式以及对修炼心得谁有啊 </t>
  </si>
  <si>
    <t>转自【Noble.圣殿】的玩家《龙》（Loong）中的角色成长没有任何限制，完全由玩家自己决定发展路线。初入游戏世界，不需要选择职业，内外兼修共有十个方向可以选择，但所有的选择都不再有恼人的限制，完全由玩家决定自己在游戏内的命运，但是这也让玩家有点昏头的感觉。更有很多误区让玩家跑很多弯路。我们下面把龙这个游戏简单化：一般游戏都离不开两个规则：1、远攻职业的特点：血低功高、防御偏低、近战能力差（法师）2、近战职业的特点：血高防御高、攻击力低、命中低（战士）我相信很多人都知道游戏都这样设计，龙这游戏现在好了，不定职业。所以很多人都觉得内外兼修共有十个方向可以选择，但这里就存在了一个误区：选择主修职业与副修职业不匹配。很多人刚开始玩都是选择两把武器，一把近战一把远攻，打算来个远近通杀。虽然说这样选择你可以远近都能攻击，但如果这样修的话你是追求攻击好还是当高血高防御好呢？就算你选择弓也一样，弓也是个追求攻击的主。我个人推荐一种加三种天资的加点方法但不成熟，希望有人去完善。 武器：剑天资：主剑、副：刀、枪天资点加法：三种职业的入门绝对要加。能加就加。主修技能也就是剑的技能：打怪技能：风云。飘渺出尘（技能相对的被动要学。）辅助技能：全部要学。这点和小白同学是一样的。副修的天资选择那些加攻击。加防御。一使用后就永久的技能（注意：要看清楚枪里面有些是同时只能用一种辅助技能的）。属性点：按装备来加点，练外攻穿衣服必须要达到原始劲力要求。每10级可以换一套装备。需要加10点劲力做为穿装备的。其余的不废话全部加筋骨。这样加有个好处就是血高。防高。只要你有足够血瓶。抗BOSS什么的绝对没问题。我三十五级的时候和四十五级的高攻弓打他杀不了我。我很有机会杀得了他。 还有另一种：武器：剑天资：主剑、副：刀、弓天资点同上一样加法。属性点除了穿装备需要全部加劲力或者是技力。这样加是高攻。但防御和血并不高。我没练这种。感觉PK差。喜欢高攻击的朋友可以去试试。 也有中庸点的加法：武器：剑天资：主剑、副：枪、弓天资点同上，属性点我建议加筋骨。至于为什么这样就是我们接下来要说的一些心得：对龙里面职业的剖解：其实很简单，只要看清楚天资里面的入门里面所对加的属性点就知道了。比如剑入门加了四种属性。我记得好象是筋骨、元气、劲力、身法。 所以剑是很中庸的职业。那为什么要我推荐剑为主修呢。有最主要的两个个原因：1、剑的技能CD短；2、能和其他天资很好的配合，当然还有其他的一些小因素。 比如刀法入门是加了三种属性：劲力+2、筋骨+1、技力+1，这里可以看出刀是注重近战攻击的职业。如果你想玩刀，我觉得应该配上枪、再配上弓。 杖法也就是长兵器修炼：劲力+1、筋骨+3，不用说了，这样加下去仗法肯定是高血高防了，所以很适合给修炼其他天资的来做辅助性职业。写了这么多我相信你对龙这游戏已经有了一定的了解了，其他的加什么我就不列出来了，免得你看了累，进去后你看更清楚。这只是我个人的一点心得。希望对龙的新玩家有点帮助。下面是我们工会的几个玩家的一些加点方法。下面推荐几种外攻的加点方法：第一种是＂Ｎoble·大  白提供：1、按装备来加点，练外攻穿衣服必须要达到原始劲力要求。每10级可以换一套装备。需要加10点劲力做为穿装备的。其余的不废话全部加筋骨。打怪技能：风云。飘渺出尘（技能相对的被动要学。）其他技能的CD太长。不需要那么多。等以后有多的天资可以加着玩。辅助技能：全部要学。还有就是要修仗法的技能，仗法入门 仗法熟练还有下面那个全部要点。2、属性点和第一种一样。但是除去穿装备需要的点外。所有全部加技力。打怪技能：风云。飘渺出尘（技能相对的被动要学）。辅助技能：全部要学。还有就是要修仗法的技能，仗法入门 仗法熟练还有下面那个全部要点。我个人喜欢装备2把剑：1、是为了好看；2、是剑的普通攻击高 第二种是＂Ｎoble·低  调整理出来的加点方法：关于小弓的资质加点以及小弓的配点路线本来在封测时玩了个小弓，发现具体的配点有两种方法1、    弓+刀+战技，具体的加点是：弓：只需要学习几个比较有用的战斗技能，连环射，劲射，残月，还有下面几个加技能攻击技能必点，百步穿扬这个技能比较鸡肋，攻击高但是命中低，个人感觉可加可不加，群攻可加可不加，群攻攻击两次，必须的是怪必须是一群，刺穴PK可加，眩晕三秒的效果，破甲必加，震荡必加，加破甲攻击的技能，必加神行百变必点；刀：加基本技能还有一个辅助技能百战心觉必点；战技：分配1or3轻功，放风筝必备，调息可加可不加减少点药钱，个人认为这个技能后期很鸡肋。此方法比较适合操作好比较猥琐的玩家，至于个人属性点，劲力，筋骨到达穿装备的条件就OK，剩下的全技力，这样配点的好处是攻击高暴击高命中高移动速度快操作好的玩家能在别人最多打到一下的情况下轻松解决对方，本人玩的就是这种加点。2、  弓+刀+枪，具体加点弓：基本点，技能只点三个连环射，残月，劲射，其他不点刀：加基本点枪：只加基本点武器配置是弓+刀属性点为筋骨，劲力穿装备就OK，剩下的全技力这样配点的弓血高防高攻击高暴击高，但是跑动速度并不快，适合操作一般战士型玩家 第三种是＂Ｎoble·小飞整理出来的加点方法：练级型内力职业主武器：拢手  副武器:任意内力武器加点：内力能满足拿武器的条件就可以了...多余的属性点建议其他都加上筋骨去..这样血高..防御也高..不容易死..!这样加那不是没内力攻击咯？不会的..这游戏的攻击输出是要看你的技能等级和补助技能。装备配合：装备可以穿加内力属性的..!这样可以提高徐少的内力伤害.和元气！技能配合：我建议阳刚为主，阴柔为副。因为阳刚使用的技能比较多..！阴柔暂时还有一些技能附加效果还未开放.！个人建议一下琴的加点法：主武器琴，副武器拢手加点方法：筋骨、内力平均分着加点最好，因为这个游戏你没有血。没有外功防御和血是不行的，刷怪3个怪一起打你就疼死。更严重的是，你没有血和外功防御，随时都会被外功职业秒杀。技能配合：阳刚技能建议：只加三象归元，是永久提高内功攻击的。阳刚内功入门：元气+1内力+2筋骨+1，非常不错。阳刚内功熟练：元气+1内力+2筋骨+1，这3个技能加满阴柔技能建议：阴柔入门内功+1点就可以了。阴气调息、阴气调和、阴疑坚冰都加满。这2个技能一个是加蓝，一个是加血的，完全省药的技能，必加满。这些都是50级之前的加点方法。后面的加点有什么不同可以来我们的公会：＂Ｎoble·圣殿。YY：2572频道一起讨论！</t>
  </si>
  <si>
    <t xml:space="preserve">什么是在线杀毒？怎样使用呢？ </t>
  </si>
  <si>
    <t>在线杀毒没什么用的！装了杀毒软件还不一定杀得了呢！</t>
  </si>
  <si>
    <t xml:space="preserve">130级在那里可以打怪挣到钱?谢谢.射术系 </t>
  </si>
  <si>
    <t>白骨1～10精怪1～10都是打怪挣钱的好地方,理由一:蓝怪和金怪分布最多;理由二:在人满为患而存在抢怪的年代,怎么着也可以分一羹吧;理由三:蓝怪和金怪级别相对来说比较低,好杀又省药</t>
  </si>
  <si>
    <t xml:space="preserve">求AMD3000+超频详细设置!~本人05年的电脑,现在玩魔兽世 </t>
  </si>
  <si>
    <t>不同主板的BIOS不一样 你去华硕官方下载你的说明书你的CPU超频方法是超CPU外频 然后把HT改成*4或者*3内存从400改成333显卡可以用软件超频一下如果CPU超频之后不稳定还需要给CPU加电压</t>
  </si>
  <si>
    <t xml:space="preserve">谜语霜禽欲下先偷眼打三国演义人名一旧谜重刊 </t>
  </si>
  <si>
    <t xml:space="preserve">张飞 </t>
  </si>
  <si>
    <t xml:space="preserve">米索力匕首？？？？？？？？？？？？？？？？？？、、、哪位朋友知道 </t>
  </si>
  <si>
    <t>米匕首现在卖出来的价钱大多是280w左右，这都是一个大家习惯的价钱了。在40以前还是不要用米匕首好，单练就去买把好的弓再配合差点匕首就行了。群练的话更加不需要米匕首，群练建议你用突刺刀，吃蛋打，一点也不亏，去KT混到40级钱够的话就可以直接去换C级的了。米匕首市场上也不好卖，如果你现在买了米匕首，那么将来还要换的话会坐很长时间的地板，不核算的。HOHO~</t>
  </si>
  <si>
    <t xml:space="preserve">小本生意做什么赚钱？我想做点小本生意 </t>
  </si>
  <si>
    <t>小本创业，肯定是做小吃最不错了。因为小吃嘛，投入小、收益稳、风险低。只要有人的地方，就会有需求。做好味道，并且注意经营细节：像卫生、服务什么的。相信，大有钱赚。听说有个川味小吃：壹鼎旺冷锅串串， 做得还不错。而且他们提了个很简单的开店方式，什么后续配送都有，投入也少。你可以看看。</t>
  </si>
  <si>
    <t xml:space="preserve">求数码相机推荐求推荐卡片机，要拍出来的相片效果好（主要旅行拍照片 </t>
  </si>
  <si>
    <t>建议“一步到位”，选微单：小机身+高画质+高性价比。如索尼NWX-5N、NWX-5R、NEX-6等......一般业余爱好，买中低端单反的话，还不如选一款微单了......索尼NWX-5N套机报价只有三千多元，性价比很高了。其特色—— 1610万像素的Exmor APS HD CMOS感光元件（与中端单反同一水平），Exmor APS HD CMOS是业内大受好评的感光元件之一，高画质、低噪点，不受弱光环境的影响，大大提升了相机的夜景和室内拍摄能力，高达约10张/秒得连拍速度...... 首款采用触摸屏的微单相机。3.0英寸Xtra Fine触摸式液晶屏（采用TruBlack“纯黑”技术），采用的电容式触摸屏比一般的触摸屏更为灵敏，并具备重力感应；具备可翻转功能；具备触摸对焦、触摸快门等...... 具备1,920×1,080 50p AVCHD的高清动态影像拍摄（摄像过程中可连续自动对焦）...... 具备笑脸快门、智能全景、支持连续追踪对焦、带有丰富的可定制的照片效果及创意风格、带有DRO和HDR两种动态范围优化功能、三个级按键功能可以自定义、内置丰富而全面的帮助及说明、美肤功能效果显著、带有手持夜景及运动防抖功能、 小巧靓丽、综合性能强悍的NEX-5N：</t>
  </si>
  <si>
    <t xml:space="preserve">精液中出现很多晶体状的东西是什么啊？怎么救治？我精液中出现很多晶 </t>
  </si>
  <si>
    <t>你说的情况（晶体状的东西）是一种正常的生理现象，正常精液射出后，在精囊凝固酶的作用下变为胶冻状，经15～30分钟在前列腺液化酶的作用下变为液体，此为精液液化，射出精液30分钟后，精液仍不液化属于异常。针对你说的情况，主要检查一下液化是否正常，如能正常液化，大可放心就是了。检查液化的简单方法：可在手淫时将精液射在一张白纸上，此时的精液是不流动的，同时内含胶冻状颗粒，经过15－30分钟后，精液全部变成水状，流动性很好，没有任何胶冻状颗粒了。治疗精液不液化症的关键在于根治精囊和前列腺疾病，大多数患者在前列腺和精囊疾病治愈后，精液不液化也会好转。可通过中西医结合的治疗方式，具体情况还要通过检测后才能确定，费用并不高。</t>
  </si>
  <si>
    <t xml:space="preserve">深圳农科中心的门票多少钱呀？平时周六、周日开放嘛？有没什么特色展? </t>
  </si>
  <si>
    <t>深圳太空作物园 1、地址：深圳福田区香蜜湖西侧太空作物园 2、电话：0755-837007783、门票：20元</t>
  </si>
  <si>
    <t xml:space="preserve">我要学厨师我想学厨师，去哪学好啊 </t>
  </si>
  <si>
    <t>沈阳就有学校啊，不用跑到成都那么远啊。在沈阳市于洪区沈新路141号兰胜台。坐501到兰胜台下车就到了。</t>
  </si>
  <si>
    <t xml:space="preserve">我老公姓李,我姓张,请帮忙给孩子起个好听的名字,男孩女孩都要 </t>
  </si>
  <si>
    <t>李哲浩李佳旋</t>
  </si>
  <si>
    <t xml:space="preserve">请问一般作品审核需要几天啊？ </t>
  </si>
  <si>
    <t>首次上传，必须5个章节以上，一万字以上。审核期3至5天，节假日顺延。如果你已经通过作者申请，就可以正式发表作品，第一次发表需五个章节，1万字以上。发表完后等待审核，审核期三天左右（不包括双休日），通过审核后，发表作品可一章章发表。 以后，有关原创问题，请发到：电脑/通迅/互联网/——新浪产品——新浪原创里——作者意见区。 新浪原创读书帮助(新浪原创 —— 快乐阅读 快乐写作 ) 新浪网读书频道网友意见留言板　　客服电话：010-58983865</t>
  </si>
  <si>
    <t xml:space="preserve">看到某游戏后注释上写着不必拔光驱,什么叫拔光驱? </t>
  </si>
  <si>
    <t>这是一些光盘版的游戏，安装在硬盘的只是游戏的操作引导程序，其主程序在光盘里面，在进行游戏时要求插入光盘才能进行。这种游戏在D版制作时将游戏主程序制作成映象文件由虚拟光驱运行，但系统在搜索游戏主程序时会将目标指向物理光驱，所以要求拔掉物理光驱的数据线，让系统将目标指向虚拟光驱，就是拔光驱，现在一些D版光盘游戏在安装在硬盘的游戏引导程序中添加了屏蔽物理光驱的补丁程序，所以就不需要拔光驱了。</t>
  </si>
  <si>
    <t xml:space="preserve">我最近两个月白带异常,偏多,时而稀薄,时而色黄,白带中还含有渣样? </t>
  </si>
  <si>
    <t>看起来问题不大，还是应该去检查一下，自己放心，加上万一有什么妇科炎症也可以早治疗，很多炎症急性的好治，转成慢性的就难以治疗了，而且弄不好还可能影响生育或是生育质量</t>
  </si>
  <si>
    <t xml:space="preserve">这些小车那个好1.5MT雪铁龙C2雨燕新爱丽舍舒适操控安全油耗 </t>
  </si>
  <si>
    <t>悦动最好 雨燕第二雪铁龙第三爱丽舍第四舒适度第一 雨燕操控第一悦动安全第一悦动油耗第一雨燕</t>
  </si>
  <si>
    <t xml:space="preserve">材料科学与工程专业我是学材料的,它考研的前景如何?这个专业好就业 </t>
  </si>
  <si>
    <t>材料科学是未来最有前途的几个专业之一，我国的飞机和火箭之所以和美国有较大差距，很大程度就是材料跟不上。至于考研，差别很大，因为材料也是一门范围极广的学科，不通的材料方向，差异极大。从极为火爆的，到开天窗（没人报考）的，都有。而且变动很大，在不知道你的专业方向前提下，难以确切的讲。专业的就业也是一样，具体情况具体对待。不过从宏观上来说，就业非常好，在国外也是极缺专业。另外，工程科学一类总体上都好就业，就是在现在一片就业紧张的说法情况下依然如此，未来20年也不会变。此外，就个人的就业来说，学得好，一定能就业，不管你学那个方向；反之，学得不好，即使最热门的专业，可能也不好就业。</t>
  </si>
  <si>
    <t xml:space="preserve">黑洞的四种类型黑洞为什么会带电？怎样带电的？黑洞为什么会旋转？怎 </t>
  </si>
  <si>
    <t>黑洞据我所知，它是不带电的。至于他是怎么旋转的，具体地说有一部分的黑洞是不旋转的，旋转的解释：举个例子：黑洞形成之前的恒星的缓慢旋转就像洗手池中的缓慢旋转的水，当恒星开始收缩时就先洗手池中的孔漕被打开一样，可以观察到水越靠近中心的孔漕水的选购转数度越快，黑洞旋转也是一样的道理。它的旋转和普通的天体并没有多大的区别。</t>
  </si>
  <si>
    <t xml:space="preserve">我天天跑２０００Ｍ减肥，这样会减胸吗我其实也不是很胖，就是骨架很 </t>
  </si>
  <si>
    <t>健康就好拉···你都说了又不是很胖！不过女性的体质就是这样 减肥的时候脂肪是最先从胸部走的，而发胖的时候脂肪却是从臀部开始堆积。很不公平哈！</t>
  </si>
  <si>
    <t xml:space="preserve">关于彩妆~~若干问1.市场上经营的低端彩妆，中端彩妆分别有哪些品 </t>
  </si>
  <si>
    <t>一，低端的，火烈鸟这些都已经用的不多了。美宝莲这些目前还是很火爆，用的人也比较多，不过是适合业余，自己用，如果是专业彩妆，好一点的推荐MGP，MAC这些都不错。我用的大部分都是MAC因为MGP太贵了···二，现在的化妆培训都很糟糕，广告都很响亮，你必须要实地考察才能知道，有的学习三个月到影楼做助理别人都认为和没学过一样。我以前是在毛戈平专业彩妆学的，你可以去百度以下。学的东西还是很实用而且比较多的，你要学业余的话时间很短，很快就会了。（学校比较严）三，油性肌肤化妆主要问题就是很容易晕妆，主要在于粉底的选用（可以用粉底膏，不易晕妆，但一定要和皮肤贴合），定妆，和及时补妆。如果脸上有痘痘，痘印，用粉底膏差不多能遮的都能遮住。不需要再用遮瑕的东西，会很伤皮肤。（所有的粉底，散粉，蜜粉都是粉质越多，遮瑕越好，但越容易堵塞毛孔，这时候你的卸妆就尤为重要）一定要卸干净，先卸妆油，再洗面奶。顺序如下1，爽肤水2，妆前乳（精华素，乳液都可以）3，粉底膏（它的含粉量比防晒霜，隔离霜都要高，能起到遮瑕效果，如果皮肤好的话建议BB霜。）4，粉饼可以预备一盒。如果油就轻微的拍一点点粉饼。不要用太多否则你会很快出现皱纹。粉饼是化妆人士必备的，任何时候出油都可以拿来补妆。定妆，所以它完全可以代替蜜粉和散粉（蜜粉和散粉都是定妆的，你平常化妆不需要，经常用会加重皮肤负担，堵塞毛孔）5，这时候你的脸已经被粉统一了颜色就像一张可以画画的白纸了，初学者画眉毛比较难。首先你要修剪，这比画更重要。自己不会的话找专业人士修一下，然后你每次就按照别人的印记修就可以了。建议你用眉粉，比较方便，也会自然。眉粉的颜色有红棕色，深棕色，黑色，这要看你的眉毛颜色是否浓密来选择，红棕很老气，黑色用不好会显得很凶，建议深棕色（中国人毛发的颜色）。沿着修剪的眉尾稍微拉长一点就可以了（不要超过眼尾，现在比较流行平直眉。很自然，不要把眉毛浓的弯弯的。至少会老10岁）6，可以选用浅咖啡和深咖啡两种眼影，浅咖啡一直涂到眉弓骨，越往上越淡。深咖啡涂到双眼皮的褶皱处就 好。深浅不重要，重要的是晕染过度一定要自然。可以先淡淡的。画一段时间久掌握了。7，眼线，这就是亮睛之笔了，建议用眼线膏，操作难度适中因为眼线笔容易晕，眼线液操作比较难，不易修整，而且含很多酒精伤害眼皮肤。要沿着睫毛根部画，尾部可以平拖，太翘显得妩媚，不适合职场，如果尾巴拖不好就画到最后一个睫毛处不拖，等画熟再拖，不然会显得线条不流畅，对妆面大打折扣。下眼线从眼尾往眼角画，画到三分之一处渐渐变淡，不能超过三分之二，否则会显得很凶，把眼睛全包起来的眼线更显得眼睛小（浓艳的彩妆，舞台妆就不一样了）8，睫毛就用睫毛夹子夹了之后再刷睫毛膏，睫毛细就选浓密的，睫毛短就选纤长的，刷好之后可以先下一步操作，过几分钟等睫毛膏干了可以再夹一次，再刷一次，显得浓密（呈Z字形次从根部刷）9，腮红就笑一下。画到笑肌上，偏粉的显得可爱，偏橙的显得成熟，根据自己选的合适的。不要太浓。一定要对称。10，唇，色彩的颜色要与腮红对称。可以用口红，现在都很少用唇彩，比较俗气，更不能满嘴涂，会像吃完饭没擦最，如果想让嘴巴亮金金的，可以涂了口红之后用唇彩把嘴巴最凸出的三个点点一下，不要满嘴涂。四，海绵（涂粉底），眉刷，（干粉里有海绵，不需要单独的刷子来定妆）眼影刷（至少两把），腮红刷。这是最基本的。可以去买一套基本用的刷子，一般都是五六把，专业用的就十几把。</t>
  </si>
  <si>
    <t xml:space="preserve">好男儿吴建飞的近况 </t>
  </si>
  <si>
    <t xml:space="preserve">  组图：好男儿吴建飞除夕忙工作 远在柏林过大年 (07/02/24)  视频：吴建飞向鼎张晓晨等表演《少林功夫》 (07/02/18)  图文：《春满东方》之吴建上舞台 (07/02/18)  图文：吴建飞刘维石磊表演少林武功 (07/02/18)  吴建飞北上少林 蒲巴甲HERO挑战“火舞”(组图) (07/02/14)  好男吴建飞梦圆少林寺 新春练武献荧屏(组图) (07/02/14)  三人感情纠缠不清 吴建飞求婚，张晓晨心碎 (07/02/13)  好男儿吴建飞代言广告写真显露巨星风采(组图) (07/02/12)  吴建飞化妆品广告曝光 好男儿蜕变成熟美男(图) (07/02/12)  最具潜质新人齐碰头 田原颁奖吴建飞获奖(图) (07/02/10)  好男儿吴建飞一夜成名 解读人气明星家庭背后 (07/02/09)  人气好男吴建飞人气高涨 展现明星魅力(组图) (07/02/07)  吴建飞新春不休假 马不停蹄赴德拍写真(附图) (07/02/02)  好男儿吴建飞为拍摄新剧累病 无奈过年不回家 (07/01/31)  《青蛙王子》上演情敌戏 吴建飞被称“NG王” (07/01/24)  《青蛙王子》揭密 吴建飞张晓晨的情敌大战(图) (07/01/23)  图文：杭州演唱会--吴建飞黑衣搏出位 (07/01/22)  图文：青蛙王子吴建飞 送飞鼠可爱礼物 (07/01/22)  人气好男吴建飞网络盛典做嘉宾 新单曲即将出炉 (07/01/18)  专访吴建飞：新年新专辑回馈“飞鼠”(视频) (07/01/18)  视频：吴建飞新年新专辑回馈“飞鼠” (07/01/18)  视频：好男儿吴建飞献唱《拼图》 (07/01/17)  图文：好男儿吴建飞现场表演 (07/01/17)  图文：网络盛典舞台现场吴建飞 (07/01/17)  图文：吴建飞在网络盛典舞台现场 (07/01/17)  视频：吴建飞和倪睿思携手走上红地毯 (07/01/17)  图文：好男儿吴建飞表演《拼图》 (07/01/17)  快讯：好男儿吴建飞表演《拼图》 (07/01/17)  图文：好男儿吴建飞亮相网络盛典 (07/01/17)  图文：吴建飞和倪睿思现场接受采访 (07/01/17)  图文：吴建飞和倪睿思亮相盛典现场 (07/01/17)  图文：吴建飞和倪睿思在盛典现场 (07/01/17)  图文：盛典现场吴建飞和倪睿思亮相 (07/01/17)  图文：吴建飞和倪睿思亮相盛典红地毯 (07/01/17)  图文：好男儿吴建飞和歌手倪睿思亮相 (07/01/17)  快讯：吴建飞和倪睿思携手走上红地毯 (07/01/17)  图文：《青蛙王子》见面会-吴建飞的造型比较书生气 (07/01/14)  吴建飞加盟好男偶像剧《青蛙王子》再战辉煌 (07/01/12)  人气好男吴建飞百万身价代言国际护肤品广告 (07/01/09)  图文：《群星耀东方》出场嘉宾--吴建飞宋晓波 (07/01/07)  图文：《群星耀东方》--吴建飞再次空中献歌 (07/01/07)  好男吴建飞与朋友迎新年 回忆比赛点滴感慨万千 (07/01/04) </t>
  </si>
  <si>
    <t xml:space="preserve">为什么我的球员27岁就退役了，我查了要36岁以上，郁闷啊，27岁? </t>
  </si>
  <si>
    <t>您好，球员的退役年龄是在28-42岁之间，现在收到信息提示在本赛季结束后才会退役，那时候球员已经是28岁了；再者，球员的退役年龄是固定的，不会受其他因素缩短或延长的，目前游戏内也不能查询到退役年龄，请勿通过其他第三方软件进行查询，因为这些软件查询的数据存在很大的偏差，祝您游戏愉快~！</t>
  </si>
  <si>
    <t xml:space="preserve">当妻子熟睡时,她不知道你与她ml了,那会是什么感觉? </t>
  </si>
  <si>
    <t>她会做春梦，然后会去找梦里的感觉</t>
  </si>
  <si>
    <t xml:space="preserve">北京哪有卖日本漫画的？现在北京哪里有卖日本动漫漫画的？ </t>
  </si>
  <si>
    <t>西单图书大厦的地下～很贵～首先是崇文门的搜show，里面有个动漫城，可能有你要的东西，这个地方是我去过的，确实有原版的。第二个是在北太平桥南，有一个动漫店，这个我没进去过，但是路过过很多次，看着还不错。第三个是鼓楼那边，据我姐（我姐绝对是一个资深动漫爱好者，家里连原版日文的漫画书都N本了）说那边也是一个淘宝的好地方，有很多很正的东西。具体位置我说不出来，不过我今天路过那里看着有几个店貌似有点意思，但是因为赶时间没有进去细看。个人感觉鼓楼那边应该是东西最好的，但是因为我没有亲自去过只是听人家说，所以你只能按照这个方向找了。sorry，希望这个答案你能满意</t>
  </si>
  <si>
    <t xml:space="preserve">我该怎样接受残酷的现实又该如何去面对呢我跟我老公是在网上认识的， </t>
  </si>
  <si>
    <t>好好的待他们让你婆婆后悔自己曾说过这样的话</t>
  </si>
  <si>
    <t xml:space="preserve">关于南京大屠杀７０年祭日，说点什么？身为普通市民的我们能做点什么? </t>
  </si>
  <si>
    <t>抵制日货，努力工作。牢记历史，勿忘国耻。</t>
  </si>
  <si>
    <t xml:space="preserve">问一部周星驰的电影叫什么名字..那电影我完全忘记叫什么名字了,只 </t>
  </si>
  <si>
    <t>是叫破坏之王没错,但里面没有黎明,那个反面人物和黎明有点像</t>
  </si>
  <si>
    <t xml:space="preserve">经期能吃血府逐瘀丸吗？ </t>
  </si>
  <si>
    <t>不能吃，要在经期之前吃</t>
  </si>
  <si>
    <t xml:space="preserve">关于搜魂石请问搜魂石只有+7+8的才值钱吗？如果一般的蓝搜魂石头 </t>
  </si>
  <si>
    <t>没有+的是不值钱的,+7+8值钱是因为多数服务器已经发展了很后面了,一些低级武器没有人关注.</t>
  </si>
  <si>
    <t xml:space="preserve">公司出一批货物，找团购网可以吗？大家给个意见 </t>
  </si>
  <si>
    <t>听说邦派天天团购网不错，我们公司以前做销售就是找的他们，效果还算不错。你可以在网上查一下这个网站的地址。</t>
  </si>
  <si>
    <t xml:space="preserve">我学了两年的电子上网到现在都不知道电子商务是什么？ </t>
  </si>
  <si>
    <t xml:space="preserve">电子商务的定义，即Electronic Commerce.一般认为，电子商务分为广义和狭义的电子商务。 广义的电子商务的范围很广，国际商会认为，电子商务是指对整个活动实现电子化。从涵盖范围方面可以定义为：交易各方以电子交易方式，而不是通过当面交换或直接面谈方式，进行的任何形式的商业交易；从技术方面可以定义为：电子商务是一种多技术的集合体，包括交换数据（如电子数据交换、电子邮件）、获得数据（共享数据库、电子公告牌）以及自动捕获数据（条形码）等。 电子商务涵盖的业务包括：信息交换、售前售后服务（提供产品和服务的细节、产品使用技术指南、回答顾客意见）、销售、电子支付（使用电子资金转账、信用卡、电子支票、电子现金）、组建虚拟企业（组建一个物理上不存在的企业，集中一批独立的中小公司的权限，提供比任何单独公司多得多的产品和服务）、公司和贸易伙伴可以共同拥有和运营共享的商业方式等。 对于初学者来说，可以先从理解狭义的电子商务入手。狭义的电子商务，即指利用互联网进行商务过程中的信息流、商流、资金流、物流管理，使企业的商务活动实现低成本、快速及时、跨越时空的特点。通俗讲，讲企业的商务信息在网上发布，并通过互联网找客户，与客户沟通，签订交易合同，转账，发货等环节，构成了狭义电子商务的主要内容。 </t>
  </si>
  <si>
    <t xml:space="preserve">氧化还原反应中还原剂的还原性为什么比还原产物大，氧化剂的氧化性为? </t>
  </si>
  <si>
    <t>氧化剂在反应中得电子,得的电子使得它再次得到电子的能力下降,而得电子能力即代表着氧化性的强弱.同理可得还原剂的还原性强于还原产物.以下为摘录：在热力学中有以下几点重要的结论.１.氧化还原反应由两个半反应组成（两个电对）:氧化剂+ne-----还原产物（即：氧化态+ne－－－还原态）还原剂-ne-----氧化产物（也即：还原态-ne－－氧化态）（以Cu2+ +Zn----Cu+Zn2+为例，两个半反应为：Cu2+ +2e---Cu;Zn2+ +2e---Zn)其电对的电极电位ε可由下表示（以Cu2+ +Zn----Cu+Zn2+为例）：ε(Cu2+/Cu),ε(Zn2+/Zn)ε越大则其氧化态的氧化性越强，还原态的还原性越弱；ε越小则其氧化态的氧化性越弱，还原态的还原性越强．２.根据热力学第二定律，一个自发的变化必须是其自由能（Ｇ）的变化（△Ｇ）小于零，即△Ｇ＜０氧化还原反应的△Ｇ与氧化剂和还原剂的两个电对的差的关系为（以Cu2+ +Zn----Cu+Zn2+为例）：△Ｇ＝-［ε(Cu2+/Cu）-ε(Zn2+/Zn)］*ξ*２（ξ为法拉第常数，２为此反应转移的电子数），要使该反应自发进行（即△Ｇ＜０），必须是：ε(Cu2+/Cu）-ε(Zn2+/Zn)＞０所以ε(Cu2+/Cu）＞ε(Zn2+/Zn)前面说了：＂ε越大则其氧化态的氧化性越强，还原态的还原性越弱；ε越小则其氧化态的氧化性越弱，还原态的还原性越强．＂所以Cu2+的氧化性必须强于Zn2+；Zn的还原性必须强于Cu，也就是说氧化剂的氧化性必须强于氧化产物，还原剂的还原性必须强于还原产物．</t>
  </si>
  <si>
    <t xml:space="preserve">人民教师光荣吗？ </t>
  </si>
  <si>
    <t xml:space="preserve">    我觉得她是光荣的。　　从1985年我国设立教师节，今年已是第21个教师节。20年间，尊师重教深入人心、事业蓬勃发展，每一个教师节都见证了人民教师的光荣。 　　中华民族历来有尊师重教的优良传统。改革开放以来，特别是设立教师节以来的近20年，教师的社会地位更是空前提高，全社会关心教育、关心教师的氛围日益浓厚。广大教师不负党和政府的重托，不负人民群众的厚望，兢兢业业，无私奉献，赢得了全社会的尊重。我国的教育事业为改革开放、为经济与社会的快速协调发展奠定了坚实的基础，提供了有力的人才支撑。人民教师，功莫大焉。 　　今年教师节的主题是“光荣的人民教师”。我们要通过开展教师节主题宣传庆祝活动，大力宣传人民教师的社会地位和历史功绩，展现新时期人民教师的精神风貌，掀起崇尚师德、弘扬师德的学习宣传教育热潮。要进一步昭示国家尊师重教、科教兴国的意志，营造尊重知识、尊重人才、尊重教师和关心教育、理解教育、支持教育的良好社会氛围。要进一步宣传振兴教育、教师为本和教师教育优先发展的方针，建设教师终身学习体系。要进一步增强广大教师的光荣感、责任感和使命感，激发教师爱教乐教的热情，团结和动员广大教师为办好人民满意的教育事业作出新贡献。 　　一个国家、一个民族，能不能实现持久的发展，有没有一个完善的教师教育体系至关重要。教育承载了传承科学知识、历史经验和文化传统的重任。发展教育，重在教师；振兴教育，教师为本。我们一定要加倍努力，进一步建立和完善适应我国教育发展需要的教师教育体系，努力造就一支高水平的教师队伍，为加快教育事业的发展作出新的贡献。 　　祝人民教师节日快乐！</t>
  </si>
  <si>
    <t xml:space="preserve">我的家族战士学了双手持剑的姿势，但带不上双手剑！我家族战士14级 </t>
  </si>
  <si>
    <t>你去要本是用双手拿的一把剑的那本书！不是双手一边拿一把剑的书哦！这样的话你就能拿双手那把大剑了！</t>
  </si>
  <si>
    <t xml:space="preserve">征求有创意的广告语，100分送上对象是一款迷你的个人防身报警器， </t>
  </si>
  <si>
    <t>你的子女不能时刻伴在你身边吗？用它吧！你的男朋友不能时刻伴在你身边吗？也用它吧！</t>
  </si>
  <si>
    <t xml:space="preserve">房产抵押贷款还不上了我有两处房子.用其中一处抵押贷款做买卖.买卖 </t>
  </si>
  <si>
    <t>一般情况下，银行放贷数额会小于你提供的担保房屋价值。也就是说，银行在放贷时会考虑到将来的偿还不能而将抵押房变现的价值问题。再说，拍卖的价值也是很客观的，不会明显低于市场价值的。如果真的不够还房贷，那么根据最高院的司法解释规定，你的另一套房屋尚未设定抵押担保，银行在债权针对这套房屋来讲，只是普通债权。可以对未抵押的房屋查封，不可以拍卖、变卖、抵债。</t>
  </si>
  <si>
    <t xml:space="preserve">木耳搭配什么菜比较营养又好吃? </t>
  </si>
  <si>
    <t>木耳是很好配菜的菜，就如萝卜样的是配菜中的万精油，如配荤菜有鸡、猪肉等；再配其它青菜有蒜、莴芛、芹菜、萝卜等</t>
  </si>
  <si>
    <t xml:space="preserve">请教高手SF和PF那个强。我是20级的SF看到PF在蓝下那么强都 </t>
  </si>
  <si>
    <t xml:space="preserve">你是那个区的 要是5区的号 我给你换个 </t>
  </si>
  <si>
    <t xml:space="preserve">转先知还是主教？（战士们多给点建议）好苦恼啊，练人法到39准备2 </t>
  </si>
  <si>
    <t>首先要看楼主是打算怎么练了~~先知是状态大师~~可先知一次全套要接近400的蓝~~先知适合组小队~~主教是真正的补血机~~他是为了队伍而存在的~~在50+后主教的真正价值才能体现出来~~试想一下进龙洞后没有主教的队伍能走多远~？主教和先知是不同类型~~要看楼主的个人喜好了~~希望楼主能早日找到自己心仪的职业~~</t>
  </si>
  <si>
    <t xml:space="preserve">Wap手机上网查归属地Wap手机上网,有什么可以查手机号码归属地 </t>
  </si>
  <si>
    <t xml:space="preserve">帮我推荐几款10万至12万的家用轿车 </t>
  </si>
  <si>
    <t>10－12W的车型不用推荐了！这个价位最理想的车型就是GOLF。不论怎么比其他车型都不会比它强。除非你不喜欢德国车。</t>
  </si>
  <si>
    <t xml:space="preserve">我该怎么办...........我和我老公结婚刚好半年，我公公就 </t>
  </si>
  <si>
    <t>你真让人心疼。那你和父母说说吧。家人都是爱你的。你要相信亲情。不要一个人承受这样的痛苦了。请求家人帮助从侧面了解情况。</t>
  </si>
  <si>
    <t xml:space="preserve">我的博客为何打不开登陆我的博客时，网页打不开；登陆他人的博客页面 </t>
  </si>
  <si>
    <t xml:space="preserve">你好！ 这是网络繁忙时的暂时现象，等过一阵子再上去试试看吧！网络上的不定因素很多，上网时间长了也就习以为常了！ </t>
  </si>
  <si>
    <t xml:space="preserve">有什么好听的英日韩文歌 </t>
  </si>
  <si>
    <t>Big Big World Almost Over You As Long As You Love Me Baby Onemore Time because of youBizarre love triangle Born In Africa Bressanone brothers in arms butterflycan you feel the love tonight Casablanca come on over Don't cry(original) dreams come true everyone everything I do(i do it for you) eyes on me hear me cryif you were here I'll Never Break Your Heart listen to your heart my heart will go onperfect momentpretty boy Rhythm of the rain right here waiting  season in the sun speak softly lovethe Day you went away There You'll Bewithout you yesterday once more 因为是女子二十三---安七炫面具---安七炫 鬼束千寻的&lt;&lt;月光&gt;&gt;和&lt;&lt;荆棘海&gt;&gt;松隆子的&lt;&lt;梦的点滴&gt;&gt;仓木麻衣的&lt;&lt;Time after time&gt;&gt;和&lt;&lt;Tonight I feel close to you&gt;&gt;(和燕姿合唱的!~)&lt;&lt;I sing a song for you&gt;&gt;kokia的&lt;&lt;ありがとう&gt;&gt;南郁里香的&lt;&lt;晓之车&gt;&gt; &lt;&lt;焰之扉&gt;&gt;大冢爱的&lt;&lt;金鱼火花&gt;&gt;中岛美雪的&lt;&lt;雪之花&gt;&gt; 月迷风影深海的孤独风姿花传ひとつぶの?嫠阕缱嘶ù玐-Japan《forever love》life is like boat（死神）Home Sweet Home（雪姬忍法帖）いつも何度でも（千与千寻）白い竜（千与千寻）sincerely（棋魂）Time after time（柯南）好想大声说喜欢你直到世界尽头全金属狂潮《もう一度君に会いたい》《南风》《Tomorrow》《それが、爱でしょう》罗德斯岛战记《奇迹之海》《Adesso e fortuna》Turn A Gundam《月之茧》头文字D《Rage your dream》十二国记《月迷风影》天空战记《砂尘の迷?怼坊绞扛叽?8MS《岚の中で辉いて》EVA《Thanatos-If I can't be yours》ルルテイア-真月谭月姬(迷途的蝴蝶)有坂美香-高达SEED DESTINY(Life Goes On)桑岛法子-高达SEED DESTINY(深海的孤独)高桥瞳-高达SEED DESTINY(我们的去向)奥井雅美-这是我的主人(TRUST)坂本真绫-翼·年代记(轨迹)eufonius-双恋Alternative(我们的时光)savage genius-武器种族传说（Forever)See-Saw-高达SEED DESTINY（你与我相似）T.M.Revolution-高达SEED DESTINY(痕迹）FictionJunction YUUKA-高达SEED DESTINY(焰の扉)爱内里菜-名侦探柯南(START)徐若暄-高达SEED(moment)钢之炼金术士(Brothers)宇多田光-王国之心2(PASSION)MIZ-格兰蒂亚2(in the sky)北出菜名-钢之炼金术士(消せない罪)YellowGeneration-钢之炼金术士(扉の向こぅへ)Sowelu-钢之炼金术士(I Will)死或生极限版(Dream On)幸田来未-最终幻想X-2日版(千言万语）ルルテイア-鸦（Primary)Lia-AIR(蓝天）松泽由美-圣斗士星矢冥王篇(地球仪)米仓千寻-高达08MS小队(暴风雨中的光辉)米仓千寻-高达08MS小队(永远的扉)</t>
  </si>
  <si>
    <t xml:space="preserve">如果美国总统的防弹轿车压在这样的地雷上，结果如何（图）？ </t>
  </si>
  <si>
    <t>如果美国总统的防弹轿车压在这样的地雷上，结果如何（图）？ 0分 那是反坦克雷，如同普通的椅子和电椅之比一样，同叫椅子，可是后面的那个，没有人想去做它的。</t>
  </si>
  <si>
    <t xml:space="preserve">用手机怎样炒股票?CDMA手机下载股市行情、K线、分时线快吗？ </t>
  </si>
  <si>
    <t>如果可能的话建议你换成中国移动,运营商提供的[移动证券]软件不错</t>
  </si>
  <si>
    <t xml:space="preserve">几级的传亚留特村？能告诉我几级能传亚留特村吗？ </t>
  </si>
  <si>
    <t>生产及特殊系战斗系、魔法系及宠物系全部10级才可传过去生产及特殊系不限等级，战斗系、魔法系及宠物系必须13级才可传过去</t>
  </si>
  <si>
    <t>五月天有歌词</t>
  </si>
  <si>
    <t xml:space="preserve">知足词：阿信 曲：阿信怎么去拥有 一道彩虹怎么去拥抱 一夏天的风天上的星星 像地上的人总是不能够 不能觉得足够如果我爱上 你的笑容 要怎么收藏 要怎么拥有如果你快乐 不是为我 会不会放手 其实才是拥有当一阵风吹来 风筝飞上天空为了你 而祈祷 而祝福 而感动终于你身影 消失在 人海尽头才发现 笑着哭 最痛那天你和我 那个山丘那样的唱着那一年的歌那样的回忆 那么足够足够我天天都品尝着寂寞 当一阵风吹来 风筝飞上天空为了你 而祈祷 而祝福 而感动终于你身影 消失在 人海尽头才发现 笑着哭 最痛一阵风吹来 风筝飞上天空为了你 而祈祷 而祝福 而感动终于你身影 消失在 人海尽头才发现 笑着哭 最痛如果我爱上 你的笑容 要怎么收藏 要怎么拥有如果你快乐 再不是为我 会不会放手 其实才是拥有知足的快乐教我忍受心痛知足的快乐教我忍受心痛这里有试听哦：） </t>
  </si>
  <si>
    <t xml:space="preserve">变频空调是否要开机时间比较长之后，才能体现出比普通空调省电呢？ </t>
  </si>
  <si>
    <t xml:space="preserve">    在刚开机1小时内由于室温与设定温度温差较大，以较大功率高频运转快速进行调节制冷，因此刚开机的一段时间，耗电量较大；如果在某一段较长时间测试耗电量，变频空调将比同匹数定频空调省电，但如果环境特殊（如房间隔热效果差）、负荷一直较大变频空调可能比同匹数定频空调耗电大。     空调耗电量最大的部位是压缩机。变频空调比普通空调增加了一个可用于调节压缩机速度的变频器，变频空调压缩机的运转的速度会根据室内温度的降低而减慢，普通空调压缩机则一直是以最大的速度运转，因此在一定的情况下，变频空调比普通空调省电。但是为什么实际用起来往往没有商家说的那么省电呢？那是因为，变频空调与普通空调在开机启动时，由于室内温度并未达到设定的温度，所以都是以最大的功率运行，这个时候，变频空调由于电路比普通空调复杂，因此有可能更耗电。当室内温度达到设定温度后，变频空调通过变频器将压缩机的运转速度降低，理所当然的，耗电量就急剧下降了。而普通空调在室内温度达到设定温度后，并不能调节压缩机的速度，因此它必须关闭压缩机，这时它的耗电量比变频空调还要低。但由于压缩机在启动/停止时，会产生瞬间的高压，频繁地开停对压缩机的寿命有一定的损害。    变频空调的优点在于：温度控制更精准，噪音低，人体感觉起来更舒适，压缩机使用寿命长普通空调优点在于：比较便宜    顺便提提，家用变频空调内部的变频电路与工业用的变频器是有区别的，变频器是一种独立设备，可起到节能调速、自动化控制、设备保护等作用，它的应用非常广泛，例如风机节能调速、小区的恒压供水、自动扶梯节能控制、中央空调节能控制等等场合，家用的变频空调可能并不省电，但工业上用的变频器节电效率是非常高的。国内生产变频器比较有名的厂家有汇川、英威腾、三晶变频器等等 </t>
  </si>
  <si>
    <t xml:space="preserve">我按键盘的时候,总是要跳出来开始我随便打几个字就跳出来， </t>
  </si>
  <si>
    <t>很有可能窗口键下面有异物。清理干净试试。</t>
  </si>
  <si>
    <t xml:space="preserve">请帮忙解决小学六年级数学题某山区小学要栽253棵松树，分给三个年 </t>
  </si>
  <si>
    <t>1、因为五年级分到的1/4，等于四年级分到的1/2。说明五年级分到的是四年级的2倍，比例是2：1或4：22、六年级分到的1/5，等于五年级分到的1/4。说明六年级分到的与五年级分到的比例是5：43、那么三个年级分到的比例是5：4：25+4+2=11即六年级占总数的5/11，四年级、三年级分别占总数的4/11、2/11253/11=23，即一份就是23棵。4、那么六年级分到5*23=115棵五年级分到4*23=92棵四年级分到2*23=46棵。</t>
  </si>
  <si>
    <t xml:space="preserve">装修中……一事不明。马桶的下水管(软管)最长多少？有什么跪地你吗? </t>
  </si>
  <si>
    <t xml:space="preserve"> 想必你家的马桶是后排水或者是侧排水了，软管一般的是30CM 长的，还有50CM的，还有一种是50CM带90度直角拐弯的，各大建材市场都有销售，你可以直接自己去咨询购买！</t>
  </si>
  <si>
    <t xml:space="preserve">广东财经大学校长是谁 </t>
  </si>
  <si>
    <t>现任校长：王华，党委书记：程飚如果对你有帮助，请点击页面上的好评给俺个支持哈。</t>
  </si>
  <si>
    <t xml:space="preserve">怎么制作一个批处理.删除指定后缀的文件?我要制作一个批处理.删除 </t>
  </si>
  <si>
    <t>dos下del*.bac或者记事本编辑 正在清除bac文件,请稍等......del/f/s/q%systemdrive%\*.bacecho清除bac完成!echo.&amp;pause保存为bat文件</t>
  </si>
  <si>
    <t xml:space="preserve">如何教５－６岁幼儿学习数学我的女儿五岁半了，教什么都学的很快，可 </t>
  </si>
  <si>
    <t>作游戏，边玩边学，慢慢培养兴趣。</t>
  </si>
  <si>
    <t xml:space="preserve">睡觉前晒一下实买单桑德兰25日19:45利物浦===0阿森纳25 </t>
  </si>
  <si>
    <t>从现在的i比分看只要西汉姆进球你就可以中了~不过这次奖金高不到那里去!</t>
  </si>
  <si>
    <t xml:space="preserve">脚抖动大哥睡觉以后，脚会不知不觉的抖动，是什么原因呢？ </t>
  </si>
  <si>
    <t>在入睡过程中，出现的肢体不自主的抖动或惊动现象，医学上称为肌阵挛，属于一种神经系统的不自主运动。肌阵挛可见于正常人，在入睡时偶尔出现肢体抖动，一般不是病理引起的。如为中老年人，反复出现肌阵挛则要应除外病理原因，常见如脑缺氧或缺血性脑病、癫痫小发作等。应做脑CT、脑电图、与经颅多普勒超声以及其他神经系统的有关检查，除外脑血管病或其他脑部疾病等病理原因的可能。</t>
  </si>
  <si>
    <t xml:space="preserve">葡萄胎清宫两次后45天流血不止！怎么办？？？您好，我清过一次宫， </t>
  </si>
  <si>
    <t>建议暂时不再清宫，每周复查血清hCG，只要hCG持续下降且出血少于月经量，就可以先不再清宫，二周后再复查超声检查。目前还没有恶变表现，不必过于紧张。</t>
  </si>
  <si>
    <t xml:space="preserve">下次更新会出GP03D石斛兰吗？是直接由设计图买还是在厄运蛋里啊? </t>
  </si>
  <si>
    <t>按推理是会的，但是是直接由设计图买还是在厄运蛋里 这个不确定....下次更新应该会是神，绿螳螂，GP03D石斛兰。GP03D石斛兰 放厄运可能性最大...-----------------------------------------------------------</t>
  </si>
  <si>
    <t xml:space="preserve">离婚时女人最想问男人的一句话是什么？ </t>
  </si>
  <si>
    <t xml:space="preserve">你是在外面有了小三了吧？   呵呵   俺都不问老二   直接问老三!!  </t>
  </si>
  <si>
    <t xml:space="preserve">为什么星空图为上北下南，左东右西 </t>
  </si>
  <si>
    <t>地球上有东南西北,是因为人们为了方便认知地理的,也是为了方便说明某个地方的具体方位.....而星空,现在人们对它了解的还不多(相对来说的)并不需要一个东南西北的方位名词.....还有一点是:宇宙是一直在变的,一直在运动,取了东南西北倒是不方便.</t>
  </si>
  <si>
    <t xml:space="preserve">北京的发展变化如：交通，环境等 </t>
  </si>
  <si>
    <t>你问的是哪个时间段呢谢谢</t>
  </si>
  <si>
    <t xml:space="preserve">请问日语达人们都用什么电子词典呀?过去学英语的时候,一个文曲星给 </t>
  </si>
  <si>
    <t xml:space="preserve">    给你推荐一款我认为非常好的电子词典，卡西欧EW-V3600L，是卡西欧今年春季刚刚推出的新款。中日英互译，相当好，现在中国售价大概从1800－2000不等，我买的是2000，在正规地方买的，网上有卖1800的，但是我怕是水货就没买，收录的词典很多，还收录了一本商务会话，反正我认为很好，具体情况（功能介绍，性能等）你上百度一搜就知道了。真的很好。    电脑上用的字典软件，我就用过金山的，感觉还挺好，其实有这样一个电子词典就不用什么电脑字典软件了。</t>
  </si>
  <si>
    <t xml:space="preserve">智能手机能浏览电脑网页吗?智能手机能浏览电脑网页吗 </t>
  </si>
  <si>
    <t>当然可以啦智能手机最大的好处就是可以同时打开几个软件手机网和互联网都上网比较好用不过智能手机也有一个弱点就是有很多的智能手机病毒象普通的手机就不会有那么多的病毒</t>
  </si>
  <si>
    <t xml:space="preserve">孩子胸前，面部，头皮，后脖出红疙瘩宝宝现在未满月，这几天天气在1 </t>
  </si>
  <si>
    <t>宝宝应该是湿疹，不知道宝宝是吃母乳还是配方奶，如果是配方奶就可考虑换个品牌，过敏宝宝对牛奶是最容易产生过敏反应的，所以你需要给宝宝吃抗过敏的奶粉。如果是吃母乳的宝宝，那则要去寻找到过敏源，宝宝的被子、枕头衣物等拿到到阳光下暴晒，只要找到过敏源才能解决根本的问题。还可以擦尤卓尔软膏！</t>
  </si>
  <si>
    <t xml:space="preserve">瑞星无法连接网络家里已经断网了，没断时运行瑞星还没显示这个，断了 </t>
  </si>
  <si>
    <t>其实你是因为打开瑞星监控才会有这个提示在断网的情况下不需要打开瑞星的监控偶尔打开瑞星扫描就可以了除非你连网或者使用U盘、光盘</t>
  </si>
  <si>
    <t xml:space="preserve">手机淘宝买提示你完善身份信息在哪完善？ </t>
  </si>
  <si>
    <t>您好，在账户管理里面完善。</t>
  </si>
  <si>
    <t xml:space="preserve">玩复古决战现在8月8号出和以前决战1一样的决战.没有机械没有90 </t>
  </si>
  <si>
    <t>那个只是个人开的一个SF 不会有意识的  我说的是真的  哟啊是一个大公司代理的我就去玩  个人开的 以后还是垃圾   复古决战和那些SF在一起  没有客服  其实我们想玩的是正常的网游  而不是SF</t>
  </si>
  <si>
    <t xml:space="preserve">头像为何无法上传？并显示“上传图片失败，请重新选择图片上传2” </t>
  </si>
  <si>
    <t>换个时间段上传试试，要有坚韧不拔的精神，每天上传试试，说不定哪天碰巧了就上传成功了，在不行问客服（排除头像格式不对和尺寸超过标准）。如果有什么问题，请找知识人分类管理员解决   如果问题无法解决，请拨客服电话4006-900-000转2或3 ，未开通的地区，请拨打：010-82624488、010-82621177 (需要支付长途费)，客服工作人员会为你提供帮助。</t>
  </si>
  <si>
    <t xml:space="preserve">爱一个人是她爱你多一点好还是你爱她多一点好 </t>
  </si>
  <si>
    <t>其实这个无所谓，真正爱一个人是不会计较这个的。她爱你多一点你会被幸福的感觉包围，你爱她多一点，你学会了怎样把爱给予别人，也同样幸福，而且，有一句话是这样说的：给比拿更幸福。愿你爱的人越来越爱你</t>
  </si>
  <si>
    <t xml:space="preserve">帕金森综合症我被确诊为帕金森已经有3年了，现在就是要一直吃美多芭 </t>
  </si>
  <si>
    <t>帕金森病是个进展性疾病，药物治疗也是很重要的。评估后若具备手术治疗指征，可考虑脑起搏器治疗，可以减少美多巴用量，提高生活质量。</t>
  </si>
  <si>
    <t xml:space="preserve">我梦见把头发剪短了 </t>
  </si>
  <si>
    <t>　　做梦是正常人的生理现象，梦除了反映健康、心理情况，可能什么也说明不了。　　人们如此热衷于解梦，是对梦太不理解，是长期以来给梦蒙上的神秘色彩。生活在这个世界上已经有很不容易了，不要再自己给自己添烦恼。　　随着人类文明程度的提高，人们终究会对梦理解的。　　祝你健康！</t>
  </si>
  <si>
    <t xml:space="preserve">哪种养老方式最好?总有一天你会语言不清,行动迟缓,谁来伺候你? </t>
  </si>
  <si>
    <t>如果自己一个人的情况下，儿女多，但又都没条件照顾，可以住养老院，定期去看望，老人住里面心里也有安慰。如果家里人少，就在家照顾比较好，雇个服务员就成了。因为在养老院里老人也相比较，避免心里有落差。这样比较好。如果有老伴的情况下，再有房子的前提下，以房养老也不错。这是在房多的情况下。</t>
  </si>
  <si>
    <t xml:space="preserve">在当中国，有多少当官的是好人？　　不知各位注意没有：现今的中国， </t>
  </si>
  <si>
    <t>中国的社会制度造就了这样的官如果说有的话　那他还没有出生　或者在襁褓中就给扼杀了可悲啊本以为学校是块处女地但上了大学才知道　这里更腐败　也许我看不到中国清廉的那一天了那就让我们的儿子来见证　孙子　孙子的孙子．．．．．．．．但总有那么一天会出现另一个王安石　是一个完成任务的期待那一天　但我无能为力</t>
  </si>
  <si>
    <t xml:space="preserve">新修真最后1个BOSS天尊怎么才出来的?魔尊新修真最后1步BOS </t>
  </si>
  <si>
    <t>这 BOSS好像 在 苍力的 哪里 ，前几天 看 网站好像 是 在哪里</t>
  </si>
  <si>
    <t xml:space="preserve">Ifyourreservationsarebookedfaren? </t>
  </si>
  <si>
    <t>如果你的预定在足够长的时间前定好了，航空公司会寄给你你的机票。然而，如果你没有收到机票而且航空公司的记录显示机票已寄了出去，那你可能不得不办理繁重的失票手续。查找电话目录中位置便捷的旅行社或航空公司售票处并到那儿去买票是更安全的。</t>
  </si>
  <si>
    <t xml:space="preserve">12143期任九主线图：7：30分小丁对阵墨非,所以本期不分析了 </t>
  </si>
  <si>
    <t>有冷有热，好单，可运气很重要。</t>
  </si>
  <si>
    <t xml:space="preserve">当海员苦吗？我想知道当一个海员的职责，累吗，有多少危险？现在有哪 </t>
  </si>
  <si>
    <t>一般来说，并没有那么多的……只有船长、大副、二副、三副、水手长、船机长、厨师、一般的水手之后就没的了……这个我是只说一些行过船的人说的……甲板只是出航前和入港前洗一次之后，基本上不用洗，平时水手的工作就是敲锈，从船头敲到船尾，然后从船尾敲到船头，如果发现有脱锈的话，就马上上油然后上防风漆……</t>
  </si>
  <si>
    <t xml:space="preserve">请教伦敦期货交易所的交易时间和与我国的时差，谢谢！请按英国的交易 </t>
  </si>
  <si>
    <t xml:space="preserve">   事实上，办公室电话、电子交易和场内交易分别进行，只是不同时间重点不同罢了。 上午圈内交易结束，即第二节圈内交易的最后一笔现货出价就成为LME的官方结算价。该价格受到相关市场的普遍认同，常被视为现货定价的基础。圈内交易和KERB交易统称场内交易。KERB交易时间内所有金属可以同时进行交易，但在RING交易时间每种金属轮流交易分别单独进行5分钟的交易。本文提到的时间为北京时间，比伦敦当地北京时间早8小时时差，夏天因为英国用夏令时有7小时时差,.交易时间提前1小时。LME的交易时间如下：　　　　　　1、电子盘（Lme-Select）：09：00 - 03：00（第2天凌晨）　　　 请注意：夏天因为英国用夏令时，交易的北京时间提前1小时　　　　2、场外交易（Inter Office Market，又称为办公室即电话交易）：24小时不间断 　　　　3、场内交易（Ring Trading &amp; KERB Trading）：19:45-01:00（第2天凌晨）　　　 请注意：夏天因为英国用夏令时，交易的北京时间提前1小时 　　　　19:45 第一小节开始　　铝合金/NASAAC 19:45-〉锡19:50-〉铝19:55-〉铜20:00-〉铅20:05-〉锌20:10-〉镍20:15-〉聚丙烯20:20　　20:25 休市5分钟 　　20:30 第二小节开始 　　铜20:30-〉铝合金/NASAAC 20:35-〉锡20:40-〉铅20:45-〉锌20:50-〉铝20:55-〉镍21:00 　　21:05 第二小节结束，休市10分钟，公布八种金属的官方报价，并进行结算 　　21:15 官方报价结束，KERB交易开始　　22:45 KERB交易结束　　22:45 休市10分钟　　22:55 第三小节开始　　铝合金/NASAAC 22:55-〉铅23:00-〉锌23:05-〉铜23:10-〉铝23:15-〉锡23:20-〉镍23:25　　23:30 休市5分钟　　23:35 第四小节开始 　　聚丙烯23:35-〉铅23:40-〉锌23:45-〉铜23:50-〉铝23:55-〉锡00:00-〉镍00:05-〉铝合金/NASAAC 00:10　　00:15 第四小节结束，KERB交易开始 　　01:00 KERB交易结束　　*下午没有官方报价 　　注：24:35 锡和聚丙烯停止交易　　24:40 铅停止交易　　24:45 镍停止交易　　24:50 锌停止交易　　24:55 铜停止交易　　00:00 铝、铝合金和NASAAC停止交易为了让大家看到Lme市场的整体走势，文华财经在“Lme场外实时”中增加“综合铜03”、“综合铝03”、“综合锌03”、“综合镍03”、“综合锡03”、“综合铅03”、“合金综03”虚拟品种。虚拟品种是将场外、场内、电子盘（Lme-Select）综合在一起，使分钟图表更加完整、连续、规则，能够全面揭示Lme整体走势。</t>
  </si>
  <si>
    <t xml:space="preserve">请教李军老师：欧元/美圆问题准备在1.2050空欧元/美圆，不知 </t>
  </si>
  <si>
    <t>无论在哪个价位买卖都要承受一定的风险，你这个交易计划是可以的，1.2050位于60分钟三角形上线，只要有止损保护就可以</t>
  </si>
  <si>
    <t xml:space="preserve">3D今天出什么号快点推荐，好买了 </t>
  </si>
  <si>
    <t>305  320    个人愚建啊~~~~~~~~~~~~~~~~~~~~参考一哈吧？</t>
  </si>
  <si>
    <t xml:space="preserve">炸肉串怎么做好吃?我想做市面上的那种炸肉串,怎么做才最好吃? </t>
  </si>
  <si>
    <t xml:space="preserve">个人认为，炸肉串的方法都差不多，关键是的味道怎么样。介绍几个简单的油炸食品：1。香炸鸡柳配方:以1斤肉为例:鸡精5克，盐5克，糖5克，油炸粉3.5克，香甜泡打粉3.5克，咖哩粉3.5克，苏打粉2克， 嫩肉粉4.5克，生粉2.5克，（元葱，油，料水适量,料水请按配方1调制）2。香炸鸡柳皮配方:一个鸡蛋，100克面粉，2克油炸粉，2克泡打粉，1克苏打粉，少许鸡精,如果干可加适量水,搅拌成糊状. 做法:将新鲜鸡胸脯肉刀成2.5厘米方块,切时注意按肉丝的纹理方向切. 将肉块按配方1喂制二十分钟后,用竹签穿串.用手将肉串握实,握成圆柱状.将肉串表面挂上配方3的面粉糊后,再挂上一层生面粉,放在锅里,用油炸熟即可.(油要用色拉油) 3。炸牛肉串：牛臀尖250克（或腱子肉），芝麻油40克，大葱120克，鸡蛋100克，面粉25克，酱油15克，芝麻面2克（焙好），大蒜泥2瓣，白糖6克，胡椒面0。5克，鲜辣椒泥3克，鲜蘑菇185克，大米饭100克，植物油500克。辣椒酱：选成熟新鲜、红色辣椒为原料，剪去蒂把，倒入清水中，用竹杆不断搅拌，洗去粘附的泥纱等污物，捞起装萝沥干，倒入电动剁椒机剁碎，加盐腌制。鲜红大椒每100kg加盐10-15kg，明矾0.1kg 混匀，装入泡菜坛，约10d后即可食用。另外在辣椒里面还可加入花椒、五香粉、麻油、姜丁味精、豆鼓等，其味道更加独特。  </t>
  </si>
  <si>
    <t xml:space="preserve">QQ聊天记录用信息管理器导出后无法看怎么解决 </t>
  </si>
  <si>
    <t>这个光是那个bak文件当然是没法看。。是腾讯专门加密过的（不然你的聊天记录随便就被别人看到了）。。要看的话 你把那个bak文件用那个消息管理器导入到QQ里 然后登录所要看的QQ帐号（里面可能有多个QQ帐号的消息记录）。在消息管理里面就能看到了</t>
  </si>
  <si>
    <t xml:space="preserve">为何我用1Ral(#8)1Sol(#12)1完美绿宝石普通暗金武? </t>
  </si>
  <si>
    <t>此公式为110版本新增公式，对109版本当然无效。</t>
  </si>
  <si>
    <t xml:space="preserve">我有３００万人民币，该如何投资？ </t>
  </si>
  <si>
    <t>自己开工厂了,做塑料不错的.</t>
  </si>
  <si>
    <t xml:space="preserve">怎样上传图片到百度里在本题中不是说上传到个人空间。。。。例如我上 </t>
  </si>
  <si>
    <t>其实随便传到哪个网站或者论坛都可以，只要百度把你的图片搜索进去，你就可以直接在百度上搜索了。可问题是你传的图片到这个网站是不是可以被百度所收录呢。</t>
  </si>
  <si>
    <t xml:space="preserve">请教大师000025股票，9元本，后市如何操作 </t>
  </si>
  <si>
    <t>000025 特力Ａ最近调整不大，继续下跌概率大，短线明天逢高出局。</t>
  </si>
  <si>
    <t xml:space="preserve">征途怎么样挂NPC我是新手不太明白挂NPC是什么意思也能升级吗？ </t>
  </si>
  <si>
    <t>挂NPC，就是家族占领了NPC，那个NPC头上有你们家族的名字，你可以在家族页面中查找你们家族是否占领了NPC！！在你们家族占领的NPC旁边打坐，你每15秒获得一次经验，根据等级不同获得的经验也不同，但是一定比打怪慢点！！但是对挂机很有好处的！而且什么都不费（指的是药和装备耐久，不包括电费，^_^），就有经验，还是大多数人喜欢！你的头上有东郊2个字，不是说明你们家族占领了东郊的NPC，东郊也没有NPC可占，是指你们帮会占领了东郊（但是我记的东郊好像不算城，不可以占吧，你是不是看错了？）但是可以肯定的告诉你，有东郊2个字不代表你们家族有NPC！！！最后提醒：在家族页面中，点击家族占领NPC信息，会得到你想要的信息的！！要不你直接问你们族长（这个办法最简单）！</t>
  </si>
  <si>
    <t xml:space="preserve">有什么办法可以让自己失忆我不是在开玩笑！！！！我实在熬不过去了！ </t>
  </si>
  <si>
    <t>你这是在逃避,是懦弱.人都会有各种各样的经历,有些事情本来也是不应该忘记的.失败的教训可以成为你以后借鉴的经验;失去的美好可以在心里保留一块美好的记忆,值得回味,为什么要刻意去忘记呢?人生的路很坎坷很慢长,今后还会遇到很多事情的,因为人不是生活在真空中,人是生活在充满矛盾的世界中.有些事情不是逃避就可以解决的,勇敢点朋友!</t>
  </si>
  <si>
    <t xml:space="preserve">关于笔记本电脑的电池请问笔记本电脑所携带的电池是经常用好还是取下 </t>
  </si>
  <si>
    <t>电池都是会老化的，最多只是延缓而已，唯一避免电池老化的方法是不使用。但这样却又令笔记本电脑失去意义。失去了许多快乐。</t>
  </si>
  <si>
    <t xml:space="preserve">天堂寨距离宁国有多远？ </t>
  </si>
  <si>
    <t>300多公里左右因为我经常去宣城和南陵的我家就是金寨的&lt;天堂寨&gt;来的时候告诉我一下有机会我带你去\你最好走潜山这边走因为这样可以减少很多路程我给你做张图</t>
  </si>
  <si>
    <t xml:space="preserve">粉红蘑菇怎么大了也骑不了啊 </t>
  </si>
  <si>
    <t>看看骑宠条件</t>
  </si>
  <si>
    <t xml:space="preserve">为什么我回答别人的问题总是提交失败，页面上显示“出错了”什么我回 </t>
  </si>
  <si>
    <t>你只要把问题说了,另外的不要设啊!懂吗?</t>
  </si>
  <si>
    <t xml:space="preserve">请高手给此单批命多哥0法国1瑞士12韩国12沙特0西班牙3乌克兰 </t>
  </si>
  <si>
    <t>法国－－－单3吧～～应该能进3个！！</t>
  </si>
  <si>
    <t xml:space="preserve">在腾讯微博上发布自己的地址，让别人关注，地址是什么啊，自己主页上? </t>
  </si>
  <si>
    <t>微博个人资料设置里面有您的微博地址</t>
  </si>
  <si>
    <t xml:space="preserve">急！！！初学者打篮球，什么位置容易？下周比赛啊。。。 </t>
  </si>
  <si>
    <t>不论是得分还是组织后卫都要求有熟练的控球技术，能运球、突破、分球、组织进攻、自己进攻，一般的新手不能胜任。 新手最好先做防守，防守只要反应快就好了。</t>
  </si>
  <si>
    <t xml:space="preserve">要发票充的，完了？有个兼职业务员揽到一笔业务，公司说，你的业务开 </t>
  </si>
  <si>
    <t>如果是和别人去开房，不但钱没了，老婆也要没。</t>
  </si>
  <si>
    <t xml:space="preserve">上坐骑很不方便要打开包袱,坐骑应该可以放在快捷键栏 </t>
  </si>
  <si>
    <t xml:space="preserve">初期应该是 工匠，后期是裁缝和铁匠了，到了后期可以删除技能改学裁缝和铁匠的。CD- 使用后均可获得新手奖励（10个双,50个红,50个蓝（可以重复使用的哦）如果你3修1有套装的话，可以去新手村k老大了！如果没有，还是多练级到4修吧。 </t>
  </si>
  <si>
    <t>喜鹊报喜喜鹊主场高歌！！！纽卡斯vs维拉</t>
  </si>
  <si>
    <t>应该没问题。</t>
  </si>
  <si>
    <t xml:space="preserve">只剩下他哥俩了（图图） </t>
  </si>
  <si>
    <t>大炮筒是平和的人，胆选的很好！！</t>
  </si>
  <si>
    <t xml:space="preserve">菲亚特博悦1.4T是否有定速巡航？ </t>
  </si>
  <si>
    <t>你确定你想要么，只要你想要就有，O(∩_∩)O哈哈~ 菲亚特博悦1.4T 活力版就配有定速巡航。感觉博悦的定速巡航还挺好用的，特别是开高速的时候是挺方便的，不仅减轻了疲劳，还可以减少不必要的车速变化，可以节省燃料。不过对于在城市中穿梭的我来说，并不是太喜欢用定速巡航，因为开博悦车就是追求驾驶中那种速度、动力的快感，体会车强劲的性能的，而且这样也不愧对于“小钢炮”的称号，定速巡航只是个辅助功能的，是吧！不过这也仅仅纯属个人看法，仅供参考。</t>
  </si>
  <si>
    <t xml:space="preserve">房间里的灰尘太多该怎么办? </t>
  </si>
  <si>
    <t xml:space="preserve">天天打扫还有就是多养几盆如常春藤、无花果、猪笼草和普通芦荟 龟背竹：是天然的清道夫，可以清除空气中的有害物质。 绿萝：这种生物中的"高效空气净化器"原产为墨西哥高原。由于它能同时净化空气中的苯、三氯乙烯和甲醛，因此非常适合摆放在新装修好的居室中。新铺的地板只是滋生有害物质的源头之一。 金心吊兰：可以清除空气中的有害物质，净化空气。 金琥：昼夜吸收二氧化碳释放氧气的。且易成活。 绿叶吊兰：不择土壤，对光线要求不严。有极强的吸收有毒气体的功能有"绿色净化器" 之美称。 巴西铁：巴西铁又称香龙血树，可以清除空气中的有害物质。 散尾葵：它绿色的棕榈叶对二甲苯和甲醛有十分有效的净化作用。 桂花：可以清除空气中的有害物质。产生的挥发性油类具有显著的杀菌作用。 发财树：释放氧气，吸收二氧化碳；适生于温暖湿润及通风良好的环境，喜阳也耐阴、管理养护方便。 巴西龙骨：昼夜吸收二氧化碳释放氧气的。且易成活。 常春藤：能有效抵制尼古丁中的致癌物质。通过叶片上的微小气孔，吸收有害物质，并将之转化为无害的糖份与氨基酸。 </t>
  </si>
  <si>
    <t xml:space="preserve">糖尿病会并发脂肪肝吗？ </t>
  </si>
  <si>
    <t>『健悦坊 』糖尿病第三生活空间伍医生解释：约有半数糖尿病病人伴有脂肪肝，这是因为糖尿病病人，葡萄糖不能利用，造成三大代谢紊乱，最终使脂肪酸在肝内存积引起脂肪肝。</t>
  </si>
  <si>
    <t xml:space="preserve">洗澡时候多少度的水最合适啊？ </t>
  </si>
  <si>
    <t>洗澡水最好在40-55度，不能太烫了</t>
  </si>
  <si>
    <t xml:space="preserve">传说黄帝是怎么死的？传说中炎帝是为了百姓误入毒草而亡。而黄帝呢？ </t>
  </si>
  <si>
    <t xml:space="preserve">西汉司马迁在他所著的《史记·五帝本纪》说：“黄帝崩，葬桥山。”《史记·封禅书》中又引述了轩辕黄帝的死因和入葬情况：“黄帝采首山铜，铸鼎于荆山下。鼎既成，有龙垂胡髯下迎黄帝。黄帝上骑，群臣后宫从上者七十余人，龙乃上去。”后来，汉武帝“北巡朔方，勒兵十余万，还，祭黄帝冢桥山。”后曾说：“吾闻黄帝不死，今有冢何也？”或对曰：“黄帝已仙上天，群臣葬其衣冠。”在当时，司马迁对黄帝的离世，或说是乘龙上天，或说崩葬桥山，或说是衣冠纪念冢，未有定论。黄帝是否真有陵墓存之于世，历史上众说纷纭，史学界一直争论不休。如《路史》对黄帝升仙之说提出不同意见，认为这是秦汉时期方士之言，不足为训。《剑经》上说的则是黄帝铸鼎以疾崩葬桥山，意指为铸鼎时生病而死。但后面又说，五百年以后，山崩，墓内空空无尸，只存有黄帝的宝剑和赤靴。　　其实，这些记载并不能说出黄帝陵的真实情况。根据中国墓葬发展过程推测，那时还不会有现在这样的高坟大冢，更不会有陵园祭殿的建筑物。所以，现在陕西、河南、河北、甘肃甚至北京附近，现存的轩辕皇帝陵或纪念性标志，都是后人为纪念这位祖先和心目中的英雄而修建的，里边根本不会有他的尸骨。但司马迁所记，汉武帝北巡朔方回长安时，曾在黄陵县城北面的桥山祭祀过黄帝陵，这一点应是事实。由此也可以断定，桥山黄帝陵至今已有两千多年的传说历史。但我听说这样一个故事。黄帝向医生歧伯请教有关老年的知识，这位学富五车的医生告诉他：    当一个人老化时，他的骨头会变得像稻草一样又干又脆(即现代的骨质疏松症)，他的肉松软下陷，而且胸腔中有许多空气(即现代的肺气肿)，胃部常感疼痛(即慢性消化不良)，心脏常感不适(即心绞痛或慢性心律不齐中的搏动)，颈背与肩部顶端常会挛缩，身体时感发热(通常是泌尿道感染造成)，骨头干枯无肉(肌肉质量减少)，眼睛鼓出且松软易陷。当肝脏的脉动可被看见(右心衰竭)，但眼睛却无法分辨细缝时(白内障)，死亡即将降临。当一个人无法再战胜疾病时，寿命的极限就可预期了。所以我认为黄帝是自然死亡的。但有一个奇怪的现象。在夏朝之前历史阶段被称为五帝时期（约公元前26世纪-约公元前22世纪末21世纪初）五帝分别指的是：黄帝，颛顼，帝喾，尧和舜在长达500多年的岁月里仅仅传了五个首领，平均下来每个人都享有接近100岁的寿元。这个数据在今天看来也是惊人的。但是在那个医疗手法极度落后的年代，人的平均寿命不到30岁。这恐怕要成为千古之迷了。 </t>
  </si>
  <si>
    <t xml:space="preserve">请大家出意见我跟我女朋友快两年了，可是她还是在很多方面很自私，很 </t>
  </si>
  <si>
    <t>女孩都很自私的，让她慢慢改变，让她明白她在你心中的地位，</t>
  </si>
  <si>
    <t xml:space="preserve">为什么有的丰胸产品要在经期后使用呢？好多丰胸产品，都注明请在经期 </t>
  </si>
  <si>
    <t xml:space="preserve">丰胸产品还是不要用的好，没有副作用还好说，可万一有副作用呢？不如学我同学吧，吃木瓜啊～！生吃熟吃，炒的炖的煮的都可以啊，效果不错啊．我就是吃木瓜的，我的胸部就是３４Ｃ，绝对是真实的～！   </t>
  </si>
  <si>
    <t xml:space="preserve">怎么上去？我的电脑一打开网页上1。02入口就会说你是第一次登陆本 </t>
  </si>
  <si>
    <t>反复开启网页，最终也许会上去的。（在人少时）</t>
  </si>
  <si>
    <t xml:space="preserve">桔子树叶子上的红虫子是什么？我家在花盆里栽的桔子，最近几个月才发 </t>
  </si>
  <si>
    <t>红蜘蛛为害以成、若、幼螨在叶背吸食汁液，并结成丝网。初期叶面出现零星褪绿斑点，严重时白色小点布满叶片，使叶面变为灰白色，最后叶片干枯脱落，植株早衰，家庭中可以利用以下几个方法对红蜘蛛进行防治：1.用柑桔皮加水10倍左右浸泡一昼夜，过滤后喷洒植株，也可防治蚜虫，如浇花可防治土内的线虫。 2.洗衣粉15克、20%的氢氧化钠15毫升、水7.5千克，三者混匀后喷雾，1—2天后检查，红蜘蛛的成螨、若螨死亡率为 94%～98%。 3.取50克草木灰，加水2500克充分搅拌，浸泡两昼夜过滤，再加3克洗衣粉调匀后喷洒，每日1次，连续3天，隔1周再喷洒3天，可消灭第二代害虫，也可防治蚜虫、介壳虫等刺吸式害虫。放入土中可防治蛆虫。 4.点燃蚊香一盘，置于病株盆中，再用塑料袋连盆扎紧，经过1小时左右的烟熏后，不论卵或成虫均可杀死。</t>
  </si>
  <si>
    <t xml:space="preserve">并口游戏手柄能够改成USB手柄？ </t>
  </si>
  <si>
    <t>并口游戏手柄能够改成USB手柄？  应该可以啊~发短消息我，我教你弄</t>
  </si>
  <si>
    <t xml:space="preserve">我家宝宝快一岁了,我想给他买份保险,不知道哪种好?我26岁,有单? </t>
  </si>
  <si>
    <t>您好!宝宝好吧?我的宝宝也快一岁了.我儿子百天的时候我给他买了一系列的保险:分红险+重大疾病+意外伤害险,算是送给他的礼物.也是最基本的一个保障.对于你的家庭情况,仅有社保是不够的,社保是覆盖面广,低保障,报销是有一定比例的,个人还是要承担一大部分的,并且没有意外伤害责任,这是很重要的一块.现在有孩子了,要先把大人的保险考虑好,然后再是孩子的,这是买保险的一个顺序.建议您增加大人的意外险及重大疾病险,再给孩子选择几项即可.我是美国友邦保险公司北京分公司的代理人,您如在北京可以与我联系,一起探讨好吧?请先上我的网站"保险律师支援网"瞧瞧,您会得到相关信息及方案的了解,并且可以看到我的团队成员,我的团队会带给您优质的多方面的服务.祝我们的宝宝健康成长!</t>
  </si>
  <si>
    <t xml:space="preserve">家里的新房要装修，谁推荐下宁波好一点的装修公司？托请自重！！！ </t>
  </si>
  <si>
    <t xml:space="preserve">哥们儿，你说的详细点，要什么档次的，比如说啊价位？高端的？还是中端的？现在的装修公司主要讲服务和材料，还有设计，所以找装修公司最好找那种实在的，不要找那种什么都说的很好的，那种夸夸其谈的千万不要找，还有一种就是游击队的，我个人不喜欢找，因为什么都要自己操心，本身就没有这个时间，我那时候是是我姐夫已经装修完了，说是宁波博同装饰做的挺好的，他家去过几次设计确实也很喜欢高大上的感觉，我家快装修完了期待中。 </t>
  </si>
  <si>
    <t xml:space="preserve">适合学生减肥的方法？我侄儿胖的不行了。他才14就130了。我天， </t>
  </si>
  <si>
    <t xml:space="preserve">我158,体重是119斤，每天晚上原地跑步一小时，很慢的那种，跑了一个多星期，发现小腿腿变粗了，体重也没 怎么下降，就放弃了，后来两个星期也没称体重，还以为会胖，结果昨天称了一下，113，居然瘦了6斤，开心死 了O(∩_∩)O哈哈~然后又激起了我的动力！不过这两个星期我中午都没怎么吃饭，基本上都是到下午2点多 喝杯酸奶，吃几块饼干或者水果，有时候还吃方便面（不过很少，只有一两次），晚餐照常吃，菜吃的比较多， 饭后喝一杯青青秀身茶（家人给买的）蛮好喝的~我想这样蛮好的，白天多喝茶，也不会觉得饿，因为我早上都 有吃的蛮多的，所以要减肥的美眉，记得早饭一定要吃好哦，切记切记！！！ 给自己制度了目标，到10月1号之前，希望能瘦到100斤，半年时间瘦13斤，应该不是很难吧，关键是要坚持，坚 持运动对我来说好像有点难，每次做不了多久就放弃了，所以我现在主要是在吃方面注意，另外不管我吃了什么 ，吃完之后我都会站至少半个小时，现在我基本上上网都是站着的，而且小腹要缩起来，多敲敲打打，对减肥也 是很有效的！！！ </t>
  </si>
  <si>
    <t xml:space="preserve">兖州区新人民医院开始营业了吗 </t>
  </si>
  <si>
    <t>已经开始营业了</t>
  </si>
  <si>
    <t xml:space="preserve">把一只鸡和一只鹅同时放在冰箱里，为什么鸡死了鹅没死？ </t>
  </si>
  <si>
    <t>企鹅嘛.</t>
  </si>
  <si>
    <t xml:space="preserve">锅炉炉水含氧高如何处理 </t>
  </si>
  <si>
    <t>高压锅炉和低压锅炉的给水含氧量指标不一样，低压锅炉是0.015mg/L，高压锅炉是0.007mg/L，加药除氧用于小型锅炉，大型的采用热力除氧。如果对你有用，请点击页面上的好评给俺个支持哈。</t>
  </si>
  <si>
    <t xml:space="preserve">第33期14场胜负彩亚特兰20日21:00国　米10卡利亚20日 </t>
  </si>
  <si>
    <t>意甲第一场31第八场10第十场10</t>
  </si>
  <si>
    <t xml:space="preserve">第一次烫卷了头发，不知如何打理？我是第一次烫发染发，之前对此毫无 </t>
  </si>
  <si>
    <t>后面也是如此啊！最简单的方法就是自己用手瞎抓，嘿嘿~不知你是什么大小的“花”，如果是比较大的，涂好?ㄠ匙呕ǖ奈评硇膊淮怼＝ㄒ槭怯靡恍┎徽场⒉挥偷暮没しú反蚶恚鹫娴暮艽螅⌒Ч膊灰谎Ｎ矣玫囊豢钍巧承摹暗跃砬λ俊保娴目梢宰约涸煨停淮怼?</t>
  </si>
  <si>
    <t xml:space="preserve">高手快来教教我！！！我现在是个威尼斯商人2级了！！！但是我不知道 </t>
  </si>
  <si>
    <t>商人转冒险的转职推荐壮,需要接冒险工会的困境的任务,如果没有冒险的朋友,那就需要自己的冒险声望在500以上, 才有可能接到这个任务.等转职为渔夫后要再转回食品商,可以在还没有转为渔夫前多注意有没有商业工会的困境这个任务(商业声望要500以上),先取得商业工会的推荐状,再转职成冒险.在大航海中,只要有推荐状就可以转职,互相转来转去只是损失优待技能的经验值.</t>
  </si>
  <si>
    <t xml:space="preserve">我要做兼职，可以吗？我是一名中专生，在学校学的是电子商务专业，想 </t>
  </si>
  <si>
    <t>我曾经回答过类似的问题，希望对即将毕业的大学生能有所帮助。刚毕业的学生不要说找什么样的工作好，年轻人要的是机会，是对自己有发展的机会。专业是重要，但更重要的是自己要明白机后的职业规划往哪个方向走。学电子商务的，可以着重在这个领域重点着手，一是一些B2B、B2C、C2C的网站去实践一下，如果是不大的公司，从基层做起最好，各个层面，各个流程你都会接触了解，对以后的发展绝对有利。还有就是一些大公司的电商部门，可能要就会比较高，有相关的实操经验最好。电子商务专业要想有所作为，找工作要考虑地域因素，北京、上海、广东是电子商务比较发达和认可的地方，可以考虑到上述地方需求发展。这样的话会对大家有一定的压力：经验欠缺、人才竞争激烈、人生地不熟、生活成本高等不利因素，但对于年轻人来说，我觉得不算什么，吃的苦中苦，方为人上人。另外目前招聘求职类人才网站大量冒出，可以在这个领域寻找一下，机会还是比较多的。</t>
  </si>
  <si>
    <t xml:space="preserve">我的手机触摸屏失效,能接打电话,只是有些功能要结合触摸屏才能使用? </t>
  </si>
  <si>
    <t>你好！这种就是你的手机质量差造成的，也不一定是CPU坏掉，而是你的手机整个本身就是有问题的，所以你无论怎么也是弄不好的。奉劝你这次还是修修好，修不好的话，干脆换掉，而且千万不要再购买这种不知名的杂牌手机了。祝好运</t>
  </si>
  <si>
    <t xml:space="preserve">沙莲娜西边洞窟在哪里？？各种公略都说恶魔猫在沙莲娜西边洞窟，可是 </t>
  </si>
  <si>
    <t>莎莲娜西边洞窟也就是通往阿巴尼斯的地下道，是一个地方，只不过名字不一样。</t>
  </si>
  <si>
    <t xml:space="preserve">如何才能得到应用者开发的那个徽章呢 </t>
  </si>
  <si>
    <t>被采纳5个最佳答案</t>
  </si>
  <si>
    <t xml:space="preserve">软件问题什么是软件破解版?为什么破解版是免费的? </t>
  </si>
  <si>
    <t>这其实是当前上提供的下载软件的授权方式。一般分为以下几类：【商业版】：也就是正规的商业发行版，这种软件本应通过正规购买方式获得，但网络上一些朋友将这些软件进行技术处理之后以软件包的形式提供下载，一般来说在使用上和正规购买的版本没有什么区别。【试用版】：这类软件一般是商业软件开发商自己通过网络提供于大家下载的。但和正式商业版相比在功能上会有一定限制，比如原来在网络上提供的金山2003试用版。就有使用次数的限制。【共享版】：也就是共享软件，这类软件一般是由个人开发完成，只通过网络下载的方式发行，但软件开发者为了获取利益，会对软件进行技术处理，在未向作者正式购买该软件之前会在使用过程中受到一定限制，如只能使用30天，或者某些高级功能无法使用。当使用者向作者付款之后，会通过比如注册码方式对软进行解锁，从而能够无障碍使用该软件。【免费版】：和共享软件一样，大多由个人开发，但却是免费提供给大家使用，没有任何功能或时间、次数上的限制。但一般不允许对该软件进行二次开发或用于商业赢利目的。【自由版】：也就是自由软件，这类软件不但向使用者提供没有任何限制的使用权限，而且遵循相关的自由软件授权协议允许任何人对该软件进行二次开发或用于商业用途，甚至有时会提供软件源代码（LINUX软件大多属于此类）。【破解板】（注册版）：严格来说这不属于一种授权版本，因为他是针对商业版、试用版、共享版这类有使用限制的软件进行二次开发之后形成的特殊版本，也就是说，使用者可以在没有任何经济付出的条件下无限制的使用该软件的全部功能。一般通过改写原软件、制作算号器、拦截注册信息等等方式实现。</t>
  </si>
  <si>
    <t xml:space="preserve">大家说说我这样行吗？　　我在天津上大专，还有１年就毕业了．我想参 </t>
  </si>
  <si>
    <t>想学真本事,只要有心怎样都能学.我想你所做的一切就想让自己有本事吧.那么还是那句老话:天道酬勤!专科毕业两年后不等同于本科学历.我想路还要一步一步走才稳当,走急会很累.我就是专科,本科,硕士,一路走下来的,主要是你要明确你对自己职业的规划,自己的发展方向,明确后,学习这方面的知识.我的学习方式是考学和自学.不达目的,我就一直学下去.毕竟是知识经济的年代,没有知识怎么行.不一定留学就是好事,这要看你的底子有多厚,比如英语水平,如果不很棒,出去后是很难受的.最好是一边工作一边学习,两不误,在工作中学习,在学习中更好地工作.</t>
  </si>
  <si>
    <t xml:space="preserve">急性结膜炎2周眼睛还是有红怎么办？我急性结膜炎2周眼睛还是有红， </t>
  </si>
  <si>
    <t xml:space="preserve">急性结膜炎 　　急性结膜炎俗称“红眼病”，是由于多种原因引起的眼表结膜的急性炎症，主要表现为眼红，分泌物多，眼有异物感，严重者也会出现眼痛、畏光及视物模糊等。本病有较强的传染性，主要通过接触传染，少部分也会通过空气飞沫传播。在治疗上以点抗生素及抗病毒眼药水治疗为主，清热解毒中药治疗本病有较好的效果，本病用眼一方治疗效果满意，另外耳尖放血等传统治疗也取得了良好的治疗效果。病因：外源性微生物：以细菌、病毒为主，其中又以病毒感染常见，而且病情重，传染性强。常见的病毒有腺病毒、肠道病毒及柯萨其病毒等。临床表现：　　1.症状： 分泌物、痒、灼热感、异物感、流泪。　　2.体征：①结膜充血、水肿，②分泌物，③眼睑肿胀，④乳头增生，⑤滤泡形成，⑥结膜表面膜，⑦结膜下出血，⑧耳前淋巴结肿大　　3．并发症：严重者可并发角膜炎及虹膜炎等影响视力。诊断：　　1.病史及症状眼分泌物、结膜充血是结膜炎的两大特征。　　2.临床检查　　3.病原学检查治疗：　　1.局部药物治疗为主：①眼药水滴眼②眼膏涂眼③冲洗结膜囊④忌包盖患眼　　2.全身治疗：中药眼一方，耳尖放血治疗。预防：切断接触传染的途径。②勤洗手，勿揉眼，③注意公共及个人卫生，④防止医源性交叉感染急性结膜炎是一种传染性极强的结膜疾病。主要由于细菌或病毒感染而致病。多见于春夏两季，常在学校、家庭、幼儿园及其他集体单位中流行，凡与病眼接触过的毛巾、手帕、脸盆、手及患者其他用具均有传染性。细菌感染引起的急性结膜炎俗称"火眼"，病毒感染引起的急性结膜炎俗称"红眼病"。   患者自觉眼痒、异物感、灼热感、眼分泌物增多，检查见眼睑红肿、结膜充血，结膜囊内有分泌物，细菌感染分泌物呈脓性，病毒感染分泌物呈黏液性或水样，重者结膜下出血，角膜点状浸润。小儿睑结膜面附有灰白色假膜，此膜易除去。    患病后应当隔离，其手帕、面巾等物需煮沸消毒，不要用别人的洗脸用具、眼药水，不要同别人握手，禁止进入游泳池游泳或入化共浴池淋浴，不到理发病理发，避免传染给他人。同时要早治疗，用生理盐水或3%硼酸溶液冲洗结膜囊，频滴抗生素眼药水，常用的有氯霉素、利福平、磺胺醋酰钠或诺氟沙星等，睡前涂抗生素类眼膏；病毒性者用4%吗啉双呱、0.5%病毒唑滴眼。当角膜发生炎症时，可在滴用抗病毒药物同时，合并滴用可的松眼药水。也可用薄公英15克，菊花9克或金银花15克，桑叶9克，头煎口服，二煎洗眼，每天3-4次。发现“红眼”病人，家庭或集体单位应作好消毒、隔离工作；接触患眼后要洗手，毛巾、手帕及其他用具应与患者严格区分开来。   </t>
  </si>
  <si>
    <t xml:space="preserve">那里能买到有带丽音装置的平板电视机目前市场上那里能买到,带"丽音 </t>
  </si>
  <si>
    <t>带"丽音"装置的电视在市场上闪了一下就没有了，因为这个设计是要求一个节目采用双语播放，用户可自行选择其一收听的，没这种信号源自然产品就不见了。现在在数字电视里可用左右声道选择，但是在机顶盒上进行操作的。</t>
  </si>
  <si>
    <t xml:space="preserve">求教:无法复制光盘上的MP3歌曲到电脑硬盘! </t>
  </si>
  <si>
    <t>按楼上的，如果不能。把光盘插入光驱，启动Windows Media Player播放器，点击从“CD复制”。选中要复制的歌曲。开始复制。如果无法复制，看其它光盘能否复制，如果其它光盘能，这张不能，应该是光盘问题。其实从网上都可以下载到的。</t>
  </si>
  <si>
    <t>输电线路电压偏差过大原因分析我公司有一段66KV输电线路LGJ</t>
  </si>
  <si>
    <t>您好！  从表象上看是线路经小电阻的接地现象，造成电压的不平衡。经过设备的测试已排除设备绝缘问题。疑问：在本侧电压的测量是采用何手段，即通过什么PT测量的？方式：通常线路送电至本侧均为直接送入变压器或再经变压器送入10kV母线，通过10kV母线PT测量电压。即：线路送空载母线。现象：线路送空载母线。这种情况是出现了“铁磁谐振过电压”。多发生于中性点不接地系统，是由于没有带负荷时，母线电容与PT电感参数匹配，引发过电压，PT磁饱和所致，电磁式电压互感器励磁特性饱和，激发铁磁谐振。而在中性点有效接地的高压系统中，由于中性点电位基本固定，该类过电压发生的几率要少得多，但在一些特殊情况下，仍有可能被激发。在送电过程中若发生电压不平衡、电压缺相或母线绝缘监测报警（开口电压大于报警值）的情况，只要送出负荷后，或送站用变。谐振条件被破坏，故障现象就会消失。</t>
  </si>
  <si>
    <t xml:space="preserve">请帮我回答下，谢谢VIP是什么意思？请帮回答！谢 </t>
  </si>
  <si>
    <t>尊贵、贵宾的意思</t>
  </si>
  <si>
    <t xml:space="preserve">我是新手,想问一下,法师如何A怪 </t>
  </si>
  <si>
    <t xml:space="preserve">    楼上的全都胡说八道什么呢  新手绝对应该是冰锥流 ！ 暴风雪流 对装备要求比冰锥要高  不到60级没有好装备 暴风雪魔法都不够用 而且法伤也是关键 1级暴风雪和顶级的切换 很多问题  这些都应该是熟悉冰锥流 了解怪物情况和走位以后的近阶   而且暴风雪对空间要求也大  你一个闪现出去 没空间还不扎怪物堆里被强暴阿！！至于练级冰奥好 省魔法 减抵抗  冰法就怕怪物抵抗冰效果了 我27级洗得冰 经过几次被强暴以后大概29左右就开始在暮色拉着5，6只狼人刷了 然后就是大墓穴下面的食尸鬼 我一个人全包 只有60带小号的能抢过我 关键是要有信心和尝试的勇气——————————分割线————————————————初期 主要用火 因为后期用来aog的冰天赐还未成熟火大概要加到你26-30 这主要看你的操作手法熟练度了不要怕死哦 哈哈 死死就习惯了刚开始的火法天赐加法如下火焰 天赋 (20 点)强化火球术 - 5/5 点使你的火球术的施法时间减少0.5 秒冲击 - 5/5 点使你的火焰魔法有 10% 的几率令目标昏迷2秒。点燃 - 5/5 点你的火焰法术在造成致命一击后使目标燃烧，令其在4秒内承受相当于该法术伤害 40% 的额外伤害。强化火焰冲击 - 3/3 点使你的火焰冲击的冷却时间减少 1.5 秒。强化烈焰风暴 - 2/3 点使你的烈焰风暴造成致命一击的几率提高10%。——————————————nb的分割线———————————这个是到29级的火天赐 到了30就可以去洗天赐了 当然 你26级时候也可以洗 看你的熟练程度 30以后 冰天赐如下冰霜 天赋 (31 点)强化寒冰箭 - 3/5 点使你的寒冰箭的施法时间减少 0.3 秒。元素专注 - 3/3 点使你的目标抵抗火焰和冰霜系法术的几率降低 6%。寒冰碎片 - 5/5 点使你的冰霜法术致命一击所造成的伤害提高100%强化冰霜新星 - 2/2 点使你的冰霜新星的冷却时间减少 4 秒。极寒冰霜 - 3/3 点使你的冰冷效果的持续时间延长 3 秒，令目标减速的效果提高 10%。急速冷却 - 1/1 点激活之后，使你的所有冰霜法术的冷却时间结束。强化暴风雪 - 2/3 点为你的暴风雪法术增加冰冷效果，使目标的移动速度降低 50%，持续 1.50 秒。极寒延伸 - 2/2 点使你的冰霜新星和冰锥术的有效半径以及寒冰箭的射程和暴风雪的法术范围增加 20%。碎冰 - 5/5 点使你的所有法术在击中被冰冻的敌人时造成致命一击的几率提高 50%。寒冰屏障 - 1/1 点你被一道寒冰屏障所笼罩，在10秒内不会受到任何物理和法术伤害，但是在这期间你也无法攻击、移动或施法。强化冰锥术 - 3/3 点使你的冰锥术所造成的伤害提高35%寒冰护体 - 1/1 点立即为目标加上魔法护盾，可吸收438点伤害，持续1分钟。只要护盾存在，受保护者的施法就不会被打断。Rank 2: 吸收549点伤害Rank 3: 吸收678点伤害Rank 4: 吸收818点伤害奥术 天赋 (20 点)奥术精妙 - 2/2 点使你的目标对你的所有法术抗性降低 10 点，并使你的奥术系法术所造成的威胁值降低 40% 。奥术集中 - 3/5 点使你的敌人抵抗你的奥术魔法的几率降低 6%奥术专注 - 5/5 点使你有 10% 的几率在施放任何一种伤害性法术之后进入节能施法状态。节能施法状态可以使你的下一个伤害性法术所消耗的法力值减少100%。奥术活力 - 1/1 点使你的护甲值提高，数值相当于智力的50%。魔法协调 - 2/2 点使你的魔法增效和魔法抑制的效果提高 50%。强化魔爆术 - 2/3 点使你的魔爆术的致命一击率提高 4%。强化法术反制 - 2/2 点使你的法术反制有 100% 的几率使目标沉默4秒。奥术冥想 - 3/3 点使你在施法时仍保持 15% 的法力回复速度。——————————分割线————————————————以上天赐可以陪你到60 其中的分歧就是 强化暴风雪是不是要加满 如果你是冰锥流 那暴风雪就2点 如果是 暴风雪流 那就加满因为暴风雪和冰锥都加满 减速效果是要冲突的 练级呢 引怪 冰环 烈焰风暴 冰锥 奥爆或者 冰环 看插件冰环效果快结束时候冰锥 然后侧移 等下一个冰锥 然后冰环 最后一个 冰环 转身闪现 在退几步 然后接2个暴风雪 冰环 冰锥 奥爆 对操作有把握的就 无限用冰环-冰锥 交替就可以了不过就是比较熬时间20多级时候 你可以去 暴风城外面地图右上湖边暴人鱼 一次4，5个然后就是西部荒野暴狼人 然后死亡矿井 装备都要雄鹰的 初期一定要买包 越大越好 到了暮色 主要就是 墓地的骷髅 食尸鬼 和 烂果园人狼洞口的狼人 这样可以熬过30级 然后去赤脊山做做任务 到了34，35就可以去 阿拉西高地了 兽人农场 这个级别比较安全 而且丝绸那是。。。。相当多！！ 在这里可以一直到40 这里还有激流的任务 离血色不远 很方便 尘泥沼泽那里 比较荒僻 我去过几次 还有部落的在那里 比较麻烦 到了40 主教之冠 幻影 圣者护符 什么都有了吧？可以去荆棘谷 或者 塔纳利斯 做做任务 下下fb 这时候去 塔纳利斯的 海盗营地 aog还有点早 建议到了 45左右在去 那里刷新很快 拉不好 就。。。。。。反正很快就是了 这里到50应该没问题 还能做 戈尔的宝藏任务 嘻嘻嘻 50了 做做mld 有几个装备不错哦 然后就去 瘟疫巴。。。不过。。。。是非之地啊。。。。50-52　52-55　死木熊怪　联盟部落均可51-54　53-56　55＝＝　亡灵天灾　pvp中更适合部落　西瘟疫的四个农场　特点：知名度最大　最好炸人也最多　来杀人的人也很多　估计60法师对此地都很熟悉　第一个农场注意法师怪　要　先解决或者最后停到法师怪那里炸　第二个农场注意被恐惧后及时解除　第三个农场注意解毒　＝＝＝　从左到右依次是1 2 3 4号农场祝贺楼主开心 </t>
  </si>
  <si>
    <t xml:space="preserve">杭州婚纱摄影工作室哪家好，大家谁知道？杭州婚纱摄影工作室哪家好 </t>
  </si>
  <si>
    <t>个人建议去选择摄影工作室，现在的影楼虽然迫于工作室的压力，有些方面已经做了很大的改善，但是依然还是模式化的生产，这个是无法改变的，工作室相对于影楼消费比较透明，没有任何的二次消费！自己可以随意选择喜欢的风格，相对比较自主。      杭州东尚视觉工作室拍的，选的景点是西湖，太子湾，虎跑好多地方。拍摄是比较累的，一天下来了，脸都笑僵了，腰酸腿痛的，可是这个过程是非常幸福的，和开心的！  我也是在网上自己查的，看后作品是我喜欢的，最后还是想到店里看看！来到店里，装修都比较时尚，给人的感觉比较舒适。都很新,环境对于我们来说，只是短暂的，这些并不重要。还有他们的服务态度也很棒，热情而且周到！和工作人员聊得也很投机！！因为也看了好多家工作室了，觉得东尚的性价比很高，最终选择了`杭州东尚视觉！记住，只有自己去了解了，体会了，才会知道最终的结果。所以，建意你们亲自去看一下   我觉得自己喜欢的才是最好的，所以说别人说好不一定就有多好，关键是自己要去体会了，您可以多考察几家，亲自去看看，了解下他们的风格，是不是与自己喜欢的感觉。</t>
  </si>
  <si>
    <t xml:space="preserve">股藓的病因是什么呀怎么一直不能根治啊 </t>
  </si>
  <si>
    <t>一般以外治为主，不需内治；但顽固者、泛发者可以加用内治疗法。常用于治疗股癣的药： (1)复方雷琐辛溶液，为医院内部制剂，刺激小，作用迅速，每天外用1～2次，连用10天即可达到临床痊愈。 (2)复方达克宁，西安杨森制药厂出品，见效快，止痒效果好。 (3)1％克霉唑、克烈癣霜，1％益康唑霜等。我建议用克霉唑。 阴茎处皮肤薄嫩，治疗时不可用刺激性过强的药物，如久治不愈，或面积大，发病广泛者，可内服斯皮仁诺200mg，每日1次，连续5天。 推荐克霉唑软膏外用。这是最省钱也极为有效的治疗方法 只要注意就不会复发，特别注意的就是经常清洗外阴部以及好发部位 长换内裤 建议不要穿三角内裤或者紧身内裤 最好穿齐腿的四角内裤 宽松一点 在严重的时候 每天都要换内衣裤 效果很好</t>
  </si>
  <si>
    <t xml:space="preserve">怎样说些甜言密语给女友听。我是一个比较内向的人，不太会说肉麻的话 </t>
  </si>
  <si>
    <t>我认为，女孩子需要的是真诚的打动，经常去在她需要你时，或生所时，去抱一抱她，这个很重要的，不要说什么话，去做她想让你做的事，或是用小细节去感动她，这样的话，你们的感情会长久的。</t>
  </si>
  <si>
    <t xml:space="preserve">毛巾用久了变硬了，有什么办法变软？ </t>
  </si>
  <si>
    <t>放在白醋里试试、</t>
  </si>
  <si>
    <t xml:space="preserve">新手千元VIP黄金帐户哪有呢?? </t>
  </si>
  <si>
    <t xml:space="preserve">活动时间：11月25日0：00—2月25日24：00 只要从本页面注册《精灵乐章》账号就能获得本活动独家赠送的果冻兔帽子*1和节庆拐杖糖×1。 想更帅、更个性？想要戴上帽子？只要你到达35级，精品帽子让你扮酷到底。 注意事项： 1、 本道具注册就能获得，达到35级后才能使用。 2、 注册后两小时之后才能领到注册奖品。 3、 领取方式：进入游戏并建立角色后，打开“元气铺”点击商城界面 右下角的“领取虚宝”输入序号密码即可获得虚宝。 4、 悠游网保留对本次活动的最终解释权，活动如有变动，以官方公告为准。 活动时间：11月25日0：00—2月25日24：00 活动方式： 活动期间注册并激活精灵乐章，即可在游戏不删档内测服务器领取价值688元的 “心动”卡，让你升级更轻松！心动就赶快行动吧 </t>
  </si>
  <si>
    <t xml:space="preserve">毕业证在哪才能查到呢？我的毕业证在中国高等学生信息网上查不到，要 </t>
  </si>
  <si>
    <t>请问办理毕业证有多久了？如果刚拿到，也许还没有将资料放到网上，请再等些时候再查。反正你拿到的自考的毕业证是国家承认的，不会有假。</t>
  </si>
  <si>
    <t xml:space="preserve">连于新地图挂机的问题？1楼一小时多少经验？44级法紫电带逆魔套亏 </t>
  </si>
  <si>
    <t>要是去连于魔成挂机的话.你可以去1层,只要人不多的话经验还是不少的.钱得一天200w左右.最好穿最好的装备挂机,我没幻魔套.只能穿法套挂机.禁地我没挂过.不知道</t>
  </si>
  <si>
    <t xml:space="preserve">初中化学问题2A、B、C、D、E是初中化学中常见的五种无色气体， </t>
  </si>
  <si>
    <t>1,A,O2B,CO2C,COD,H2E,CH42,E,D</t>
  </si>
  <si>
    <t xml:space="preserve">为什么我的痣不断长出来 </t>
  </si>
  <si>
    <t>你想去痣，首先要了解痣是怎样产生的。痣是由位于皮肤表皮和真皮交界处的黑色素细胞聚集而成的，因痣细胞的多少不同，可以高出皮面，可以与皮肤相平，大小不一，部位也不一致，可以先长后长，民间有母子痣之说，其实是没有根据的。由于从外观上很难判断痣的深浅，要去痣就得小心了。有的美容院推出的所谓一次性药水点痣法是有风险的，虽然可以把很浅的痣去掉，但表皮很薄，稍不注意就易去掉整个表皮层，留下疤痕，而疤痕是永久的，并非像广告所说的疤痕灵，一去就灵。但如果痣较深，是不容易被上述方法去掉的，会在做完以后再长出来，甚至更大，结果既有疤痕，又有挥之不去的痣，反而更难看了。更为严重的是，如果痣被反复刺激或感染，易诱发恶变，成为高度恶性的肿瘤。当然，痣并非不可去掉，高出皮面的痣可以用冷冻、手术或激光等方法去掉，这些方法也有留疤的风险。现在有一种从宝石里发出的激光,用其照射有痣的地方，达到一定能量，痣就会像热气球一样，产生爆炸，我们叫它生物引爆治疗，细胞或色素颗粒变成了细小的碎粒，就会被机体组织细胞清除掉，这样颜色就慢慢变淡或消失。这种方法虽然不损伤表皮，留疤的机会很小，但得做几次或十几次，每次的间隔时间在三个月以上,整个治疗的时间较长,花费也较高。需要警惕和清除的痣一般来说，痣发生恶变的机会还是很少的，但如果皮肤较白，经常在外边暴晒，就增加了痣恶变的机会。痣恶变也有些征兆：如一颗痣突然变大，颜色加深，有瘙痒或疼痛,或局部发生溃疡，或者痣的周围又长些小痣，这些都是不良的现象，应及早到医院去看看，像手掌、足底部位的痣因经常摩擦，增加了恶变的机会，也应尽早去掉。但去痣之前最好先作病理检查，在显微镜下观察有无恶变的细胞，如无恶变，可手术切除，如有恶变迹象，应做大面积的清扫手术及其它治疗。 建议：如果小痣可以去试试，不要太大的痣，最好在脸的中央部位的痣不要去掉，否则去掉后有点像灰斑的效果。再说俗语说“有痣吃痣”，你要是把对你有利的痣去掉了，而刚好去痣后又有许多的不顺，岂不悔之晚矣！你说是吗？所以我认为你还需 慎重考虑祛痣与否，这样是对自己身体负责，也是对关爱你所有人的负责。</t>
  </si>
  <si>
    <t xml:space="preserve">我和老公是相亲结婚的，没结婚前对我真是好的没话说，结婚后我就怀孕? </t>
  </si>
  <si>
    <t>结了婚就不再是孩子，而是女人了，有了孩子，就应该是勇敢的女强人了，内心的柔弱和依赖，总停留在恋爱阶段，时间、环境的变化，踏不上这个点儿，自然会感到委屈、难以承受，这种状态本身就是娇惯、不自信、缺乏自立；在这个世界上，没有人总把你当上帝看，一切幸福都来自自己的努力和付出，当自身的光环映照在别人心上时，你才会真正体会到艰辛和快乐，遇事儿总祈求别人施舍，总想着别人对自己好些，到头来只能是竹篮打水，牢记老掉牙的八个字：自尊、自爱、自立、自强！女人往往一遇问题就离离离，殊不知思想上不独立起来，即便离婚，问题依然，当你真正拿得起、放得下、不惧怕、不退缩、不奢望时，你应该得到和享受到的就会接踵而来，学会好好做自己，加油！</t>
  </si>
  <si>
    <t xml:space="preserve">会计问题我是新手，公司员工借款２０００，我记的是借：其他应收款－ </t>
  </si>
  <si>
    <t>1、你是出纳还是会计？2、出纳只记“银行存款日记账”和“库存现金日记账”不应记“其他应收款”等往来账；而会计不记“银行存款日记账”和“库存现金日记账”，其他的账都要记，这是内部控制制度。3、公司员工借款，会计（不是出纳）应凭经批准的借款单等作为原始凭证，编制记账凭证，记入“其他应收款——xx员工”的借方，而不是“其他应收款——备用金”。备用金是企业内部周转使用的，并不核算职工借款，备用金可以单独设置“备用金”科目。4、作为财务人员一定要分清职责范围，即便企业小，不规范，会计人员也要知道正确的会计分工和会计处理。如果会计人员从一个小企业到一个规模较大、管理较规范的企业，人家正确的管理分工和会计处理，由于习惯反倒认为人家是错误的，那真是开了一个国际玩笑。4、职工还款时，出纳根据记账凭证登记“库存现金日记账”借方增加；会计要登记“库存现金”总帐借方增加和“其他应收款——xx员工”贷方减少。</t>
  </si>
  <si>
    <t xml:space="preserve">为什么蜡不能燃烧？我的意思是蜡都有烛芯，如果没有烛芯直接烧蜡，蜡 </t>
  </si>
  <si>
    <t>"Ji4ming2"说的也许不易理解，我简单地解释如下让固态或液态的蜡燃烧起来是不容易的，而将蜡蒸发为蒸汽后就容易多了，这是因为蜡蒸汽的分子有更多机会接触氧气来维持燃烧的化学反应。蜡烛芯的作用就是以毛细作用将熔化的蜡烛液体吸引上来，并使之在热量作用下蒸发到蜡烛芯周围的空气中、燃烧。另外，你若有条件可以试试，将点燃的火柴扔进柴油、煤油看看，也是烧不起来的，而点燃灯芯就不一样了。但在高温下，柴油、煤油会很容易挥发形成蒸汽，那时一个火星就能将其引燃。汽油为什么易燃？因为汽油在常温下就会挥发形成蒸汽。</t>
  </si>
  <si>
    <t xml:space="preserve">跪求盗贼有输出还能强化潜行的天赋~~~~~~~~~！！！！！！！ </t>
  </si>
  <si>
    <t>经过无数测试， 反复的用不同天赋打同一个对手，还有无数竞技场战斗， 我基本上对盗贼资料片最强天赋有了定义。 注意资料片的最终竞技平台是5V5竞技场不是决斗不是野战不是战场也不是1VN，2V2和3V3（一支普通5V5战队的成员可以获得跟2V2高端战队成员同样的竞技场分数），很多决斗里面有意义的天赋在竞技场变得十分可笑。 血和韧性到了一定程度以后， 持续伤害远远比爆发力更加重要， 秒人面对一流战队是绝对不可能的。所以预备天赋我这里只列了一个。 因为我认为敏锐天赋在高端战斗里是十分疲软的。 盗贼最终在竞技场里面是一个DPS， 大家都有人加血，最终是拼DPS。 韧性： 资料片入手难度非常低的全套荣誉装大概是316韧性, －8％致命的机会， －16％致命的伤害， 316韧性对一个盗贼的伤害大概是－11。25％总伤害 （不同天赋会稍有起伏）。 －11。25％听起来不多， 但是资料片皮甲和锁甲，锁甲和板甲， 板甲和板甲带盾的减免差距其实是10％左右。 也就是说一个316韧性的盗贼比一个0韧性的猎人面对物理攻击要更耐打。韧性对魔法同样有效， 也就是说除了DOT， 毒药这类不会爆击的伤害以外（斗篷也可以清洗这些伤害），韧性是PVP不可缺少的属性。以前我是要求所有物品格都带耐， 以后我要求耐＋韧性， 缺一不可。 简单来说你的技能致命越高， 受到致命加成越高， 韧性对你的作用就越大。 所以毁伤比背刺更少受到韧性影响， 平砍比技能更少受到韧性影响。我计算过了， 假设5V5竞技场高端装备全BUFF， 两个盗贼都是2000 AP， 30%致命, 两把竞技场匕首。 一个是316韧性，一个是0韧性， 那个0韧性的如果想让他的毁伤平均伤害赶上316韧性的， 他要加700AP或20致命。 显然这是不可能的， PVE装备比PVP装备多了200AP， 少许命中，致命是完全一样的， 700AP或者20致命这样的差距是天方夜谈。所以可以肯定的是以后最强的PVP装备， 来自竞技场而不是副本。 2.0.3出血： 作为推广出血天赋创之一的玩家， 我必须说这个天赋真的可以安息了。 资料片出血的前景是非常不理想的。传统出血天赋最强的地方是比21822省下了5－8点战斗， 可以去点敏锐和刺杀的高端天赋。 现在背刺取代了强化切割的位置， 这个优势完全消失了。资料片高端武器包括竞技场全是2。6。 唯一的一把锤子需要锻造是2。7。 毁伤这个天赋的出现更是让出血惶恐。 比封印出血还快的攒点和控制力，比背刺还高的伤害。 资料片70级一个盗贼偷袭肾配合蜘蛛之吻可以10秒连死我8100血， 用出血他只能做6000伤害左右。 60能量现在变成40能量， 在偷袭－》肾里面打出4－5星还有足够能量剔骨是相当困难的。 在60级大家血不多的情况下，出血的伤害不如背刺不是问题。 70级大家人人血牛而平均致命下降10％的情况下则不同， 这里的统计是1300AP， 22％致命， 蓝色荣誉武器的统计， 这里比较的是能量/伤害， 所以出血的35能量优势已经包括了： 41/20/0毁伤: +35.1% 30/0/31背刺: +27.9% 20/41邪恶: +11.3% 21/0/40出血: 100％基础 （10％AP 和 15敏已经包括进去了） 这里的三大天赋是绝对的精品。 至于具体个别点数应该如何加， 我并不想讨论太多。 谋杀VS强化破甲VS强化毒药？ 没有正确的答案。个人喜好。 但是有的天赋我不包括进去是因为他们没有存在的必要。 暗影步现在是百分百的废柴。 3031封印战斗在致命缩水和韧性属性下远远不如2041战斗。 15415战斗匕首PVE单目标DPS很难胜过4120毁伤，而PVP真的是差了十万八千里， 所以这个天赋（包括2。0的15315）也是彻底废了。 冲动预备是听起来好听， 实际上废柴的天赋。你两个冲动伤害也未必有传统战斗一个冲动伤害高。 我不选其他天赋是有充足理由的。 第一种：30/0/31 匕首: 优点： 最强的开手伤害。 最强的1V1和1VN天赋。 在你没有治疗的情况下最强的天赋。 最平衡的纯PVP天赋， TBC70的21822。预备多出来的闪避， 加速跑， 和消失， 配合刺杀的急速恢复， 在面对敌人集中火力时是相当强悍。欺诈和察觉让你在1V1和战场里面对其他盗贼有相当优势。 缺点： 两个冷血用完以后的伤害真的惨不忍睹。 上毒速度不理想。 太多敏锐的天赋点在你出了潜行以后完全废柴。 60能量变40以后，缺少一个强大的偷袭－》肾连招。 开手爆发力在双方都拥有强大治疗的情况下， 远不如持续伤害重要。 5V5到处是AOE，盗贼贼并不能保证先手， 敏锐盗贼被弄出来实力损失的最多。 在战场里， 你可以5星预谋伏击一个FS然后在同一秒里5星剔骨， 配合敏锐大师无BUFF也是5000伤害，而且比他AP气定大火球同样伤害打你的机会大的多。 如果是决斗面对一流用宏闪现的高手， 你可以闷棍预谋绞喉（沉默3秒）背刺40能量5星剔骨。这个背刺就算不爆也是4000伤害， 爆了就5000，还挂一个1600的DOT。 当然一个FS肯定会套盾， 所以实际伤害没那么高。 但是，在5V5竞技场那么大的空间里， 你能偷袭已经不错了， 面对强队想绞喉伏击， 是有相当困难的。然而5星偷袭然后立刻强化破甲（－3075）对大部分职业都是相当有效的。 竞技场里面首先要杀的是脆弱的DPS， 5星破甲配合治伤毒药和致死是对付资料片强大治疗的最佳选择。 预谋偷袭5星冷T背刺肾背刺伤害相当高， 毕竟所有动作是在敏锐大师的6秒里完成的。 但是控制能力稍差。 60能量变40以后，毁伤拥有最强的偷袭－》肾连招。 当然， 封印匕首控制能力向来不强， 这并不是很大的问题。 强化闷棍在5V5里面顶多只能闷其他盗贼，太容易进入战斗了。 优秀战队肯定会很好的利用多种AOE保护自己。 总结： 在血和韧性提高以后的5V5竞技场不会是最强天赋。 但是如果你参加多种PVP， 1V1决斗， 野战， 战场等等， 这个天赋是最完美的纯PVP天赋。 TBC70早期， 这个天赋是绝对的王者。 我在TBC用这个天赋插旗子， 感觉比在2。0用41斗篷插旗子还强， 我想大家应该知道我的意思了。 第二种：41/20 战斗毁伤: 优点： 最高伤害的偷袭－》肾连招。 最强的持续伤害（仅次于战斗开了冲动以后那些时间). 完美的黄白色伤害结合让这个天赋不单是最强的5V5竞技场天赋之一， 还是顶尖的PVE匕首天赋。强化跑让战斗天赋和预备同样拥有三个解除定身减速技能。 急速恢复＋20％治疗在5V5的作用是无可替代的。 在有了群P的BUFF以后， 70级冷血毁伤的伤害全面超越冷血剔骨！ 上毒速度超快。 缺点： 缺少欺诈跟其他盗贼单挑有一定困难。 对付其他职业＋1潜行等级的披风基本上够了。 比预备天赋更依赖治疗。 玩了战斗毁伤以后， 对毁伤明显改观。 毁伤跟30031是两个概念。 你不能在偷袭里面输出大量伤害， 你需要给对手上毒，用终结技能触发寻找弱点， 用最强大的持续伤害配合最强大的控制能力来搞定对手。 精准和副手专精合起来大概是22％平砍伤害。 就算PVP，也是10％总伤害提升。 而更可贵的是， 副手专精对毁伤的提升和伺机是几乎完全一样的。 副手的101伤害， 不单不受副手－50％的惩罚，还随副手专精提升50！ 经过实践和计算， 主副手平均伤害同等的武器， 上毒以后： 毁伤＋伺机＝（（100％＋50％）＋101＋101）×1。2×1.5＝ 270%+363.6 毁伤＋副手＝（（100％＋75％）＋101＋101×1。5）×1。5＝262。5％＋379 7。5％武器伤害VS13。4伤害是微弱的。 即使是用双竞技场匕首， 2000AP， 30致命这样的恐怖数字，毁伤＋伺机也只超过毁伤＋副手1％左右。 22％的平砍伤害是无法弥补的。 虽然你很难同时拥有完全一样的主副手武器。 但是其实主手帝陨副手大元帅， VS双帝陨的毁伤伤害差距是几乎感觉不出来的。 所以最终毁伤＋副手VS毁伤＋伺机， 你多了10％的总伤害！这不是一个小的差距！我和一个装备相当的盗贼用战斗毁伤和敏锐毁伤交手很多次， 战斗毁伤偷袭肾的伤害明显高一筹。 8100血，偷袭，开一个资料片满大街的＋200－300AP的饰物，他第一个毁伤只要主副手爆任何一下， 肾， 冷血毁伤， 剔骨， 简单的连招， 可怕的伤害，我被秒过好几次。 这只是1300AP， 71DPS蓝色匕首而已， 无须40能量。 想在强化肾里面打出一个5星冷T， 在70级狡诈只有40能量的情况下，是相当困难的。 而冷血毁伤只要1－2星肾也可以在强化肾里面立刻打出，就算勋章很多时候都来不及。 满能量5星肾配合40能量可以打出冷血毁伤， 3－4星剔骨， 毁伤， 3－4星剔骨这样的恐怖连招。你不那么需要先手，一个简单的凿－》毁伤是3－5星， 肾－》冷血毁伤可以让任何人痛苦万分（双手的战士和QS也可以破2000）。 注意我选择了3点强化切割不是3点招架。 第一强化切割在PVP里面并非完全没有用， 毁伤技能点太多了， 群P转目标前强化切割是很好的选择。其次是三招架不能带来多少好处， 但是强化切割让这个毁伤天赋变成最强大的PVE天赋之一。 战斗剑爪锤清理小怪可以， 但是打BOSS，单目标想赢战斗毁伤， 完全没有希望。 毁伤在RAID里面的提升是恐惧的。 2.0.1武器技能的大幅度消弱让15315冲动匕首无法搞定4605毁伤。 毁伤可以同时保持切割＋割裂＋5层致命毒药＋主手速效还有大量剔骨。 BUFF以后高爆， 一个毁伤3星， 配合无情4星， 太多终结技能了。 当然毁伤在RAID里面对操作要求高一些。 TBC70， 15415多了10％背刺伤害， Combat Potency，这些都是加黄色伤害的，而即使加了这些， 毁伤的黄色伤害还是无法超越的，而毁伤多了足足22％的平砍，除了两分钟一次的剑舞和5％的匕首专精， 平砍伤害和战斗完全一样。 简单来说， 4120和15415在RAID里面差距是微弱的, 而PVP能力真的是一个天上， 一个地下。 1V1单挑， 除非是开预备对付急速冷却的FS或有种族优势的LR，毁伤完全不输给30031。 打800法伤QS， 1W4血恶魔SS（缠绕＋石头）， 毁伤强大的伤害＋完美的控制能力让他更胜一筹。 高端5V5， 比30031高出20％的持续伤害是本钱。毁伤上毒速度比背刺快很多。 治伤毒药是盗贼在5V5里面最重要的任务之一。 毁伤随着装备提升是明显的。 我战斗一个邪恶打盗贼爆了1200，一个毁伤双手都不爆是1100, 只要对手已经上了毒。 很多时候30031的背刺连续不爆， 我没有任何技能点， 毁伤就双手都不爆也是2星，稳定太多了。 结论： 70级最受欢迎的高端匕首天赋。 PVE不会完全消失， 能够同时参加高端副本和高端竞技场战斗， 真的是美妙无比。我认为战斗匕首在有了战斗毁伤以后彻底死了。 毁伤和冲动匕首的伤害太接近了， 而且其他地方强太多了。 这是我最喜欢的天赋， 玩起来实在流畅无比，尽管我单排竞技场是30031， 只要一找到治疗马上洗毁伤</t>
  </si>
  <si>
    <t xml:space="preserve">苏轼赤壁赋1、谈笑间樯橹灰飞烟灭，2、谈笑间强虏灰飞烟灭。两个版 </t>
  </si>
  <si>
    <t>樯橹比较合理些。樯是桅杆，橹才是桨。樯橹代指曹操的战船。说“樯橹”灰飞烟灭，符合火烧赤壁的实情。强虏，虏是蔑称敌人。苏轼于三国来说是局外人，犯不着称曹军为“强虏”。强虏　的版本，有可能是传抄时的失误：一人读，一人抄，读是读的“樯橹”，抄者抄为“强虏”，这类故事在古籍版本中时有所见。有个故事：郢人有遗相国书者,夜书,火不明,因谓持烛者曰:“举烛。”云而过书举烛。举烛,非书意也,燕相受书而说之,曰:“举烛者,尚明也,尚明也者,举贤而任之。”燕相白王,王大说,国以治。治则治矣,非书意也。译文是：在楚国国都郢地，有人在夜里写信给燕国宰相。因火光不亮，便对擎持蜡烛的家奴说：“举烛。”说完便漫不经心地误写上“举烛”两字。燕国宰相看到信函后，高兴地说：“举烛，就是要尚政治清明。清明，就是要提拔贤才而任用。”还把来信和自己的解释告诉国王。国王很高兴，照此办事，自此燕国得以强盛。但“举烛”并不是写信人的本意啊。这已经是题外的话了——凑个热闹。</t>
  </si>
  <si>
    <t xml:space="preserve">买2串一和3注2串一那一个更合算？中奖率和投入的比例。。计算正确 </t>
  </si>
  <si>
    <t>还是2串1的好，容错的如果你错一场奖金也是不多。你必须保持全对奖金才够丰厚。而且容错的票成本也大。本人也曾纠结这个问题。最终觉得还是不管几串几不管复试还是单式看好了倍投别搞容错的成本太大。你只要错一场不是全对就赚不上钱几乎是保本，小串甚至收不回成本。</t>
  </si>
  <si>
    <t xml:space="preserve">我今天的面试疑虑..我23岁,女.学历大专长相甜美.我昨天去了一 </t>
  </si>
  <si>
    <t>不晓得啥个一回事儿···</t>
  </si>
  <si>
    <t xml:space="preserve">请编辑修改笔名,书名编辑您好：本人作品：《深圳是纵,东莞是横,一 </t>
  </si>
  <si>
    <t>要等编辑来，请耐心等待，三天后如没成功，可再次申请………………………………..</t>
  </si>
  <si>
    <t xml:space="preserve">我应该怎样冲值我的5173我是5173的新手不知道怎么冲值请告诉 </t>
  </si>
  <si>
    <t xml:space="preserve">尊敬的客户:        您好！5173回复客服01很高兴为您服务!    请您登录5173用户名后进入“我的5173”点我要充值→填写充值5173币金额→选择支付方式，然后按页面提示进行操作既可。                                              </t>
  </si>
  <si>
    <t xml:space="preserve">“每周中一次9场”85期任九432元初步定单，还没买，大家讨论8 </t>
  </si>
  <si>
    <t>最后一场肯定没0,我现在数据分析是31格局,相信我的没错.</t>
  </si>
  <si>
    <t xml:space="preserve">分手还是不分手呢我现在有个男朋友，和我差不多大，可是没什么经济基 </t>
  </si>
  <si>
    <t>我的建议：1、从你的描述上看你们的经济基础都不是很好，没有经济基础何谈上层建筑，爱情虽说与金钱的联系不大，但以后的婚姻生活那是相当需要钱的，所以你们相爱，就要共同规划未来，可不要坐吃山空。2、看来你的虚荣心还是存在的，女孩子都会有的，有爱情的女孩也不例外，所以从现在开始想想怎么切实有效的解决收入问题，再来谈支出问题。3、再问一下你爱他吗，是不是值得你用一生去爱的人呢，有一句俗话：天下何处无芳草，如果你不爱他，可以选择去寻找真爱情。以上仅供参考，大主意要你自己拿！</t>
  </si>
  <si>
    <t xml:space="preserve">求教小问题?Thesocialandpoliticaltrans </t>
  </si>
  <si>
    <t>不可以用are，这句话的主语是transformation, 是单数。</t>
  </si>
  <si>
    <t xml:space="preserve">心脏的问题为什么我感觉我的心脏有问题，躺着睡时老能听到它的跳动， </t>
  </si>
  <si>
    <t>心脏早搏属于心律失常中的一种类型。它只是一种症状，还不是一种独立的疾病。若频发出现，不要惊慌，可先行动态心电图检查，以分清早搏的类型，再决定是否要治疗。心脏早搏可分为室上性和室性早搏两大类。　　室上性早搏可见于正常人，体内因素（如发热、情绪激动）或体外因素（如饮酒、吸烟等）均可诱发室上性早搏。心源性因素中常见的有二尖瓣病变、心肌炎、心肌缺血、心衰及洋地黄药物中毒等。　　室上性早搏的处理应针对上述病因和诱因，一般无需用抗心律失常药物治疗。但若成为室上性心动过速、阵发性房颤等触发因素时，则应予以重视并积极治疗。此时除应用抗心律失常药物外，还应治疗引起早搏的基本病因，如二尖瓣狭窄、心功能不全等。　　室性早搏在正常人和有器质性心脏病的病人中均可见到。大量证据表明，无明显器质性心脏病的单纯性室早病人的存活率与无室早的正常人并无差异，其猝死的风险也不增加。对于这些病人，宜搜寻诱因并努力消除，一般不主张用强力的抗心律失常药物治疗，因为药物引起不良反应的风险可能大于药物的疗效。若室早引起严重心悸或胸部不适，应考虑使用毒副作用较小的抗心律失常药物治疗。　　对于复杂的室早，临床医师应根据室早的特征、有无器质性心脏疾病、心功能状态及全身情况进行全面评估，再决定治疗措施。一般而言，复杂性室早病人大多数有器质性心脏病的病理背景，但也有一些人临床上并无明显心脏病证据，且长期观察良好。严重器质性心脏疾病，如急性心肌梗塞的恢复期、心肌病及慢性心力衰竭等病人出现的室早，病情越严重，发生心源性猝死的机会也越多，其治疗的必要性也越大。此外，在长期的治疗过程中还应注意室早和全身状况以及药物作用之间的关系，谨慎用药，严密随访，以保证室早治疗的有效性和安全性。心脏“早搏”的对策 　　什么是早搏呢？早搏是心血管疾病最常见的症状之一。在正常情况下，心跳的节律是由心脏的传导系统窦房结、房室结、房室束及在右分枝向下传导，由于神经体液的作用而形成步调一致的规律跳动。而早搏是心律失常的一种症状。　　心律失常的原因及分类极为复杂。最常见的为室性早搏，又可分为生理性（功能性）和病理性（器质性）两大类。功能性早搏是由于过度劳累、失眠、寒冷刺激、剧烈、暴饮暴食、吸烟、酗酒、喝浓茶、情绪激动、过敏反应等刺激引起心脏兴奋性增高而出现早搏，经多方面检查排除了器质性疾患。这种早搏对身体影响不大，预后良好，运动后发作减少，精神安慰及对症治疗可治愈。　　病理性早搏是由于某些疾病所引起心脏的传导系统出现障碍。在青少年中，常见的有病毒性心肌炎、风心病、先天性心脏病等。在中老年中，常见于冠心病、高血压心脏病、肺心病等运动时及原发病加重时发作频繁。1．过早搏动简称早搏或称期外收缩，是心脏病病人常见的临床表现。早搏本身并非严重疾病，所以病员应消除思想顾虑， 保持乐观情绪，积极配合治疗。     2．注意劳逸结合，使睡眠充足。     3．不吸烟，不饮酒，饮食不过饱，少吃刺激性食物。     4．活动后早搏不增多的慢性病人应适当参加文体活动。     5．伴有严重心脏病或有明显症状者须服用抗心律失常药物。 此类药物应在医师指导下服用。</t>
  </si>
  <si>
    <t xml:space="preserve">如何让三星w899能用G网流量 </t>
  </si>
  <si>
    <t>最完美的方式是像I909的方式重写Framework.odex但目前似乎仍没高手帮写出来，自已试了一下反编译Framework.odex但编译回去后再放回w899时却停在开机画面進不去，查了一下好像是Framework.odex似乎无法反编译后再编译回去须使用重写Framework.odex才行，因此目前只好采用另一种方法暂时可让W899使用GPRS上网，此方法虽可用但有一些缺陷就是遇到有应用程序执行前会检查状态的，此应用程序就会跳出目前并未连到互联网因此无法连线的错误讯息...以下将暂时可让W899使用GPRS上网的方法说明如下:1.手机须root，最好也安装RootExploreSuperOneClick ==&gt; http://bbs.sdapk.com/forum.php?mod=viewthread&amp;tid=6842&amp;extra=page%3D1RootExplore ==&gt; http://www.appchina.com/soft_detail_306_0_10.html2.准备开启gprs上网，首先插上移动可GPRS上网的sim卡，然后将w899开机，再使用SQLite Editor 1.4.1 For Android修改/dbdata/databases/com.android.providers.telephony/gsmtelephony.db将移动的APN设定进去，或是去下载i909XXgprs上网的附件内的gsmtelephony.db覆盖原档案皆可.....然后将"数据开启"打开后，再将W899重新开机才会生效，修改前请先备份，apn type可设成"*"号 或 "default,supl"皆可.....，重新开机后会看见下图上方工作列用红色方框圈起处会出现现"G↓↑"的图示即代表gprs连线完成已取得ip位址，若没看见"G↓↑"的图示，请将"数据开启"打开，再将"飞行模式"开启再关闭，大约7秒后即会出现"G↓↑"的图示，开启及关闭gprs上网请固定使用此方式....SQLite Editor 1.4.1==&gt; http://bbs.anshouji.com/thread-28513-1-1.htmli909的gsmtelephony.db下载 ==&gt; [url=http://***/bbs/12515939.html]http://***/bbs/12515939.html3.下载busybox并安装    busybox下载==&gt; [url=http://www.***/thread-860335-1-1.html]http://www.***/thread-860335-1-1.html4.下载gscript lite，新增1个script，将下列3行指令加入此script中并执行，一定要看见"Auto Closing in xxx seconds"之讯息才可关闭，执行完毕后即可gprs上网，请一定要看见w899上方的工作列出现"G↓↑"的图示后才可执行这些指令......   busybox    r oute add default pdp0   setprop net.dns1 211.137.130.3   setprop net.dns2 211.137.130.19gscript Lite ==&gt;  http://www.appchina.com/soft_detail_1702_0_10.html注:1.要关闭gprs上网，首先将"数据开启"关闭，再将"飞行模式"开启再关闭，此时会看见w899上方的工作列的"G↓↑"的图示会消失，即关闭gprs上网。2.在电话上拨 *#*#4636#*#* 后选择手机信息-&gt;点"运行ping测试"-&gt;ping IP位址、ping主机名、HTTP客户端测试皆会显示出pass成功的讯息...3.测试成功环境为固件韧体EC17版。4.原系统之 r oute add default dev pdp0原生指令无法使用，mask会呈现255.255.255.255而非0.0.0.05.完成gprs上网后于终端模式执行busybox  r oute会看见多出1个名称pdp0的G网上网介面。6.之前所说的缺陷，如开启互联网上网会出现"未连线到互联网"之讯息要按重试或确定按钮，但可按确定按钮后互联网上方的进度表还是会继续上网，有部份的软体会这情况，也有少部份软体甚至连用都不能用，猜测可能是执行时会检测WiFI及3G是否有连线，而G网的gprs不在此范围所致....但大部份软体可以使用...7.最后可下载安装wireless tether，就可以在G网上网时提供"移动AP"的功能。wireless tether==&gt; http://down.tech.sina.com.cn/3gsoft/download.php?id=366如果觉得有帮助，请设为好评，谢谢</t>
  </si>
  <si>
    <t xml:space="preserve">请猜生下的小兔子是什么颜色???一对白兔一公一母是对夫妻,公的远 </t>
  </si>
  <si>
    <t>只要楼上的陪楼主过一夜,楼主就告诉大家~</t>
  </si>
  <si>
    <t xml:space="preserve">关于一首歌.偶像剧《18禁不禁》的主题区以及有关的歌曲． </t>
  </si>
  <si>
    <t>《18禁不禁影音全纪录》01.Sha La La - 翼势力 02.Sha La La 配乐 (吉他青春版)03.甜甜圈 - 阿本/小薰 04.18爱不爱 配乐 (放电追男版)05.失恋圆舞曲 - 翼势力 06.Sha La La 配乐 (浪漫变奏版)07.失恋圆舞曲 配乐 (忧郁男孩版)08.18爱不爱 - 翼势力/企鹅 09.失恋圆舞曲 配乐 (泪光美眉版)10.18爱不爱 配乐 (纯爱守护版)</t>
  </si>
  <si>
    <t xml:space="preserve">现在更新了火炬任务要怎么做呀?怎么只有几个NPC呀? </t>
  </si>
  <si>
    <t>现在只能传昆仑的火炬了，其他地方如：流波、河阳等等...都无了唉无了火炬好难升级啊！！昆仑仙境的火传要四重或五重以上才能去，低级你想到别想有命进去无命出来！</t>
  </si>
  <si>
    <t xml:space="preserve">验证码过期怎么办验证时系统说，验证码有效期是３天，要求重发验证码 </t>
  </si>
  <si>
    <t>那你就在申请一次，把你注册的密码问题在填一便，它就会在给你发一个验证码的，好了你可以试试看了</t>
  </si>
  <si>
    <t xml:space="preserve">为什么付出的感情得不到回报呢？ </t>
  </si>
  <si>
    <t>你的心理有问题吗？希望你不要和我的前女友一样我很爱她，她却总是多疑现在分开了，我还爱她。但是她就和你一样认为：”为什么付出的感情得不到回报呢？“</t>
  </si>
  <si>
    <t xml:space="preserve">请大家根据我的中文名字帮我取个英文名字(100分)我叫黄璐瑶，是 </t>
  </si>
  <si>
    <t>我不知道你处于什么原因,一定要有个英文名字。如果是为了去国外，那就去一个好了。在国内，就没必要了，因为你的中文名字已经非常好听了，况且老外来了中国，也都想给自己取个中文名字呢。如果你跟不懂中文的老外接触比较多，另当别论。Lu 这个音，比较好发，老外不会有问。后面那个yao，可能会有点问题，你不如叫luna吧，[Lu:ne],发“乌”的音，与你名字中的“璐”相对应，这个词是月亮的意思，你喜欢吗？就当自己是月亮女神吧。</t>
  </si>
  <si>
    <t xml:space="preserve">使用脱毛霜后汗毛会越长越长吗?听说是重长出来的会更浓更长,是吗? </t>
  </si>
  <si>
    <t>如果你希望短期效果可以考虑膏，蜜蜡、贴布等方法，这些方法都可用来对付那些柔软细小的汗毛，可以将大面积的毛发快速清除，尤其像贴布脱毛，轻巧、方便、持久。但是这种方法的缺点就是对肌肤比较刺激，如果你的肌肤容易过敏，或者用得太过频繁，会造成红肿过敏，那样的话，多毛的上唇会更难看了。      比较理想的脱毛方法是激光脱毛，它速度快痛苦小，幸运的话还可一劳永逸，比起一次只能去除一根毛发的电针除毛法(这是唯一被美国食品药物管理局认可的永久除毛方法)要安全得多，激光能同时去除一片毛发，造成皮肤灼伤后留下疤痕的风险极小，而经过几个月，即使再长出来的毛发，数量也会明显地减少。      不过激光除毛，部分毛发还是有可能再生，但新生的毛发会变得比较纤细而且不明显，效果因人而异，有的人6个月后就长出毛发，但也有的人一直要到2年后才会再生。激光脱毛不是十全十美，因为它最适合肤色浅毛发深的人，治疗范围锁定在“深色色素”，如果你的肤深，激光就会一并破坏皮肤色素而造成白斑或黑斑，之后往往需要几个月的时间，才能逐渐复原。</t>
  </si>
  <si>
    <t xml:space="preserve">学习画画（搞艺术）有前途吗？学设计有前途吗？我是学设计的，是室内 </t>
  </si>
  <si>
    <t>你好：首先是生存，生存下来，才能做你想做的事。如果说你生存不存在问题，就做自己能做的，感兴趣的事。还有，不是自己喜欢的或学过的就能做好，得看自己的天赋如何。祝你好运气！</t>
  </si>
  <si>
    <t xml:space="preserve">请教海天求助大师速腾1.6自动和朗逸1.6自动那款更适合家用、性 </t>
  </si>
  <si>
    <t xml:space="preserve">选车不要轻信传说和谣传，要找一些客观、公正、权威的数据和信息进行比对。没有最好，只有最适合，看看哪款车的某些强项是你更喜欢的。首先参考国家工信部汽车油耗测试结果，其中城市百公里耗油非常接近实际。均以1.6自动档车为例，卡罗拉为9.3升，朗逸为11.3升，速腾为10.7升。 其次参考C-NCAP汽车安全碰撞试验结果。卡罗拉为48.6分，朗逸为47.4分，速腾为45.4分。 再次应该考察汽车的“心脏”——发动机技术。最先进的双可变16气门发动机是卡罗拉；第二层的可变进气发动机这里没有；第三层次的16气门发动机是朗逸；第四层次的8气门发动机是速腾。第四考察一下变速器和悬挂，速腾和朗逸均为6速手自一体变速器，而卡罗拉为4速自动变速器。悬挂最好的是速腾的全独立悬拆挂，然后是卡罗拉的拖曳臂式和朗逸的扭力梁式悬挂。第五对比一下最高时速。卡罗拉为180公里，朗逸为174公里，速腾为180公里。 通过上述对比，再加上自己亲自试驾体验，应该能够选择到自己更喜欢的车型。 </t>
  </si>
  <si>
    <t xml:space="preserve">我晕，谁说可以进的！！！！从下午到现在１９．１７分我都没上去过， </t>
  </si>
  <si>
    <t>我24服的，从2点进去没出来到11点断的。不过确实听人说好多人上不了。可能是因为我的网线是网通的吧。</t>
  </si>
  <si>
    <t xml:space="preserve">老总的家人如何称呼?父母,兄弟姐妹.虽说不是常到公司,常见的,可 </t>
  </si>
  <si>
    <t>一般按年龄,称伯父 伯母 X兄 X姐 X弟 X妹.如果老总的父母有文化修养又有一定社会地位,可称其为X老.</t>
  </si>
  <si>
    <t xml:space="preserve">熔点与压强是否有关？ </t>
  </si>
  <si>
    <t>当然，不同物质性质是不同的，随着压强变化熔点可增可减，书上该有的</t>
  </si>
  <si>
    <t xml:space="preserve">问情支线问情里青儿那个任务，我找到青儿和圣姑了，可是到了施洞就找 </t>
  </si>
  <si>
    <t>等到了施洞出女娲庙再进去就找到了注意此支线要在打通月光城之前完成,否则任务关闭.</t>
  </si>
  <si>
    <t xml:space="preserve">买嘉年华两厢好还是买比亚迪G3R更好？ </t>
  </si>
  <si>
    <t>两款都还行吧，但是综合来讲还是比亚迪G3R更好一点，嘉年华两厢的轴距2490mm，空间小，油耗在9L，非常高，内饰做工粗糙，配置参差不齐，很多基本配置需要加价上万元才能得到，性价比低，比亚迪G3R轴距2600mm空间比嘉年华大得多，同时G3R配置高端，价格比嘉年华两厢便宜近两万，G3R油耗在6.5L左右，更加省油，买车用车都非常实惠，综合性价比G3R更好点。</t>
  </si>
  <si>
    <t xml:space="preserve">求提高电脑性能的方法或设置,越多越好我的系统是XPSP2 </t>
  </si>
  <si>
    <t>全方位优化XP 加快系统运行　　现在使用Windows XP的用户越来越多，因为Windows XP功能多而且使用简便。可如果您的设施不够先进的话，那么她的运行速度可实在不敢恭维。当然也不是只有升级硬件才能满足XP“贪婪”的需求吗？我们可以通过各种软件来提升Windows XP的运行速度！　　 　　注册表优化方案　　 　　1、启用CPU L2 Cahce　　 　　到注册表HKCU_LOCAL_MACHINE\SYSTEM\CurrentControlSet\ 　　Control\Session Manager\Memory Management下，新建Dword值： 　　SecondLevelDataCache，修改这个值为你的CPU的二级缓存的大小，填写的时候使用10进制值。你可以通过修改Dword值“SecondLevelDataCache”将CPU的2级缓存变为256KB，然后重新启动电脑即可。　　 　　2、修改磁盘缓存加速XP　　 　　磁盘缓存对XP运行起着至关重要的作用，但是默认的I/O页面文件比较保守。所以，对于不同的内存，采用不同的磁盘缓存是比较好的做法。　 　　到注册表HKEY_LOCAL_MACHINE\SYSTEM\CurrentControlSet\Control\ 　　Session Manager\Memory Management\IoPageLockLimit，根据你的内存修改其十六进制值（64M: 1000；128M: 4000；256M: 10000；512M或更大: 40000）。　　 　　3、去掉菜单延迟　　 　　把滑出菜单时的延迟去掉，可以在一定程度上加快XP。要修改的键值在HKEY_CURRENT_USER\Control Panel\Desktop。具体要修改的键名为“MenuShowDelay”，只需把值改为0就得了。当然要重新启动计算机后更改才生效。　　 　　4、指定进程次序　　 　　同时按下Control+Alt+Delete三个键，然后点击“Processes（进程）”选项卡，可以看到一个对话框，在这里可以看到目前正在运行的所有进程。如果要为一个程序分配更多的进程时间，如3d/ tml' target='_blank' class='article'&gt;3D Studio Max，只需右键点击这个进程，再把鼠标指针向下移动到“Set Priority&gt;（设置优先级）”，然后选择你想要这个程序处在哪个优先级。当我接收email时，我会把3DMAX设为“标准”，但当我离开计算机的时候，我会把它的优先级提升为最高的“实时”，这样可以计算机更专注更快速地处理3D动作。　　5、取消Windows XP专业版中的保留带宽　　 　　由于专业版在网络上的需要，所以设定了20%的默认保留带宽，其实对于个人用户，这些保留的带宽是没有用处的，使用组策略编辑器就可以取消保留带宽。　　 　　在“开始”→“运行”中输入 c，打开组策略编辑器。找到“计算机配置”→“管理模板”→“网络”→“QoS数据包调度程序”，选择右边的“限制可保留带宽”，选择“属性”就可以打开所示的图片，选择“禁用”即可。这对于使用Modem的用户是非常有好处的——释放了保留的带宽可加快上网浏览下载的速度！　　 　　6、Windows XP不检查预定任务　　 　　通常情况下，当Windows XP连接到其它计算机时，会检查对方机子上所有预定的任务，这个过程会让你等上30秒钟，实在太讨厌了。让我们来把这个过程给禁掉，方法是：在注册表中找到HKEY_LOCAL_MACHINE\Software\Microsoft\Windows/CurrentVersion\ 　　Explorer\RemoteComputer\NameSpace。在这里面，应该有个{D -4C6A-11CF-8D87-00AA0060F5BF}键。只需把它删掉，重新启动计算机后，Windows就不再检查预定任务了，速度明显提高！ 　　驱动程序的优化方案　　 　　1、如果是Intel 8XX芯片组的话，一定要安装Intel Application Accelerator，安装以后系统优化很明显。这个东西可以到Intel官方网站下载。　　 　　2、如果是非Intel芯片组的主板，安装相应的补丁程序是必不可少的，如VIA的4in1程序等等。　 　　3、尽量使用通过了WHL认证的驱动程序。这种驱动程序通过了微软硬件实验室的认证，在稳定性和兼容性上有很大的优势。　　　　其他优化方案　　 　　1、启动加速　　 　　虽然Windows XP的启动速度比Windows 98有了很大提高，但还是有加速的余力。到微软站点下载Bootvis.exe文件，启动它，依次选择菜单里面的Trace→Optimize System，这时候系统会提示是否重新启动，选择启动，重启登录以后什么都别动，过一段时间会自动弹出一个对话框，对话框上写着系统分析等提示信息，你什么都别做，一直等到提示分析完毕，这样启动速度就明显提高了。　　 　　2、去掉不必要的服务　　 　　每次Windows XP启动之后，随之也启动了许多服务，其中部分服务对于很多用户来说是没用的，并且占用了内存，下面我们来看一下哪些服务有必要关掉。　　 　　点击“开始”→“运行”，输入命令“ c”，打开“服务”对话框，(注意：必须以管理员或 Administrators 组成员身份登录才能完成该过程。如果计算机与网络连接，则网络策略设置也可以阻止您完成此步骤。)　　 　　Clipbook Server(文件夹服务器)：这个服务允许你们网络上的其他用户看到你的文件夹。在这里我要强烈建议你把它改为手动启动，然后再使用其他程序在你的网络上发布信息。　　 　　Messenger(消息)：在网络上发送和接收信息。如果你关闭了Alerter，你可以安全地把它改为手动启动。　　 　　Printer Spooler(打印后台处理程序)：如果你没有配置打印机，建议改为手动启动或干脆关闭它。　　 　　Error Reporting Service(错误报告)：服务和应用程序在非标准环境下运行时提供错误报告。建议改为手动启动。　 　　Fast User Switching Compatibility(快速用户切换兼容性)：建议改为手动启动。　　 　　Automatic Updates(自动更新)：这个功能前面已经讲过了，在这里可以改为手动启动。　　 　　Net Logon(网络注册)：处理象注册信息那样的网络安全功能。你可以把它改为手动启动。　　 　　Network DDE和Network DDE DSDM(动态数据交换)：除非你准备在网上共享你的Office，否则你应该把它改为手动启动。注：这和在通常的商务设定中使用Office不同(如果你需要DDE，你就会知道)。 　　NT LM Security Support(NT LM安全支持提供商)：在网络应用中提供安全保护。建议改为手动启动。　　 　　Remote Desktop Help Session Manager(远程桌面帮助会话管理器)：建议改为手动启动。　　 　　Remote Registry(远程注册表)：使远程用户能修改此计算机上的注册表设置。建议改为手动启动。　　 　　Task Scheduler(任务调度程序)：使用户能在此计算机上配置和制定自动任务的日程，它计划每星期的碎片整理等。 除非你实在太懒了，连在电脑上开一下都不想，建议改为手动启动。　　 　　Uninterruptible Power Supply(不间断电源)：用来管理你的UPS。如果你没有UPS的话，把它改为手动启动或干脆关闭它。　　 　　Windows Image Acquisition (WIA)(Windows 图像获取)：为扫描仪和照相机提供图像捕获，如果你没有这些设备，建议改为手动启动或干脆关闭它。　　 　　3、使用固定的虚拟缓存　　 　　建议把最大值和最小值都设置为382M，而不管你的物理内存的大小。　　 　　4、确保内存使用优先用于程序，CPU计划优先用于程序　　 　　先打开“系统”属性，然后选择“高级”选项卡，在“性能”栏里面点击“设置”按钮，打开“性能”选项对话框，然后打开“高级”选项卡，在“处理器计划”一栏里面选择“程序”，在“内存使用”一栏上选择“程序”，然后点击“确定”退出。　　 　　5、清除预读文件　　 　　当XP使用一段时间后，预读文件夹里的文件会变的很大，里面会有死链文件，这会减慢系统时间。建议，定期删除这些文件（c:\windows\prefetch）。　　 　　6、减少磁盘扫描等待时间　　 　　在Dos下，键入“chkntfs/t:0”，其中“0”表示等待时间为0秒。　　 　　7、关闭磁盘索引 　　XP纪录了所有文件以便快速搜索，如果你不经常查找文件，可将它关闭。具体方法是：打开我的电脑，右击驱动器，选“属性”，取消“使用索引以便快速查找文件”。　</t>
  </si>
  <si>
    <t>谁有完美CD</t>
  </si>
  <si>
    <t xml:space="preserve">不要CD-K也行在申请帐号时请在推广员处填写:havefun 达到相应等级就可获得以下虚拟物品: 10级：3级宝石一颗 20级：情侣时装一件 30级：翅膀、飞行器、飞行兽任选一个 当用户到达(10,20,30)的时候,系统弹出提示,接到了推广员任务→用户可以直接去NPC去交这个任务并得到对应奖品。       </t>
  </si>
  <si>
    <t xml:space="preserve">康健减肥有什么好方法？一直很想减肥，可是又怕饿肚子，又不爱运动， </t>
  </si>
  <si>
    <t xml:space="preserve">纽菲尔特色项目纽菲尔专业瘦身—无疼痛、不节食、最适合不爱运动的您！东方银座纽菲尔健康沙龙采用日本岩盘锗温浴瘦身法，注重科学减肥，减肥期间不用节食，过程轻松无疼痛，只减体脂肪不减体水分，做到真正的减肥！原价：198元  体验价：98元（只限初次）操作流程：第一步：精准测量体重、体脂肪、体电阻等（曾为奥运选手测量用专业仪器）第二步：（30分钟）通过专业手法配合高级减肥精油加速脂肪分解、最大限燃烧为热能。第三步：（30分钟）岩盘锗温浴，从体内大量排汗，加速多余脂肪燃烧排泄，轻轻松松30分钟相当于跳2个小时健美操！四大不可思议1、排毒效果世界第一，32种排毒方法中排名第一（每个细胞都变成了畅通无阻的排毒管道）2、懒人减肥效果最佳，照吃、照懒、照睡、照瘦不误，5周至少减10斤，不减我跟你没完3、汗液变成“天然美容液”世界最新发明，无汗臭味（日本汗学专家称之为“香汗”）最适合你自己的天然免费化妆水，冲掉反而浪费4、多病同治效果，不像医院一样分科，岩盘锗温浴是哪阻塞打通哪（因岩石的能量作用的不是身体的某个部位，而是全身每一个细胞）让血脉畅通，是多种疾病同时消失或缓解咨询电话：010-65661590 </t>
  </si>
  <si>
    <t xml:space="preserve">美瞳试戴在那些地方能够可以免费试戴啊！前天收到短信说是可以免费试? </t>
  </si>
  <si>
    <t xml:space="preserve">美瞳试戴 你可以到可得眼镜网看看，他家有美瞳试戴活动，只要填写表格就可以喽！寄到家的，不用到实体店去，呵呵 </t>
  </si>
  <si>
    <t xml:space="preserve">我跳break的，请问跳街舞可以减肥吗？如果可以，我想以后我会更? </t>
  </si>
  <si>
    <t xml:space="preserve">你好！街舞是美国黑人由一种发泄情绪的运动演绎成的街边文化，特色是爆发力强，在舞动时，肢体所做的动作亦较其他舞蹈夸张。最吸引人之处，是以全身的活力带来热情澎湃的感觉。 跳街舞使人注意力集中，兴趣浓厚，动作优美、随意。同时，跳街舞还有瘦身功效，因为街舞是一种中低强度的有氧运动，在一个小时的运动中，消耗全身脂肪的作用是相当强的。此外，街舞是一种小肌肉运动，经常练习能增加你全身的协调性，让你的身材比例更趋标准。当然，学会了街舞，你还可以在迪厅里露一手呢！ </t>
  </si>
  <si>
    <t xml:space="preserve">爱情的力量有多大？ </t>
  </si>
  <si>
    <t>拥有了真爱就像拥有了全世界</t>
  </si>
  <si>
    <t xml:space="preserve">关于转服的问题请问现在可以免费从六区纳克萨玛斯转到桑德兰服务器吗 </t>
  </si>
  <si>
    <t>免费转F得看WOW官网上的,一般过段时间就会换免费转F的通知,自己多留意点</t>
  </si>
  <si>
    <t xml:space="preserve">生育险通常是在生完小孩多久后可以申请呢？照规定我有生育险的补助, </t>
  </si>
  <si>
    <t>要单位经办员去办理申请应该在生育前就需要备案的,必须在生产前缴纳9个月的生育保险才可以办你这种情况应该不能领的</t>
  </si>
  <si>
    <t xml:space="preserve">请问裁缝做几级的衣服冲技能？？？ </t>
  </si>
  <si>
    <t>做衣服的,1的做1A,2的做2A,3的做2A,4的可以选择做4A/B或者继续做2A,5以后和4一样可以做4也可以做2A，等到7级技能的时候可以有选择，做2或者做7B,为了速度的话做7B,因为材料好弄，只需要白金,其他都是在NPC那买的.做出来垃圾的卖NPC,90以上的卖玩家，这样很快就能冲好了~如果都卖NPC会赔，如果你仓库够多可以在群里喊着批发他们7B衣服，基本也不会赔太多。而且矿方面，现在做6B回力的多，所以挖白金的人也多，应该算所有矿里最好买到的~就是价格不便宜~~~还有，楼上有个说做到6变身做7，大哥，你晓得变身做东西一次多少卡时么？一天做2件衣服你要冲到哪年到10？做衣服没必要到10，到8级技能变身9就够了！因为女神的实用性比较大，需要的人也多，10衣服很少有人买，做了就是放那放着，基本没人问。别做比较好~！</t>
  </si>
  <si>
    <t xml:space="preserve">求助：几个成语（）（）归海。海（）江（）。（）海（）田。谢谢了·? </t>
  </si>
  <si>
    <t>百川归海海沸江翻沧海桑田</t>
  </si>
  <si>
    <t xml:space="preserve">天津都有哪些工业园区？最好有具体地址！距离天津市区近的工业区都可? </t>
  </si>
  <si>
    <t xml:space="preserve"> 天津双口工业园区   天津八里台工业园区   天津中北工业园区   天津临港工业园区 天津空港工业园区   天津海河教育园区   天津新技术产业园区   天津华苑产业园区   天津 创意园区 </t>
  </si>
  <si>
    <t xml:space="preserve">天王全改......?天王全改急速能跑多少? </t>
  </si>
  <si>
    <t>用键盘开跑204/用方向盘开跑207</t>
  </si>
  <si>
    <t xml:space="preserve">120需要内敏多少??? </t>
  </si>
  <si>
    <t>内当然越多越好啦敏450-480左右</t>
  </si>
  <si>
    <t xml:space="preserve">在单位正方体OABC—O1A1B1C1中，M是B1B的中点，N是? </t>
  </si>
  <si>
    <t>如图：以单位正方体在第一卦限标示各点坐标</t>
  </si>
  <si>
    <t xml:space="preserve">月经走后一周左又阴道分泌物有血丝是怎么回事,有一年多了。没就医 </t>
  </si>
  <si>
    <t xml:space="preserve">白带带血丝的原因有很多种，通常白带带血丝有生理性的和疾病性的两种，但是血性白带，还应当想到下列疾病的可能：1、宫颈息肉 2、急性 阴道炎 3、重度宫颈糜烂 4、子宫粘膜下肌瘤 5、子宫颈癌等。意见建议：建议到医院进行检查，确诊病因再对症治疗 </t>
  </si>
  <si>
    <t xml:space="preserve">东南亚金融危机是怎么爆发的? </t>
  </si>
  <si>
    <t>自1997年7月起，爆发了一场始于泰国、后迅速扩散到整个东南业井波及世界的东南亚危机，使许多东南亚国家和地区的汇市、股市轮番暴跌，金融系统乃至整个社会经济受到严重创伤，1997年7月至1998年1月仅半年时间，东南亚绝大多数国家和地区的货币贬值幅度高达30％～50％，最高的印尼盾贬值达70％以上。同期。这些国家和地区的股市跌幅达30％～60％。据估算、在这次金融危机中，仅汇市、股市下跌给东南亚同家和地区造成的经济损失就达1000亿美元以上。受汇市、股市暴跌影响。这些国家和地区出现了严重的经济衰退。 这场危机首先是从泰铢贬值开始的，1997年7月2日．泰国被迫宣布泰铢与美元脱钩。实行浮动汇率制度。当大泰铢汇率狂跌20％。和泰国具有相同经济问题的菲律宾、印度尼西亚和马来西亚等国迅速受到泰铢贬值的巨大冲击。7月11日，菲律宾宣布允许比索在更大范围内与美元兑换，当大比索贬值11.5％。同一天，马来西亚则通过提高银行利率阻止林吉特进一步贬值。印度尼西亚被迫放弃本国货币与美元的比价，印尼盾7月2日至14日贬值了14％。 继泰国等东盟国家金融风波之后，台湾的台市贬值，股市下跌，掀起金融危机第二波，10月17日，台市贬值0.98元，达到1美元兑换29．5元台币，创下近千年来的新低，相应地当天台湾股市下跌165．55点，10月20日。台币贬至30．45元兑1美元。台湾股市再跌301.67点。台湾货币贬值和股市大跌，不仅使东南亚金融危机进一步加剧，而且引发了包括美国股市在内的大幅下挫。10月27日，美国道，琼斯指数暴趴554.26点，迫使纽约交易所9年来首次使用暂停交易制度，10月28日，日本、新加坡、韩国、马来西亚和泰国股市分别跌4.4％、7.6％、6.6％、6.7％和6.3％。特别是香港股市受外部冲击，香港恒生指数10月21 H和27日分别跌765.33点和1200点，10月28日再跌1400点，这三大香港股市累计跌幅超过了25％。 11月下旬，韩国汇市、股市轮番下跌，形成金融危机第三波。11月，韩元汇价持续下挫，其中11月20日开市半小时就狂跌10％，创下了1139韩元兑1美元的新低；至11月底，韩无兑美元的汇价下跌了30％，韩国股市跌幅也超过20％。与此同时，日本金融危机也进一步加深，11月日本先后有数家银行和证券公司破产或倒闭，日元兑美元也跌破1美元兑换130日元大关，较年初贬值17．03％。 从1998年1月开始、东南亚金融危机的重心又转到印度尼四亚、形成金融危机第四波。l月8日，印尼盾对美元的汇价暴跌26％。l月12日，在印度尼西亚从事巨额投资业务的香港百富勤投资公司宣告清盘。同日，香港恒生指数暴跌773．58点，新加坡、台湾、日本股中分别跌102．88点、362点和330．66点。直到2月初，东南业金融危机恶化的势头才初步被遏制。 这次东南亚金融危机持续时问之长，危害之大、波及面之广，远远超过人们的预料。然而，危机的发生绝不是偶然的，它是一系列因素共同促成的必然结果。从外部原因看，是国际投资的巨大冲击以及由此引起的外资撤离。据统计，危机期间，撤离东南亚国家和地区的外资高达400亿美元。但是，这次东南亚金融危机的最根本原因还是在于这些国家和地区内部经济的矛盾性。东南亚国家和地区是近20年来世界经济增长最快的地区之一。这些国家和地区近年来在经济快速增长的同时暴露出日益严重的问题：①以出口为导向的劳动密集型工业发展的优势，随着劳动力成本的提高和市场竞争的加剧正在下降。上述东南亚国家和地区经济增长方式和经济结构未作适时有效的调整，致使竞争力下降，对外出口增长缓慢、造成经常项目赤字居高不下。1996年，泰国国际收支经常项目赤字为230亿美元，韩国则高达237亿美元。②银行贷款过分宽松，房地产投资偏大，商品房空置率上升、银行呆账。坏账等不良资产日益膨胀。泰国金融机构出现厂严重的现金周转问题，韩国数家大型企业资不抵债宣告破产，日本几家金融机构倒闭，印度尼西亚更是信用危机加剧。以上这些经济因素从各个方面影响了汇市和股市，③经济增长过分依赖外资，大量引进外资并导致外债加重。泰国外债1992年为200亿美元，1997年货币贬值前已达860亿美元，韩国外债更是超过15D0亿美元。④汇率制度僵化。在近年美元对国际主要货币有较大升值的情况下，东南亚国家和地区的汇率未作调整，从而出现高估的现象，加剧了产品价格上涨和出口锐减。因此，这些国家和地区货币贬值势在必行。而货币贬值又导致了偿还外债的能力进一步下降，通货膨胀压力加剧，从而促使股市下跌。⑤在开放条件和应变能力尚不充分的情况下，过早地开放金融市场，加入国际金融一体化，当国际游资乘机兴风作浪时，一些东南亚国家和地区不知所措或措施不力，完全处于被动地位。</t>
  </si>
  <si>
    <t xml:space="preserve">绿装没改的可以在去绿吗怎么绿啊?我有70的绿鞋属性要求不对我想去 </t>
  </si>
  <si>
    <t>绿装备炼化限制绿装备炼化，需要70级以上的金色装备、5块金色炼化和1块绿水晶。改造过的装备、白色装备、蓝色装备、粉色装备无法进行绿色装备炼化。炼化时所用的材料等级需与玩家装备的等级相对应，7级材料对应70级的装备、8级材料对应80级的装备，依次类推。绿装备炼化方法玩家点击驭剑仙，选择“我要炼化套装”，将材料放入弹出的界面中。点击确认即可。绿色装备炼化不是一定成功。如果失败，那么装备将被退回，而炼化材料和绿水晶会被消耗。炼化成功后，金色装备的名字将变成绿色装备。炼化材料对套装的影响炼化材料决定套装的种类。放入5个同种材料，则100%炼化出对应的套装。精铁可以提高炼化出金套装的几率麟木可以提高炼化出木套装的几率水铜可以提高炼化出水套装的几率炎石可以提高炼化出火套装的几率玄石可以提高炼化出土套装的几率注意：如果放入不同的材料，则生成的套装种类随机，从材料对应的套装种类中选择。如放入3个精铁、2个麟木，则有60%的几率生成金套装，40%的几率生成木套装。</t>
  </si>
  <si>
    <t xml:space="preserve">怎么用中文外挂我有一动画片是日文的，想用外挂，变中文。就是不知道 </t>
  </si>
  <si>
    <t xml:space="preserve">外挂中文字幕吧?搜先找到该片的字幕文件(一般后缀名为sub和idx或srt不要修改),与媒体文件名字一样位置相同然后下载安装.暴风影音.安装使用搜索字幕可以到以下网址 </t>
  </si>
  <si>
    <t xml:space="preserve">月经期间，做～有什么坏处啊？ </t>
  </si>
  <si>
    <t>新加坡著名妇产科专家郑思敏医生说，月经来潮期间，男女照样可以有房事。他指出，月经期间进行性交，并不会给男女双方带来任何受感染的危险或者对身体健康形成任何威胁。他说：“很多人不愿意在月经来潮时有房事，可能是心理上觉得不舒畅，或者担心弄肮脏什么的。”显然，以往有个说法，认为在月经期间有性生活，容易导致生殖器官发生急性或慢性炎症，是缺乏医学根据的。 有些女人月经来时，性欲特别旺，针对这种情况，现代医学研究的结果经期做爱没有问题，医生才会说月经期间可以做爱。</t>
  </si>
  <si>
    <t xml:space="preserve">无敌变身符好处无限多，复活丹都省了 </t>
  </si>
  <si>
    <t>什么是无敌变身F呀</t>
  </si>
  <si>
    <t xml:space="preserve">买创维47L20HF还是LG47LB7RF我最近想买台４７的液晶 </t>
  </si>
  <si>
    <t>LG47LB7RF这款不错,创维47L20HF效果很差，夏华ＬＣ－４７ＨＵ２７是台湾屏</t>
  </si>
  <si>
    <t xml:space="preserve">怎样才能找到韩国演员李景荣的最近消息和生活照片李景荣现在的生活、 </t>
  </si>
  <si>
    <t>姓名：李景荣生日：1960年12月12日身高：173cm体重：64kg学历：汉阳大学兴趣；看漫画获奖：1996年第32届白象艺术节 最佳男演员演技奖出道：1987年电影《演算日记》电视剧：2001年 KBS2《蓝雾》电影：2001年 《这是法律》2002年 《虽然再次愤怒》2002年 《家族》2005年 《棕榈森林》</t>
  </si>
  <si>
    <t xml:space="preserve">为什麽？我的手机NOKIA3100上网正常，但是就收不了彩信。请? </t>
  </si>
  <si>
    <t>网关:10.0.0.172方式:GPRS连接:CMWAP这样行了吧!!!</t>
  </si>
  <si>
    <t xml:space="preserve">开题报告中的毕业论文注释与参考文献是以后必须用到的吗？？？开题报? </t>
  </si>
  <si>
    <t xml:space="preserve">    两个东西都要用到，至于你不能用学校的数据库，你可以用网上的数据库嘛，只不过是收费的，我当时写论文的时候就花钱下了不少论文，因为学校电子阅览室天天爆满，你下文章的时候，可以先看它的摘要，还有部门论文，你已经可以确定这篇论文对你有没有用了。想想毕业是多么重要的事，再想你花这几十块钱就可以写一篇好的论文，孰轻孰重我也不多说了。    开题报告多是写你研究这个课题研究的背景、意义和方法，以及你期待得到怎么样的结果。  3000字就出来 了   愿对你有用！</t>
  </si>
  <si>
    <t xml:space="preserve">600854后市如何?4.18元买入,后市如何操作? </t>
  </si>
  <si>
    <t>我今天赔了233元割肉了,听了漂亮吧的推荐,是我一个月新手妙股,第一笔赔的,共交易了6笔</t>
  </si>
  <si>
    <t xml:space="preserve">新荣誉系统到底什么时候出？如上 </t>
  </si>
  <si>
    <t>美服圣诞节前。12月。国内。。。。9C至今没有消息。9C甚至连资料篇的消息都很少。</t>
  </si>
  <si>
    <t xml:space="preserve">牙齿不好与心脏有关系吗 </t>
  </si>
  <si>
    <t>根据中医论证你所说的。五行论证：心属火。心是血液的总会。如果有血虚造成的牙痛就跟心有关了。但是从主关上来讲。牙是指骨。肾属水。是全身精气所在。主骨。主发。那么。有肾虚也可以牙齿不好。我说这些都很不具体和完全。希望你能正确的分析一下你的问题。比如说现在牙齿痛。你要分清是有五脏那部门引起的。才能下定论。</t>
  </si>
  <si>
    <t xml:space="preserve">在恶梦难度下老M和巴尔掉落的武器装备大概高级别的都有什么？单机1? </t>
  </si>
  <si>
    <t xml:space="preserve">掉的最多的应该是一些优越级的装备 精华级的很少的  建议你去刷地狱的 安姐或老m 或者巴尔 </t>
  </si>
  <si>
    <t xml:space="preserve">大家都看了小鱼儿与花无缺吗?你们觉得小仙女死了,还有看到吗?哎呀 </t>
  </si>
  <si>
    <t>我满喜欢她的但她太天真了！让人怜惜她的死！我都哭了！</t>
  </si>
  <si>
    <t xml:space="preserve">剧情的问题~~郁闷啊现在刚30多级~~~很低.但我为什么没剧情任 </t>
  </si>
  <si>
    <t xml:space="preserve">剧情任务讲述的是的背景故事：三界混战之后，心魔肆虐，尘世中人性凋零。唯有西天如来佛祖处有三藏真经，可以劝人为善，教人归真。待要送上东土，只怕众生愚昧，毁谤真言，故广募世间与佛有缘之士，遍大义于天下，寻找五位天命取经人。　　这五个人中，有佛祖座下被贬下凡尘的金蝉子；有调戏嫦娥触犯天条，被打入人间投了猪胎的天蓬元帅；有失手打碎琉璃盏惹怒王母，被罚下人间受苦的卷帘大将；有受冤背屈的神龙太子；更有五百年前大闹天宫，令各路神仙闻风丧胆的齐天大圣孙悟空转世。这五人或有凄凉身世，或有无限心结，更或全忘前世因果，变得愚钝不可教化。　　四海之大，该向何方寻找，该如何劝服他们甘愿苦历千山，远经万水，到佛祖处求取真经，劝化众生，化解千年冤戾。一切都是未知，都等待着你的探询... 商人的鬼魂　　领取地点：建邺城（223，132）　　任务领取人：老孙头　　领取要求：无 　　剧情简介：故事发生在风景秀丽的建邺小城，你在城中闲逛的时候遇到了愁眉苦脸的老孙 头，询问之后得知老人的心事，于是你答应帮他找法师超度死去的渔民。任务涉及的人物：老孙头、牛大胆、王大嫂、管家、马全有、李善人、商人的鬼魂。      枯萎的金莲 　　领取地点：东海湾（53，81）　　任务领取人：楚恋依　　领取任务最低等级要求：无　　剧情简介：故事发生在宁静的建邺小城，你在东海湾散步的时候碰到一个叫楚恋依的姑娘，  楚姑娘请你同她猜个深奥的谜语，并允诺若你能找来一朵金莲花就将答案相告。你为寻找金莲回到村内打听消息，但当你找到时，却发现金莲花已经枯萎了……无奈之下，你只能拿枯萎的金莲回去交差，却意外地发现楚恋依原来是观音姐姐所化...任务涉及的NPC：楚恋依、雷黑子、小花。小提示：在完成观音的剧情之后，可以去长安书店找颜如羽谈话学习到一些西游的历史。     玄奘的身世　　领取地点：长寿村（110，189）　　任务领取人：南极仙翁　　领取要求：等级≥25，并完成上述剧情 　　剧情简介：你在长寿村遇到了南极仙翁，并帮他找到了遗失的白鹿，接着从他口中得知取经 人之一的玄奘的消息。你在帮吴老爹去金山寺上香的时候正好救出了被酒肉和尚欺负的玄奘，为了帮他打听身世，你去了化生寺，却发现这里的佛光舍利子被抢，法明长老被打伤。你找回佛光舍利子并医救了法明长老之后，终于问清楚了玄奘的身世。可是，你发现玄奘中了酒肉和尚下的毒，你经历了一番辛苦，总算抢救了中毒的玄奘。你把玄奘的身世告诉了被你解救了的玄奘。你受到玄奘的委托，历经周折帮助他报了多年的家仇，打败了刘洪和李彪，使得他安心走上西天取经之路。可能涉及的NPC：南极仙翁、白鹿精、玉面狐狸、吴老爹、酒肉和尚、玄奘、慧明、法明长老、慧海、侯医仙、空慈方丈、守门天将、白琉璃、青莲仙女、孟婆、幽冥鬼、文秀、衙门守卫、殷温娇、虾兵、渔翁、山神、蟹将、龟千岁、小二、婆婆、江湖奸商、殷丞相、殷夫人、赵美人、魏征、刘洪、刘母、李彪。小提示：1、收服了白鹿精之后，可以再去打玉面狐狸。2、在唐玄奘任务中玩家作出的选择，可以选择先去救法明长老或者先去找回佛光舍利子，将影响到以后沙僧任务的剧情走向，即会出现两条分支：寻找四琉璃和大战心魔。    寻找四琉璃 　　领取地点：大唐境外（234，57）　　任务领取人：天兵飞剑　　领取要求：等级≥55，完成玄奘剧情剧情简介：自从因化生寺事件遇到白琉璃后，你心中一直惦念着白琉璃的嘱托。终于有天在流沙  河畔碰到即将被万剑穿心的卷帘大将，从他和行刑天兵的对话中你得知，卷帘大将就是 当年打碎琉璃盏的人。出示白琉璃碎片后，行刑天兵灰溜溜地离去了。然而卷帘大将却一直执迷不悟，希望你能帮他找回其他三块琉璃碎片，好让他有重回天宫为神的机会，无奈之下你只好答应。　　女儿村一片惶恐的气氛中，你得知女儿村的失踪的女孩子们可能被盘丝洞的女妖抓去吃掉了，其中包括少女栗栗儿。你截住盘丝洞的女妖追查此事，她却告诉你自己正在追捕背叛师门的金琉璃，女孩子失踪一事也很可能和她有关。貌若天仙却心似蛇蝎的金琉璃的确是杀害少女的元凶，将她打败后得到了金琉璃碎片。　　回去复命之后，女儿村的柳飞絮姑娘又希望行走江湖的你帮她打听恩人青琉璃的消息，并告知青琉璃为了追杀作恶多端的翻天怪到北俱芦洲去了。帮助侠肝义胆的青琉璃消灭翻天怪，并治好她的重伤后得到青琉璃碎片。你将青、金两块琉璃交到卷帘大将的手上，并再次劝说他皈依佛门，然而卷帘大将却还是一心只想做回天神，失望之下，你还是答应帮他找到随后一块碎片完成心愿。　　在大唐境外，有位羞涩的少女阿紫请你帮忙将她亲手酿制的女儿红送给卷帘，并苦恼地告诉你卷帘大将不肯见她，你看出阿紫对卷帘怀有爱慕之情。你本有意玉成这段姻缘，而卷帘大将却再次声明一切都要等他做回天神之后，而好色的二郎神也看中了阿紫姑娘，欲派手下姚太尉前来抢亲。卷帘大将畏首畏尾不愿出面，路见不平的你打跑了姚太尉，却无法劝服伤心的阿紫，阿紫化作紫琉璃碎片，牺牲自己成全了卷帘大将的愿望。　　当你将恢复原貌的琉璃盏送至天庭，王母娘娘却拒绝兑现当初答应卷帘"功成免罪，复尔本职"的允诺，愤怒的你打伤了王母的守护凤凰，骄横的王母将琉璃盏掷成千片，扬言让卷帘大将再次去寻找碎片。　　卷帘希望破灭，终于了解自己被天庭欺骗戏弄，心中万念俱灰，一心向佛。 任务可能涉及的NPC：天兵飞剑、卷帘大将、栗栗娘、女妖、金琉璃、柳飞絮、青琉璃、翻天怪、江湖奸商、阿紫、姚太尉、王母娘娘。       大战心魔　　领取地点：大唐境外（234，57）　　任务领取人：天兵飞剑　　领取要求：等级≥55，完成玄奘剧情剧情简介：你在流沙河畔遇到即将被万剑穿心的卷帘大将，从行刑天兵的对话中得知卷帘大将也  是天命取经人之一。你仗义出手打跑了行刑天兵，卷帘大将却不仅不知感激，还痛骂你开罪天庭连累于他。不由分说便与你交手。打斗之中卷帘大将的念珠不慎散落。原来念珠结成九宫阵镇压卷帘心魔，现在既然阵破，心魔也得以横行。为了拯救卷帘，也拯救天下苍生。你四处询问恢复九宫阵的办法，终于在袁天罡处得到答案--要找到失落的三星：天衡、天心、天英附体的人、魔、仙，并令他们真神回归本位。　　在五庄观碰到被师父责骂的小仙童，你才知天心星附体的天心妖日前打到了人参果树，闯下大祸，即将被镇元大仙处死。为救天心你只得四海寻求治树良方，走访了各路神仙，终于在普陀山求得仙露，没想到小仙童得寸进尺，一定要你帮忙找回被天心弄丢的金击子。完成了这件小事，你终于令天心归位。　　在天庭你遇到暗自得意的水兵统领，方知晓天英星附身的天英仙因帮天蓬元帅和嫦娥仙子传递情书，被贬去下界，在阴司等待轮回。阴司转轮王却告诉你天英已经被托塔李天王装入锁仙瓶收走了。重返天庭，正遇上李天王欲考验孩儿哪吒所学--撒豆成兵之法，和哪吒切磋武艺之后，你婉转提出来意。李天王深表为难，最终答应若你能将哪吒赌输给守门天将的火尖枪取回就将天英与你。你用计从守门天将夺回火尖枪，终于令天英归位。　　在江南野外，樵夫极力夸赞城中算卦先生袁守成，并说他是天衡星下凡。你找到袁守成的算命摊，却发现袁守成得罪了龙子龙孙，老龙一家整日来长安吵闹。你问明了原由，并答应帮袁守成解决麻烦，他非常感谢，并将天衡星送给了你。　　三星归位，九宫复原，你再次找到了心魔，一番大战之后终于消灭了他。卷帘大将也意识到自己险些酿成大祸，于是决心皈依佛门，造福苍生。 任务可能涉及NPC：天兵飞剑、卷帘大将、袁天罡、清风、明月、太白金星、太上老君、青莲仙女、路人甲、水兵统领、转轮王、李靖、守门天将、樵夫、龙孙、袁守成、小龙女。      含冤的小白龙　　领取地点：天宫（18，129）　　任务领取人：大力神灵　　领取要求：等级≥75，并完成沙僧剧情剧情简介：在天庭闲逛的你被一阵唠叨吵得头晕脑胀，原来是大力神灵把行刑需要的玄天铁鞭丢  失了。帮助这个白痴神仙找回打神鞭后，他告诉你明日受刑之人就是此刻还关押在牢中 叫冤的龙王三太子。到天牢探监时你却发现，小白龙已经越狱逃跑，去向不明。终于你在海底迷宫找到惶恐的小白龙，交手一番之后，你终于获得他的信任，并受他所托找大雁塔的镇塔之神帮忙，一同探明事情真相。和镇塔之神取得联络后，你才发现原来大雁塔也碰到了麻烦--镇塔之宝在一个血雨之夜去向不明，塔内妖魔蠢蠢欲动。巡塔重任当仁不让地落在了你的肩上，收服妖魔后，你在大雁塔顶抓住了万圣老龙的手下，发现了镇塔之宝被盗的线索。顺藤摸瓜你来到东海龙宫，闯将进去后听到了万圣公主的一番哭诉，原来她被九头虫欺骗了感情，连自家宝物也被九头虫拿去进贡给王母娘娘了。你怒上天庭夺回宝物，谁想万圣公主翻脸无情，原来她才是真正的骗子……打败万圣公主后，终于该和偷宝贼九头虫一决雌雄，却意外发现九头虫不仅是偷宝贼，还是陷害小白龙的罪魁祸首！　　一番打斗之后，你终于擒获了九头虫，还了小白龙一个清白。　　此时本该一切圆满结束，贪心的玉帝老儿却偏偏不想归还镇塔之宝，节外生枝。无奈之下你取来观音姐姐信物换回宝物，大雁塔终得平安，小白龙皈依佛门，却有几分怅然若失。任务可能涉及的NPC：大力神灵、毛驴张、天牢守卫、小白龙、镇塔之神、血之魅、森之魅、梦之魅、奔波儿灞、蟹将、虾将、万圣公主、王母娘娘、九头虫、玉皇大帝、青莲仙女。      八戒悟空剧情　　领取地点：月宫（105，57）　　任务领取人：月香侍女　　领取要求：等级≥85，完成白龙剧情剧情简介：你从广寒宫的几个人物那里了解了一些天蓬元帅被贬下界的情况。你到了下界拯救被 情所困的天蓬元帅，帮他解除了催情大法，并且在过程中还了解了悟空的情况。在帮助了八戒走上取经之路之后，你又去继续帮助中毒的至尊宝解毒，并且帮他化解和白晶晶的一段感情恩怨，送他也走上了取经之路。 任务可能涉及的NPC：月香侍女、康太尉、嫦娥、卵二姐、罗纤纤、吴举人、天蓬元帅、高翠兰、土地公公、冤魂、高老先生、红线童子、绿儿、二郎神、慧觉和尚、白晶晶、至尊宝、二当家、江湖奸商、龙神、辛发明、观音姐姐、地藏王、吊死鬼、白晶晶的鬼魂、无心、青灵玄女。   三打白骨精 　　领取地点：大唐境外（350，30）　　任务领取人：云游僧　　领取要求：等级≥100，完成此前剧情　　剧情简介：情节由高老庄离奇的失踪事件引起。高老庄内近期不断有牲口失踪，而且偶尔还  会有人失踪！因为没有找到任何头绪，这一现象已经搞得大唐境外一带人心惶惶，不可终日。在云游僧人的指点下，玩家进入高老庄打探，随后遍访境外一带的神仙妖怪，中途遇到了神秘的白衣人，一番恶斗之后方得知白衣术士乃是灵台方寸山的降妖法师。在觉明道长的协助下，玩家找来救命丹药搭救白衣人，并得知了云游僧人的真实身份。在继续打探的过程中，玩家先后遇到了一家三口，看似寻常百姓，举止言行确透露着古怪，使得事件更加扑朔迷离。在毫无头绪的情况下，玩家再次求助觉明道长，在其指点下来到天宫向李天王借取宝物照妖镜，这才识破了妖怪的变化，成功收服了妖王白骨精，高老庄又恢复了往日的宁静。任务涉及的NPC：云游僧、高老先生、水云仙、牛将军、三大王、野猪王、女妖、山贼头子、白衣人、觉明、少女、老太婆、老太爷、李靖、太上老君、哪吒     真假美猴王　　领取地点：金山寺（8，16）　　任务领取人：玄奘　　领取要求：等级≥110，完成此前剧情　　剧情简介：玩家来到金山寺，正遇到玄奘法师受伤不省人事，询问无果的情况下，玩家找到 天篷元帅和卷帘大将打听消息，得知PK玄奘的竟是其大徒弟孙悟空！受沙僧的嘱托，玩家来到花果山探询，结果遭遇了一场恶斗。猴王孙悟空将山精地怪变幻成取经人模样，扬言要独自前往西天求经，玩家虽能够对付这些小妖，但面对强大的孙悟空时却毫无出手机会，只得前往南海普陀山求助观音菩萨。在潮音洞青莲仙女的指点下，玩家得知打伤玄奘的孙悟空是妖怪所变，于是再次登上天宫借取照妖镜，却发现这件宝物无法辨别猴王的真假，李天王指点玩家前往地府求助，地府崔判官得知玩家的来意，告诉玩家收复假猴王还需求助佛祖，此时观音姐姐已经向佛祖求来降妖锦囊，玩家凭借佛祖的法宝最终降伏六耳猕猴，天篷元帅找来了丹药救起玄奘，师徒之间的误会也云消雾散。任务涉及的人物：玄奘、天篷元帅、卷帘大将、美猴王、青莲仙女、李靖、杨戬、嫦娥、杨戬、阎罗王、崔判官、观音姐姐、黑熊精、小龙女、侯医仙 智取芭蕉扇 　　领取地点：大唐境外（208，102）　　任务领取人：张猎户　　领取要求：等级≥120，完成此前剧情　　剧情简介：火焰山酷热当头，大唐边境一带颗粒无收，民不聊生，玩家从猎户那里得知只有  铁扇仙的芭蕉扇能够化解火焰山的热气，但每次灭火降雨都要收受大量贡品，今年百姓交不出足够的贡品，铁扇仙不肯施法灭火，收成眼见没指望了。玩家前去求助铁扇公主却遭拒绝，在化生寺高僧的协助下，成功借到了芭蕉扇，正欲灭火时却发现借到的是假宝扇。无奈之下玩家前往魔王寨，求助铁扇公主的夫君牛魔王，牛魔王正被家务事缠身，原来老牛想纳玉面公主为妾，铁扇公主一怒之下不许他再回翠云山芭蕉洞。玩家巧妙周旋，帮助牛魔王劝服两位夫人，而牛魔王也将芭蕉扇借予玩家作为回报，于是大唐边境的干旱气候得到缓解，黎民的生活又有了希望。小提示：在帮牛魔王劝说铁扇公主时，玩家会面临两种选择，分别影响到接下来的剧情发展。任务涉及的NPC：张猎户、土地公公、火焰山土地、云里雾、铁扇公主、疥癞和尚、牛魔王、觉岸、牛将军、玉面公主、守门牛妖、觉明、无名野鬼 任务奖励　　剧情任务的奖励以经验为主，部分环节也奖励物品或金钱。玩家在完成剧情的过程中，除了可以获得经验以外，还可能得到“技能点”的奖励。有了技能点便可找一些特殊的师傅学习剧情技能了。 </t>
  </si>
  <si>
    <t xml:space="preserve">我用MSN网聊天音频始终没接通过是什么原因?我时常用MSN网与唐 </t>
  </si>
  <si>
    <t>msn首先要设置声音的，第一次连接的时候，试试看。另外可能是连接错误的缘故，可不可以播放声音等等。</t>
  </si>
  <si>
    <t xml:space="preserve">问一下东北六什么时候开啊，还有每次更新完怎么都这么卡啊你们会不会? </t>
  </si>
  <si>
    <t>你要问东北六什么时间开要问客服我门不知道.更新完卡:是网速问题我以前就出现过这样的问题.更新完点卡没了50要去找客服从他们要,反正我没出现过.一般网络是不会吃点的了.</t>
  </si>
  <si>
    <t xml:space="preserve">四级425分的话,大约相当于100分的多少啊?RT,知道的说下, </t>
  </si>
  <si>
    <t>是57或57.5,这要看运气.</t>
  </si>
  <si>
    <t xml:space="preserve">前往矮人村落请问下怎么样才能到矮人村落 </t>
  </si>
  <si>
    <t>1.到“谒见之间”与国王身旁的“大祭祀布鲁梅尔”说话取得[信笺]，接受邀请.2.到“曙光骑士团营地”与“圣骑士法尔缇娅”对话，选择继续前进，获得[团长的证明].3.到“辛希亚探索部”地下与“教团骑士克罗米”对话，交出[团长的证明]被传送至“废墟地下1层”.4.由“废墟”最后一层的黄色传送石进入“遗迹”.调查“遗迹”中的“奇异的装置”进入战斗.※注:①“废墟”是15~18层的随机迷宫,怪是29~39级的尸体类和骷髅类,一次1~10只；②BOSS战:守护怪(红色QML):等级:45,估计血量3000~3500.使用技能:乾坤一掷,连击,超强陨石魔法,反击.5个改造怪(骷髅海盗):等级:40,估计血量过2000.使用技能:连击,超强冰冻魔法,反击,乾坤一掷.5.获胜后被传送到“研究室”，与里面的“神秘人”对话获得[怪物碎片].6.持有[怪物碎片]到“曙光骑士团营地”与“圣骑士法尔缇娅”对话，交出[怪物碎片]换得[信]；7.与“大祭祀布鲁梅尔”对话交出[信]获得[承认之戒],开启传送神域的棋标.8.与“辛希亚探索指挥部”地下的“时光石碑”对话进入全新地图——“圣骑士营地”,由“圣骑士营地”西门出去即到达“肯吉罗岛”.由肯吉罗岛(384.254)进入蜥蜴洞穴   经过楼梯,到达“肯吉罗岛”,矮人村在一处山坡上</t>
  </si>
  <si>
    <t xml:space="preserve">神之呼吸为什么出售不了，明明放的上去，说错误请求，着是为什么啊 </t>
  </si>
  <si>
    <t>哈哈  楼猪真逗..傻得可爱...这类骗子很早就有的吧？高价收 低价卖 哪有这么好的事？人家包包满的 当然你卖的人家收不了咯</t>
  </si>
  <si>
    <t xml:space="preserve">谁知道哈尔滨到北京各次火车的票价？ </t>
  </si>
  <si>
    <t xml:space="preserve">车次 类型 出发站 时间 到达站 到达时间 用时 里程 硬座 软座 硬卧下 软卧下 1302 空调普快 哈尔滨 02:14 北京 次日19:39 17小时49分 1411 134 225 258 408 K20 快速 哈尔滨 13:10 北京 次日05:20 16小时25分 1411 88 150 174 275 K266 空调快速 哈尔滨 20:19 北京 11:13 15小时4分 1243 149 235 269 412 K340 空调快速 哈尔滨 22:19 北京 12:35 14小时29分 1248 145 229 263 404 K40 空调快速 哈尔滨 13:10 北京 05:20 16小时25分 1411 167 263 302 461 T155/T158 空调特快 哈尔滨 06:52 北京 17:52 11小时0分 1243 135 214 243 375 T18 空调特快 哈尔滨 19:16 北京 06:51 11小时35分 1248 154 243 281 429 T48 空调特快 哈尔滨 20:43 北京 08:25 11小时58分 1243 148 235 271 415 T72 空调特快 哈尔滨 07:25 北京 19:13 11小时48分 1248 154 243 281 429 Z16 直达特快 哈尔滨 20:32 北京 07:07 10小时35分 1248 暂无 243 暂无 429 </t>
  </si>
  <si>
    <t xml:space="preserve">本田雅阁的D3,D2,D1档分别是都代表什么意思？ </t>
  </si>
  <si>
    <t>D3就是控制在3档内的速度,D2 D1就是控制在2档和1档的范围内一样的意思,D1 D2一般用于下山的路或者爬山路用的.在城市里基本用不到,D档走天下.</t>
  </si>
  <si>
    <t xml:space="preserve">我喜欢了一个女生,但她已经有喜欢的人了，我怎么办?我喜欢了一个女 </t>
  </si>
  <si>
    <t>“喜欢”一个人就是要让这个人幸福！你有这样的想法，说明你真的挺“喜欢”这个人！----上面是经过篡改的。我觉得，你们的年龄或者很小吧？或者还不是谈恋爱的年龄。假如已经是合适的年龄了，对于你这样的状况！我给你个建议：义务做这女孩子的保护人，一个好朋友，不争不弃，只是一心思当这个女孩子的好朋友！因为她和他，只是电话联络，或者距离远，而距离或者产生美，或者产生疏远，所以你还有机会。当她的好朋友，你或者可以更了解她也让她更了解你，或者也会发现梦原来很美而已！</t>
  </si>
  <si>
    <t xml:space="preserve">哪个地方的网络玩TF的街头篮球不太卡下了个TF,可是每次进去都红 </t>
  </si>
  <si>
    <t>TF是指台湾的服务器  据我所知 玩台服不卡的地区是广东和福建地区比较不卡 我现在也在玩台服 说实话 延迟还是有的 不过不多 比起国服卡的时候玩好多了 我是广州的 一般玩的时候都是时绿时黄 绿的时候基本不卡 黄的时候可以凑合着玩 一般我只要不是晚上的黄金时间玩 基本都是不卡的 如果你老是红的话 我建议你还是不要去玩了 不过既然你下了台服 我建议你去练习模式体验下 我比较喜欢他们的篮板和盖冒模式 其实台服菜鸟多 语言又不通 有时玩起来也很郁闷的 网通还是电信我就不清楚了  不过我是电信的 还有就是你在香港频道玩的话 和香港的人玩的话 网络会比较顺畅 回答完毕 希望你满意！祝游戏愉快！</t>
  </si>
  <si>
    <t xml:space="preserve">工作的焦虑感怎么克服我最近比较担心工作的安排,不得不改行,可不知 </t>
  </si>
  <si>
    <t xml:space="preserve">进入21世纪，人们没有固定的职业，原来铁饭碗的概念将逐渐消失，新概念又将形成。所谓新的铁饭碗，不是在一个地方吃一辈子的饭，而是要凭新的技能到哪里都有饭吃！昨天的铁饭碗，今天可能变成泥饭碗；昨天是能力平庸的政府公务员，明天就有可能被更优秀者所取代；今天在台上讲话的领导，明天警车一叫就可能进入班房；去年的下岗职工，明年可能成为律师，后年可能又成为修鞋匠。失业和倒闭将是新世纪最时髦的名词。人们会经常看到，每天都有开业庆典的，也有倒闭破产的。在21世纪里，一些公司的员工将遍及全世界各个角落，人们可以身兼数职，可以在全球众多公司同时供职；随着的应用和发展，目前的众多职业，将从地球上永远消失，虚拟经济已颠覆现实，这是不可逆转的一种趋势，一种潮流。随着我国改革开放进一步深入和发展，竞争会越来越激烈，就业，下岗，再就业，再下岗，将成为司空见惯的事情。要想避免生存上出现困难，唯一的办法就是多学几手，一专多能。这样，一旦下岗失业，心中不慌。只要我们的精神不下岗，就可以重新学习新知识、新技能，学习在市场经济大潮中搏击的本领，总有一天会在另一个行业里重新上岗！青蛙在水里能生存，一旦水干了，在陆地上也能生存，因为它有两种本领，而鱼则死掉了。野鸭子在水里能生存，在陆地上也能生存，还因为有会飞的本领，在空中仍然能够生存，所以它就有更大的发展空间。我曾经听过一个猫和老鼠的故事：一只老鼠差一点儿被猫逮住，仓皇逃进洞里，下决心三天不出洞。不一会儿，洞口传来几次狗叫声，老鼠想，现在已经很安全了，因为狗和猫也是死对头，有狗在，就一定没有猫。于是放心地又出去觅食。刚到洞口，就被那只猫一口咬住。老鼠感到很奇怪，认为自己分析判断的没有错，百思不得其解。于是发问：“请教猫先生一个问题，刚才我听到的明明是狗的叫声，为什么不是狗，而是你？”猫不屑地回答说：“已经21世纪了，不多学几种技能，还怎么生存下去!”没有危机感的人，将面临更大的危机。为危机做超前准备，就会化危机为转机。21世纪是终生学习的世纪，不学习就落后，少学习也落后，学的速度慢了同样落后！重要的学习机会，比别人少参加一次，当即就被他人超越。一项事业，他人还没做，自己正在做，就已经超越了他人。当别人休息的时候，我们还在学习，我们又一次超越别人！想比别人强，就要比别人多懂，懂得的多来自于多学。成功人士总是做那些普通人能够做而不愿做的事，所以他才成功！世界是动态的，一个人的水平和能力也不是静止的。没有谁敢主观断定明天或后天将出现的风云人物，一定不会是自己身边的人。这个世界，没有什么不可能的事，只是我们可能不知道有多少人私下里正在朝着自己的目标暗自努力！成功者不一定是聪明者，而是生活中的强者! 任何人在竞争中取胜都会成为强者! </t>
  </si>
  <si>
    <t xml:space="preserve">机器性能？PS2和XBOX比到底哪个机器性能好一点啊，图象的处理 </t>
  </si>
  <si>
    <t>虽然我喜欢PS2而且玩的也是PS2,但是我承认XBOX在各个方面尤其是图象处理方面都优于PS2~  但是PS2的优势在于所发行的游戏大部分都为人津津乐道~尤其是受到亚洲国家玩家的青睐~ 而XBOX在这个方面就有点像美国大兵的感觉~发售的软件给人感觉太美国化的东西~亚洲玩家普遍不太喜欢~~!  所以性能最好的~不一定是自己最喜欢的~~!!!!!!  不要看性能指标买东西 要买自己喜欢的~!</t>
  </si>
  <si>
    <t xml:space="preserve">高兴时是什么样的? </t>
  </si>
  <si>
    <t>高兴时是心花怒放</t>
  </si>
  <si>
    <t xml:space="preserve">谁知道新版的工行网银控件for火狐支持到哪个版本，一段时间内还不? </t>
  </si>
  <si>
    <t>控件支持的话~应该是：Mozilla Firefox 23.0~吧~~【☆☆~~亲，如果对你有帮助的话，麻烦点下“有用”--“打赏”谢谢了~~☆☆】</t>
  </si>
  <si>
    <t xml:space="preserve">我打算练一个男巫火焰石魔20支配石魔20骨矛20支配骷髅15骷髅? </t>
  </si>
  <si>
    <t>不怎么样，可以说是个垃圾NEC1、火魔不用20，因为有火抗的怪物，火魔打不动。在地狱有N多的火抗怪物。2、如果要加骷髅，最好骷髅复生20，支配骷髅203、所有类型的NEC，有一个必加的“尸爆”。你没加点4、毒系要加的话，最好三个毒技能都必满。根据你的加点，我们可以知道你要练的是召唤+毒的NEC建议加点：诅咒系放大打击 - 1铁娘子（攻击反噬）- 1偷取生命 - 1恐怖 - 1虚弱 - 1衰老 - 1降低抗性 - 1召唤系土魔 - 1石魔支配 - 1召唤抗性 - 1召唤骷髅 - 20骷髅掌握 - 20毒牙 - 1尸爆 - 1白骨装甲 - 1毒匕首 - 20毒爆 - 20毒环 - 20雇佣兵信息act2 噩梦 “进攻”雇佣兵</t>
  </si>
  <si>
    <t xml:space="preserve">珍品硬合兰州多少钱一包(20支装) </t>
  </si>
  <si>
    <t>类型: 烤烟型 焦油含量:  尼古丁含量:  CO含量:  烟长:  过滤嘴长:  包装形式: 条盒硬盒 单盒(包)支数: 20 包装主色调: 棕红色 包装副色调: 银 销售形式: 国产内销 产品状态: 已上市 单盒参考价: ￥ 10</t>
  </si>
  <si>
    <t xml:space="preserve">英语一点基础都没从何入手?本人现在在都某高中读高一,我靠其他科目 </t>
  </si>
  <si>
    <t>我觉得你应该先从音标开始（正如学中文先学拼音），熟记单词发音规律，这也有利于你今后学习新单词。 因为你现在都已经是高中了，所以要想补回以前的缺漏并非短时间内可以完成。我建议你可以去背诵新概念英语，你先开始背诵第二册，第二册中的课文较短，但是已经包含了大部分英语语法，所以你一开始背的时候会很吃力（负责任地说应该是相当吃力），你要将每一篇课文都倒背如流，然后我敢担保你的语感会在半年内大大提高，尽管你还是不懂得这些语法的概念，但是你已经可以灵活地去运用了，如果你还想更进一步，你可以背诵第三册的内容，等你可以理解第三册中的所有语法点，你的英语就几乎到达流利程度了，那么你所要做的就是多记单词词组。背单词呢，最主要的，一定要理解好短语里那些单词的意思，而且你要牢记一般单词的发音规律，这样的话，就算有时不记得单词拼写，都可以从意思和发音规律这两方面来想（新概念英语中的单词你可以尝试去背，很有用）。</t>
  </si>
  <si>
    <t xml:space="preserve">2011浙江文科488能上二本吗，能有什么大学可以上？，谢谢 </t>
  </si>
  <si>
    <t>河北师范大学试试看</t>
  </si>
  <si>
    <t xml:space="preserve">发拖糖啦!请进来聊聊.我的朋友都问我要拖糖,但我没有过这样的经历 </t>
  </si>
  <si>
    <t>这‘喜糖’可以量化派发、、、 熟人（同科室）的人最好每人一包，小包些无所谓，必竟没几个成年人爱（当众）吃糖。 不太熟的（非同科室）可以每室一包，这要大包些，让他们自己分发，算沾个喜庆。 不然，在机关很难摆平人际的，因为人都有远近亲疏之感。 特别需要强调的是，上级领导是肯定要人手一包的，还要好！平时经常联系的部门，比如领导的秘书科也要照顾到、、、另：别小看了，你以为不起眼的“小人物”哦，比如：扫地大妈那类人，小道消息可多是他们传开地、、、这些人也要塞住他们的嘴。 反正结婚大多就一世一次，别让人说你太小家气了，尤其在机关这种人际复杂的地方。</t>
  </si>
  <si>
    <t xml:space="preserve">请问QQ308夏天空调效果如何？我想知道QQ308夏天的空调效果 </t>
  </si>
  <si>
    <t>我觉得很不错啊!动力影响也不觉得大，在平原的话,但在山区可能上坡时候比较困难!</t>
  </si>
  <si>
    <t xml:space="preserve">工商管理系统的公务员都具体做什么工作?我想报工商管理系统的公务员 </t>
  </si>
  <si>
    <t>是工商行政管理系统。现在工商局的业务软件化信息化，所以招计算机的比较多，一般负责各种业务软件以及电脑的日常维护；当然也可能分到基层所里负责日常巡查。像我们这边的情况，分到基层所的话，男生一般不会去注册室的，都是到巡查队里；而女生相对负责注册的比较多，一般还要求做好信息报道工作，工作比较安闲，但是想做出成绩也是比较困难的。还有，工商局一般都喜欢招男生的。另外，自从02年国务院把“市场”的所有权收归国有之后，现在又是垂直管理，工商局的待遇有所下降，现在一般工商的待遇处在公务员中的中等偏下的位置，当然各地是略有差别的，建议在弄清本地工商的基本待遇及发展前景等问题之后再报考。</t>
  </si>
  <si>
    <t xml:space="preserve">SZ000572海马股份出货了没有 </t>
  </si>
  <si>
    <t>走了一部分不坚定的散户，主力还在里面，随时关注技术形态，卖在高点，谨防主力开溜。</t>
  </si>
  <si>
    <t xml:space="preserve">无头绪..新年有些什么任务升级比较快啊...我最近都没有玩。 </t>
  </si>
  <si>
    <t>1.新春大接力.2.传说中的饺子.</t>
  </si>
  <si>
    <t xml:space="preserve">介绍几款去黑头效果好的产品吧，谢谢诸位亲了~亲们，小女子我是中性 </t>
  </si>
  <si>
    <t xml:space="preserve">我用过很多去黑头的，但效果都不是很好，但用卡迪美的去黑头的产品很好，有一个黑头导出液，还有一个黑头面膜，先用导出液覆在有黑头的位置十五分钟之后就可以看到黑头都冒出来了，然后在覆上面膜，等面膜完全干后撕下即可，但之后要立刻配合收缩毛孔的水来用.我用了两瓶了，效果真的很好，别的我也试过什么海伦皇后，FANCLE 效果都不是很好卡迪美是矿泉，植物素的是法国卡迪美（香港）有限公司 监制 深圳卡迪美生物技术有限公司出 品的广州雅纯化妆品制造有限公司生产的你可以上网查下： </t>
  </si>
  <si>
    <t xml:space="preserve">哪里有黄品源的雨衣这首歌下载？问题同上，要MP3格式的，请教各位 </t>
  </si>
  <si>
    <t xml:space="preserve">完整版： </t>
  </si>
  <si>
    <t xml:space="preserve">南京到扬州有多远 </t>
  </si>
  <si>
    <t>南京,距扬州约100km,坐动车一个小时左右!自己开车两个小时！</t>
  </si>
  <si>
    <t xml:space="preserve">无线路由，现在两台电脑都能同事上网，但局域网不通？怎么回事？ </t>
  </si>
  <si>
    <t>用无线路由连接起来就是不能的</t>
  </si>
  <si>
    <t xml:space="preserve">什么防晒霜和隔离霜好？顺序是什么？如何选择防晒霜和隔离霜 </t>
  </si>
  <si>
    <t xml:space="preserve"> 估计楼上的没选对好的防晒霜吧，现在很多防晒霜都能做到很清爽的感觉了，一点都不油腻，我现在用的雅漾清爽倍护无香料防晒霜就不错，很适合我这种敏感性皮肤的。</t>
  </si>
  <si>
    <t xml:space="preserve">50公里是新车吗?3.12日去京提车,一看里程55公里.这样也是? </t>
  </si>
  <si>
    <t>您好您提车时可能正赶上两会期间,广本的运输车进不了城里,只能把车卸在五环以外,由各个销售店派人开到自己的店中,这样造成了里程相对以前比较多一些,是新车肯定没问题的,这点请放心广州本田方庄特约销售服务店 贾冬双 北京市丰台区蒲黄榆路48号 维修电话销售电话</t>
  </si>
  <si>
    <t xml:space="preserve">爱情连连看的刘雪妮在哪一期？ </t>
  </si>
  <si>
    <t>2013年7月11日 - 《爱情连连看》</t>
  </si>
  <si>
    <t xml:space="preserve">抽完烟之后有轻飘飘晕晕的感觉？是假烟？ </t>
  </si>
  <si>
    <t xml:space="preserve">假烟识别      1、手感：真烟正盒捏起来很紧凑，但并不肿涨     2、外观：包装无明显缺陷，如缝合点歪曲等     3、嗅觉：撕开包装，真烟无刺鼻味道     4、烟条：打开包装后，看最前排的七根，以最中间一根为基准，在不旋转烟条的情况下将相对应烟条抽出来，看过滤嘴上的图标方向是否一致，一致的为假烟！例如7匹狼，一中间点为准，相对应的烟条，其过滤嘴上狼的奔跑方向应该是不一样的！    5、锡纸：一般来说假烟商为了降低生产成本，会使用劣质的锡纸，真锡不怕火练，你点着锡纸看一下就知道了，真烟的锡纸着火后锡质材料依然完好！   醉烟是因为尼古丁中毒。初学者或者不会吸烟的人一次吸烟过量，融于血液中的尼古丁会使吸烟者产生中毒反应，俗称醉烟。其表现是头晕恶心，有强烈的呕吐感，括约肌松弛，全身无力，会有大小便失禁的现象。一般持续十几分钟，重者会危及生命。吸烟者因机体已习惯尼古丁的刺激，故不会有中毒症状。但若停止吸烟很长一段时间再吸烟，也会有轻微的头晕现象发生。 参考资料： </t>
  </si>
  <si>
    <t xml:space="preserve">关于搜魂石头升级 </t>
  </si>
  <si>
    <t>要到欧瑞QY等3个地点接任务，选定地点，然后在选定地点杀怪，在怪的血还剩下1/3时使用搜魂石，如果成功，系统会有提示。</t>
  </si>
  <si>
    <t xml:space="preserve">我好难过，帮帮我吧！我男朋友的朋友对我说他去泡妞，我不知道该相信 </t>
  </si>
  <si>
    <t>相信你的男朋友吧，在一起如果不能相互信任，那又何必在一起了？可能他 朋友只是和你?酝嫘Γ灰艘坏阈∈戮陀X得好象世界末日一样，?]那么?乐亍Ｋ疾幌Ｍ约旱牧硪话氡撑炎约海膊荒茏苁遣菽窘员Ｗ约夯峄畹煤芾邸７朋犚幌掳桑缓退牧模此拇鸢甘鞘谗帷?</t>
  </si>
  <si>
    <t xml:space="preserve">战士怎么洗技能点~战士加错点了怎么办~有没有洗技能点书或什么的啊 </t>
  </si>
  <si>
    <t>商城有道具卖，不过要放点血，洗技能点100（10元）点，洗专精贵一点要300点，，</t>
  </si>
  <si>
    <t xml:space="preserve">关于“第一次”做爱，请帮忙分析！急有经验的朋友，请“指教”我们好 </t>
  </si>
  <si>
    <t>做爱，这种事情是两个人都愿意才可以，你想做就做，不要因为他想要你做，你就做。之所以出现你这样的情况，还是说明，你的潜意识里不想做，你根本就对那个事情没有兴趣。一种可能，你在心理上还是孩子，满足于精神上的爱，而上升到肉体上感情交流是你所不能体会的，对你就没有吸引力。简单的说，吃米饭让你很满足了，馒头对你就没有吸引力。）如果是这样，我建议你冷静思考自己的感情。柏拉图式的感情没有长久的。另一种可能，他还不成熟，如果他能有充分的前戏过程，就能让你体会到做爱的舒服，迷幻的感觉，当你的身体很放松的时候，自然就作好准备了。</t>
  </si>
  <si>
    <t xml:space="preserve">为什么海水无色而大海蓝色？ </t>
  </si>
  <si>
    <t>火山并非是喷出“火”的山，它喷出的是一种高温粘稠的物质，这种物质叫岩浆。火山爆发时景象异常壮观。平时，死死被地包在地壳里岩浆，由于其温度极高，又承受着地壳的巨大压力，所以一遇地壳较薄的地方或有裂隙，岩浆就猛烈地冲出地面。 　　 　　当火山爆发时，伴随着惊天动地的巨大轰鸣，石块飞腾翻滚，炽热无比的岩浆像条条凶残无比的火龙，从地下喷涌而出，吞噬着周围的一切，霎时间，方圆几十里都被笼罩在一片浓烟迷雾之中。有时候，由于火山爆发，还能使平地顷刻间矗立起一座高高的大山，如赤道附近的乞力马扎罗山和科托帕克希山就是这样形成的；有时候，又能在瞬间吞掉整个村庄和城镇。 　　 　　火山的形成是地表下面，越深的地方，温度就越高，大约在20英里深处，温度之高足以熔化大部分岩石。岩石熔化时，就会膨胀而需要更多更大的空间。这种被高温熔化的物质便会沿着隆起造成的裂缝上升。当熔岩槽里的压力大于它上面的岩石的压力时，便向外爆发而形成一座火山。</t>
  </si>
  <si>
    <t xml:space="preserve">汗疱疹抹什么药止痒？实在是太痒痒了…… </t>
  </si>
  <si>
    <t>汗疱疹又称出汗不良性湿疹，是一种手掌、足跖部的水疱性皮肤病。典型皮疹为粟粒至米粒大小，半球形，略高出皮面，无炎症反应，分散或成群-发生于手掌，手指侧面及指端，常对称分布。水疱内含清澈浆液，发亮，水疱一般不自行破裂，以干涸后脱皮为愈，可直接涂抹[汗疱疹油]治疗。由于本病时好时发反复发作，因此困扰着很多得此病的人。汗疱疹的起因，在以前认为是汗液潴留在汗管引起。但通过科学的验证，证明皮疹上的汗管没有被堵塞，从而否定了之前的汗管堵塞学说。目前多认为本病是一种内源性的皮肤湿疹样反应，另外还可能与接-触某些金属物质如镍、铬等产生过敏，精神因素等有关。但本病具有夏季高发，冬季缓解的特点，笔者认为本病与手掌或足部的多汗有关。得了汗疱疹，在饮食上需要注意：在饮食上宜选择清淡食物，少进食辛辣及酒类，以减少发汗而使皮疹加多。</t>
  </si>
  <si>
    <t xml:space="preserve">去法国旅游和探亲手续有什么区别我女儿在法国读书，我如果去旅游，是 </t>
  </si>
  <si>
    <t>说实话，要看你女儿会不会办了，如果你的女儿会发邀请函和办理一些在法国的手续的话，就可以办探亲，如果不行的话，还是办旅游吧！</t>
  </si>
  <si>
    <t xml:space="preserve">单机游戏除红警外,还有什么精典的? </t>
  </si>
  <si>
    <t>太多了。BF系列 COD系列   细胞分裂系列 战争机器GOW   CRYSIS   英雄连    星际  WAR3 GTA系列  波斯王子系列   刺客信条仙剑系列 轩辕剑系列    就看你机器跑不跑的起  好游戏还很多。上面的都算的上经典。只是很多中国人不太玩。在世界上非常著名</t>
  </si>
  <si>
    <t xml:space="preserve">谁能概述二战后初期到20世纪60年代末美国能称霸世界经济领域的原? </t>
  </si>
  <si>
    <t>别的国家都打烂了，人才都去他那里了，政局也稳定，国家也开放。不过美国可不是从那时起才称霸世界的。一战以后它的工业和经济就是老大了。多年来正确的政策，丰富的资源，以及一战里面得到的好处都有关。而且它自身的资源使得他不用像欧洲国家一样，为了争夺殖民地而早早地卷入一战，最后打得六亲不认，家徒四壁。</t>
  </si>
  <si>
    <t xml:space="preserve">微博为什么那么受欢迎如上 </t>
  </si>
  <si>
    <t>1.理论层面：微博是日志系统的必然发展，博客出现后一直在想扩展性和易用性两个层面发展，例如QQ空间不仅拥有博客功能，而且继承了大部分应用，这是扩展性。而微博则是易用性法相的拓展，其功在于扩大博客的用户数量，降低使用门槛，由电脑转向任何的移动设备。2.技术层面：在微机硬件上，移动设备不断在向传统设备靠拢，在今后移动设备将会拥有更强大的硬件基础，这就决定了任何传统硬件上的软件都面临向移动设备移植的问题。微博是众多传统软件向移动设备移植的例子之一。不过微博成功最为重要的是观念层面。3.观念层面：随着社会不断进步，社会个体也就是个人获得了极大地自由和解放，人们不再满足于耕种，经商而是向着实现自我，自我认知和社会认同发展。简单来讲，过去一个人抒发梦想和抱负的途径非常单一，普通人极难获得扬名的机会。但现今社会借助媒体和舆论，成名的机会以及获得社会认同的机会大大增加。微博的优势在于它继承了QQ的简单易用性，而且获得了良好的社会宣传性，你不在局限于一对一或是一对多的私密性交流，而是面向整个网络社会，他会以极快的速度，极大地广度传播你的思想。事实告诉我们，为什么官员和公司都会开微博，就是因为这种速度和广度，虽然深度不足（无法太大篇幅），但宣传性时效性一流。抛开门第，抛开出身，抛开官僚机构，和大公司病，任何人或组织均可以受益于此。4.以上三点决定了微博远胜于博客，原因即在于技术发展必然，简单实用和实际效果</t>
  </si>
  <si>
    <t xml:space="preserve">请问22兽人猎人去哪能杀联盟？ </t>
  </si>
  <si>
    <t>恕我直言,你应该考虑是不是被杀,不过你的精神是好的,值得赞扬去灰谷吧,或是石爪山都可以</t>
  </si>
  <si>
    <t xml:space="preserve">猎人宠物喂食问题猎人给宠物喂食的时候宠物的友善度的提升快慢和所喂 </t>
  </si>
  <si>
    <t>有关系如果等级相差太多 就不能喂给他你可以打开战斗栏看看快乐度上升最高35 然后30 25....</t>
  </si>
  <si>
    <t xml:space="preserve">宝宝尿频怎么办?一岁半的宝宝喝多了水小便的次数特频,有时隔四五分 </t>
  </si>
  <si>
    <t>尿频是尿道炎的表现，应该到医院看医生。</t>
  </si>
  <si>
    <t xml:space="preserve">求曹操的观沧海的鉴赏最好有白话文的翻译 </t>
  </si>
  <si>
    <t xml:space="preserve"> 步出夏门行（观沧海）   曹 操东临碣石，以观沧海。水何澹澹，山岛竦峙。树木丛生，百草丰茂。秋风萧瑟，洪波涌起。日月之行，若出其中；星汉灿烂，若出其里。幸甚至哉，歌以咏志。  　  　     《步出夏门行》，又名《陇西行》，属古乐府《相如歌·瑟调曲》。“ 夏门” 原是洛阳北面西头的城门，汉代称夏门，魏晋称大夏门。古辞仅存“市朝人易，千岁墓平”二句（见《文选》李善注）。《乐府诗集》另录古辞“邪径过空庐”一篇，写升仙得道之事。曹操此篇，《宋书 · 乐志》归入《大曲》，题作《碣石步出夏门行》。从诗的内容看，与题意了无关系，可见，只是借古题写时事罢了。诗开头有“艳”辞（序曲），下分《观沧海》、《冬十月》、《土不同》、 《龟虽寿》四解（章）。当作于建安十二年（207)北征乌桓得胜回师途中。    乐汉末年，正当军阀逐鹿中原之时，居住在辽西一带的乌桓强盛起来，他们南下攻城掠地，成为河北一带的严重边患。建安十年（205)，曹操摧毁了袁绍在河北的统治根基，袁绍呕血而死，其子袁谭、袁尚逃到乌桓，勾结乌桓贵族多次入塞为害。当时，曹操处于南北夹逼的不利境地：南有盘踞荆襄的刘表、刘备，北有袁氏兄弟和乌桓。为了摆脱被动局面，曹操采用谋士郭嘉的意见，于建安十二年夏率师北征，五月至无终，秋七月遇大水，傍海大道不通，后接受田畴建议，断然改道，经徐无山，出庐龙塞，直指柳城，一战告捷。九月，胜利回师，途经碣石等地，借乐府《步出夏门行》旧题，写了这一有名的组诗。诗中描写河朔一带的风土景物，抒发个人的雄心壮志，反映了诗人踌躇满志、叱咤风云的英雄气概。    关于曹操东临碣石，过去多以为是北征乌桓去时的事，其实，这种看法与史实不符，不可置信。我们用《》《武帝纪》和《田畴传》的记载来核对，曹操当时是在北征乌桓的归途中登上碣石的，因为去时逢大水，傍海大道不通，他只好改道走徐无山那条小路前往辽西。“九月，公引自柳城还，……十一有至易水”，他应在这年（207)九月或十月初“临碣石”、“观沧海”。至于碣石山位于现今何处，目前学术界尚有争议，或以为此山已沉入现今河北省乐亭县境的大海中，或以为就是现今河北省昌黎县北的碣石山。不管怎样，在曹操登临时，它应是傍海一带较高的石山。    “东临碣石，以观沧海。水何澹澹，山岛竦峙”，头二句点明“观沧海”的位置：诗人登上碣石山顶，居高临海，视野寥廓，大海的壮阔景象尽收眼底。以下十句描写，概由此拓展而来。“水何澹澹，山岛竦峙”是望海初得的大致印象，有点像绘画的粗线条。“澹澹”，形容大海水面浩淼的样子；“何”，何其，今言“多么”，是叹美之词。“澹澹”而加叹美，那沧海的辽阔苍茫气象便可想而知了。 在 这水波“澹澹”的海上，最先映入眼帘的是那突兀耸立的山岛， 它们点缀在平阔的海面上，使大海显得神奇壮观。这两句写出了大海远景的一般轮廓，下面再层层深入描写。    “树木丛生，百草丰茂。秋风萧瑟，洪波涌起。” 前二句具体写竦峙的山岛：虽然已到秋风萧瑟，草木摇落的季节，但岛上树木繁茂，百草丰美，给人生意盎然之感。后二句则是对“水何澹澹”一句的进一层描写：定神细看，在秋风萧瑟中的海面竟是洪波巨澜，汹涌起伏。这儿，虽是秋天的典型环境，却无半点萧瑟凄凉的悲秋意绪。在我国文学史上，由于作家的世界观和处境等种种原因，自宋玉《九辩》开悲秋文学的先声之后，多少骚人墨客因秋风而临风洒泪，见落叶而触景伤情！然而，曹操却能面对萧瑟秋风，极写大海的辽阔壮美：在秋风萧瑟中，大海汹涌澎湃，浩淼接天；山岛高耸挺拔，草木繁茂，没有丝毫凋衰感伤的情调。这种新的境界，新的格调，正反映了他“老骥伏枥，志在千里”的“烈士”胸襟。    “日月之行，若出其中；星汉灿烂，若出其里。”前面的描写，是从海的平面去观察的，这四句则联系廓落无垠的宇宙，纵意宕开大笔，将大海的气势和威力托现在读者面前：茫茫大海与天相接，空蒙浑融；在这雄奇壮丽的大海面前，日、月、星、汉（银河）都显得渺小了，它们的运行，似乎都由大海自由吐纳。诗人在这里描写的大海，既是眼前实景，又融进了自己的想象和夸张，展现出一派吞吐宇宙的宏伟　气象，大有“五岳起方寸”的势态。这种“笼盖吞吐气象”是诗人“眼中”景和“胸中”情交融而成的艺术境界。（参见《古诗归》卷七钟惺评语）言为心声，如果诗人没有宏伟的政治抱负，没有建功立业的雄心壮志，没有对前途充满信心的乐观气度，那是无论如何也写不出这样壮丽的诗境来的。过去有人说曹操诗歌“时露霸气”（沈德潜语），指的就是《观沧海》这类作品。“霸气”当然是讥评，但如果将“霸气”理解为统一中国的雄心，那么，这种艺术鉴赏的眼光还是可取的。    “幸甚至哉，歌以咏志。”这是合乐时的套语，与诗的内容无关，就不必细说了。《观沧海》这首诗，从字面看，海水、山岛、草木、秋风，乃至日月星汉，全是眼前景物，这样纯写自然景物的诗歌，在我国文学史上，曹操以前似还不曾有过。它不但通篇写景，而且独具一格，堪称中国山水诗的最早佳作，特别受到文学史家的厚爱。值得指出的是：客观自然景物反映到诗人头脑中，必然经过诗人主观的过滤－－理解、融会、取舍、强调，然后形成艺术的产品。这种产品，既是客观世界的反映，也是诗人主观精神的凝结。这首诗写秋天的大海，能够一洗悲秋的感伤情调，写得沉雄健爽，气象壮阔，这与曹操的气度、品格乃至美学情趣都是紧密相关的，因此，即使是纯属写景之作。因作，即使是纯属写景之作，也不可能是纯客观的照相式制作。    另外，曹操现存二十余首诗，虽然用的都是乐府旧题，但内容却是全新的。沈德潜指出：“借古乐府写时事，始于曹公。”（《古诗源》卷五）这在我国文学史上，也是一个大胆的突破。这种重视反映现实生活，不受旧曲古辞束缚的新作风，大大推进了我国文学现实主义精神的发扬。曹操这个功绩，也是值得肯定和赞扬的。  </t>
  </si>
  <si>
    <t xml:space="preserve">关与屏幕右下角图标分辨率的问题各位大哥大姐,小第用的DELLIN </t>
  </si>
  <si>
    <t>是因为 显示屏的物理分辨率较低 造成的。。。  只能 忍痛割爱不用1680*1050分辨率了。</t>
  </si>
  <si>
    <t xml:space="preserve">为什么他不肯接受我？我太爱他了我是一个对爱情执着的女孩，最近我喜 </t>
  </si>
  <si>
    <t>你首先要改变战术,把爱他的心情放在心里．他骂你是表示还在意你，如果不喜欢你．还骂你做什么．也许他表达爱的方式不同吧！冷淡一些时间吧！如果他不是真喜欢你，那就不要强求啦！如果是喜欢你的，他就会觉得，是不是自己太粗暴啦的关系．把你气跑啦！他就会主动来找你的．我是男孩子，信我没得错哟！！！！</t>
  </si>
  <si>
    <t xml:space="preserve">我是新手，向大家问个问题。黑精灵战士的怪异匕首任务怎么做？我在成? </t>
  </si>
  <si>
    <t>任务说明：『黑暗精灵村的大长老提费尔希望能帮他向深渊祭司卡勒帝亚拿古代文书的翻译。』1.跟长老提费尔说话，他请你去找席琳神殿的深渊祭司卡勒帝亚2.深渊祭司卡勒帝亚委托你打倒祭坛附近的突伦族山贼以取得古代的卷轴和古代的黏土字版3.将古代的卷轴和古代的石版拿给深渊祭司卡勒帝亚，得到翻译文件4.将翻译文件拿给长老提费尔得到怪异匕首 打开地图，在成人祭坛得上面有一个 T 形得三叉口，任务怪物就在那里，很好找得，也很好打，如果是战士，建议前20级全部用弓打，掉红少，休息少，打怪速度也快！20之后就随意了：）</t>
  </si>
  <si>
    <t xml:space="preserve">雅思词汇求问背雅思的词汇有木有什么好的方法~~~~好多。。 </t>
  </si>
  <si>
    <t>先试试hujiang上的开心词场吧，那个雅思核心词汇我之前用过挺好的，有例句。其实我觉得单纯背单词，不如多做题呢。主要只看你准备时间充不充裕啦。预祝屠鸭成功！！</t>
  </si>
  <si>
    <t xml:space="preserve">忘记登录名了好长时间没有登陆了！可是最近发现自己在登陆的时候忘记 </t>
  </si>
  <si>
    <t xml:space="preserve">我的博客登录名忘了怎么办 第一种情况：记得自己的博客连接，请按以下步骤处理， 　　第一步、请输入地址   打开新浪通行证页面 　　第二步、在新浪通行证页面左上角的登录名输入您的博客地址最后十位数字，再输入密码。然后点击右边的登录； 输入您的博客地址最后十位数字 　　第三步、左上角的新浪通行证就能看到您所有的个人信息，包括登录名、会员编码、昵称、手机号码基本信息、U币余额、新浪积分、免费邮箱、UC号码等等。您也会发现博客地址最后十位数字就是您的UC号码。 查看到所有的个人信息包括登录名 　　第二种情况：不记得自己的博客连接，请按以下步骤处理： 　　第一步、在新浪博客首页，输入您的博客名称，搜索博客地址； 输入您的博客名称，搜索博客地址 　　第二步、在博客搜索列表中找到自己博客地址；找到博客链接后，请参照以上的处理办法。 </t>
  </si>
  <si>
    <t xml:space="preserve">LR问题我是20级新手巨魔猎人，有几个问题请教高手：1，天赋加点 </t>
  </si>
  <si>
    <t>1，天赋加点，我加的是野兽控制，请问你们说的兽王是哪一个？答:兽王就是野兽控制天赋.一般把红人加出来的天赋就属于这一类,输出比较稳定,对操作相当要求低一点. 2，关于任务，听老手说，有些任务没有必要去做，这样对吗？任务栏里有显示为绿色的是什么意思？ 答:对于升级阶段,如果你为了追求升级速度,那种费力不讨好,又没有多少经验,并且浪费时间的任务,可以不做.这没有对与错的区别,不做任务也能到七十级,有一种人,基本是付本带大的,10-70都不用做任务.绿色的任务是基本与你的等级相差在3-8级以下的任务.如:你是60级,绿色的任务对应的就是53-57.3，关于。请问带哪个BB好？有人说是叫白雾的狮子，还有什么熊，不知道多少级可以招？ 答:猎人在升级的途中带猩猩或狮子或猪都行,不管那种宠物,你都只能召与你等级相同或低于你等级的宠物,当被召的宠物低于你的等级5级以上的,你召到后,宠物的等级最多只比你等级少5级.如:你是60级,去召40级的狮子,召到后,你的狮子就会变为55级.任何狮子召到后属性都一样,没有区别.所以这个宠物不要强求.4，关于巨魔猎人的坐骑。有什么等级要求和选择。答:没有什么特殊的要求,只要你30级就能去学骑术,然后买一个坐骑就能骑了,不过是60%速度的.当到了60级的时候能骑快的了,是100%的速度.</t>
  </si>
  <si>
    <t xml:space="preserve">肺炎治疗完恢复后需要再拍片复查吗？上月发高烧，但不咳嗽，去医院看 </t>
  </si>
  <si>
    <t>一般不需要拍片或拍CT复查。</t>
  </si>
  <si>
    <t xml:space="preserve">世界有哪四洋？ </t>
  </si>
  <si>
    <t>世界四大洋分别是太平洋,大西洋,印度洋和北冰洋. 太平洋　　太平洋是世界海洋中面积最阔、深度最大、边缘海和岛屿最多的大洋。据较多资料介绍，最早是由西班牙家巴斯科发现并命名的，“太平”一词即“和平”之意。16世纪，西班牙的航海学家麦哲伦从大西洋经麦哲伦海峡进入太平洋并到达菲律宾，航行其间，天气晴朗，风平浪静，于是也把这一海域不约而同地取名为“太平洋”。太平洋位于亚洲、大洋洲、美洲和南极洲之间，北端的白令海海峡与北冰洋相连，南至南极洲，并与大西洋和印度洋连成环绕南极大陆的水域。太平洋南北的最大长度约15900千米，东西最大宽度约为109900千米。总面积17868万平方千米，占地球表面积的三分之一，是世界海洋面积的二分之一。平均深度3957米，最大深度11034米。全世界有6条万米以上的海沟全部集中在太平洋。太平洋海水容量为70710万立方千米，均居世界大洋之首。太平洋中蕴藏着非常丰富的资源，尤其是渔业水产和矿产资源。其渔获量，以及多金属结核的储量和品位均居世界各大洋之首。　　大西洋　　　大西洋是世界第二大洋。位于南、北美洲和欧洲、非洲、南极洲之间，呈南北走向，似“s”形的洋带。南北长大约1.5万千米，东西窄，其最大宽度为2800千米。总面积约为9166万平方千米，比太平洋面积的一半稍多一点。平均深度3626米，最深处达9219米，位于波多黎各海沟处。海洋资源丰富，盛产鱼类，捕获量约占世界的五分之一以上。大西洋的海运特别发达，东、西分别经苏伊士运河和巴拿马运河沟通印度洋和太平洋，其货运量约占世界货运总量的三分之二以上。印度洋　　　印度洋是世界第三大洋。位于亚洲、大洋洲、非洲和南极洲之间。面积约为7617万平方千米，平均深度3397米，最大深度的爪哇海沟达7450米。洋底中部有大致呈南北向的海岭。大部处于热带，水面平均温度20℃一27℃。其边缘海红海是世界上含盐量最高的海域。　　海洋资源以石油最丰富，波斯湾是世界海底石油最大的产区。印度洋是世界最早的航海中心，其航道是世界上最早被发现和开发的，是连接非洲、亚洲和大洋洲的重要通道。海洋货运量约占世界的10％以上，其中石油运输居于首位。　　北冰洋　　　北冰洋位于地球的最北面，大致以此北极为中心，介于亚洲、欧洲和北美洲北岸之间，是四大洋中面积和体积最小、深度最浅的大洋。面积约为1479万平方千米，仅占世界大洋面积3.6％；体积1698万立方千米，仅占世界大洋体积的1.2％；平均深度1300米，仅为世界大洋平均深度的三分之一，最大深度也只有5449米。北冰洋又是四大洋中温度最低的寒带洋，终年积雪，千里冰封，覆盖于洋面的坚实冰层足有3～4米厚。每当这里的海水向南流进大西洋时，随时随处可见一簇簇巨大的冰山随波飘浮，逐流而去，就像是一些可怕的庞然怪物，给人类的航运事业带来了一定的威胁。而且，北冰洋还有两大奇观。第一大奇观：就是那里一年中几乎一半的时间，连续暗无天日，恰如漫漫长夜难见阳光；而另一半日子，则多为阳光普照，只有白昼而无黑夜。由于这样，北冰洋上的一昼一夜，仿佛是一天而不是一年。此外，置身大洋中，常常可见北极天空的极光现象，飘忽不定、变幻无穷、五彩缤纷，甚是艳丽。这是北冰洋上第二大奇观。　</t>
  </si>
  <si>
    <t xml:space="preserve">有什么家庭护理好方法,可以让肌肤光泽? </t>
  </si>
  <si>
    <t xml:space="preserve">嫩肤丝瓜药膳 ---------------------------------------------------------------------s食疗胜过药疗，我在千龙网上看见这个，推荐给你  　 2006-03-17 13:17:07 　　丝瓜翠绿鲜嫩，清香脆甜，是夏日里清热泻火、凉血解毒的一道佳菜。丝瓜不仅营养丰富，而且有一定的药用价值，浑身都是宝。据武汉光岩中医针灸门诊部的高光岩主任介绍，丝瓜中含有丰富营养成分，所含的干扰素诱生剂，能刺激人体产生干扰素，达到抗病毒、防癌的目的。一般来说，吃嫩丝瓜口感、营养和治疗效果都更好。 　　丝瓜性寒凉味甘甜，有消暑利肠、去风化痰、凉血解毒、通经活络、行气化瘀等作用，还可治疗大小便带血，帮助产妇下乳，但多食也会引起滑肠腹泻，久病体虚弱、脾胃虚弱、消化不良的人还是少吃为宜。 　　丝瓜还是消雀斑、增白、去除皱纹的不可多得的天然美容剂。长期食用或用丝瓜液擦脸，还能使人皮肤变得光滑、细腻，具有抗皱消炎，预防、消除痤疮及黑色素沉着的特殊功效。 　　现介绍几种丝瓜的食用和治疗方法： 　　1、青白丝瓜：爆香姜丝，倒入丝瓜炒香，加青椒及少许大蒜，待丝瓜熟透，再放入百合略煮，即可起锅。 　　2、冰肌玉骨：将丝瓜去除皮，洗净，切成1.5厘米小段，用猛火隔水蒸丝瓜7分钟，倒掉瓜汁，烧锅下油，爆香蒜茸后，淋上丝瓜，再加少许酱油、麻油。 　　3、将新鲜丝瓜洗净切碎，用纱布包好挤出汁，加入等量药用酒精和蜂蜜，混合均匀，使用时用棉球蘸汁涂抹面部和手臂，20分钟后用清水洗净。每天晚上搽1次，连续一个月，即可减轻皱纹，使皮肤光润、有弹性。 　　4、丝瓜叶煎汁浴：用鲜丝瓜叶煎汁洗澡，可洁肤除皱、清暑解毒，也可防治痱子。 　　5、疮疥肿毒：取嫩丝瓜1条，捣烂外敷。 </t>
  </si>
  <si>
    <t xml:space="preserve">请问大家酗睡是病吗?从今年五月份以来，我天天早晨起床都觉得困的要 </t>
  </si>
  <si>
    <t>首先查血糖。当然发作性睡病也有是脑部器质性病变所致，但是需要医生排查。如果因为脑部缺少一种维持大脑处于清醒状态的名叫下丘脑分泌素的化学物质，分泌这种物质的脑细胞仅有5万个，如果该细胞由于各种原因受到损伤或消失，就不能分泌下丘脑分泌素，人也就无法维持清醒状态而经常犯困。这也需要医生诊治。</t>
  </si>
  <si>
    <t xml:space="preserve">中山沙溪的假名牌在那里批发比较集中？中山沙溪的假名牌在那里批发的 </t>
  </si>
  <si>
    <t>云汉布匹交易市场有假名牌运动装批发的，价钱都是10元一件！</t>
  </si>
  <si>
    <t xml:space="preserve">兔子肉怎样做着吃好朋友给了两只野兔子肉,不知怎样做着吃,谁知道告 </t>
  </si>
  <si>
    <t>又名兔子、兔子肉。　　兔肉包括家兔肉和野兔肉两种，家兔肉又称为菜兔肉。兔肉性凉味甘，在国际市场上享有盛名，被称之为“保健肉”、“荤中之素”、“肉”、“百味肉”等等。每年深秋至冬末间味道更佳，是肥胖者和心血管病人的理想肉食，全国各地均有出产和销售。　　兔肉属高蛋白质、低脂肪、少胆固醇的肉类，质地细嫩，味道鲜美，营养丰富，与其它肉类相比较，具有很高的消化率(可达85%)，食后极易被消化吸收，这是其他肉类所没有的，因此，兔肉极受消费者的欢迎。　　营养分析　　1.兔肉富含大脑和其他器官发育不可缺少的卵磷脂，有健脑益智的功效；　　2.经常食用可保护血管壁，阻止血栓形成，对高血压、冠心病、糖尿病患者有益处，并增强体质，健美肌肉，它还能保护皮肤细胞活性，维护皮肤弹性；　　3.兔肉中所含的脂肪和胆固醇，低于所有其他肉类，而且脂肪又多为不饱和脂肪酸，常吃兔肉，可强身健体，但不会增肥，是肥胖患者理想的肉食，女性食之，可保持身体苗条，因此，国外妇女将兔肉称为“美容肉”；而常吃免肉，有祛病强身作用，因此，有人将兔肉称为“保健肉”；　　4.兔肉中含有多种维生素和8种人体所必需的氨基酸，含有较多人体最易缺乏的赖氨酸、色氨酸，因此，常食兔肉防止有害物质沉积，让儿童健康成长，助老人延年益寿。　　相关人群　　一般人群均可食用　　1.适宜老人、妇女，也是肥胖者和肝病、心血管病、糖尿病患者的理想肉食；　　2.孕妇及经期女性、有明显阳虚症状的女子、脾胃虚寒者不宜食用。　　制作指导　　1.兔肉适用于炒、烤、焖等烹调方法；可红烧、粉蒸、炖汤，如兔肉烧红薯、椒麻兔肉、粉蒸兔肉、麻辣兔片、鲜熘兔丝和兔肉圆子双菇汤等等；　　2.免肉和其他食物一起烹调会附和其他食物的滋味，遂有“百味肉”之说；　　3.兔肉肉质细嫩，肉中几乎没有筋络，兔肉必须顺着纤维纹路切，这样加热后，才能保持菜肴的形态整齐美观，肉味更加鲜嫩，若切法不当，兔肉加热后会变成粒屑状，而且不易著烂；　　4.兔肉性凉，宜在夏季食用；　　5.主治气血不足或营养不良症的兔肉补虚汤的做法是：将兔肉120克洗净后加入党参、山药、大枣各30克，枸杞15克，水适量，蒸至兔肉熟透即成。作菜佐餐服食，每日2次。　　食疗作用　　兔肉味甘、性凉，入肝、脾、大肠经；　　具有补中益气、凉血解毒、清热止渴等作用；　　可治热气湿痹、止渴健脾、凉血、解热毒、利大肠。·原　　料: 兔肉 800克。冬笋 100克  芹菜 30克  青蒜 50克。   辣椒(红、尖、干) 35克  姜 10克  味精 2克  花椒粉 2克  色拉油 25克  豆瓣 20克  各适量。( )  ·特　　色: 此菜集麻、辣、干、香、脆、爽为一体，成菜色泽红亮，干香酥软，是佐酒的佳肴。( )  ·操　　作: 1. 兔肉改刀成头粗丝，码味过油；2. 冬笋改刀成二粗丝；3. 香芹、蒜苗切成小节；4. 锅留油少许，下干辣椒丝略炒， 加兔肉煸至水分干时；5. 下豆瓣、姜、味精、盐、冬笋、香菇、蒜苗同炒熟；6. 淋上少许香油即可，成菜时撒上花椒面少许。贴士：1. 兔丝不宜煸得过干；2. 配料不宜炒得过久，否则影响口感质地。 ·原　　料: 生净嫩兔肉200克。蛋清1个、大葱100克。绍酒6克、酱油15克、白糖2克、姜片2.5克、醋2克、精盐1克、熟猪油500克（约耗60克）。( )  ·特　　色: 色泽淡红，肉质纤细鲜嫩，葱油香味扑鼻。( )  ·操　　作: 将兔肉切成长4厘米、宽1.7厘米的薄片，放入锅中，加精盐、绍酒5克和蛋清搅上劲，用湿淀粉10克上浆，加麻油10克搅匀，大葱切丝待用。把酱油，白糖、醋、味精、绍酒10克、湿淀粉10克盛入碗中配成汁子，炒、锅置中火上烧热，用油滑锅，然后下猪油烧至四成热（约88℃）时，下兔肉，用筷子划散至熟，倒入漏勺。锅内留底油，将大葱、姜片入锅煸至有香味时，放入兔肉，将兑好的汁子加水15克浇入锅中，颠翻几下包上芡汁，淋上香油即可。 到下面参考文献的网址看看，有多种做法</t>
  </si>
  <si>
    <t xml:space="preserve">孕33周咳嗽的很厉害要吃什么药呢我孕33周了，最近一直咳嗽，有一 </t>
  </si>
  <si>
    <t>能吃，我建议；最好是输液，这样好的快，如果；不赶快治好对胎儿不好，孕33周可以用药。祝你早日康复！！</t>
  </si>
  <si>
    <t xml:space="preserve">高手进别人说板的高度看板值,那35级PF想抢好板..如果是穿装备 </t>
  </si>
  <si>
    <t>这还用问,看你是助攻型PF还是进攻型PF了。    助攻型PF加跑和板.进攻型加跳和板,就这么简单.</t>
  </si>
  <si>
    <t xml:space="preserve">以前抗日战争时人们为什么不怕死？我想了解一下抗日战争的知识！ </t>
  </si>
  <si>
    <t>怎么说呢，没亲身经历过那段，有的事情真不好做出准确的评论。大概的推下吧，首先，那个时期的战争，国人面临的是亡国灭种的威胁，简单来说，就是国家被占领奴役，甚至民族都面临被消灭。可能有的人觉得不会吧，但是试想下，在你自己的国家，你上街要被外国人检查，动不动就要被日本的军警殴打甚至虐杀，自己的孩子随时有可能被抓去做人体实验，自己的姐妹妻女，自己喜欢的人，只要被日本人看上了就会被侮辱强暴；在那样的情况下，人已经没有什么可失去的了，而失去自己的生命就有可能换来自己家人族人的自由和幸福的话，也就很难再去考虑死有多恐怖的问题了，因为与其生不如死，还不如死的痛快。其次，当时日本对待中国的政策就是要把中国变为奴隶国，让“日本的人民来享受zhina广大的领土”也正是在这个指导思想下，在占领东三省后，日本就大量的将本国居民迁移到中国来，而对于日本来说，过多的反抗自己的中国人是不利的，也就必须尽量的杀，无论是对占领区实行的“杀光，烧光，抢光”的政策，还是南京大屠杀30万中国人的血债，这都决定了，日本军人和中国军人之间的仇恨，可以不夸张的说，当时参战的中国人可能每个人都有着和日本不共戴天的仇恨。当仇恨上升到一定程度的时候，死也就成为了一个不再去在乎的事了。当然当时国人不惧生死应该还有其他的很多原因，因为了解不够，知识不足也不能全都说出来。最后再说句题外话，现在居然有的人说，为什么当时不和谈呀，或者让一步之类的话，真是不理解，想象一下，一群歹徒闯进你的家中，砸了你的东西，杀了你的父母，强暴了你的妻女，将你的儿子用刺刀穿上放入火中，把你的财物全都拿走，不停的打你骂你，难道你还能笑脸相对，说："我们谈谈吧？"反正我是做不到……还有，有的人甚至开始质疑那段历史，说什么大屠杀不太可能一类，如果是日本人这么说我无话可说，但是甚至有些国人也……请大家记住，那段历史对中国，对国人来说，是屈辱与不光彩的一段历史，一个大国被临近的小国肆意的凌辱，这样的历史中国有必要再去夸大么？不断提起历史是为了让国人不要忘记，曾经的耻辱和血泪，如果国人自己都质疑那段历史，可以说是对那时的死难者和烈士最大的侮辱了。同样是2战的轴心国，从某个角度来讲我尊重德国，因为它敢于承认自己犯下的错，也努力的去弥补自己的错。而日本，一个自称伟大的民族，却连自己做过的事情都要遮遮掩掩，没有勇气去承认，甚至还要扭曲，这样的民族这样的国家除了卑鄙外只能说是个胆小懦弱的民族，伟大两个字距离它们不是一般的远。</t>
  </si>
  <si>
    <t xml:space="preserve">我说啊！！！TQ怎么不搞个亲吻的动作，只可夫妻用的TQ是不是应该 </t>
  </si>
  <si>
    <t>天晴严禁有丝毫黄色成分的游戏内容。</t>
  </si>
  <si>
    <t xml:space="preserve">帮忙请翻译............Onefifthofthepe </t>
  </si>
  <si>
    <t>五分之一的人是一直反对每件事</t>
  </si>
  <si>
    <t xml:space="preserve">汽车长期不开（4个月）是否影响性能由于出差汽车大概要闲置4个月如 </t>
  </si>
  <si>
    <t>许多驾驶人员或者车主都有一个共同的体会，那就是经常停驶的比经常使用的汽车故障率高，并且经常停驶的汽车使用寿命会大大缩短。这就是人们常说的：汽车不是用坏了，而是放坏了。但对于一辆车来说，有时又不可避免会停驶。那如何来解决这个矛盾呢？现就有关问题介绍如下： 　　1、停驶车的时限 　　关于汽车停驶的解释，国内外均有资料介绍。国内有的提出3个月不用的车称之为停驶车，也有将15天不用的车称为停驶车。最近有一份国外资料介绍，美国人提出汽车一周内不用就称为停驶车。笔者比较赞同国外这种提法。 　　2、汽车停驶带来的危害 　　有些车主认为车辆停驶，各部位零件没有运转，也就不会发生磨损，车的使用自然而然就可以处长了。其实不然，车辆停驶恰恰起到相反的效果，其主要理由有以下几点： 　　⑴各部位油封变形、老化，易损坏漏油。车辆停驶，油封四周的接触受力总是不均匀的。受力大的方向，油封变表量就大；车辆停驶时间越长，其变形量就越不易恢复，直到油封发生永久变形。这就是漏油的开始。 　　⑵摩擦零件表面润滑油氧化变质，再次起动时形成干摩擦或半干摩擦，缩短零件使用寿命。汽车停驶后，像发动机的气缸、活塞表面的润滑油膜，由于要接触空气中的氧气和其他有腐蚀性的酸碱成分，会造成润滑油膜变质，形成一层胶状物而失去润滑作用。车辆停驶时间越长，变质越严重。当发动机再次起用时，气缸与活塞间会形成干摩擦或半干摩擦，加速零件的磨损，而且起动阻力大大增加，造成起动困难。 　　⑶蓄电池自放电，容量下降，寿命缩短。现在汽车上用的一般是铅酸蓄电池，其特点是一旦汽车停驶就会产生自放电。在正常条件下，蓄电池每昼夜自放电可命名电容量下降1%以上。尤其严重的是，蓄电池长期自放电后，极板表面产生硫化物，影响蓄电池再充电的效果，最终导致蓄电池提前报废。 　　⑷轮胎变形，影响车轮平衡，造成车辆行驶中抖振。汽车停驶以后，汽车重量由4个轮胎接触地面的部位承爱，从而造成接触部位受压收缩变形。汽车停驶时间越长，变形部位越不易恢复，使轮胎四周的质量分布发生变化，滚动半径不均匀，造成轮胎不平衡。一旦汽车进入高速行驶后，就会发生车身抖振，不仅影响乘车的舒适性，加速轮胎的磨损，还带来不安全的因素。 　　⑸电子元件易产生故障。汽车上的电子元件及连接件有一个共同的特点，就是要防水、防潮和防腐蚀，否则就会引发故障。对于停驶车辆的电子元件或插线接头，受潮的可能性就会大大增加，并且停驶时间越长，发生故障的概率就越高。 　　停驶对车辆不仅会造成上述不良影响，还会对制动系、转向系和供油系统等方面带来不利的变化，都需要加以注意。 　　3、对停驶车辆应采取的措施 　　停驶会给车辆带来许多危害，广大驾驶员及车主要引起注意，采取相应措施来减少这种危害。最简单有效的方式就是，当车主一段时间内不使用车时，最好委托自己的家人或朋友每周将车开到公路上高速行驶一段里程，以保持车辆的各种使用性能。</t>
  </si>
  <si>
    <t xml:space="preserve">鬼压床是怎么回事？ </t>
  </si>
  <si>
    <t>是因为你最近身体不好，或者比较衰，才会导致鬼压床的。到寺庙烧香作个福吧。现在要香祈福也很方便的啦，不用亲自去，可以找居士代劳。烧香网上的居士都很专业，一条龙的服务，还会把整个烧香祈福的过程拍成相片发到你的邮箱，真实可靠。</t>
  </si>
  <si>
    <t xml:space="preserve">主板集成显卡支持INTEL的板的集成显卡板最高是集成什么显卡有没 </t>
  </si>
  <si>
    <t>Intel的集成显卡性能都很差的，目前市面上能买到的G35集成显卡性能还不及AMD 780G的三分之一。  说到玩游戏，稍微要求高点的单机游戏集成显卡都搞不动，AMD 780G也不例外。不过像魔兽还有国内的网游，只要不要求全特效，AMD 780G基本能搞定。要玩游戏，用Intel的CPU，买独显是必然的</t>
  </si>
  <si>
    <t xml:space="preserve">怎样向GM求助我被卡在石头里出不来了，重新启动也没有用 </t>
  </si>
  <si>
    <t>输入： /诉求  说的话</t>
  </si>
  <si>
    <t xml:space="preserve">电脑高手请帮帮忙在进入天2输入帐号以后,我习惯按TAD键切换到输 </t>
  </si>
  <si>
    <t>你的问题我也遇到过,我认为是病毒所致的,因为我杀毒后就没出现过这种情况了.注意一下特洛依木马,这个木马我上次杀了1.5W个出来.</t>
  </si>
  <si>
    <t xml:space="preserve">如何防止他人算计， </t>
  </si>
  <si>
    <t>你有什么地方会被人算计吗?那就说明你人缘不是很好,而且容易惹事要防止别人算计,最简单轻松的方法就是做好自己份内的事,少做错事,有积极进取的态度,就可以了</t>
  </si>
  <si>
    <t xml:space="preserve">理学和工学哪一个更重要？理学工学的基础指导，但是工学强理学一定不 </t>
  </si>
  <si>
    <t xml:space="preserve">  理科重视的基础科研，工科重视的实际应用。理科培养科学家，工科培养工程师。理科重视基础研究，工科重视实际应用！理科是工科的基础，工科是立刻的现实应用价值的体现！理科是科学，工科是技术！   工学是我国大学最大的学科，各类工学人才直接推动着我国的经济建设和工程技术领域的发展。  理学是基础科学，基础科学原创成果的数量和质量决定着一个国家的科学水平；因此，理学是中国科学的生命。  本人更偏向于理学~~  </t>
  </si>
  <si>
    <t xml:space="preserve">黄金分割线为什么会产生美感？画图、照相、甚至建筑，人们都经常用到 </t>
  </si>
  <si>
    <t>大概是由于人的视野的纵横比例接近于这个黄金分割.</t>
  </si>
  <si>
    <t xml:space="preserve">我一年半没玩了，最近有什么变化我一年半没玩了，最近有同事想玩。我 </t>
  </si>
  <si>
    <t>一年半……开放成就系统，开放双天赋，开放任意地点排战场。新客户端被和谐，开放80级天赋树，加入很多WLK的新技能，开放了铭文专业，其他貌似没了吧</t>
  </si>
  <si>
    <t xml:space="preserve">263企业邮箱的有别名功能吗？ </t>
  </si>
  <si>
    <t xml:space="preserve">263企业邮箱支持用户自定义邮箱别的别名支持自定义2个别名，等于每个邮箱可以有3个邮箱名资料引用来源：    您可能会感兴趣 </t>
  </si>
  <si>
    <t xml:space="preserve">被狗咬了要打针吗?我自己的小狗，还不到三个月大。已经打了进口狂犬 </t>
  </si>
  <si>
    <t>我建议你要早打。狂犬病是有潜伏期的 在10-15之间，我以前也被狗咬过的，打过三针，是很痛的。可医生说打一次狂犬育苗对大脑是没有什么影响的，你要是不打的话。会把这事儿，总放在心里，会影响你日常的生活。和工作的，只要忍住一时的痛，很快就没事了，又何必天天有顾虑呢？你说对么？我建议你最好再到医院。咨询一下医生看法 这样对你会更有帮助的     就算是个人经历吧！</t>
  </si>
  <si>
    <t xml:space="preserve">河南的艺术类大学有那几所 </t>
  </si>
  <si>
    <t>一般对高考艺术生来说比较好的艺术类本科专业比较好的有 河南大学艺术学院       美术 郑州大学体育学院       体育 郑州轻工业学院         美术 中原工学院             影视表演    河南工程学院           服装设计专业   另外几乎所有的本科类大学都设有工艺美术专业</t>
  </si>
  <si>
    <t xml:space="preserve">怎么治疗，现在是想怀孕吃中药子宫水平位，大小约7.2*6.5*5 </t>
  </si>
  <si>
    <t>吃中药只能调理，这种情况抓紧时间试孕，如果半年未孕还是考虑先手术，不然内膜不好不易怀孕并且容易流产！</t>
  </si>
  <si>
    <t xml:space="preserve">发黄的银饰品如何恢复昔日光泽?我有一副耳环,挺漂亮的,很喜欢,, </t>
  </si>
  <si>
    <t xml:space="preserve">银饰品如何保养     很多的朋友喜欢纯银饰品，但却不知道要如何保养，其实我们只需在日常中花点心思，就可以让银饰历久如新了。　　1、银饰的最佳保养方法是天天佩戴，因人体油脂可使产生自然温润的光泽。　　2、在佩戴银饰时不要同时佩戴其它贵金属首饰，以免碰撞变形或擦伤。　　3、保持银饰的干燥，别戴着游泳，切勿接近温泉和海水。不用时可用棉布或面纸轻拭表面，清除水份和污垢，将它置放于密封的袋子或盒子中，避免与空气接触。　　4、如果发现银饰有变黄的迹象，最简单的方法使用牙膏加点水轻洗表面。或用珠宝小刷子清洁银饰品的细缝，然后用擦银布轻擦其表面，马上就可以饰恢复原来的靓丽。（如果使用擦银布能够恢复约八九成的银白状况，就不要再使用拭银乳和洗银水，因为它们都具有一定的腐蚀性，银饰品在使用过这些产品之后，会变得更容易变黄。另外，擦银布含有银保养成份，不可用水洗）　　5、银饰发黄得严重，用洗银水浸泡的时间不宜过长，一般数秒钟，取出后立即用清水清洗，然后用面纸吸干。　　6、若使用拭银布能够恢复约八成的银白状况，就无需使用拭银乳和洗银水了，因为这些产品都具有一定的腐蚀性，银饰在使用过这些产品之后，会越发容易变黄。拭银布含有银保养成份，不可水洗。　　7、如果平时在佩戴之后没有对银饰进行处理和收藏，就极有可能使银饰变黑。这时应使用珠宝小刷清洁饰品的细缝，然后将拭银乳滴一滴在面纸上，将银饰表面黑色氧化物拭去，再用拭银布恢复饰品原本的光亮。之后就要记住做好日常的一般保养了，避免银饰再次变黑，银饰在多次变黑之后就很难擦白了。　　以上是一些基本的注意事项，下面再详细介绍一下电镀与未电镀的银饰的保养方法。　　白银容易氧化是它的瑜中之瑕，也是让消费者和生产者头痛的事情。目前国内市场常见的银表面处理办法有进一步氧化、电镀、和未处理等几种。　　进一步氧化和未处理均是充分利用银氧化变黑的特性，利用氧化剂加深银表面的氧化，或利用银表面自然氧化，在银饰品中产生更加丰富的色彩和机理效果，使瑕转变成瑜，是借力打力之法。　　而真正防止银饰品表面氧化的方法是电镀，目前常见的有镀银、镀铑、镀钯等多种。　　首先须辨别是否有无电镀（银饰一般分为有电镀的和没有电镀的）：　　有电镀的银饰品，即里层为纯银，表面在做电流处理；电镀一般又分为电黄金及白金；辨识电镀的方法为其表面呈现的光泽较为纯银的来为光亮，如同镜面一般，反光效果佳，也较不易氧化（视电镀的厚度而决定氧化时间）。无电镀的银饰品，很容易因硫化而失去光泽，（空气中的二氧化硫硫和银产生化学反应形成一层硫化银在银饰品上跟剖开后的苹果会慢慢变黑一样的）。　　简单处理有电镀的银饰品方法如下：　　1、先至附近的中药房或药局购买一包明矾；　　2、再将您所佩戴的银饰品以水10：:明矾1的比例用水煮过（水一定要沸腾）；　　3、取出银饰品放进冷水以软刷（如：牙刷）沾上牙膏或洗衣乳或色拉脱清洗；　　4、以吹风机吹干，再以麂皮擦拭即可亮丽如新。　　以上可以处理的电镀银饰种类为：　　a.项链（粗细皆可）　　b.坠子　　c.戒指（有无宝石的皆可）　　d.手链、手环（粗细皆可）　　e.银饰品上有镶塑料之类的　　简单处理无电镀的银饰品方法如下：　　（备注：以下方法有限制的银饰品：a.银饰品上有镶塑料之类的；b.有硫化处理的，硫化处理：即银饰购买时，于银饰上有黑色的部分如有图腾图案的，有黑色文刻的。）　　1、用火（打火机即可）烘烤银饰品，破坏其表面的组织结构，烘烤时间视银饰品的大小粗细俗称：过火）；　　2、冷却后再将其放入明矾水中煮，沸腾后再将银饰品取出，放入冷水中以软刷（如：牙刷）沾上牙膏或洗衣乳或色拉脱清洗；　　3、以吹风机吹干，最后再以拭银布或拭银粉擦饰，即可呈现出纯银本色；　　以上无电镀的银饰品处理方式须注意以下几点：　　1、细的项链或细的银饰“过火”时同一位置不能停留太久；　　2、银饰品上有镶宝石的“过火”后，不能直接浸入冷水，须等其自然冷却，否则宝石容易碎裂；　　3、细的银饰品清洗时可用铁刷，效果更佳（只有细的银饰，才能以铁刷去清先）；　　4、平常保养时可用拭银布或拭银粉擦拭即可，倘若您的饰品已经无法以拭银布或拭银粉擦亮，可使用以上的方法（无法使用拭银布或拭银粉擦拭的情况是您太久没保养?。┣虿灰褂孟匆蚴靡噜。侵皇怯没У囊┧菔比媚纹饭饬恋姆椒ǎ┧匀颂逵泻Γ倚Ч淮伪纫淮尾睿撕σ蔚某潭扔倘缃还は鞯粢谎?　　另外还有一个使银饰光亮的小诀窍，在这里提出来供大家参考一下：若想让新买回来的银饰更加光亮以及避免其变黑，可在其表面上涂一层薄薄的透明指甲油，以后，每十天再涂抹一次。如要除去指甲油，可用香蕉水浸泡，后用水清洗即可。    </t>
  </si>
  <si>
    <t xml:space="preserve">世界上最高的大厦在哪个国家的哪个城市？说明有多高多少层是什么样的 </t>
  </si>
  <si>
    <t>马来西亚的吉隆坡的双子大厦(也有叫双塔的)452米,最高的,没错</t>
  </si>
  <si>
    <t xml:space="preserve">怎么取消WORD文档里面的回车我在建立WORD文档的时候输入了好 </t>
  </si>
  <si>
    <t>Ctrl+H，查找内容输入:^p，替换内容不用输入，然后点击“全部替换”，就可以了</t>
  </si>
  <si>
    <t xml:space="preserve">在淘宝上买手机安全吗？ </t>
  </si>
  <si>
    <t>当然可以买，最好选择和你一个城市或地区的，去网下交易，当面交钱交货，当场验机，最好有发票，看看是不是水货或翻新机（如果不知道，可以去网上查查，到处都有这样的教程），如果一切正常的话，可以收货，最好再留下对方的联系方式！如果不网下交易，邮递到货时，要当场打开验货，如果没问题再收货，有问题直接退回，免得麻烦多多啊！      ！祝你好运！</t>
  </si>
  <si>
    <t xml:space="preserve">类比推理千里之行始于足下对于《老子》相当于小时对于时间。是如何推 </t>
  </si>
  <si>
    <t>千里之行始于足下是《老子》里的一个句子，是《老子》的组成单位。小时是时间的计量单位。二者都是隶属关系。</t>
  </si>
  <si>
    <t xml:space="preserve">000626明天走势会怎样 </t>
  </si>
  <si>
    <t>000626,将会回调整理</t>
  </si>
  <si>
    <t xml:space="preserve">彩虹岛的充值就是我想把手机绑定的15元充1000点的业务弄掉，不 </t>
  </si>
  <si>
    <t>你试试发QX0到8828.我以前有个手机解绑就是这么解的.再不行就去你绑手机包月那里看看,应该有怎么解除的方法.</t>
  </si>
  <si>
    <t xml:space="preserve">怎么开通中国工商银行短信提示功能？中国工商银行卡（广东茂名市用户 </t>
  </si>
  <si>
    <t>这个服务称为账户余额变动提醒，对信用卡，该服务是免费的。但对普通灵通卡，该服务是收费的，每月2元。如果你需要，可以通过三种方式开通1、持银行卡、身份证到网点申请.2、拨打95588电话银行，转人工服务，在话务员配合下，验证银行卡账户及密码，开通该服务。3、如果你开通过工行网银，可以在网银界面上选择“工行信使”服务，在线签订协议后，可以选择账户余额变动提醒服务。</t>
  </si>
  <si>
    <t xml:space="preserve">女人看男人的比赛，不是看比赛是看人女人看男人的比赛、表演，不是看 </t>
  </si>
  <si>
    <t>其实这件事是这样的：1.男的懂比赛在玩什么而女的一般不懂2.男的看比赛是两者都看的，偏向于比赛的美感而不是人的美感， 理由如上3.女的喜欢体育的相对少很多，你看一般夫妻两个都是男的要看球女的不给看抢电视。4.不懂场上在干什么那你说能看什么？也就是说其实不是说女的在可以选看比赛还是看人的情况下选择了看人，大部分女的是在看不懂比赛的情况下去看人的。看比赛只是凑热闹或者陪别人看的。最后说一句，社会对于女的看到男明星尖叫的接受度比男的看到女明星尖叫接受度高很多，所以女的可以光明正大去看人！</t>
  </si>
  <si>
    <t xml:space="preserve">上海水产路地铁站到机场要转几次，有清楚点的地图么。 </t>
  </si>
  <si>
    <t>【建议方案】 坐机场三线/机场六线到“龙阳路地铁站”，换乘轨道交通2号线到“人民广场”，站内换乘轨道交通1号线到“共富新村”站下，从3号口出换</t>
  </si>
  <si>
    <t xml:space="preserve">创伤性湿疹诊断标准是什摸?如何治疗?手术会引起这病吗?如果手术后? </t>
  </si>
  <si>
    <t>您好：请问您做手术多长时间了？主要是什么位置的手术？可外擦一些4%硼酸软膏，注意卫生！</t>
  </si>
  <si>
    <t xml:space="preserve">拉四人上山吃力后停车驾驶室忽然有一股橡胶味请问是轮胎打滑还是发动? </t>
  </si>
  <si>
    <t>冬天轮胎不容易受热，再说轮胎烧胎是有特定的打滑地点的，过了那里就不容易闻到了，因此排除轮胎问题。下山会烧脚刹片，这个也排除。没松手刹也排除。只剩下离合器片了，看现象因该是打滑的初期，赶快检查，如果是，马上换掉，拖长时间后会烧坏压盘。</t>
  </si>
  <si>
    <t xml:space="preserve">第一次用美团，昨晚订的，明明显示5号到期，为什么短信说还有一周就? </t>
  </si>
  <si>
    <t>这里是指大概的一周，有时可能是显示错误，不用太在意以购买时的到期数据为准</t>
  </si>
  <si>
    <t xml:space="preserve">从UT游戏大厅无法登录游戏我登录UT游戏大厅没有问题。无法进入游 </t>
  </si>
  <si>
    <t>原因：1、UT服务器问题（感觉UT经常出现服务器问题，玩家反映也很多。）2、可能是VISTA操作系统不够成熟，软件兼容性不行。。。</t>
  </si>
  <si>
    <t xml:space="preserve">Thetwoofthemenjoyshoppingtogethe? </t>
  </si>
  <si>
    <t>他们两个一起享受购买衣服</t>
  </si>
  <si>
    <t xml:space="preserve">用什么洗发水不脱发?以前头发超级多，现在只有一小把了。特别是头顶 </t>
  </si>
  <si>
    <t>用纯天然纯植物的洗发水可以减少脱发或者预防脱发。听说老蔓藤的防脱生发组合产品不错，您可以试一试。</t>
  </si>
  <si>
    <t xml:space="preserve">我该怎么办，如何处理与这样的同事的关系。今天有份传真。传真内容是 </t>
  </si>
  <si>
    <t xml:space="preserve">      人际交往宽容是桥梁(转载自田园晚风）      　      今天田园想同我们的青年朋友，特别是在校的各类大中专的同学聊点大家关心的问题。据田园了解，听我们这个节目的各类在校学生特别多，我们外出，不管走到哪里，总会有青年朋友告诉我们，上学期间曾经是我们节目的忠实听众。有些青年朋友就反映，听了我们的节目，在以后的工作实践中，就得了不少益。当然，田园这么说，有点王婆卖瓜的味道了，但是实际上，也确实有不少青年朋友从我们的节目中得到了一定的人生启迪。其实，田园在节目中说得都是一些大实话，问题的关键还在于我们这些听众朋友的感悟能力。      最近有不少同学来信谈到人际关系问题。这些来信尽管反映的问题各各不一，但我们从中足以看出，人际关系已经影响到许多人的心理健康。可真要把这些问题拿到桌面上来分析，却都是一些鸡毛蒜皮的小事，就这么些小事，折腾得许多人要死要活的。      我们还不能单纯说这些青年朋友心理有障碍，但有些问题确确实实源自于我们个人心理上的不正确感受。任何地方任何一个群体，只要有人存在，就有人际矛盾产生。所以，从这个意义上讲，在人群中人际矛盾的存在是合理的，不存在倒是反常的了。有的朋友对人际矛盾有一种特殊的敏感，生怕同任何人发生矛盾，于是，他们整日里小心翼翼，尽量去回避各种矛盾，生怕得罪了人。可是岂不知，这样以来，反倒让人瞧不起。在现代社会这个重视人的个性发展的环境下，一个人事事处处表现得一副唯唯诺诺的样子，显然是不会有人去恭维他的，他人的蔑视，反过来又促使他们产生自卑的心理，于是乎，这样的人到最后往往只剩下满腹怨恨，孤家寡人。田园就想对这样一些朋友说一句，人际矛盾并不可怕，我们没有必要把他看成洪水猛兽。处理人际矛盾也是有法可依的，田园的办法是，小事不计较，大事倒要讨个说法。这里田园举个例子：济南某大学一位女同学，平时和宿舍的同学关系搞得不怎么样，为了一些小事和同宿舍的所有同学都吵过架，结果搞得自己落落寡欢的。有一次，宿舍里招了小偷，这小偷也偷得怪，同宿舍的人多多少少都被偷了点东西，可唯独她毫发未损。这下，这位同学难受了，她又不能此地无银三百两地去辩解，可是，她不论走到那里，总是觉着同学们在身后对他指指点点，最后发展到别人看她一眼她也要心惊半天。这样她在痛苦中苦熬了半年，失眠导致神经衰弱，实在坚持不下去了，她就跑来问田园，她该怎么办。田园告诉他，办法只有一个，只要没有人说到你的脸上，你就该怎么着就怎么着，该上课上课，该吃饭吃饭，该睡觉睡觉。要是有人说到你脸上，那你就得讨个说法了，让他拿出证据来，没有证据，这事就得到学校解决了。实在不行，你拉他到田园这里，田园帮你解决。这位同学还真被田园说服了，回去以后，腰杆也直了，气也顺了，也能睡着觉了，她就给田园打电话，说了自己的变化，田园告诉她，你再等等，看有没有人找你，结果，过了一段时间，她又来电话，说怎么还没有人找她？田园就笑了，告诉他，一开始田园就知道不会有人去找她，你想，没有证据的事，谁会那么傻，跑到人家跟前去讨没趣？田园这么说，只是想分散一下你的注意力，你自己不去感受那些让你痛苦的东西，像现在这样，不就什么问题都不存在了？后来，这位同学临毕业的时候，特意赶到我们电台来给田园辞行，这时候再看她，嗬，那精神状态简直就像换了个人。      这个例子说明一个问题，就是，人际矛盾相当一部分都是源自当事人的感受。本来没有什么事，或是本来不大的矛盾，经心里那么一琢磨，就来事了，同学之间谁说了两句不好听的话，谁心情不好了，不愿意搭理人了，这都是小得不能再小的问题了，你要是为这些问题整天去伤脑筋，那么，将来走上社会，面对比这复杂得多的人际矛盾，你又会怎样？田园解决这些问题有一个很简单的办法，就是不去感受他。不往脑子里去。田园有一位老同事，过去关系很好，后来有一段时间，不知听了谁的挑唆，这位同事开始疏远田园了，听别人传话，说她背后还说了田园一些什么什么话。对这些话，田园有自己的对策，一概不往心里去，就像我们节目组其他同事说的，田园整天没心没肺的，脑子里根本不装这些东西。后来这位朋友的孩子上学遇到了困难，田园还是像过去一样，到处帮着她跑，现在这位同事和田园的关系又恢复到以前的状态。田园后来在给听众解答问题时，就举过这个例子，像这样解决矛盾，我觉着是最好的办法。首先我们不去感受那份痛苦，心理上避免了一些无谓的冲击，其次，矛盾不会激化，把人际矛盾减少到最低的程度，这样也有利于我们自己的工作和身心健康。      好了，田园已经讲得不少了，不知道田园处理问题的这些办法对您是否有些启发。欢迎您在我们的节目中谈谈您的看法。下面让我们先欣赏一段，大家稍事休息，我们再一起来接听听众朋友的电话。田园晚风</t>
  </si>
  <si>
    <t xml:space="preserve">我女儿出生就吃奶粉,到现在一直便秘,有何良方?从出生到现在都在吃 </t>
  </si>
  <si>
    <t>给她一些地瓜吃吧我侄女也是这样，给她地瓜吃就好了。你可能不相信，但是你试一试就知道了。</t>
  </si>
  <si>
    <t xml:space="preserve">怎么做牛肉汤呢？陆小凤最爱喝的。。。 </t>
  </si>
  <si>
    <t xml:space="preserve">牛肉300克，水3碗，姜汁1茶匙，白酒1荼匙，盐1／2茶匙，白糖1／2茶匙，生抽l茶匙，粟粉1茶匙。作法①姜去皮，刨茸取姜汁。②牛肉切片。③牛肉片用腌料(白糖、生抽、粟粉、盐、酒、姜汁、1汤匙水)腌10分钟。将牛肉、水倒入炖盅内炖1小时即可食用。原料： 　　牛腱400克，胡萝卜300克，番茄1个，葱末1勺，姜3片，盐、味精、料酒适量。 　　做法：    1、牛腱入滚水中烫后切成大块，番茄入滚水中川烫过取出剥去外皮切块。 　　2、锅中注入水5碗及牛腱块、番茄块、葱段、姜片，大火煮滚后改小火焖煮约一小时后，加胡萝卜、盐、味精、料酒继续焖煮约半个钟头，撒上葱末即可。 </t>
  </si>
  <si>
    <t xml:space="preserve">中国储蓄银行卡锁住了怎么办我在北京打工时公司给开了储蓄银行卡的账 </t>
  </si>
  <si>
    <t>一天内连续三次输入错误密码，银行卡就会被锁定一天，第二天解除。如果是多天连续输入错误密码，累计达一定数量，该密码将失效，你只有到银行办理重置密码。</t>
  </si>
  <si>
    <t xml:space="preserve">谁是中国球迷的领袖人物？我们曾经有过吗？未来还有谁能胜任？ </t>
  </si>
  <si>
    <t>没有领袖人物．</t>
  </si>
  <si>
    <t xml:space="preserve">关于进料加工企业自查提纲博主好。近期接到国税局通知领取《进料加工 </t>
  </si>
  <si>
    <t>你好，按照自查表的相关栏次，如实反映进料加工贸易情况。</t>
  </si>
  <si>
    <t xml:space="preserve">铝合金窗户制作工艺流程从铝锭开始到做好窗户 </t>
  </si>
  <si>
    <t>一般的工艺流程是：铝锭---熔化---铝棒（直径根据挤压机规格）---锯料（长度根据挤压机规格）---加热（约550度）---挤压型材---锯断---校直---时效---氧化---锯料(长度根据窗户的规格)---附加其他配件固定成窗户。</t>
  </si>
  <si>
    <t xml:space="preserve">现在抽技能箱子能抽到无限的吗?RT有多大的概率? </t>
  </si>
  <si>
    <t>能的，由于没有前一段时间的宝箱翻倍几率，所以会和以前一样很难抽到的听大伙说5·1有可能打折，就4800点，到时候可以去买，现在宝箱10中2的几率（我朋友抽的），不过想要积分倒是个好手段2000、2000、2000……</t>
  </si>
  <si>
    <t xml:space="preserve">小学三年级数学甲乙丙丁和小明五位同学一起比赛象棋，每两从都有要比 </t>
  </si>
  <si>
    <t xml:space="preserve">甲已经赛了4盘，可以知道他已经和其他4个选手都赛过了。小明此时赛了1盘（甲-小明）。 丁已经塞了1盘，就是和甲下的一盘，因此丁和乙、丙、小明都没有下过。此时小明赛了1盘（甲-小明）。 由于丁没有和乙下过，而乙已经赛了3盘，则乙分别是和甲、丙、小明下的3局。此时小明赛了2盘（甲-小明、乙-小明） 由于甲、乙都和丙塞过了，因此它没有和小明赛过。此时小明赛了2盘（甲-小明、乙-小明） 那么得到已经赛过的几局是： 甲-乙、甲-丙、甲-丁、甲-小明、乙-丙、乙-小明 因此小明赛了2盘。 </t>
  </si>
  <si>
    <t xml:space="preserve">为什么现在进不去！上海的每个区都进不去！ </t>
  </si>
  <si>
    <t>今天整个服务器都要维护哟，以后请多多注意官网的通告~~~~~~</t>
  </si>
  <si>
    <t xml:space="preserve">梦见坟墓梦见我和我老公再一个山上看见很多坟墓很多很多有的坟墓已经 </t>
  </si>
  <si>
    <t>梦见坟地，要谨言慎行，生活应该有规律，</t>
  </si>
  <si>
    <t xml:space="preserve">请问：游戏非得窗口化吗？全屏不好吗？？？我发现很多人玩游戏是窗口? </t>
  </si>
  <si>
    <t>传奇本身不支持窗口化噢。。窗口化有它的方便之处，比如可以在游戏的同时，进行其他一些动作，不过，一般的游戏在窗口化后，都会相应的缩小框框了，视力好的人的优势就体现出来勒。。嘿嘿</t>
  </si>
  <si>
    <t xml:space="preserve">如何做一个学生又爱又怕的老师老师教给学生们知识但有时候不是你说教 </t>
  </si>
  <si>
    <t>我今年高三毕业，中学6年中经过了4位班主任，可以说是有经验的了，其中有一位高中班主任，我们全班对她都是又爱又怕，一个班的班风是在班刚组成是养成，那时必须把班风压正，以后就会好很多，很好管。平时，她都是和我们谈得很好，也耍得很好，她的原则很明确，只要我们不踩过她的底线，就什么事也没有，如果过了，就严厉惩罚，但惩罚“大多”也不会很让人痛苦怨恨，而是心理威慑，如果在外面学生犯了错，她会很耿直的挡下来。她还知道学生的想法，在不影响学习的前提下，并尽量满足（可以找几个学生谈话）。你可以慢慢琢磨，也许不一定一次成功，我们老师已经带过3个班了</t>
  </si>
  <si>
    <t xml:space="preserve">寻找一首乐曲的下载地址大家看了CCTV的模特大赛了吗？我觉得晚装 </t>
  </si>
  <si>
    <t>不知道呀，我也想知道呢！遗憾！</t>
  </si>
  <si>
    <t xml:space="preserve">衙署、大理寺、少府监、军器监、尚书省分别相当于现在的什么? </t>
  </si>
  <si>
    <t>衙署-衙门，政府机关办公的地方。大理寺-中央司法机构。掌司狱定刑，长官为大理寺卿。 少府-官名。唐代为县尉的通称 尚书省- 官署名。东汉设置﹐称尚书台﹐或称中台。南北朝时始称尚书省﹐下分各曹﹐为中央执行政务的总机构。尚书省与中书省﹑门下省合三省军器监大概是管理军用器械的职位吧。</t>
  </si>
  <si>
    <t xml:space="preserve">麻烦大家给我介绍一下光电鼠标的一些性能参数都是怎么回事？我想了解 </t>
  </si>
  <si>
    <t>首先，要了解光电鼠标的两个重要参数———光学分辨率和扫描频率。目前市场上光电鼠标的光学分辨率多数为400DPI和800DPI两种，其含义就是鼠标每移动2.54厘米的距离，光标在屏幕上移动的距离就是400像素和800像素。扫描频率主要是指光学扫描芯片每秒钟获得的快照的数量。这些快照会被信号处理系统进行分析，从而判断出鼠标移动的速度和方向。一般来说分辨率在400DPI，扫描频率在2000次左右在普通的办公应用中就已经够了。但是专家推荐游戏玩家和制图高手，需购买一款分辨率为800DPI，扫描频率在2500次以上的光电鼠标。选择品牌很重要鼠标属于耗材，正常的磨损是不可避免的，现在市场上普通品牌只提供3个月或1年的售后服务，罗技、微软、明基等一些知名鼠标厂商提供了3年甚至5年的售后服务。而且，知名厂商在产品的电器元件采用上都经过了严格的筛选和设计，如采用弹性优良的按键、符合人体工学理论的外形等。</t>
  </si>
  <si>
    <t xml:space="preserve">F1运动是何年开始兴起的？？F1有什么好看的？？ </t>
  </si>
  <si>
    <t>1950年。非常刺激，有机会体会一下就知道了。</t>
  </si>
  <si>
    <t xml:space="preserve">怎样练弹跳力 </t>
  </si>
  <si>
    <t>可以根据自己的身体情况来进行负重蛙跳,还有,要多练脚腕力量,那样可以防止受伤。刚开始负重时不要太重,等适应后再慢慢加重量,欲速则不达嘛!</t>
  </si>
  <si>
    <t xml:space="preserve">实买实卖的与保证金形式的买卖在盈利和亏损上有什么相同之处? </t>
  </si>
  <si>
    <t xml:space="preserve">实买实卖的与保证金形式的买卖在盈利和亏损的金额上是完全相同的，所不同的是投资者投入的资金在数量上的差距，实买实卖的要投入9万多美元，才能买卖12,500,000日元，而采用保证金的形式只需1千美元，两者投入的金额相差90多倍。因此，采取合约形式对投资者来说投入小、产出多，比较适合大众的投资，可以用较小的资金赢得较多的利润。　　但是，采取保证金形式买卖特别要注意的问题是，由于保证金的金额很小，运用的资金却十分庞大，而外汇汇价每日的波幅又很大，如果投资者在判断外汇走势方面失误，就很容易造成保证金的全军覆没。以上表为例，同样是100点的亏损幅度，投资者的1千美元就亏掉了680美元，如果日元继续贬值，投资者又没有及时采取措施，就要造成不仅保证金全部赔掉，而且还可能要追加投资。因此，高收益和高风险是对等的，但如果投资者方法得当，风险是可以管理和控制的。　　在合约现货外汇交易中，投资者还可能获得可观的利息收入。合约现货外汇的计息方法，不是以投资者实际的投资金额，而是以合约的金额计算。例如，投资者投入1万美元作保证金，共买了5个合约的英镑，那么，利息的计算不是按投资人投入的1万美元计算，而是按5个合约的英镑的总值计算，即英镑的合约价值乘合约数量（62,500英镑*5），这样一来，利息的收入就很可观了。当然，如果汇价不升反跌，那么，投资者虽然拿了利息，怎么也抵不了亏掉的价格变化的损失。　　财息兼收也不意味着买卖任何一种外币都有利息可收，只有买高息外币才有利息的收入，卖高息外币不仅没有利息收入，投资者还必须支付利息。由于各国的利息会经常调整，因此，不同时期不同货币的利息的支付或收取是不一样的，投资者要以从事外币交易的交易商公布的利息收取标准为依据。　　利息的计算公式有两种，一种是用于直接标价的外币，像日元、瑞士法郎等，另一种用于间接标价的外币，如欧元、英镑、澳元等 </t>
  </si>
  <si>
    <t xml:space="preserve">请推荐我一些歌曲！！！我要节奏很酷，听起来很轻松的歌曲，不要中文 </t>
  </si>
  <si>
    <t>buttonz -- The pussy  dolls feat snoop dogcalabria -- ENURfastlane -- Lindsay Lohanfreek a leek -- Petey Pablo gimme more -- Brithey Spears glamorous -- Fergiei dont wanna know -- Mario Winans feat P.Diddyin the end -- Linkin Parkits like that y'all -- Mariah Carey im a flirt -- R.Kelly feat  inlast night -- P.Diddymilk shake -- Kelis put your hands up for detroitrock your body -- MVP ft Stagga Leeshow me the money -- Petey pabloethe way i are -- Timbaland you make me sick -- Jill Scott现这些拉</t>
  </si>
  <si>
    <t xml:space="preserve">为什么电脑会自动关机电脑没有中病毒,电源也很稳定,但开机10分钟 </t>
  </si>
  <si>
    <t>一、先用杀毒软件查一下吧，冲击波或震荡波类似的病毒就会有这种现象二、进CMOS查看CPU热量正常否二、开机箱查看主板上的设置有无过热的，电脑系统过热会自动保护。（如CPU、显卡等）</t>
  </si>
  <si>
    <t xml:space="preserve">经典力学的难题：荡秋千物体的状态要改变必须有外力的作用。——惯性 </t>
  </si>
  <si>
    <t xml:space="preserve">  很佩服你有这样的问题  不知道你上几年级，所以无法给你细讲。  但要提示你的是，首先这个系统并非是孤立的，只是在外力作用下在x,y,z轴方向上的合外力均为零，但当人在秋千上晃动时，会改变自己的重心，若以绳端为转轴，可能会产生力矩（f*s)。其次，人的重心移动必定会做功，引起动能变化。最后还要考虑到中心移动瞬间产生冲量（F*t)。   当然上述现象会发生的根本原因就是这个系统根本不是孤立的，而是在重力及支持立下保持平衡。</t>
  </si>
  <si>
    <t xml:space="preserve">什么是电路回路我的房子快要装修了，在浏览一些装修的文章时，提到电 </t>
  </si>
  <si>
    <t>回路是物理---电学的一个基本概念。它一般指由电源、电键、用电器等构成的电流通路。单回路就是指一个负荷有一个供电电源的回路；双回路就是指一个负荷有2个供电电源的回路。一般,对供电可靠性要求高的企业,或地区重要变电站,均采用双回线供电,这样可保护其中一个电源因故停电,另一个电源可继续供电.但对一般的对供电可靠性要求不高的中小用户往往采用单电源供电.</t>
  </si>
  <si>
    <t xml:space="preserve">G的技能和命中问题G应该用哪些技能,还有怎么样提高3分的命中的技 </t>
  </si>
  <si>
    <t xml:space="preserve">背2 SS QE 扑球 这几个都是最起码的 其他的就自己的爱好了 3分技巧就是 在2个0度 2个45度 和90度多投 </t>
  </si>
  <si>
    <t xml:space="preserve">动画片《围棋少年》的主题曲是什么 </t>
  </si>
  <si>
    <t xml:space="preserve">主题曲 围棋少年 历经磨难 尝尽人间苦 熬过夜漫漫 围棋少年 立志向前 纹枰论道中 气随天地转 历炼 历炼 棋深深无底 心大大无边 历炼 历炼 寻正道弃邪念 黑白局中无界限 和谐 国运兴 棋运兴 天地轮回出英雄 和谐 奋斗一生不求名 化在人间和谐中 化在人间和谐中 围棋少年 历经磨难 尝尽人间苦 熬过夜漫漫 围棋少年 立志向前 纹枰论道中 气随天地转 </t>
  </si>
  <si>
    <t xml:space="preserve">我是双子座，上升星座是巨蟹座，这代表什么含义 </t>
  </si>
  <si>
    <t xml:space="preserve">太阳在双子座 高智慧，具有多面性的你，起因於发达的大脑与神经，你的能力并不属於＂心″的。而且非常敏感，本质上是紧张大师型的。因此多休息对你来说是有益的。你通常身体并不是粗壮型的，假如太阳相位不佳则有可能罹患肺部方面的毛病。你拥有良好的智能与记忆力，但除非其他星座的特殊指示，你个人并非具有创新的能力。然而你的学识丰富而正确、敏锐的感悟力和直觉；在写作及言语方面亦有如行云流水般新颖且川流不息，辩论老手的你是非常讲理性的。 　　在你多才多艺的技能之下，你喜爱扮演着多面且善变的角色；你藉由同时过着两种不同生活，享受两面人生而感到满足。不论在工作、嗜好、娱乐甚至恋爱方面，你个人常同时拥有两个或更多的对象。 　　阴性一面的双子座可能因为这种多重性格的倾向，可能导致做事多头马车，看事物流於过份的浅薄，於是无法专注完成某一项事业，而缺乏成就感，造成对时间莫名的浪费。不但如此你也无法忍受长久而单调的工作。 　　另一方面阳性的双子座则显示了惊人的能力，视野开阔见解正确，富於实行力且会是一位有能力的主管。这样的人是值得信赖的。但阴阳两面的双子座的人都给人一种踌躇不前，忧柔寡断的感觉。 　　一般而言，你是富於变化的，随性的，在工作上能随时变更计划表，以便更有效率地完成工作。 　　通常你很能忍受家庭生活，但并非全心贯注於其中，对亲戚配偶间可能采取一种轻松肤浅的态度，因你是受理智所控制，除非其他星位图可抵消此一倾向，你是不易动感情的。也许会倾向於玩弄感情；但这并不是你的本性，正因如此你很少经历刻骨铭心的感情。 　　占星学上双子座管理人体的手臂、上呼吸道、人体神经末稍、及脑中控制思想能力的部份。所以你的双手特别灵敏，假如你有抽烟的习惯，并不足为奇；因为使用手与肺是你的习性。假使太阳的位置不良，则染患肺癌的危险性会增加。  上升星座在巨蟹座  上升星座所显示是你出生时所选取的“面具”。在传统的西洋占星学中，上升星座被认为是用来表示“诞生”及“肉体”。这是你在这个世上所戴的第一个“面具”，表示肉体上的特徵或印象等。 　　你出生时所配戴的面具是“母亲”。给人的印象是有点怕生的倾向，但很容易亲近，是非常亲切而勤奋的人。言行举止常受情绪的影响，但也惹人喜爱。同类意识非常强，在团体中常想庇护弱者。 　　圆脸，手脚较短，个子也不高。但整体而言，给人一种富有人情味、可爱的印象。 　　可是，你有将自己的感情和自己本身视为一体的倾向。全凭自己的好恶来判断别人的人格，而且毫无理由的突然改变态度。还有，一旦感情遭到伤害，可能要拖很久才能抚平伤痛。 　　你的感情就是你的“面具”，请务必妥善控制。 属於此上升星座的着名人士 　　达利、爱因斯坦、纪伯伦（诗人）等。这几位都有丰富的想像力和感受性，而感情的波涛也十足的像个巨蟹座。    </t>
  </si>
  <si>
    <t xml:space="preserve">宝宝不喜欢上幼儿园怎么办？向@孙玉华老师提问：您好，我家宝宝三岁 </t>
  </si>
  <si>
    <t>父母可以和老师了解一下孩子在幼儿园的情况，不要在原则问题上退缩。在送孩子去幼儿园的路上可以和孩子多聊一聊在幼儿园高兴的事情和每天发生的新鲜的事儿，让孩子慢慢感觉到上学的乐趣。</t>
  </si>
  <si>
    <t xml:space="preserve">狗狗喘的厉害是不是因为天气太热犯心脏病了或者犯哮喘了。。。？看的 </t>
  </si>
  <si>
    <t>浪费钱，宠得利害，狗就没什么用，还比不上农村的狗，体质好，还可以干活，像小时我就看过人家的狗去买菜。</t>
  </si>
  <si>
    <t xml:space="preserve">请教对法甲开盘较准确的公司有哪些比如意甲较熟的是snai德甲是o </t>
  </si>
  <si>
    <t>对法甲开盘较准确的公司有哪些 ====== 威廉希尔 和 立博我一般是看：威廉希尔 和 立博威廉和立博对英超之所以把握好是因为是本土公司，而法甲的本土博彩公司肯定有，但太不起眼，几乎没有任何知名度！所以竞猜法甲的比赛我们还是得依赖欧洲四大权威博彩公司，特别是威廉和立博。这两家公司之所以权威，最最主要的是它们对于别国联赛的把握上异常精准，这也是它们远远高于Sani和Oddset的根本原因所在！</t>
  </si>
  <si>
    <t xml:space="preserve">关于（水利水电土建工程合同条件）问题在履行《水利水电土建工程合同 </t>
  </si>
  <si>
    <t>在履行《水利水电土建工程合同条件&gt;&gt;合同过程中，发包方提出赶工期，是违约行为！发包方提出高于合同中要求的技术条款，也是违约行为！</t>
  </si>
  <si>
    <t xml:space="preserve">请问围棋判断胜负的规则，中日有何差别？为什么中国黑棋减3又3/4? </t>
  </si>
  <si>
    <t>日本韩国都是贴6目半，没有7目半。贴7目半的说法是因为中国的贴3又3/4子可以折算为7目半。中国规则之所以贴3又3/4子是因为中国规则要收完单官，所以一半的情况下会出现黑棋下最后一步棋的情况，这样等于黑多下一个子(因为黑棋先下)，占了便宜，这个时候还贴3又1/4子（等于6目半）对黑棋有利（和贴2又3/4子即5目半没有区别）。所以中国规则是大贴目。除了三劫或四劫甚至更多劫循环是平局外，还有一些特例也可以判平局。如长生、双提两子等全局同形再现的罕见特例。</t>
  </si>
  <si>
    <t xml:space="preserve">我想在５１７３买我想要的东西　但是没看到有卖　请问怎么才能买到 </t>
  </si>
  <si>
    <t>你玩游戏时可以在交易或全体中喊，有人想卖你的，然后再你们商谈。你们商谈好后，可以让他挂5173上，也可以用游戏币，也可以易货交易。</t>
  </si>
  <si>
    <t xml:space="preserve">请问狩猎者！！我有必要把上投先锋转换为阿尔法吗？？那天意转为天瑞 </t>
  </si>
  <si>
    <t>必要把上投先锋转换为阿尔法吗 ?-----暂时等待！天意转为天瑞吗 ？ --------可以！参考！</t>
  </si>
  <si>
    <t xml:space="preserve">戴了金耳钉耳洞还是发炎怎么办耳洞戴别的耳钉总是痒，有时候还会发炎 </t>
  </si>
  <si>
    <t>忘了说如果发炎了就不要佩戴了，暂时戴两根大小合适的茶叶梗，用棉签粘一些温茶水洗洗伤口再擦一些眼药膏，眼药膏消炎效果很好的。每天早晚要两次，戴茶叶梗是为了不让伤口难愈而且伤口好了但又长成肉那样又要去打耳洞。</t>
  </si>
  <si>
    <t xml:space="preserve">为什么会有抑郁症，应该怎样治疗？ </t>
  </si>
  <si>
    <t>抑郁症可能由多种原因引起，最好到医院做进一步的检查，以便更及时的进行有效的治疗。建议采用中医治疗结合现代技术可以将中药成份渗透进入对应病灶部位，修复受损神经系统，对人体的伤害小，愈后也不易复发。祝你早日康复!疾病不易治愈且容易复发的主要原因是没有去除心理因素,药物只是控制了疾病的某些症状,当遇到社会心理因素的激发时又可能复发，因此建议最好采用中药配合心理治疗可以达到很好的治疗效果，中药可以起到调理情绪,醒脑开窍、疏肝涤痰、调理气血,调整机体的脏腑功能及平衡阴阳的作用。服用中药治疗逐渐减掉西药。中药副作用小、标本兼治。中药没有依赖性,而且可以对抗西药的副作用，调理长期服用西药后的身体状况,调理脏腑机能,固本培元,达到治愈的目的。同时配合心理治疗从根本上治疗疾病，才能取得满意的治疗效果，疾病反复发作的原因就是没有治疗心理因素，只有去除心理因素，才能达到根治。抑郁症需要长期治疗，冰冻三尺，非一日之寒，严重的抑郁症也是日积月累发展而来，不是一下就能治好的。目前治疗抑郁症的方法有很多，一般情况采用药物治疗，一些抗抑郁的药物对治疗抑郁症是有些帮助的，不过治标不治病，根本不能根治。还是要去医院向专家咨询。</t>
  </si>
  <si>
    <t>【今日焦点】请冷静!愤怒的罗俊作者:傻二2008</t>
  </si>
  <si>
    <t>向敢于讲真话的罗俊先生致敬!!!人民拥护你!</t>
  </si>
  <si>
    <t xml:space="preserve">完美世界39级修真任务要求多少声望啊？任务内容是什么，好做吗？我 </t>
  </si>
  <si>
    <t>1.大概170声望需要打的BOSS,冥狼之王,任务很简单,看着任务做便可 2.猛毒僵尸在组龙城西的矿场附近 3.每去一个地方必须点一下传送师才会有传送路线,有了传送点而且还不能传送你想去的地方那就是必须要到别的传送点才行 4.有的技能释放是需要元气的,就是在左上角人物经验条,(下面的黄色条)每次打怪都可以获得元气的</t>
  </si>
  <si>
    <t xml:space="preserve">冬蓉馅的做法 </t>
  </si>
  <si>
    <t>冬蓉酥内馅：糖冬瓜30克剁碎、炒白芝麻20克、糯米粉60克、练奶30克、白砂糖20克、色拉油2汤匙、清水70克。内馅做法：1、70克清水加糖、色拉油煮滚至糖融化。           2、转小火，一次过倒入糯米粉、炒白芝麻、糖冬瓜碎、练奶。           3、搅拌均匀为内馅。           4、将内馅放入保鲜盒待凉，放入冰箱冷冻室30分钟。           5、取出，分成9份待用。  油皮材料：低筋面粉100克、猪油30克、白砂糖20克、清水40克。 做法：1、将白糖放入开水中融化为糖水。       2、将猪油倒入低筋面粉里，加入糖水揉成油皮，分成9份用保鲜膜盖好，静置20分钟。 油酥材料：低筋面粉60克、猪油30克。 做法：1、将猪油倒入低筋面粉里，揉成油酥，分成9份也用保鲜膜盖好，静置20分钟。  饼皮做法：1、将一份油皮用手压成圆形，放入一份油酥包好，收口向下。           2、用擀面杖擀成长形，然后卷起成面卷。           3、将面卷竖放在案板上，用手压扁，包入一份内馅，收口向下。           4、用手掌搓成圆形压扁成饼胚，放入烤盘。           5、最后刷上蛋液，加入少许炒白芝麻。  烤箱预热上下火200度，放入饼烤20分钟即可。</t>
  </si>
  <si>
    <t xml:space="preserve">深圳哪里有资生堂的专柜啊？我想买泊美的乳液~ </t>
  </si>
  <si>
    <t>群星广场一楼茂业百货华强北店一楼东门天虹商场二楼华强北曼哈广场有资生堂的专柜，可以买到泊美的乳液。我在群星广场一楼买过。</t>
  </si>
  <si>
    <t xml:space="preserve">给爱情下个定义什么是爱情？ </t>
  </si>
  <si>
    <t>爱在左，情在右！爱情很单纯！</t>
  </si>
  <si>
    <t xml:space="preserve">一个生活问题？就是一个人,去饭店吃饭,然后要一碗面条但是面条和饺 </t>
  </si>
  <si>
    <t>既然你没吃面条,那请你把面条还给我吧,谢谢.</t>
  </si>
  <si>
    <t>宝宝能吃饺子吗</t>
  </si>
  <si>
    <t>吃些没问题的，只是孩子比较小，如果要给宝宝连皮带馅的吃最好给宝宝单做，大人吃的饺子馅一般都放盐和酱油比较多，；一岁以内的宝宝最好少吃酱油，能不吃就不吃，盐的用量也要掌握好，要不然宝宝吃惯了咸味浓的食物会影响他吃奶和其他辅食，而且宝宝吃得太咸了也不好。</t>
  </si>
  <si>
    <t xml:space="preserve">紧急求救！600629棱光实业是卖还是持股9.19后我买了600 </t>
  </si>
  <si>
    <t>600629向下看前低支撑，向上看9.50元突破能力，先观望看9.50元吧</t>
  </si>
  <si>
    <t xml:space="preserve">请教买游戏王Z卡片去动漫店里买都是卡包或大盒的卖卡包14元,大盒 </t>
  </si>
  <si>
    <t>我们这里漫画书店里有卖那种日文原版的，大概30一盒，卡包5元，不过买这个能比赛吗？如果只是玩学校门口有小贩5毛钱一大堆，当然质量不好</t>
  </si>
  <si>
    <t xml:space="preserve">求救挖。。！我是90年出生的，前天刚过了18岁生日。问防沉迷什么 </t>
  </si>
  <si>
    <t>强烈建议，把你爸妈的身份证号码拿来使用,登记就用他们的资料登记,这样出了问题也好办,拿来复印就OK了</t>
  </si>
  <si>
    <t xml:space="preserve">我现在双采```我是一个盗贼也60级了``我学了挖矿和采药都30 </t>
  </si>
  <si>
    <t>艾萨拉，东泉谷,东西瘟,采矿采药都适合燃烧平原，深渊采矿.采矿.厄运,费伍德采药.你多看一些这方面的帖子,有的帖子上有图,标出了矿或的刷新点,你可以找一个刷新点密集的地方,采上一圈,打会怪,然后觉得差不多刷了再去采.还有不知道你装的什么插件,有的插件在你采完矿或药后,它就会在地图上留下标,以后转到这附近就知道有矿或花.另外说到赚钱就忍不住想多说几句,我前几天看了篇帖子,就是练N多小号来赚钱那篇,如果你以后有多一些G了也比较有时间,就练个小号,学练金,练到35级就可以了,35级可以学大师了,你想你现在采药,不也是被练金商们收去了,真正赚钱的是他们,而且他们付出的时间比你少很多.你的小号学了练金一是靠做药水赚钱,还有就是点奥金,你挖矿挖出来的奥水,一部分可以直接卖,另一部分可以自己点成奥金卖,比直接卖奥水又多赚一部分.再另外,你建一个5级小号,5级可以学FM.你打怪打出来的绿装,直接扔商店,卖不了多少钱,放拍卖,高的没人买,低了还不够拍卖费呢.不如直接寄给小号,让小号来分解,FM材料的价格可是不低的,而且FM材料放拍卖,不要保管费,你就24小时的往里扔吧.其实我认为的赚钱不单是打怪或者采集,很多途径可以赚钱,而且相互关联,那么为什么不赚呢.</t>
  </si>
  <si>
    <t xml:space="preserve">小学五年级下册数学用6个棱长3cm的正方形拼成一个长方形，这个长 </t>
  </si>
  <si>
    <t>题目出的有问题,首先正方形只有"边",正方体才有"棱长".同理,平面图形只有"面积",立体图形才有"表面积"======================================================1: □□□□□□(依题意应该是看做立体图形) 其中第一块和最后一块分别遮挡1个面,其余都被遮挡2个面的面积(遮挡10个面),所以共有26个面 26*3*3=2342:□□□□□□(同1解释) 互相被遮挡有14个面,所以共有22个面.22*3*3=198=======================================================如果没有空间想象能力的话,可以借用身边的物品来做示范.如用一些瓶盖或硬币,小盒子等.</t>
  </si>
  <si>
    <t xml:space="preserve">关于刷狐狸的问题几级可以去刷，什么职业都可以刷吗？偶是WX还有为 </t>
  </si>
  <si>
    <t>狐狸是60级的怪，火属性，组队的人越多，经验刷的越快，组队关键是要看队伍中的人是不是都是诚心刷经验的，如果全都是那大家的效率都高，经验刷的都快。狐狸好像全职业都可以刷，有毛毛更好啊，至少可以加状态和加血。不过刷狐狸有个潜规则，那就是谁打到的东西归谁，不要乱了规矩哦。58级左右应该就可以刷拉，三个职业的出生地都有狐狸，但是不主动攻击，最好刷。</t>
  </si>
  <si>
    <t xml:space="preserve">写考试时紧张的好句要好的! </t>
  </si>
  <si>
    <t xml:space="preserve">教师里安静的掉一根针都听得见     </t>
  </si>
  <si>
    <t xml:space="preserve">请说一说鲁迅在你心目中的形象。 </t>
  </si>
  <si>
    <t>写的文章没有多大的文学价值，但对当时的社会讽刺的很深刻，对人的精神有鼓舞作用。在我看来，他算不上文学大师，但他是一个勇士，敢与当时黑暗社会作斗争的勇士。</t>
  </si>
  <si>
    <t xml:space="preserve">360的恶评插件我用360查恶评插件，有三个怎么也杀不掉，请大家 </t>
  </si>
  <si>
    <t>建议你下载windows清理助手查杀木马和恶意软件： 下载地址：  1、下载安装后，首先升级到最新版本，然后退出正常模式并重启按F8进入到安全模式，在安全模式中。 2、打开软件，点击“系统扫描”，对扫描结果全选，然后点击“执行清理”按钮，如果问你是否备份，选择“是”（为了防止万一，如果清理后系统没有异常，就删除备份），按提示进行操作即可（如果提示重启电脑，一定要重启）对于难清除的木马，你要有耐心，要反复一遍一遍清除，直至彻底清除（我最长时间用了2-3小时才将木马清除干净）。</t>
  </si>
  <si>
    <t xml:space="preserve">发一次算羊颠疯吗发一次有点像羊颠疯就一定是羊颠疯吗？？ </t>
  </si>
  <si>
    <t>“羊颠疯”是癫痫的俗称，表象可能是短暂的意识丧失、休克，但是不能单纯以症状来确定是否是癫痫，还应去做脑电图，癫痫是伴随是脑电波异常的。</t>
  </si>
  <si>
    <t xml:space="preserve">我到底应该怎样做才能使我们的更加融洽自从知道老公在外面有一个特别 </t>
  </si>
  <si>
    <t xml:space="preserve">  听了你的叙述，我感到你是一个看事很明了，分析事情很透彻的女性。遇到苦恼能够依旧保持镇静，这是十分难得的，这样处理起事情才不致失之于偏颇。  在你争取他回心转意时，我倒不妨劝你多考虑一下，考虑考虑在你们的这些年里，他对你是否有不满意之处？他喜欢你什么？不喜欢你什么？他有什么不为你理解，并感到失望之事，如果你找到了，看看是否可以调整？这样观察与调整也许辉比一味地忍耐，苦苦的期盼要积极一些。你还年轻，路还很长，想法调整一下自己的情绪，寻找自己的精神寄托尤为重要。所谓“失之东篱，补之桑榆”，也许不乏一定道理。想办法转移一下情绪，不要沉溺于情感的痛苦之中，这是尤为重要的事。而且最后我觉得做为一个比较理智的新时代女性，在面对丈夫婚外恋的时候呢，你先考虑你是不是真的爱他如果答案很肯定的话呢，我觉得你做的也就只有靠自己的真情，去换回往日的情感。因为一般的这种婚外情的感情基础不是很坚固，而你跟你的丈夫相处的时间也有那么长了，所以你首先要对自己有信心而且也不要一味的去，比较：我对他那么好了，为什么他还是要那么对我？如果你要做比较的话呢，只会导致你的心理失去平衡，最后也会导致你对你的丈夫完全失去信心。所以我希望你能够用自己的真情去换取往日的幸福！最后我希望你的将来会有一个幸福美满婚姻！！！！：）</t>
  </si>
  <si>
    <t xml:space="preserve">为什么我的相册打不开了，页面空白，怎么回事 </t>
  </si>
  <si>
    <t xml:space="preserve">随着新浪博客新用户的逐渐增多，必须要经常的升级维护。出现一些意想不到的问题属于正常现象，部分用户会受到影响 。1，搜索blog时遇到的问题；点击了很多的blog地址然后都出现新页面错误提示，例如：你搜索的用户不存在，或是网页已过期，建议您用其他方法搜索等等……2，登陆blog时遇到的问题；错误提示，例如：无法到服务器，密码错误，验证码错误等等……，3，登陆blog后遇到的问题；即便进入了blog内，一些特效设置有时也会暂时性的无法显示，包括图片（出现红叉）、特效flash的url链接不上、无法显示评论和留言板块里的内容等等……，还会出现点击察看文章或其他内容时也出现错误提示：无法显示该网页，对不起，您访问的文章不存在或者已被作者删除等等一系列的出错提示。不过一些老的blog用户对此现象早就习惯了， 因为这对博客是不会造成其他不利影响的， 顶多是一时半会儿的事情，耐心的等等就好了，也许是今天也许是明天，就又恢复了，内容是不会丢失或改变的，别着急，会好的。另一种办法：给新浪博客信箱发邮件或给他们留言,很快会得到解决的.留言板: 信箱:sinablog@ 如果想把自己BLOG页面装饰的漂亮点，我这里有数百种装饰代码，和详细的使用方法，以及数千张背景图片素材供你选择，希望能对你有所帮助；欢迎光临我的博客： </t>
  </si>
  <si>
    <t xml:space="preserve">请问有什么关于兄弟题材的电影或电视剧吗？古今中外都包括，就像《燃 </t>
  </si>
  <si>
    <t>难兄难弟　　绝对经典国产　　港片　　国外　　都有这部电影　３部我都看过　都很好！！！！</t>
  </si>
  <si>
    <t xml:space="preserve">热刺~~该进球了~~乖~！！1:0~~~GO~~~ </t>
  </si>
  <si>
    <t xml:space="preserve">血都被吸干了啊!!! </t>
  </si>
  <si>
    <t xml:space="preserve">最近为什么不能申请QQ号请帮忙 </t>
  </si>
  <si>
    <t>许多人都抱怨申请不到,可我就是感觉不到。我的方法,屡试不爽!你可试试看。登陆 ,选择男女,能填简单的决不填复杂的(申请成功后再改),qq什么都可改,只有qq号不能改。每次提交时,一定要仔细核对验证码。昵称和密码,我是举例。也就是说你可设成2或22或222随你。申请结束后立刻登陆修改。如果在申请时修改,可能因为时间的关系验证吗的变动,增加了申请难度!祝你愉快!请摘录者注明出处,谢谢</t>
  </si>
  <si>
    <t xml:space="preserve">湖南人文科技学院，怀化学院，邵阳学院，湘南学院哪个好~？急！！！? </t>
  </si>
  <si>
    <t>建议先选好专业，然后再选学校。有的学校名气大，但有的专业不一定行。</t>
  </si>
  <si>
    <t xml:space="preserve">小女子改名啊~~大家帮帮忙姓尹我呢叫尹佳舒由于音译所以要该名可是 </t>
  </si>
  <si>
    <t>取名的关键是找对用神弥补其八字先天不足！此命己土生于卯月，以身弱论命。五行以火、土为喜用。从喜用来看，尹晗尚可，但三才五格数理搭配较差。</t>
  </si>
  <si>
    <t xml:space="preserve">我家宝宝咳嗽有痰流黄鼻涕声音有些嘶哑，请问是什么毛病该如何治疗呢 </t>
  </si>
  <si>
    <t>用小儿止咳糖浆</t>
  </si>
  <si>
    <t xml:space="preserve">老妈最近学电子琴，老年人记忆力差，我就让老妈用手机录音，结果回来? </t>
  </si>
  <si>
    <t>爱国者钢琴王配置了可插拔的自锁式专业立体声麦克风，不仅大幅增加了音频的采集范围，更加大了中远距离录音效果，音质层次丰富，立体感极强，完美还原现场感。同时，机身显示屏为一块 128 × 128 点阵高亮度的彩色 OLED 液晶，其分辨率相当于一款标准手机，日光下也能清晰显示屏幕信息，且最高可以显示 8 行文字，所录信息一目了然。老年人的老花眼使用这个，不会因为看不见而无法操作录音。</t>
  </si>
  <si>
    <t xml:space="preserve">你会爱上一个比自己大10岁的离婚女人吗？我的朋友之前就有过一段婚 </t>
  </si>
  <si>
    <t>这种事，别人不好劝的。如果俩人真的结婚了，你们这些劝的人都没法来往了。自己的路让他自己走吧……</t>
  </si>
  <si>
    <t xml:space="preserve">请问32级的神使到巨人洞真的能打吗? </t>
  </si>
  <si>
    <t>升级别想了，估计能降级。任何怪都可以妙杀你</t>
  </si>
  <si>
    <t xml:space="preserve">儿歌月亮奶奶，好吃韭菜，韭菜囊辣，好吃黄瓜，黄瓜有种，、、、、门 </t>
  </si>
  <si>
    <t>你是想教宝宝唱儿歌吗？你可教她简单不要太长的儿歌，比如：小白兔白又白，两只耳朵竖起来，爱吃萝卜爱吃菜，蹦蹦跳跳真可爱。要边唱边做动作给她看，这样她才会有兴趣，你也可以到新华书店买儿歌教她，我女儿现在22个月了，会唱不少儿歌呢，我从她2个月的时候就开始给她听音乐，现在一听音乐就一个人站在那里跳啊唱啊。希望你的宝宝活泼可爱，每天快快乐乐的。</t>
  </si>
  <si>
    <t xml:space="preserve">请问用羊城通搭地铁能不能一张卡两个人用就是入站嘀两下出站再嘀两下 </t>
  </si>
  <si>
    <t xml:space="preserve">不行的，因为羊城通的使用功能已经设置好一卡一人，所以不能一卡两人用。这是羊城通使用中常见问题的回答：16、一卡能否给多人付费？ 不能。基于目前公交车上的拥挤状况，为避免发生误扣费等情况，减少司机乘客之间的纠纷，系统设定使用“一卡一人”付费模式，以保障乘客利益。详细的使用介绍你可以到羊城通公司页面浏览： </t>
  </si>
  <si>
    <t xml:space="preserve">贼的问题请问下，战斗贼,出血贼,封印贼,匕首贼哪个对装备的需求要 </t>
  </si>
  <si>
    <t>你的目的是什么啊打钱来说对装备的要求应该是战斗贼要少些吧,野外打钱战斗贼更容易些RAID和PK,不好说,意识比装备重要的多我对这几种盗贼的理解是战斗贼,野外打钱第一,FB输出仅次于战斗匕首,打BOSS时尤其明显,同水平同级别装备的话,战斗匕首比战斗剑输出更高出血贼,PK有一定优势,FB输出不高,但是对团队整体实力有提高匕首贼,PK控制力很强,战斗匕首的爆发力不错,FB输出的王者封印贼,攒星很快,适合那些喜欢多用终结技的人</t>
  </si>
  <si>
    <t xml:space="preserve">断位漂移啊我老断撞再墙上怎么高啊SHIFT要轻? </t>
  </si>
  <si>
    <t>不知道如果你往右段位（车头向右）的时候是撞倒左边还是右边？如果装到左边，那就说明你漂移的时候车子太靠左了或者回车头速度太快，你可以试着稍靠右一点漂移或者等漂移过一会在回车头或者票的狠一点。如果装到右边，那就正好相反，稍靠左一点漂移或者等漂移少过一会在回车头或者票的轻一点。</t>
  </si>
  <si>
    <t xml:space="preserve">征途系统的问题我刚才[6时18分]在征途策马江湖登陆游戏LD后, </t>
  </si>
  <si>
    <t>这事我也有过  刚进去时点1下那个等待画面 就=进入吧 要是不行 多试几次就好了</t>
  </si>
  <si>
    <t xml:space="preserve">这种症状是消化不良吗？白天的时候胃口很不舒服，向喝了啤酒似的打嗝 </t>
  </si>
  <si>
    <t>建议：乳酸菌素片因为它的主治是：消化不良、腹泻、恶心。我觉得对你症了</t>
  </si>
  <si>
    <t xml:space="preserve">南京的的盐水鸭现在怎么卖啊？谢谢了！ </t>
  </si>
  <si>
    <t>按只卖的最便宜的32元每只，贵的48元，每只约900-1000克。散装的大约18元每斤。</t>
  </si>
  <si>
    <t xml:space="preserve">在家里怎样自制泡菜？ </t>
  </si>
  <si>
    <t>1》东北酸菜原料：大白菜, 一定要挑好的大白菜。个大、心很实的白菜是最佳选择。调料：盐（好像不放也行）腌制：将白菜洗净后（或是只把外层去掉就可以了），然后从中间将白菜劈开成2瓣，好让水分渗透，也好摆放。然后一棵棵一层层转圈摆好摆实，每层可以适当放些盐，要压得很实很实，菜与菜之间不留空隙，摆好之后在最顶层白菜上压一块大石头。然后倒进生水。一个月后（有的地区20天左右），酸菜就腌好了，如果放酸菜缸的地方稍凉的话，能放很久也不坏，吃时随吃随取。说明加注意：1、白菜很重要，不是什么地区的白菜腌出来都好吃，同一地区的品种也不一样2、酸菜缸不要放在热的地方，凉一些，保证不结冰就行3、用那种农村装水的大缸最好4、一定不要将油不小心弄到酸菜缸里，酸菜会坏5、不是什么地区的气候都适合腌酸菜，中国地区就东北的气候最好。在黄河靠北一点地区的酸菜和东北的味道就相差甚远_6、不是什么时候都可以腌，在东北至少要等到立冬过后才可以腌7、现在有卖一种叫“酸菜鲜”，类似于酵母的东西，洒在缸里据说腌出来的会好吃。8、大部份饭馆里的酸菜不好。因为不知道是用什么物质制成，1，2天酸菜就速成，而且非常难吃，类似于醋酸的味道，根本就不是酸菜味。9、有的人用硝酸盐及亚硝酸盐腌酸菜、咸菜、咸鱼、咸肉、烟熏食物等，就像豆芽说的容易中毒。至于天然腌制的酸菜是否会中毒，我就不知道了。10、有的人不能吃太多，酸菜火气大，容易上火1》朝鲜辣白菜原料：大白菜，盐，白醋，白糖，大蒜，蒜蓉辣酱，鸡精制法：大白菜用清水洗净，菜帮切成15mm见方的块，菜叶可切大些，放容器内加适量盐、多量白醋（用美国超市内常见的水果醋vinegar又便宜又好用）搅拌放置一小时，进味后倒去醋水，加白糖、蒜末、辣酱、鸡精拌匀即可装盘上桌（辅料多少以各人口味而异）。制作快捷，酸辣爽口。2》异国菜--辣白菜 原料：白菜2公斤、萝卜500克、辣椒面20克、水芹菜5克、辣椒面20克、虾酱20克、梨200克、姜末5克、精盐50克制作：（1）白菜收拾干净后，大的切一半用10%的盐水腌24小时左右。辣椒面和水以1：1.2的比例搅拌均匀后备用。将萝卜的1/3部分切成丝，剩下的切成两三块。把梨切成大块，把水芹菜切成3厘米长度。（2）白菜丝中放入拌匀的辣椒面和白糖、虾酱、蒜、梨、水芹菜、姜、葱、精盐拌匀，做成泡菜调料。（3）把腌好的白菜洗净后，白菜叶之间均匀地抹上泡菜调料。在缸里铺上一层萝卜，撒一点精盐，将白菜的切开面向上放，然后放萝卜，这样重复几次，直到填满为止。最后覆一层白菜帮压上石头，三天后倒入辣白菜汤，密封保存。大约三星期后，待辣白菜腌下味以后，切成3～4厘米的段条放到盘子里，然后倒入一点辣白菜汤即可食用。1》泡菜的腌制方法腌泡菜，首先得买一个泡菜坛子（这种坛子比较特殊，坛口周围有一圈凹形托盘，可以盛水，坛口带有钵形盖，托盘放水盖盖即可密封。1、先将坛子洗净晾干，装入冷开水，加食盐（一碗水放一匙盐），2、可加花椒、大蒜、辣椒。3、将要泡的菜如萝卜、大白菜心、刀豆、豇豆、莴笋、辣椒、黄瓜、佛手瓜等，洗净、切块、晾干，放入坛中。4、盖好盖，倒水密封，放在阴凉的地方。大约一星期即可食用。泡菜吃完后，可再往里续新菜。5、味道嫌淡，可再加一些盐和盐水。若嫌酸、可加少许白酒。2》正宗的韓?莶?图)主要材料：大白菜3顆、白蘿蔔2?l 配料：辣椒粉半包、蔥5棵、薑泥約2大匙、蒜泥約半杯、糖1小匙 作法：1、把大白菜切成中?K，用鹽水泡約半天，（泡?即可） 2、蘿蔔刨絲，蔥切段 3、用一??大盆子把大白菜?r乾,加入蘿蔔絲及蔥、薑泥、蒜泥及糖、辣椒粉拌??4、保鮮盒裝好,放約一??晚上(出水)後,放到冰箱中，吃?r取出一些即可,注意不可沾到生水。 註： 1、冬天?r，?放約一整天，也就是等到出水後，才可放到冰箱 2、辣椒粉是韓?匮u，在台??]有，但可以郵? 3、做好的泡菜可以煮泡菜麵、泡菜火?及泡菜水?。3》韩国泡菜的材料和做法如下：准备材料:1.白菜--白菜绿叶多，表皮薄，叶子密实，没有过多需要去除的外层叶子，看起来既干净又新鲜的为上选。储藏白菜以有绿叶，看起来新鲜的白菜为宜，新产的白菜越大越好，秋季白菜以大小适中，结球程度好，重量重的为好。白菜不仅含有丰富的维生素或矿物质，还含有各种具有多种药理作用的成分。据学术论文发表，白菜中含有的methyLmethionine是蛋氨酸的生物活性物质，对动脉硬化症具有疗效，而methyLsysteinsuLfoxid具有强化胆固醇的效果。2. 萝卜--萝卜主要由水分组成，含有丰富的维生素C和消化酶—淀粉糖化酶素，若生吃，则有助于消化。与萝卜心相比，维生素C主要分布在萝卜皮上，因此最好不要削皮，洗净后食用。萝卜以粗大而均匀、无疤痕、新鲜、色泽光润、肉质结实柔软、不太辣、有甜味的为上选。3.辣椒--辣椒除胡萝卜素和维生素C之外，还含有多种成分。辣椒素具有杀菌及除菌作用，能够促进唾液或胃液的分泌，促进消化。此外，还具有提高体内各种代谢作用。腌制泡菜时使用的辣椒面宜选用在阳光底下晒干的色泽鲜红、肉质厚、表皮光润的尖椒。4.大蒜--大蒜的源产地是中亚地区，是属于百合科的葱类，蒜头在地下。蒜头被淡褐色的蒜皮包围，内部有5~6个小蒜瓣。普通农家栽培的代表性的土产品种是作为晚熟品种的六瓣蒜和多瓣蒜，以及长茎蒜。制作泡菜时多使用味道辛辣的多瓣蒜，而制作咸蒜或使用蒜叶时多使用长茎蒜。蒜中的主要刺激成分 — 丙亚硫酸盐的杀菌力为碳酸的15倍，具有促进新陈代谢，镇痛、便秘、解毒等各种作用。5.葱--普通蔬菜是碱性，但葱含有丰富的硫磺，属于酸性食品。葱是难以储藏的蔬菜，含水量为80%左右。葱的绿色部分还含有丰富的维生素A和C。因为葱的刺激成分中含有硫磺和丙化合物，具有杀菌、杀虫效果。大葱挑选根茎粗大而新鲜的，细葱挑选叶子短而新鲜的。两种葱同以葱白部分长而粗，有光泽的为宜。6.生姜--生姜与食醋、酱油、盐、蜂蜜等相合，不损伤食品固有的味道。水分占80%左右，含有丰富的无机物。具有特有的香味和辛辣味道，其中辛辣味出自名为生姜素的物质，具有健胃发汗的特效，还有助于。瓣粗大、曲折不多，表皮薄而透明，纤维少的生姜不辛辣、水分多而柔软。7.刺海松--是寄生在浅海边的绿藻类，整体呈深绿色，触感较光滑，钙和磷的含量比适中。腌制储藏白菜时使用。8.盐--盐在人类至今所利用的调味品中历史最悠久、最重要的。因为盐不仅调节食品的咸淡，在营养或生理等方面都是其他物质无法代替的。人体吸收的盐转化为钠和氯气，进入血液、消化液、组织液发挥渗透压作用，并参与酸度调节和神经肌肉的兴奋性调节。9. 鱼虾酱汁--是一种储藏发酵食品，储藏期间蛋白质分解为氨基酸，生成固有的味道和香气。鲜鱼的刺分解为易于吸收的钙，脂肪转化为挥发性脂肪酸，生成酱汁特有的味道和香气。鱼虾酱汁作为优质的蛋白质和钙、脂肪质的供应源，是钙含量高的碱性食品，具有中和体液的重要作用。使用最普遍的虾酱，因脂肪少，所以清淡，凤尾鱼酱的脂肪和所需氨基酸的含量和热量最高。步骤： 第一步：买5斤大白菜，分成一片一片的，用适量的盐腌起来，放大约15-24小时，白菜萎缩了以后最初步的的材料就好了。 第二步：找一个能翻得转的大锅，把蒜磨细（多一点，五斤大白菜大约3两蒜），辣椒粉（根据自己口味而定），然后放糖，鱼露（就像放酱油那样多），根据自己的口味还可以再放一些盐。把这些调料放在一起掺和搅和，就像和饺子馅一下就可以了。 第三步：发酵 发酵要密封，发酵的时间视温度而定，一般春天4-5天，夏天3天，冬天就需要一个星期了 第四步：品尝美味的佳肴，注意的是请不要放得太久，建议单身的朋友做好以后一定要与朋友一起分享，要不然一个人吃不完放坏了就可惜了。 4》韩国泡菜制作技术　　韩国泡菜，历史悠久，享誉世界。一九九六年十月，韩国农村振兴厅金博土及夫人来到正定，亲手传授了白菜、萝卜、黄瓜、雪里红等六种精品泡菜加工工艺。现以白菜为例，讲一下韩国泡菜的制作过程。　　一、选菜和预处理：选色泽鲜艳，无病虫危害，嫩绿的新鲜白菜，去根后竖切至白菜的三分之一处，用手轻轻将白菜分开。2—5公斤的分成两半，5公斤以上分成4半。然后放入容器中，均匀地撒上大海盐。上面用平板压住，使其盐渍均匀。6小时后上下翻动一次，再过6小时，使用清水冲洗，冲净的白菜倒放在凉菜网上自然控水4小时备用。　　二、配制调料：将小葱斜切成丝状，洋葱切成丝状，去皮生姜、大蒜捣碎成泥，韭菜切成1—2厘米小段，白萝卜擦成细丝。将以上调料在容器中混匀，把稀糊状的熟面粉加入，然后放入适，量的辣椒面、虾油、虾酱，搅匀压实3—5分钟　　三、泡菜制作：把控好水的白菜放在菜板上，用配好的调料均匀地抹入每层菜叶中，用白菜的外叶将整个白菜包紧放入坛中，封好，发酵3－5天便可以吃到美味可口的韩国泡菜了。　　家庭制作泡菜，要根据自己的口味，反复调试，反复品尝，直到满意为止。　　作好的泡菜最好存放于3—5℃的环境中，在3－15℃常温下能保鲜三个月。</t>
  </si>
  <si>
    <t xml:space="preserve">男人不肯表现出家里有钱是为何呢？男孩刚认识女孩的时候跟女孩说过父 </t>
  </si>
  <si>
    <t>只能说明他真的很用心的在经营这份感情。对于不在乎的人就无所谓了。</t>
  </si>
  <si>
    <t xml:space="preserve">用股财神操盘王炒股，收益稳定吗，用过的资深用户回答。 </t>
  </si>
  <si>
    <t>蛮可以的，上个月操作到他们推的有一支票很吓人的，涨了一倍多，我炒股这么久以来还是第一次操作到这样的票，真心不错！</t>
  </si>
  <si>
    <t xml:space="preserve">房产价格关于房价是升还是跌，网上有太多评论，争议很多，不知各位怎 </t>
  </si>
  <si>
    <t xml:space="preserve">中国的老百姓真的是太善良了,太相信政府了,总认为在政府的重拳之下房价会有大幅度的下降,所以才会有这么多的人在持币待购,但经过几个月到一年的观察,房价没降反而略有上涨,已经有很多人开始明白政府所说的是控制房价上涨而不是降房价,所以我个人认为如果你目前有能力买房的话还是早买,毕竟这几年租房你还得花不少钱呢. </t>
  </si>
  <si>
    <t xml:space="preserve">未审核通过的作品怎么重新申请昨天，申请投稿，未通过，原因是，章节 </t>
  </si>
  <si>
    <t>章节内容是限制在1~20000字以内.只要在符合这个范围内就可以啦!一般上传文1000至2000内最好.审核必须的条件 字数达到一万字,或五个小章节.核审未通过系统会将编编的审核语通知你.登入后进入作品管理,选中你所要需要修改的文点击 章节管理之后创建卷名,添加新章节.如果你以前存有文在里面那就直接进入里面修改.最后不要忘记点保存.</t>
  </si>
  <si>
    <t xml:space="preserve">交换东西点错了。怎么把东西那回来。交换的时候点错了。点在游戏积分 </t>
  </si>
  <si>
    <t>没事没事，3天候就还给你了。前提是交换没有成功。以后看清了在点啊。</t>
  </si>
  <si>
    <t xml:space="preserve">杭州地区哪里能治疗男人包皮过长 </t>
  </si>
  <si>
    <t xml:space="preserve">包皮过长会影响您的性时间。建议到医院做个割包皮手术，这个手术已经成熟了，但建议到正规医院做，安全系数高，恢复快包皮过长是指包皮覆盖于全部龟头及尿道外口，但能上翻使龟头外露；包茎则是指包皮口过于狭小，不能翻转至生殖器冠狀溝以露龟头。包皮包茎是生殖器常见的先天性畸形，小儿时期颇为常见，包皮过长的话是一定要去医院割包皮的，不然会带来很多的男性疾病，到时候后悔也来不及了。为了您自己的健康着想，您要尽快的去医院做手术，割包皮，以免留下男科疾病的后患。                                                                                                                                                                                                                                                                            </t>
  </si>
  <si>
    <t xml:space="preserve">作爱时间长短的问题我看很多人都说做爱时间5分钟以上属于正常，那是 </t>
  </si>
  <si>
    <t>事实上在5分钟左右是正常的，也是最常见的时间；你所说的那组数字我还真不知道的。</t>
  </si>
  <si>
    <t xml:space="preserve">填含有手字的成语1、形容容易（）2、形容凶狠（）3、权利很大（） </t>
  </si>
  <si>
    <t>形容敏捷（眼疾手快） 形容凶狠（心狠手辣） 形容容易（唾手可得） 重归于好( 握手言欢)形容熟练（ 信手拈来 ）形容利索（手到擒来） 形容惊慌（手忙脚乱） 形容冷漠（袖手旁观） 没有准备（措手不及） 形容喜欢（ 爱不释手）</t>
  </si>
  <si>
    <t xml:space="preserve">高一物理,挺有意思的证明在一个球体的球面对球内任意一点的万有引力 </t>
  </si>
  <si>
    <t>现在的高一不得了．我刚进时可能还解不了这种题目．姑且试一下吧。这个题目是说物质球壳对球壳内任意一点的万有引力之和为零．显然，如果能把球壳分成一对对的一小部分球壳，并且这样一对球壳的合力为零，那么结果就出来了．于是：对于球壳内某点Ａ．取过Ａ的直线和球壳表面交于Ｂ、Ｃ两点。取另一条直线Ｂ'ＡＣ'，与直线ＢＡＣ交于Ａ，夹角为ａ，且Ｂ'为极靠近Ｂ的一点，Ｃ'为极靠近Ｃ的一点。使Ｂ'ＡＣ'绕ＢＡＣ旋转一周，同时保持ａ不变，于是Ｂ'和Ｃ'各画出一个圆周，显然这两个圆周所对的球面角相等。圆周内的球壳质量为　ｄＭ＝密度＊ｄＳ＝密度＊Ｒ'^2＊ｄＯ，ｄＯ就是球面角；圆周内的球壳对Ａ点的万有引力是　Ｆ＝Ｇ＊ｄＭ／Ｒ'^2于是Ｆ＝Ｇ＊ｄＭ／Ｒ'^2＝Ｇ＊密度＊Ｒ'^2＊ｄＯ／Ｒ'^2　　　＝Ｇ＊密度＊ｄＯ即对于球面角相等的圆周Ｂ'和Ｃ'来说，圆周内部物质在Ａ产生的合力正好是零。球壳应该能分成许多这样对应的部分而没有剩余，于是上面的命题成立。虽然有点烦琐而且不严格，不过意思应该到了。</t>
  </si>
  <si>
    <t xml:space="preserve">2007年“五一”劳动节如何放假2007年的“五一”劳动节是不是 </t>
  </si>
  <si>
    <t>“五一”：5月1日—7日放假，共7天。其中，1日、2日、3日为法定假日，将4月28日(星期六)、29日(星期日)两个公休日调至5月4日(星期五)、7日(星期一)；5月5日(星期六)、6日(星期日)照常公休，4月28日、29日上班。 为了过好五一、国庆、春节三个假日，国务院在在这几假日前又专门将每个与假日相邻的两个双休日调在一起，就形成了大家所享受的“黄金周”。</t>
  </si>
  <si>
    <t xml:space="preserve">1000斤空运到山东要多少运费 </t>
  </si>
  <si>
    <t>你好，空运的费用主要是运费和杂费，运费是按照重量等级来计算单价的，一般有这么几个等级：+100KG （100KG以上的货物）+300KG，+500KG，+1000KG有些航空公司对+45KG也有运价，一般没相应级别运价的话就按照TACT价格来计算货物运费，货物的计费重量也是个重要的地方，货物的重量在空运上分体积重量和毛重两个方面。当体积重量大于毛重是，体积重量就是货物的计费重量，当体积重量小于毛重是，实际毛重就是计费重量。泡货公式:实际体积 * 1000 / 6=泡重或 实际体积 * 167=泡重 （1立方米=167KGS）。你可以参考下，希望对你有用！如果对你有用，请给予“好评”作为对我的鼓励，谢谢！</t>
  </si>
  <si>
    <t xml:space="preserve">得了尖锐湿疣2个月没有治疗了，现在想治疗怎么治疗好？ </t>
  </si>
  <si>
    <t>尖锐湿疣亚临床感染部位是正常的皮肤粘膜，这与具有较厚角质层结构的疣体的表皮是不同的。中医根据患者的体质和疣体的大小，结合全身症状，常划分为3型论治。它们是湿热下注证、外染毒邪证和气血瘀滞证。气血瘀滞证主要见于湿疣日久，疣体灰暗的患者。应继续减量使用疣克|搭档，巩固疗效，这样就可以永久告别疣病带来的烦恼，达到彻底治愈的目的！</t>
  </si>
  <si>
    <t xml:space="preserve">如何给宝宝取名字(姓陈的双胞胎男孩)2010年7月24日出生，母 </t>
  </si>
  <si>
    <t>陈翼叶陈尔叶陈孟叶（孟：有老大的意思）陈仲叶（仲：有老二的意思）</t>
  </si>
  <si>
    <t xml:space="preserve">流动人口婚育证明一定要办理吗我今天去办理居住证的时候，那里的工作 </t>
  </si>
  <si>
    <t>办吧,用处很大.它是流动人口在计生方面的一个证件.我在工商部门主管登记,办营业执照时,外地女性必须得提供流动人口计划生育证明.你得回原籍计生部门办理.</t>
  </si>
  <si>
    <t xml:space="preserve">中山或是惠州哪里泡温泉好？ </t>
  </si>
  <si>
    <t>惠州的温泉较多一、惠东温泉惠州海滨温泉。惠州海滨温泉旅游度假区是中国唯一一海洋为主题的温泉风情度假胜地，总占地面积1000亩，而海洋文化温泉区就以占地面积一百多亩。海洋文化温泉区设计新颖独特，既富中式园林格调，有别具慵懒闲适的东南亚海岛风情。温泉区以海洋文化为主题，汇聚了世界海洋文化温泉之精华，倾力打造世界最大的海洋文化温泉。海滨温泉：http://huizhou.cncn.com/ticket/75142257693 二、龙门温泉1、龙门铁泉。惠州龙门铁泉位于龙门县龙田镇田美热水锅村，富含有48种对人体有益的微量矿物元素，因为含铁元素丰富而被称为罕有的“黄金泉”，辆目前绝无仅有，独此一家，并因为池区广阔、水温较高而被誉为“亚洲第一泉”。龙门铁泉：http://huizhou.cncn.com/hotel/75142260472 2、南昆山温泉大观园。大观园座落在广东龙门县南昆山下，是北回归线上一颗亮丽而温暖的明珠。于2005年9月开来，是一家按国家4A级景区标准建造的综合性旅游度假区，并拥有一家按国家五星级标准建造的旅游度假酒店。青山簇拥，绿树扶疏，碧澄的溪流穿园而过。度假区内或大气或精致，有田园风情，又具有现代气息；有小桥流水，乡村情调，又有昔日皇家尊贵奢华。南昆山温泉：http://huizhou.cncn.com/ticket/75142257748 3、天然温泉。龙门天然温泉座落在有“广东后花园”之称的惠州市龙门县内，度假村建设围绕生态休闲、养生运动，以客家乡村文化为特色，集浴疗、养生、度假、美食、娱乐、运动、会议等多功能为一体的大都市近郊温泉度假小镇。天然温泉：http://huizhou.cncn.com/ticket/75142291536 4、金童子温泉。金童子温泉座落于风景秀丽的国4A级景区南昆山国家森林公园龙虎山下，是一家按四星酒店标准精心打造的【温泉+休闲】两栖型的全时四季度假天堂。它是“唯一最具民族特色村落型温泉度假村、唯一最佳生态保护山林型温泉度假村、唯一最便利商务休闲两栖型温泉度假村”。交通十分便利，有惠州龙门温泉第一站的优势，距广州90公里\深圳118公里\东莞70公里。金童子温泉:http://huizhou.cncn.com/hotel/75142294480 三、惠城区温泉1、惠林汤泉。惠林汤泉位于惠州市惠城区横沥镇矮陂黄沙洞旅游区，会所远离城市尘嚣，四周山峰俊秀，层林叠翠，环境清新优美，让人宛如置身人间仙境，尽情享受大自然的温润滋养。惠林汤泉：http://huizhou.cncn.com/hotel/75142260513</t>
  </si>
  <si>
    <t xml:space="preserve">热带鱼和盐水鱼的区别他们到底有什么区别？ </t>
  </si>
  <si>
    <t>通常所指的热带鱼，一般都出生于热带水域。但在接近热带和与之交界处的南北亚热带水域之内，凡是有观赏价值的鱼类品种，也都归入了热带鱼的范畴。所以，热带鱼的分布还应该包括部分亚热带地区。    热带鱼，实际上是养鱼爱好者为区别于其他观赏鱼类（如金鱼、锦鲤等），而将热带、亚热带等地特有的这部分观赏鱼类统称为热带鱼。原生热带鱼在江河、溪流、湖沼等淡水水域中。热带鱼的出产地，主要分布在东南亚、中美洲、南美洲和非洲等地，其中，以南美洲的亚马逊河水系出产的种类最多、形态最美，如被誉为热带鱼中的皇后——神仙鱼，以及价格昂贵的龙鱼等，就出生在那里。马来西亚、印度尼西亚、斯里兰卡、泰国、缅甸等国家，热带鱼的种类也很多，例如小巧艳丽的丽丽鱼、憨态可掬的接吻鱼等。在我国的广东、广西、云南等省的南部、也有很漂亮的观赏鱼类，如广州的白云金丝鱼、西双版纳的蓝星鱼、南宁的菩萨鱼（叉尾斗鱼）等。海水魚，俗稱鹹水魚或海魚，其和通常所说的热带鱼的区别在于它们都生活在海水里。海水鱼是常?的海洋生物，它们是生活於海洋的魚?。海洋面積?椎厍虻乃姆种虼撕Ｋ~種?繁多，且物種散?咽澜绺鞯亍?</t>
  </si>
  <si>
    <t xml:space="preserve">家里养的一只虎皮鹦鹉不会飞，怎样才能教会它自由自在地飞呢？从买回 </t>
  </si>
  <si>
    <t>虎皮鸟在中国是不可放飞的，放出去等于让它自然死亡，如只在家中放放还是可以的，把它拿到笼子外面，不用管它，只要在适当的时候给它吃上水和食，它过不了多长时间就可以飞了，前题是翅膀没有受过伤，还可以配一只异性的虎皮鸟来，这样可以增强它活动的能力。公的蓝鼻子，母的红、白鼻子，让清了再买！</t>
  </si>
  <si>
    <t xml:space="preserve">哪种乐器的音色最美？ </t>
  </si>
  <si>
    <t>钢琴</t>
  </si>
  <si>
    <t xml:space="preserve">2013年12月5日生的女孩子姓李,什么名字好 </t>
  </si>
  <si>
    <t>你好，推荐几个女孩的名字参考：凌菲 (菲：草木的香气很浓 ) 若雨 （像雨一样，诗意唯美） 凌薇（气势、朝气都凌人，薇，祝她将来成为一代名人） 美莲（美丽如莲花一样，还有出淤泥而不染的高尚品质） 依娜（有伊人风采，娜一般指姑娘美丽，婀娜多姿嘛） 雅芙（文雅，如出水芙蓉一般） 雨婷（温柔，聪明，漂亮） 歆婷( 歆：心悦，欢愉 婷：美好 ) 可岚 (岚：早上山中的雾气 ) 婧琪( 婧：女子有才 琪：美玉 ) 玥婷 (玥：传说中一种神珠 婷：美好 ) 姝瑗 (姝：美丽，美好 瑗：璧玉 ) 颖娟( 颖：聪颖 娟：娟秀，秀美 ) 歆瑶( 歆：心悦，欢愉 瑶：美玉 ) 钰琪 (钰：宝物，珍宝 琪：美玉 ) 婧宸( 婧：女子有才 宸：古代君王的代称 ) 靖瑶 (靖：平安 瑶：美玉 ) 瑾萱 (瑾：美玉 萱：传说中一种忘忧的草 ) 婳祎 (婳：形容女子娴静美好 祎：形容事物美好 ) 檀雅 (檀：植物 雅：正规 ) 熙雯 (熙：光明 雯：成花纹的云彩) 语嫣 (嫣：美好鲜艳 ) 妍洋 (妍：美丽 洋：如海洋一般胸襟开阔 ) 滢玮 (滢：清澈 玮：玉名 ) 沐卉 (卉：草的总称 沐：如雨般湿润 ) 琪涵（有美玉一般内涵的女孩） 佳琦 （琦，是玉的意思，佳琦的意思是祝愿宝宝犹如上好美玉一样白璧无暇！） 伶韵 （灵气逼人，韵味十足！） 思睿 （意思是聪明的女孩） 清菡 （菡即荷花，有出淤泥而不染的高洁。“清菡”就是“清水芙蓉”的意思） 欣溶 （出自诗人晏殊的诗：“梨花院落溶溶月,柳絮池塘淡淡风”） 菲絮 （出自唐代诗人杜甫的《春运》：“菲菲红素轻，肃肃花絮晚”） 诗涵 （有文采且有内涵的女孩） 璇滢（一个很有古典韵味的名字） 静馨（宁静而温馨） 妙菱（让人觉得活泼聪颖的名字） 心琪（琪是玉的意思。“心琪”就是形容心灵象玉一样美好） 雅媛 （端庄高雅有才华的女孩） 晨芙（早晨的荷花） 婧诗（如诗画一般的美丽女孩） 露雪（如露珠洁白剔透非常适合单纯的女孩） 蕊琪（安静又乖巧的女孩） 舒雅（ 以“雅”入名，寓意“超脱、优雅”） 婉玗（婉寓意“和顺、温和”“玗“寓意“美好”） 诗茵（诗：寓意文雅、浪漫） 婕珍 （意思是聪明的女孩） 婉婷（婉寓意“和顺、温和”“婷“寓意“美好”） 云薇（宠辱不惊,闲看庭前花开花落.去留无意,慢随天外云卷云舒） 霏羽 （这个挺不错哦，让人觉得很舒服！） 妍琦（美丽且快乐的女孩） 珂玥（珂是古代象白玉一样的美石，玥是传说中的神秘佛珠。代表吉祥的意思。） 昭雪（昭：充满活力，是一个阳光女孩。雪：愿她象雪一样纯洁、美丽。） 雅芙（文雅，如出水芙蓉一般） 雨婷（温柔，聪明，漂亮） 莉姿（具有公主或王后的一切风度与姿色） 梦璐（如梦幻般的女孩，璐，谐音露，露字为日月结合的灵之美.智慧且不夸张）   玉珍（象玉一般美丽，珍珠一样令人喜爱） 茹雪（茹，谐音如；全名意思是想雪一般纯洁，善良） 美琳（美丽，善良，活泼） 欢馨（快乐，与家人得非常温馨） 优璇（优，各个方面都很优秀；璇，像美玉一样美丽，受人欢迎） 雨嘉（雨，纯洁；嘉，优秀） 娅楠（娅，谐音雅，文雅；楠只是名字好听） 明美（明白事理，长得标志美丽，有着花容月貌） 可馨（一个美丽的可人儿。能与家人生活得非常温馨） 惠茜（贤惠，茜只是名字好听） 漫妮（生活浪漫，妮是对女孩的称呼） 香茹（香，死后留香百世） 月婵（比貂禅还漂亮美丽，比月光还温柔） 嫦曦（像嫦娥一样有着绝世美丽容貌，像晨曦一样朝气蓬勃，有精神） 静香（文静，象明朝时期的香妃一样美丽，文雅，贞烈） 凌薇（气势、朝气都凌人，薇，祝她将来成为一代名人） 莉姿（具有公主或王后的一切风度与姿色） 梦璐（如梦幻般的女孩，璐，谐音露，露字为日月结合的灵之美.智慧且不夸张） 沛玲（精神充沛，小巧玲珑） 灵芸（在古代，有一个叫薛灵芸的少女，长得容华绝世，貌赛貂禅，他被当时的皇帝曹丕看中，欲召她进宫做宠妃，愿您的女儿也象她一样美丽，双手灵巧） 欣妍（开心愉快，妍是美丽）  美琳（美丽，善良，活泼） 欢馨（快乐，与家人生活得非常温馨） 优璇（优，各个方面都很优秀；璇，像美玉一样美丽，受人欢迎） 梦洁（一个梦幻般的女孩，心地善良，纯洁） 依娜（有伊人风采，娜一般指姑娘美丽，婀娜多姿嘛）（真诚为您解答，希望给予【好评】，非常感谢~~）</t>
  </si>
  <si>
    <t xml:space="preserve">清泉老师,600790,600210,000585,600737? </t>
  </si>
  <si>
    <t>都还算上周的强势品种,控制到50%左右的仓位虚位以待即可.</t>
  </si>
  <si>
    <t xml:space="preserve">南开大学的转专业政策宽松程度如何。比如我大一现在历史系或公共管理 </t>
  </si>
  <si>
    <t>是否是它所说的“特殊学生”？不是特殊，主要指身体条件不适宜继续学习录取专业或本人强烈地表现出不适应所学专业（与你所说的主观爱好是两回事）</t>
  </si>
  <si>
    <t xml:space="preserve">服用金匮肾气丸多久算是一个疗程？谢谢！！ </t>
  </si>
  <si>
    <t>一般两周为一个疗程。对于中成药，现在都以一个月为一个疗程。</t>
  </si>
  <si>
    <t xml:space="preserve">关于宝宝！！我昨天买了个熊，我也忘了叫什么，反正是个黄色的，1： </t>
  </si>
  <si>
    <t>1：请问这只熊的血成长最高是多少啊？ 回答／１０５啊2：这只熊吃什么天书好　回答／降魔斩，修罗，怒击 3，海龟吃什么天书好？回答／降魔斩，修罗，怒击　没钱随便吃什么都可以只要能惊阵4，57级满血海龟能卖多少钱？回答／本区可以卖２００Ｗ　老区的5：这个熊买回来的时候里面有个天书“破天”，这个书好吗？是带着还是拿出来？44级的，拿出来能卖多钱？　　垃圾天书　５０Ｗ6：我花450W买的，44级，血成长104，请问值吗？现在这东西掉价，２００万的我都看过．亏也亏不多</t>
  </si>
  <si>
    <t xml:space="preserve">帮我想想，好的话~~~~~~~~上边要我们想几句宣传语，手机报的 </t>
  </si>
  <si>
    <t>只要一点!心意即动</t>
  </si>
  <si>
    <t xml:space="preserve">我刚买了影子Ｃ４２级．想问下Ｃ的主要技能和ＦＳ各１０个是哪些？？? </t>
  </si>
  <si>
    <t>技能卡位  FACE UP SS  虚实  分球勾手  大梦  盖帽抢断  掩护 补篮FS技能死守2 死守 强力帽子 31的空接动作360上蓝 切西瓜  大风车等一些上蓝和扣篮（FS里的上蓝  蓝下投 灌篮这些你自己选吧）</t>
  </si>
  <si>
    <t xml:space="preserve">高中英语选择题疑问11.Hislecturewillgiveyo </t>
  </si>
  <si>
    <t>我个人认为在一般说话的时候两个都可,我平时都是说on的.但是如果从语法出发,for比较好一点,因为前面说的是Give you....然后接for 比较自然,因为给你一个东西,那么自然要告诉你是为什么给的.这个for就是讲原因的.我不同意Bill说的on后面不可以有what,这个是很常见的一种用法,比如雅思每一套听力题一开始一定说,write answer on what you hear.我不是英语老师,语法其实我也不懂,但毕竟在这里天天讲英文,说的久了,自然就知道什么顺耳什么听起来不对.答案谨做参考.时代周报编辑 Adam</t>
  </si>
  <si>
    <t xml:space="preserve">对待特殊的感情，如何平衡心态？我24他34，于两个月前，在还未解 </t>
  </si>
  <si>
    <t>人生说长也不长说短也不短，你不应该让这段情继续了，爱不是你的错也不是他的错，你知道，你和他现在经历的他和他的妻子婚前也有过，婚姻这一门槛象他这年龄绝对不会轻易随意迈进的，看了你的诉说，我想你一定是个较明白事理的人，放手吧，找个完完全全属于自己、无所殃及他人不幸的男人共建爱巢，牺牲别人的幸福良心上一辈子都不能安宁（恕我直言），何况，前面的路有他陪你也不是很安全啊，你想想，象他这样一个男人，今天他都能抛妻娶你，未来的某一天他难道就不可以重复今天的故事吗，感情的事从来都是只有“更爱”没有“最爱”！希望你能懂。祝福你！！！</t>
  </si>
  <si>
    <t xml:space="preserve">耳朵疼，还流黄水。10岁的时候去游泳耳朵进水，流脓一个月，后来好 </t>
  </si>
  <si>
    <t>你好，一般外耳道炎或急性中耳炎的可能性较大，如果分泌物较多，除了口服抗生素，还需要用双氧水清洗耳道，抗生素药水滴耳，同时避免耳道进水，不要自行抠耳，再观察一下</t>
  </si>
  <si>
    <t xml:space="preserve">网上买海参比较好的店铺？有网上买海参比较好的店铺吗？ </t>
  </si>
  <si>
    <t>我爱海鲜网（  ）国内最大的原产地海参网络供应商，里面所有资料都有并且在线客服随时可以解答你的任何问题。买海参一要看产地，二要看加工方法，三要看价格需要综合衡量，几句话是说不清楚的，至于那家好需要买过亲自体验才知道的。</t>
  </si>
  <si>
    <t xml:space="preserve">大学里的爱情现在我是一个大一的新生，校园里有好多的恋人，大家对在 </t>
  </si>
  <si>
    <t>大家说的都很好啊！大学生谈恋爱这个问题啊，早就被讨论过了，我想还是谈的好啊，至少不会给自己的大学生活留下一片空白啊！不过我们还是要面对现实，毕业的问题，但是我们也是可以自己去争取的，如果真是相爱的话，那就一起努力啊！未来还是很美好的啊！真爱无敌哦！但是最终的决定权还在你自己！</t>
  </si>
  <si>
    <t xml:space="preserve">5月25日奇迹世界临时维护公告亲爱的玩家：在奇迹世界(SUN)5? </t>
  </si>
  <si>
    <t>打了一晚上的不详  却一见紫的都米出!我怀疑是不是以后也不掉了!累死了!好不容易有时间来刷自己的装备  竟然一件也不出  伤心的就不行!以后这游戏还能玩么!希望这是最后一次  再叫人伤心  9C你就可以跟玩家说永别了!</t>
  </si>
  <si>
    <t xml:space="preserve">我到底放不下什么？到现在为止4年了，我想知道我到底放不下的是那个 </t>
  </si>
  <si>
    <t xml:space="preserve">    飞蛾明知道扑向火种会死可还是义无反顾的扑去。人的感情就像是飞蛾扑火。你并没有仔细说明你们的爱情为什么有伪伦理道德。但是除非你们是有血缘的亲人，不然没有什么是可以阻碍真正相爱的人在一起的。</t>
  </si>
  <si>
    <t xml:space="preserve">如何安全地使用网上银行？ </t>
  </si>
  <si>
    <t xml:space="preserve">“网上银行能够提供这么多的金融服务，我也很想享受一下网上银行带来的3A级服务，但是如何才能安全地使用网上银行，保证我的帐户安全呢？”——安全一直是你我最为关注的问题，虽然银行采取了许多技术手段最大限度地保证网上银行的安全，但您也需要有一定的防范意识，就象在传统网点办理业务需要防范银行卡或密码丢失或被窃一样。那么，如何养成良好的网上银行使用习惯，安全使用网上银行呢？您可以参考以下几条意见：　　1. 登录正确网址　　访问工行网站时请直接输入网址登录；小心识别虚假网站；在登录工商银行网站后，请您仔细检查浏览器右下角状态栏上的挂锁图标对应的证书信息； 　　2. 保护好您的账号和密码　　在任何时候及情况下，不要将您的账号、密码告诉别人；不要相信任何通过电子邮件、短信、电话等方式索要卡号和密码的行为；选择不容易猜测的密码； 将您的网上银行登录密码和用以对外转账的支付密码设置为不同的密码；不要在计算机上保存您的密码；不要将密码书写于纸张或卡片上；要定期更改密码。 　　3. 其他必要的保护措施　　不要在公共场所（如网吧、公共图书馆等）使用网上银行；在每次使用网上银行后，不要只关闭浏览器，还要点击页面右上角的“退出登录”结束使用；切勿向别人透露您的用户名、密码或任何个人身份识别资料；如果您的个人资料有任何更改（例如，联系方式、地址等有变动），请尽快通知我们。 　　4. 确保您的计算机安全　　下载并安装由工商银行提供的用于保护客户端安全的控件，保护您的卡号和密码不被窃取；定期下载安装最新的和浏览器安全程序或补丁；安装个人防火墙；安装并及时更新杀毒软件。养成定期更新杀毒软件的习惯，防止新型病毒入侵。 　 当然，如果您是工商银行的客户，保障网上银行安全最有效的方式，对您来说，就是立即到工行网点申请一个获得国家专利的网上银行客户证书----“U盾”。一旦成为工行证书客户，即便泄漏了账号、网上银行密码等敏感信息，只要客户手中握有“U盾”和证书密码，您的资金仍然是安全的。 </t>
  </si>
  <si>
    <t xml:space="preserve">请问道具服的玫瑰宝石有什么作用呢?加在装备上有什么效果吗? </t>
  </si>
  <si>
    <t>玫瑰宝石咬花任务出的宝石。个人测试能力范围：闪+3，耐久-10%。无其他副作用了。</t>
  </si>
  <si>
    <t xml:space="preserve">爱情亲情````家长不喜欢我女朋友但我非常喜欢她很怕失去她但身高 </t>
  </si>
  <si>
    <t>如果放不下就不要放开，身高不足以影响你和她之间的感情，也就是说身高并不成问题。你母亲的意见只是仅供你参考，但最终决定权还是在你手中。所以，不要放弃你现在所拥有的幸福。不要留下遗憾，明白吗？首先，你必须了解为什么你母亲不喜欢你女朋友，凡事总有一个原因，这是问题的关键，知道以后，再进行心理劝说。这可能是一个持久战，你要作好一切的心理准备来应战，最好不伤害你母亲也不伤害你女朋友。再者，你经常把你女朋友带入家里，让你女朋友和你母亲单独沟通与交流，这样有助于将的婆媳关系，也不至于你夹在中间为难。最后，你让你母亲了解你的想法，同是你也要了解你母亲的想法 。所以在这中间难免有很多困难，但你必须克服这些困难，让它不能成为你的绊脚石，这是你和你女朋友都必须要克服，只要你们那个信念，一定会得到你母亲的祝福的。努力吧！一切都会好的。</t>
  </si>
  <si>
    <t xml:space="preserve">晒死单!本来卡利亚里买的是01,可临买时改成了31!晕死人! </t>
  </si>
  <si>
    <t>我也选31 去乙级当老大有什么意思 快雄起</t>
  </si>
  <si>
    <t xml:space="preserve">化学用离子方程式表示下列水解：（1）NH4++D2O（2）Al3 </t>
  </si>
  <si>
    <t>这个没办法编排啊</t>
  </si>
  <si>
    <t xml:space="preserve">USB话筒哪里有卖?我电脑机箱上的话筒接口坏了.但是又想用话筒. </t>
  </si>
  <si>
    <t>大一点的电脑城有，小的可能没有，你可以重新装块声卡，也可以接一个USB话筒转换器。</t>
  </si>
  <si>
    <t xml:space="preserve">进了CS怎么会出现这个问题啊？TheselectedOpenGL </t>
  </si>
  <si>
    <t>问题可能有：显卡驱动没有安装好，或版本太低，建议下载下载显卡对应的最新版驱动。具体可以去显卡厂商的官方网站或者“驱动之家”看看。最可能的是楼主的机子的显卡，或者说显示芯片（也就是集成显卡）过老。希望楼主能把机器的具体配置说一下，然后可以做针对性说明。如果是配置问题，那应该是该换机器了……或者干脆采用D3D模式运行CS，不过画面极其恶心，Fps也很低……</t>
  </si>
  <si>
    <t xml:space="preserve">中医中脉象怎么分辨的中医的脉象如何分辨，医生把脉便知道是肝火旺盛 </t>
  </si>
  <si>
    <t>脉象　　28脉的形态及临床意义　　脉象名称 至数 力量 形态 主要临床意义 备注　　浮脉 　 　 轻取即得，如水漂木　　轻取不应手，重按始得 表证　　里证 久病、失血见此脉为逆证　　沉脉 一息不足四至 　 　 寒证，阳虚 　　　迟脉 一息六至以上 　 　 热证 　　　虚脉 　 很弱 举按均无力 虚证，气血不足，以气虚为主 　　　实脉 　 很强 三部脉举按均有力 实证，热结 　　　滑脉 　 较强 如盘滚珠，流利圆滑 妊娠，痰饮，实热，食积 　　　涩脉 　 弱 如刀刮竹，涩滞不畅 精亏血少，气滞血瘀 可见于贫血，失血，失瘀等　　弦脉 　 较强 挺直而长，如按弓弦 肝胆病，气郁，诸痛 可见于动脉硬化　　濡脉  较弱 浮小而软 气血不足，湿邪致病 　　　紧脉 　 强 绷急有力，如绳索绞转 寒证，剧痛，宿食 弦而有力，也可见于动脉硬化　　缓脉 一息四至或略少于四至 中等 脉来和缓 湿证，病后元气恢复 多为正常脉　　洪脉  强 脉形宽大，来盛去衰 热盛 慢性病见此为逆证　　细脉  较弱 脉形细小如线 气血不足的虚证　　大脉   脉形宽大 在慢性病说明病进 仅指脉形大不说明脉搏力量　　微脉  很弱 脉形微小，重按模糊 气血虚衰，阴阳两虚 多为阳衰急证　　散脉  很弱 浮而无力，重按无根 阳气外脱，元气离散 脏腑之气将绝　　芤脉  重按无力 浮大中空，状如葱管 亡血，失精 多见于大出血　　革脉  较强 浮而搏指，中空外坚 亡血，失精 即芤、弦脉并见　　牢脉  较强 沉而实大弦长 阴寒内盛,症瘕，疝气 即沉弦、实三脉并见　　疾脉 一息七至以上 　 脉来急疾 阳极阴竭，元气将脱　　动脉 一息六至以上 强 脉形短滑，跳动如豆状 妊娠，痛症，惊证 即滑、短、数三脉并见　　伏脉 　 　 重按推筋着骨始得 病邪内闭，厥证，痛极，阳衰 比沉脉更沉　　促脉 一息六至以上 　 不规则的间歇 阳盛热实或气血痰食停滞 心律失常偶可见于正常人　　结脉 一息四至以下  不规律的间歇 阳盛寒积，气血瘀滞 心律失常偶可见于正常人　　代脉 　 　 有规律的间歇 脏气衰败 心律失常的二联律、三联律　　长脉 　 　 脉形长，超过寸和尺部 阳气有余，热证 　　　短脉 　 　 脉形短，不及寸和尺部 有力主气郁，无力主虚损</t>
  </si>
  <si>
    <t xml:space="preserve">已经做人流一个月了，但是还没有来月经，这正常吗？能开始做爱了吗？ </t>
  </si>
  <si>
    <t>人流一个月之内应该来月经，你这种情况不正常，应该去医院检查。等到身体全面恢复了再做爱，不是更好吗？</t>
  </si>
  <si>
    <t xml:space="preserve">二手奥迪值多少钱请专家帮忙评估一下，02年的奥迪2.4，手自一体 </t>
  </si>
  <si>
    <t>你 的车是什么颜色的  如果是黑色的保养好的话现在这个车可以卖到15万左右</t>
  </si>
  <si>
    <t xml:space="preserve">000629攀钢钢凡开盘后设涨停限制吗 </t>
  </si>
  <si>
    <t>000629攀钢钢凡开盘后设涨停限制</t>
  </si>
  <si>
    <t xml:space="preserve">关于历炼刀68的群攻技能所要的历炼是多少呀 </t>
  </si>
  <si>
    <t>68技能：Z的叫丹红拂面、X的血流地裂，需要14.3W历练</t>
  </si>
  <si>
    <t xml:space="preserve">以前的老区怎么没了？以前的老区比如说电3的叹妙。还有叱诧怎么没了 </t>
  </si>
  <si>
    <t xml:space="preserve">电信三区 叱诧 跟 九霄 合 旋音 2008年12月16日 电信三区 旋音 跟 云海 合 海天 2009年3月24日 电信一区 叹妙 跟 真武 合 荣光 2008年9月26日 </t>
  </si>
  <si>
    <t xml:space="preserve">符拉迪沃斯托克的来历? </t>
  </si>
  <si>
    <t xml:space="preserve"> 海参崴，100多年以前这里生产海参，“崴”是洼地的意思，所以中国人称它为海参崴。根据我国历史记载，1860年沙俄强迫满清政府签定《中俄北京条约》，致使包括海参崴在内乌苏里江以东的40多万平方公里的土地割让给了俄国。1862年，沙俄政府将海参崴改名为“符拉迪沃斯托克”，翻译成汉语就是控制东方。　　符拉迪沃斯托克是俄罗斯边疆区行政、工业、、商业中心。面积700平方公里，人口约100万。位于莫拉维耶夫·阿穆尔半岛之上。市内有五个区：列宁区、五一区、别尔沃列琴斯基区、苏维埃区和费伦多斯基区。海参崴是太平洋岸畔的世界名城，是俄罗斯远东地区的第二大城市。它濒临日本海，控制鄂霍茨克海，是重要的军事要地，闻名世界的俄罗斯太平洋舰队和第23空军的司令部设在这里。　　海参崴是交通要塞，海陆空运输都很发达，距中国珲春市180公里。有直达莫斯科的铁路线，是西伯利亚大铁路的终点。海参崴是海员城、渔业城、商业城，市内有多类企业及工厂：海洋渔业集团公司、船舶制造厂、工具厂；各大食品加工厂：渔类加工厂、肉联厂、糖果厂、牛奶厂等。海参崴又是文化城市，市内有远东大学、工艺大学、海军学校、综合技术学校、医科大学、艺术学院等。 被称为世界十二大奇迹之一的西伯利亚大铁路的终点就在这里，它全长9288公里，是联接欧亚文明的纽带。　　港口是这座城市的心脏，它分为军港、商港和渔港，与世界很多国家都有海运往来，如中国、日本、加拿大等。此外，城市的空中航线也是四通八达，每天这里都有飞往莫斯科等地的班机。由于符拉迪沃斯托克的地理位置十分重要，日本、越南、韩国等国家都在这里设立了领事馆。 </t>
  </si>
  <si>
    <t xml:space="preserve">高中地理,怎么觉得这么难!简述天文四季的含义. </t>
  </si>
  <si>
    <t>晕死，你照抄课文，不就行了？夏季就是一年内白昼最长,太阳高度最高的季节。冬季就是一年内白昼最短,太阳最低的季节。春、秋季就是冬夏季节的过渡季节。</t>
  </si>
  <si>
    <t xml:space="preserve">什么是腐女？？如题... </t>
  </si>
  <si>
    <t>热衷于看BL小说的女生</t>
  </si>
  <si>
    <t xml:space="preserve">有什么去西红柿皮的好方法和工具吗除了用开水烫，用勺刮 </t>
  </si>
  <si>
    <t>我说的方法可能西红柿味道会有些变化。把西红柿冷冻，吃的时候拿出来放凉水10秒，一撕全下来，干净的很。采纳请好评</t>
  </si>
  <si>
    <t xml:space="preserve">菊花茶和枸杞子在一起放着喝可以吗 </t>
  </si>
  <si>
    <t>如果是单纯的菊花，和枸杞子一起泡水饮用是非常好的搭配。菊花性味甘苦而凉，有疏散风?帷⑶甯蚊髂俊⑿ǚ纹⑶迦冉舛尽⑵礁蚊髂康墓δ堋Ｓ渺锻飧蟹缛取?夭〕跗稹⒛砍嘀淄础⒏紊鲆跣椤⒀勰炕杌ā⑷榷敬瘛⒑熘兹韧础⒏窝羯峡骸⑼吩文垦５取Ｏ执├硌芯恐な担栈ㄖ泻谢臃⑿跃停示叻蚁悖埠睢⑽谹、维生素B、氨基酸，还可增强毛细血管的抵抗力，并降低血压。临床上也可用以防治冠心病。中药枸杞味甘，性平。主要归肝、肾、肺经。其甘补平和，质润多液，入肾可益精充髓助阳；走肝能补血明目；归肺以润肺止咳。凡肝肾不足和肺肾阴虚所致诸症，均可应用。为滋阴助阳，益精补血之良药。枸杞与菊花配伍相得益彰，即可平补肝肾、清肝明目，缓解用眼疲劳、视物模糊、眼睛干涩、红肿热痛等症状；又可平肝潜阳、滋阴补肾，是很好的养生保健饮品。</t>
  </si>
  <si>
    <t xml:space="preserve">文科生感慨道：叶的离去是风的追求还是树的不挽留。。。理科生回复道? </t>
  </si>
  <si>
    <t>我喜欢外科男。。。--------------------</t>
  </si>
  <si>
    <t xml:space="preserve">怎样理解气孔是蒸腾失水的门户、气体交换的窗口？ </t>
  </si>
  <si>
    <t>植物要进行蒸腾作用来散失水分，它所产生的动力促使植物根部吸收无机盐，而叶脉上的气孔就是水分散发的场所，光合作用为呼吸作用提供动力，正午时，光照强烈，蒸腾作用最胜，为了不使叶片灼伤，就要关闭叶孔，减少蒸腾作用。</t>
  </si>
  <si>
    <t xml:space="preserve">钗头凤陆游　　红酥手，黄滕酒。满城春色宫墙柳。东风恶，欢情薄。一? </t>
  </si>
  <si>
    <t>lei(四声)hen(二声)hong(二声)yi(四声)jiao(一声)xiao(一声)tou(四声)"泪痕红?碰掮?应该是"泪痕红?碰掮?</t>
  </si>
  <si>
    <t xml:space="preserve">怎样防止电缆被盗？我们公司的通信电缆经常被盗，请各位大师支招，怎 </t>
  </si>
  <si>
    <t>可以利用电缆的空闲线对做成断路报警，只要电缆一断，立即报警，即可及时出动检查，并报110。</t>
  </si>
  <si>
    <t xml:space="preserve">请前辈们给指点一下偶的基金?中银增长2.5W东方精选5W上投成长 </t>
  </si>
  <si>
    <t>稳健的基金和新基金以及数量居多老基金净值增长率高的偏少目前继续持有为好调整时可以考虑赎回中银和东方建议方案大盘股的基金----以嘉实系为主小盘股的基金----以上投优势广发小盘为主稳健的基金------易、广、一只即可指数基金--------银华88最好个人观点，仅供参考！</t>
  </si>
  <si>
    <t xml:space="preserve">我怎么样才能长胖呀！我个子很高，但是长的很瘦，我死吃。猛睡都长不? </t>
  </si>
  <si>
    <t xml:space="preserve">增肥食谱让你丰满起来 --------------------------------------------------------------------------------   2003年04月16日09:50 网妖网  　　如果你实在搞不清楚该怎么吃才能增重，不妨参考这个单，自己变化应用。但是要记得，增重速率是“每二周增加半公斤”，不要一下子把自己弄得太胖唷！　　【早餐：一定要吃、才有活力！】　　偏好西式口味的人：1.现榨柳橙汁一杯2.低脂牛奶一杯3.浇满糖浆、果酱、奶油的煎饼一份。　　喜欢中式口味的人：1.一碗皮蛋瘦肉粥或小米粥2.一杯豆浆或米浆。3.一颗水煮蛋　　【早上的点心：帮助身体储藏能量】　　下列食物任选一份：葡萄干、核果、花生、香蕉。　　【午餐：快乐的进餐、才能吃胖唷！】　　偏好西式口味的人：1.苹果一个2.低脂牛奶一杯3.三明治一个4.生菜沙拉一盒5.高纤饼干一份　　喜欢中式口味的人：1.奇异果一个2.一杯优酪乳3.一碗饭或一碗面4.水煮青菜一份5.高纤饼干一份　　【下午的点心：不要让小肚肚饿着了】　　下列食物任选一份：奶昔一杯，高纤饼干几片、卤味小菜，或茶叶蛋一颗。　　【晚餐：尽量按时进餐】　　最好与家人或爱人一起用餐。甜蜜的感觉，会让肉肉更快长出来唷！1.现榨果汁一份2.冰淇淋或优酪乳一份3.生菜沙拉或炒青菜一份4.一碗饭或一碗面5.一份瘦肉或鱼肉6.饭后再吃点菠萝、木瓜、或西红柿。　　【宵夜：尽量在睡前两个钟头进食】　　在土司上涂满果酱、花生酱、奶油、大蒜酱。再喝一碗肉汤、牛奶、或豆浆。只要吃个意思就好了，以免吃得太饱，睡不着。吃完宵夜后，要刷牙漱口用牙线，才能睡觉唷！ </t>
  </si>
  <si>
    <t xml:space="preserve">8级的瞿麦哪里挖比较好一点哪？除了杰村外还有哪里啊具体讲一下谢谢 </t>
  </si>
  <si>
    <t xml:space="preserve">   去魔法大学挖,可以7和8一起挖到,还有7木和8木,不过我觉的挖花速度蛮快的,命中率也比其他地方高一点,不过东西有点杂..</t>
  </si>
  <si>
    <t xml:space="preserve">哪款测评产品的信效度较高可以推荐一下？ </t>
  </si>
  <si>
    <t>现在的测评产品都有他自身的缺陷，所以不要迷信，但是用来作参考，辅助HR作抉择判断又是必不可少的。至于信效度高的，可以考虑一下智尊测评的产品吧，可以跟北森媲美~我个人就倾向于智尊测评咯，自己选择~</t>
  </si>
  <si>
    <t xml:space="preserve">怎样有效卖东西我有两本大喝想卖掉，怎么才卖得不亏呢，是摆摊卖吗？ </t>
  </si>
  <si>
    <t>除了摆摊,只能是在聊天室里卖了~~没别的办法~~~</t>
  </si>
  <si>
    <t xml:space="preserve">练级问题KSL60级,不用挂,去封印,24小时能到100吗 </t>
  </si>
  <si>
    <t>强悍的楼主.KSL进封印不用高科技,先给你说一个字:I服了U然后再遗憾的告诉你.不太可能实现手动一天24小时觉醒. 因为60级不是只在一个地方就行的.还要换三个地方呢,单是跑地图就要花不少时间了,还有就是弹钢琴弹的多了,手会累会痛,稍不小心.挂了..又浪费时间复活和重新弹钢琴!!!就算是用高科技都还要用两天时间去觉醒呢!!</t>
  </si>
  <si>
    <t xml:space="preserve">所得税问题请问大家一个问题4月份计提第一季度的所得税,在4月份所 </t>
  </si>
  <si>
    <t>帐务处理1、3月底提取所得税借：所得税贷：应交税金--所得税2、3月底结转所得税借：本年利润贷：所得税3、4月份缴纳所得税借：应交税金--所得税贷：银行存款等4、如果你在4月份提取的，4月底要结转到本年利润中。</t>
  </si>
  <si>
    <t xml:space="preserve">xp下的任务管理器被禁用了,怎么办?不要告诉我格机子!谢了! </t>
  </si>
  <si>
    <t>开始→运行输入“ c”打开组策略来到这里：用户配置→管理模板→系统→Ctrl+Alt+Del选项把“删除任务管理器”改为“禁用”就可以了PS:要有管理员权限才行哦~~~~~~~~</t>
  </si>
  <si>
    <t xml:space="preserve">手机我在网上看N73卖1280.这是翻新还是水货啊?哪位大师指点 </t>
  </si>
  <si>
    <t xml:space="preserve">你好；     千万不要买 ，这种网上骗人的小儿科在深圳早就有了。他等你钱寄过去时他给你送来的是一部高仿“N73”外壳超像N73等你一用就知道了。其实成本才几百元。下面这两个网战你就知道了。  </t>
  </si>
  <si>
    <t xml:space="preserve">我刚刚玩这个游戏~用哪个职业比较好~!~我想用守门员可是不知道实 </t>
  </si>
  <si>
    <t>在足球比赛中守门员其实挺重要的，在《劲足》里就更重要了，一个好的守门员也能够为一场球带来胜利，很多游戏里守门员接触球的次数不多，但《劲足》不像其他游戏一样，在《劲足》里守门员能频繁的接触球，所以不会感到无聊，而且很多玩家都选前锋，中场之类的，很少人选守门员，物以稀为贵嘛，有时候比赛时都不找很多前锋的，因为前锋很多阿，所以有挑的，但是守门员很少，所以很吃香阿。总之，守门员是一个很有前途的职业，加油阿！！！</t>
  </si>
  <si>
    <t xml:space="preserve">经济适用房怎么买？？我想买新的经济适用房我刚毕业我也不知道怎么办 </t>
  </si>
  <si>
    <t>经济适用房是地方政府所为,没有全国的统一规定.所以,你必须根据当地的情况办理.但不管怎么样,基本原则是国家确定的,1.你必须是交纳过住房公积金;2.向当地房改部门提出申请;3.经批准后,根据自己的经济情况,确定付款方式;4.如自有资金不足,可按规定申请公积金贷款;5.选择属于那个地段的房屋.除此之外,还有比较档次低一些的商品房,那就只能走住房按揭,向银行申请按揭贷款了.</t>
  </si>
  <si>
    <t xml:space="preserve">DZ高手进DZ做为TANK的时候技能该怎么运用各位高手们，小弟我 </t>
  </si>
  <si>
    <t>满BUFF无75%闪躲的话,起首鬼魅,随后5星破甲,要说仇恨一般不如FQ/XD/ZS,除非BOSS有类似击退一样减仇恨技能,鬼魅期间如果出了猫U,基本闪肯定够了,如果RP不好建议不要吝啬怀表,要堆到满BUFF75%闪不是件容易的事,毕竟还要考虑到招架,感觉敏够的话副手可以考虑鱼锤,武器上主手也可以考虑武器精金链,但敏不够的话老老实实双猫U选高敏武器吧.</t>
  </si>
  <si>
    <t xml:space="preserve">关于户口问题情况是这样的：我的户口在湖北老家，我爱人的户口在石家 </t>
  </si>
  <si>
    <t>想把户口从湖北转到石家庄，必须凭具石家庄的住房手续才能办理户口迁移，如果你们没有自己正式住房，人家肯定也没法办啊！怕你户口没处落怎么办？</t>
  </si>
  <si>
    <t xml:space="preserve">翼虎好吗?多少钱(车) </t>
  </si>
  <si>
    <t>如果家用的话没有必要。因为确实比较废油。不过新款快出了。建议等等看。如果选择现款的话 更好的选择会有很多。</t>
  </si>
  <si>
    <t xml:space="preserve">插板不用时要拔插头吗插板有个开关，可以控制是否通电，是否关了就行 </t>
  </si>
  <si>
    <t>因为基本上我们都不能确定插板上的开关就是火线的控制开关。假如是火线开关的话，一关掉它，那是平安和稳妥的。但如果不是的话，那还是相当的危险，因为只断开了零线，火线实际上就是带电的！，只要它和任何导电的物质构成回路，就会通电！比如：人不小心接触到火线（那怕是万分之一），而恰好这人的另一只手刚好就挨在墙上或者刚好光脚丫站在地板上，来了，强大的电流就会从这人的接触手传到墙上或者地板上，不幸的构成了回路，运气好的话，手只会一阵剧痛，严重的话（尤其光脚），最好求个好运气……。回到电脑上，因为火线一直带着电，理论上说所有的零件就是带上了电，只不过还没有回路而已。假如遇上打雷，或者天气非常的潮，到处是潮出的水，同时为了安全，现在的家庭电源一般都接有水线（安全导去静电的“地线”），但同时也是一条可能构成回路的零线！    个人认为，最方便的方法就是墙上的插座换上带有开关的，控制火线的开和关，方便又不用麻烦，最安全。</t>
  </si>
  <si>
    <t xml:space="preserve">我想买个手机1500元的~麻烦各位出个主意要求：信号要好外型较小 </t>
  </si>
  <si>
    <t xml:space="preserve">推荐购买索爱的K700c，行货只要1600左右，性价比十分高。红外兰芽，照相录影录音，上网，JAVA扩展，听音乐，收音机，看视频等等功能，是2000元以内的性价比之王。 </t>
  </si>
  <si>
    <t xml:space="preserve">我要订做西服，请问，定作西服都要量什么？这个问题有谁了解呢，都要 </t>
  </si>
  <si>
    <t>肩宽,胸围,领围,臂长.臀围,腰围,裤长.</t>
  </si>
  <si>
    <t xml:space="preserve">插花有哪些讲究？插开张花篮和庆典花篮有什么分别？要讲究些什么？希 </t>
  </si>
  <si>
    <t xml:space="preserve">插花起源于佛教的供花。插花是一种，讲究颇多，比如花卉的品种、颜色、形状不同，则应选择不同的花瓶器皿。花器种类繁多，但作为花的陪衬物，应该选择造型简洁大方、材质优雅的花器为最佳。当然，不同花器的衬托效果也会给花卉带来意外惊喜。 透明的玻璃器皿，能够看到花枝自然交叉之美感；粗犷的陶器，对比出花的娇艳、纤细之多姿媚态。家中的花器不一定非要到商店去购买，凡能盛水的盆、碗、碟、罐、杯子、酒瓶、椰子壳皆可担当起花器的角色。 ■插花的艺术风格分类： （1）西方式插花，也称欧式插花，它的特点是注重花材外形，追求块面和群体的艺术魅力，作品简洁、大方、凝练，构图多以对称式、均齐式出现，色彩艳丽浓厚，花材种类多，用量大，表现出热情奔放、雍容华贵、端庄大方的风格。 （2）东方式插花，以我国和日本为代表。选用花材简练，以姿为美，善于利用花材的自然形态和所表达的意境美，并注重季节的感受，以线条的造型为主，多为平衡式构图，以姿态的奇特、优美而取胜。 （3）自由式插花，受当今世界各国出现的各种派别如写实派、抽象派、未来派等等派别的影响，选材、构思、造型更加广泛自由。特别强调装饰性、特殊性，更具时代感和生命力。 ■插花的构图形式： 传统插花最基本的构图形式有两种： （1）对称式或均齐式：对称式往往以中轴线为准，向左右插入等形、等量、等色的花叶形成的构图形式，如扇形、三角形似孔雀开屏的形态；均齐式也以中轴线为准，向左右前后插入等形、等量、等色的花叶形成的构图形式，似塔型、半园型。 （2）平衡式：依中轴线中心点配置不等型而等量的花、枝、叶的构图形式。此种形式构图形态多样，多采取花、枝、叶的大小、高低、疏密等手段进行变化，一般跟着感觉走，将等量花材进行插入。 插花的素材可以是从店里买回来的鲜花，也可以是野外采来的野花野草，巧妙搭配，精心编排，心情美然。 ■插花的步骤： （1）修剪：首先要去掉花卉的残枝败叶，根据不同式样，进行长短剪裁，根据构图的需要进行弯曲处理（为了延长水养时间，适合水中剪取）。 （2）固定：为了让花卉姿态按照你的设想进行，一般在花器的瓶口处，按照瓶口直径长度，取两段较粗枝干，十字交叉于瓶口处进行固定。专业插花，还要彩花插、花泥、铝丝等工具进行固定。 （3）插序：一般容易先插花后插叶，这样容易在插叶的时候将花的高度降低。正确的插序应该是选材、选插衬景叶、插摆花。 </t>
  </si>
  <si>
    <t xml:space="preserve">科技中国希望各位高人完善:世界科技前沿的中国,不要过去的(如高温 </t>
  </si>
  <si>
    <t>太专业了，顶</t>
  </si>
  <si>
    <t xml:space="preserve">乙肝和脱发有关系吗？ </t>
  </si>
  <si>
    <t>基本没关系 也没听说过有关系！我认识些乙肝朋友，他们好象没谁脱发的！</t>
  </si>
  <si>
    <t xml:space="preserve">想学习汽车特技方面我今年19岁，早不上学了，在北京混，从小有个愿 </t>
  </si>
  <si>
    <t>您好!我这里培训专业人员,这样吧!详情13901078152暂时再见....</t>
  </si>
  <si>
    <t xml:space="preserve">古典中国风纯音乐古琴，琵琶，古筝之类的像女子十二乐坊的曲子 </t>
  </si>
  <si>
    <t>《美人吟》《出水莲》古筝独奏《峨眉金顶》《枉凝眉》《南海渔船》《紫竹调》《夕阳箫鼓》琵琶《望春风》</t>
  </si>
  <si>
    <t xml:space="preserve">28岁没结婚的女人心里是怎么想的?渴望赶快结婚吗?身体和心理有什 </t>
  </si>
  <si>
    <t xml:space="preserve">从心理上来说,到了28岁的女人在一定的程度上是渴求结婚的.旁人的好意、家人的焦急、自己潜意识的催促都在不断地向你发出一系列的信号：该到结婚的年龄啦！但这时的心理已趋向成熟。另一方面，从身体上讲，如果保养得好的话，体形大体上跟原来时的没有多大的变化，皮肤方面也不用担心，但有一点要提醒的是，女人过了30的话，盆骨可能会有所定型，对以后的生育方面可能会有一些影响。其实28岁的女人仍然保持得像美女一样的大有人在的，她成熟的魅力有时会深深地吸引着男人的。根据国外根据一些研究机构统计得出结论，在现代社会的生活情况下，最适合的结婚年龄是：男32——女27左右。 </t>
  </si>
  <si>
    <t xml:space="preserve">水凝胶是什么起什么作用请知道的大师多多指教 </t>
  </si>
  <si>
    <t xml:space="preserve">水凝胶（Hydrogel）是一种高分子网络体系，性质柔软，能保持一定的形状，能吸收大量的水。凡是水溶性或亲水性的高分子，通过一定的化学交联或物理交联，都可以形成水凝胶。这些高分子按其来源可分为天然和合成两大类。天然的亲水性高分子包括多糖类（淀粉、纤维素、海藻酸、透明质酸，壳聚糖等）和多肽类（胶原、聚L-赖氨酸、聚L-谷胺酸等）。合成的亲水高分子包括丙烯酸及其衍生物类（聚丙烯酸，聚甲基丙烯酸，聚丙烯酰胺，聚N-聚代丙烯酰胺等）。作为一种高吸水高保水材料，水凝胶被广泛用于多种领域，如：干旱地区的抗旱，农用薄膜、建筑中的结露防止剂、调湿剂、石油化工中的堵水调剂，原油或成品油的脱水，在矿业中的抑尘剂，食品中的保鲜剂、增稠剂，医疗中的药物载体等等。值得注意的是，不同的应用领域应该选用不同的高分子原料，以满足不同的需求。 </t>
  </si>
  <si>
    <t xml:space="preserve">我想问黄金箱里有什么的？？？箱子值多少钱？？ </t>
  </si>
  <si>
    <t>（蓝，绿，紫）水晶。猩红宝石，玫瑰花。猴年吉祥包，心心相映幅，披风。开宝箱时身上得有加幸运的装备，开出的东东有可能好！</t>
  </si>
  <si>
    <t xml:space="preserve">4岁女孩坏牙的问题，请专家或者有此经验的妈妈请进来看一下～我的侄 </t>
  </si>
  <si>
    <t>医生会有办法的,只有补牙才能够正常进食,要不然会影响身体发育的。..................</t>
  </si>
  <si>
    <t xml:space="preserve">风色剧情的问题风色幻想剧情真的很棒~可是我只玩过3和4，所以有一 </t>
  </si>
  <si>
    <t>不不不对…………或者说，不太对的哦~~~~~~~~~~~~~~~~    首先说一下赛（不是“塞”哦）特的事，赛特……他起先是和映舞被丢向不同的世界不假，但是耶米拉显然在第一世界的封神战争之后就意识到这么折磨人不够过瘾，于是就换了一个更恶毒的（Sorry我个人很讨厌耶米拉……很希望结局会是众人轰轰烈烈杀死恶神了却恩怨的说……）方式，于是她才将赛特之魂带入第二世界，并让他转生为汉弥尔，你要注意汉弥尔可是与迪斯雅为敌的——耶米拉故意让他们做矛盾的事……包括后来的加瑟多，都是一样的，这点在赛特的话里有说的。至于露菲雅身体里的其他灵魂嘛，按照拉克西丝之言，依莉特之魂是籍由奇迹般的巧合而转生的（我怀疑是依莉特善良天性促使她试图拯救众人才会转生到这焦点人物身体之中……再加上迪斯雅之魂之所以成为邪神，很大一部分原因是因为奥塔之魂的凭依，所以依莉特之魂会追随。你问奥塔和依莉特的渊源？？在风2中，依莉特是奥塔的妈妈啊！！）拉克西丝和露菲雅本来就是一个人。迪斯雅呢，则是那个讨厌的耶米干的好事，他让迪斯雅之魂与拉克西丝同体，让加瑟多与迪斯路亚共生，这么做会有什么效果大概不用我说吧，凯琳只是个牺牲者。至于迪斯雅进入拉克西丝以太躯体的时间嘛……应该是拉克西丝与迪斯路亚攻击不沉之月之后，露菲雅摧毁空之岛之前。    第二点，因为你很可怜地没玩到魔导圣战，所以你把时间顺序严重搞混了的说，而且说得还不标准……露的转生根本就不是赛特那些事情的所谓“后来”。这一段是魔导圣战的，只凭风4中的叙述无法理解。我就把魔导圣战也给你说个大概吧。所谓魔导圣战，是封神战争——就是加瑟多和赛莉耶所说的人与神之战——的后续，拉克西丝在魔人西昂将两位命运女神封印，自己被暗杀的那场战争之后，问赛莉耶要了菲利斯多结晶，用它与卡奥斯同归于尽。1600年后她转生为露菲雅，幼年时误放出了被自己封印的卡奥斯并导致魔导圣战的爆发……那一次迪斯路亚（艾萨斯是他给自己的新名字，不是另一个灵魂）想杀死幼小的拉克西丝，但露菲雅的话使他根本下不了手……于是他开始守护着她，照看着自己爱的女神，最后与她一起与众伙伴一道（安洁妮、朱里安、蕾依莎等等十多个人）打败了卡奥斯。注：卡奥斯是有翼人神只抛弃自己旧躯体后，他们的身躯与普罗特原生质结合生成的混乱与破坏的神只（Diablo??）  之后，占有菲利斯多（不知是哪一片，大概是耶米用剩的吧）的夏菲斯找死，菲利斯多爆炸，而在它即将爆炸之前任性的露菲雅从英雄徽章的保护下冲了出来，试图用裁之刃把菲利斯多推到九霄云外，在她失败之后，迪斯路亚为了救她，自己用传送术法与菲利斯多一起离开，之后被炸成失忆。那次爆炸使得天之壁裂缝，为了击倒卡奥斯而被释放的二位命运女神才会感知到耶米拉，跑到了不沉之月上，被吃掉。而拉克西丝感知到这一点，便冲到不沉之月上想救她的姐妹，并且攻击了耶米拉（又一个找死的），于是迪斯路亚（记忆恢复了）去救援拉克西丝。因为安洁妮的原因，赛莉耶和安洁妮也在迪斯路亚走后试图上不沉之月，导致了安洁妮的死亡，而在拉克西丝、迪斯路亚与耶米拉开战之前拉克西丝就将这二人送入了第二世界。    两人最终没打过耶米拉，拉克西丝是被耶米拉打得只剩下以太后，被冥王迪斯路亚拼死送进第二世界的（好感人的爱情），不是被轰进去的。迪斯路亚因此被俘。此时正赶上上一个版本的加瑟多听从亚蒂玛的指示，穿越星海之道，刚到了不沉之月就死了，耶米拉就将他转生如迪斯路亚的身体。愤怒的露菲雅两次试图夺回迪斯路亚，第一次她轰击天之壁而耗尽了神质，构成以太状的她即将消散，后被亚蒂玛转入凯琳的身体（是将拉克西丝的以太质转入当时的死胎就是凯琳的身体，不是将凯琳的灵魂放进拉克西丝的以太壳里），想用这个魂使凯琳复活，第二次，她见到了加瑟多，愤怒使她化身黑色新娘，想将加瑟多轰出迪斯路亚的躯体，致使空之岛被毁。没错，此时依叶早已死（依叶的时代大概和魔导圣战差不多）之后就是风3、4中的内容……而梅尔西迪斯呢，他早在迪斯路亚和拉克西丝还没有相爱之前，就已经在活动了。    你应该玩玩魔导圣战，这么喜欢风3、风4，错过魔导圣战实在太不应该了，你现在知道迪斯路亚和拉克西丝究竟是怎样产生了这神与魔的爱情吗？？如果你没玩过魔导圣战，哪怕你听人说了个大概，也根本无法去完整体会风3、风4的故事。还有风2，那是FLSD（菲利斯多）篇的前传，讲的是水蓝之星上的事。少了这几个，你就不算玩过FLSD篇章……风色幻想魔导圣战、风色幻想2~aLive~在 上有eMule下载。至于风色幻想SP，与FLSD无关，但是它包含魔导圣战的一个小小的补完片FOREVER，有兴趣的话可以下载，再找那个隐藏关卡激发器。补充：！！下面那位说的好象严重不对！！我在风色幻想的社区上参与过讨论的，再加上我自己的理解，一致认为风SP其实和风色幻想魔导圣战无关，而且FY自己也说了，风色幻想SP封神之刻是和魔导圣战关系不大的新作品，因为出风SP、幻翼传说和炎舞的那一段时间，恶魔猫大人离队服兵役去了，除了他之外谁能继续写FLSD呢？？而且风色幻想SP的世界观与FLSD的所有作品，1代、3代、4代还有FLSD的前传风2的都不同，那个世界不是耶米拉的世界，当然也不能看那个世界的年代就认为它的故事发生在3、4代之后……它们根本是无关的、风马牛不相及的啊！！请你看清楚，SP里的可是梅迪西斯，不是迪梅西斯，更不是梅尔西迪斯！！可不要把伊莉丝和梅尔西迪斯硬攀上亲戚……至于那个裘卡，只不过是一个名字，或者是一个称号罢了，SP裘卡与FLSD裘卡并不是一个人……拜托搞清楚再说好不好……上面那位不要被带糊涂了，风色幻想SP的确是一部出色的作品，如果是为了欣赏的话，值得一玩，如果是为了FLSD的话，还是算了吧，除非你想要那个鸡肋的FOREVER篇，它和4代的联系也不过是赛莉耶的几句话罢了。（我认为魔导圣战比SP好多了）</t>
  </si>
  <si>
    <t xml:space="preserve">燕子老师请进!请问您对大盘怎么看啊?老师请进!请问您对大盘怎么看 </t>
  </si>
  <si>
    <t>大盘短线反弹，尚未确定转势，短线关注明后两天大盘走势再做决定，暂时多看少动。</t>
  </si>
  <si>
    <t xml:space="preserve">常熟哪里有卖黑松露巧克力啊？！！！ </t>
  </si>
  <si>
    <t>常熟支塘这边的华东食品城有卖的！（帮助他人，快乐自己，若我的回答能够帮助到你，请选择设为“好评”，谢谢你的支持。）</t>
  </si>
  <si>
    <t>网通一区</t>
  </si>
  <si>
    <t xml:space="preserve">   太无敌，诛仙收装备收到这了，去淘宝看看，新浪不买装备。！！！！！！</t>
  </si>
  <si>
    <t xml:space="preserve">高一物理谁会!在室外以一定初速度竖直上抛的弹性小球经过3S回到手 </t>
  </si>
  <si>
    <t>设小球重量为g，天花板离抛出点高h。当在室外时，上抛到空中的时间为t=3/2=1.5s根据加速度公式有：v1=g*t1=1.5g  （求得上抛的速度）当在室内时，小球上抛到天花板时的速度设为v2，那么碰到天花板反弹的速度也为v2，这有个过程，小球以v1的初速度上抛，做加速度为-g的减速运动，然后瞬间碰到天花板，反弹，就以相当于，以初速度为v2，加速度为g的加速运动，运动到抛出点时，速度就由v2加速到v1，所以v1=v2+g*0.6/2   解得：v2=1.2g那么，h=v2*t2+1/2*g*t2*t2 (其中t2=0.6/2=0.3) 解得：h=0.405g</t>
  </si>
  <si>
    <t xml:space="preserve">我的地盘听我的，这句话用英语怎么说？意思也就是我的地盘我做主my </t>
  </si>
  <si>
    <t>my zone, i'm landlord.</t>
  </si>
  <si>
    <t xml:space="preserve">同学这样回复我（短信），她是生气了吗？我：今天不回学校了，打算把 </t>
  </si>
  <si>
    <t>朋友说不交往就不交往很不负责哇。你为什么不换个心态呢？你以另一个心态读读短信哇。她嘲笑你记错课程表，然后一点也不僵硬的呢？短信有事后就是悠着点问题，所以还是语言交流比较好。给她打个电话，假装新奇惊讶的说：啊？真的没有思修吗？哈哈哈，我都记混了，这两天一直还在为思修纠结呢。那明天是什么课哇？等等类。然后说，我们一起吃午饭哦。这时候你听一听她的预期就知道她是否生气了。所以不要一个人在那里纠结了，是大一的小朋友吧。很多问题搞不清楚就换个方式解决啊。误会，很让人难过呢。你之所以跟她交朋友一定是因为她有地方吸引你对不对，如果她性格上确实小气了，你也要比较缓慢的方式离开她。最好的方式是，多关心她，包容她的缺点。你还可以有很多其他的好朋友的，是吧。，如果她真心是讨厌你，那就没有办法了。哈哈，不过我觉得不会，因为我怎么看那短信都是和善的。哈哈哈，加油啊，多沟通，什么都会好起来的。早点休息，不呀纠结了。</t>
  </si>
  <si>
    <t xml:space="preserve">一道化学选择题用以下方法能够证明某无色透明液体是纯净水的是(D) </t>
  </si>
  <si>
    <t>本题没有正确答案。任何水溶液呈中性时，都有下列关系 c(H+)=c(OH-). （A错）具有这个现象的不一定是纯净水，例如食盐水等一些溶液都可能。（B错）在一个大气压下,4度时,密度为1g/ml的不一定是纯净水，可能是某混合溶液。（C错）导电能力很弱，说明此溶液中离子浓度很小，不能说明其他问题。例如极稀的食盐水的导电能力就很弱。（D错）</t>
  </si>
  <si>
    <t xml:space="preserve">吃槟榔和吃口香糖有什么区别？会上瘾吗? </t>
  </si>
  <si>
    <t xml:space="preserve">槟榔的作用：常用的驱虫药。为棕榈科植物槟榔的干燥成熟种子。槟榔味苦、辛，性温 。归胃、大肠经。功效杀虫，消积，下气，行水。主治虫积，如蛔虫、绦虫、蛲虫、姜片虫等，食积气滞，脘腹胀痛，水肿，脚气，疟疾等病证。槟榔有驱虫、抗病毒和真菌等作用，外治青光眼，嚼吃起兴奋作用，会上瘾。槟榔果实中含有多种人体所需的营养元素和有益物质，如脂肪、槟榔油、生物碱、儿茶素、胆碱等成分。槟榔具有独特的御瘴功能，槟榔毒性：       过量的槟榔碱可引起流涎、呕吐、利尿、昏睡及惊厥。如系内服引起者可用过锰酸钾溶液洗胃，并注射阿托品。气虚下陷者禁服。**口香糖又叫泡泡糖，是以天然树胶或甘油树脂为胶体的基础，加入糖浆、薄荷等调和压制而成。营养功效：口香糖的基质黏性很强。能除去牙齿表面的食物残渣，咀嚼，机械刺激又能增加唾液的分泌，冲洗口腔表面，有一定的清洁口腔的作用，咀嚼口香糖，促进了面部血液循环与肌肉的锻炼，对牙齿颌面的发育有促进作用。咀嚼口香糖时，唾液分泌增多，可促进消化。一般人皆可食用。儿童不宜多吃。每次1块。每天不超过2块。口香糖中加有糖精、色素、香料、抗氧化剂等，在细菌的作用下既能形成一种高黏性不溶于水的多糖物质，黏附于牙齿表面，进而形成牙菌斑，又能发酵产酸，使牙齿表面的矿物质溶解导致龋齿。口香糖还含有增塑剂，有微毒，吹泡泡的过程中不断吐舌、伸舌、习惯性用一侧牙齿咀嚼，会使颌面部发育不均，造成牙颌畸形。幼儿吃口香糖易误吞到食道或支气管中，会有生命危险。过多、过长时间咀嚼口香糖有可能对健康产生不良影响。大部分口香糖都是以蔗糖为甜味剂。咀嚼口香糖时，糖分会长时间在口腔内停留，口腔中的致龋菌就会利用蔗糖产生酸性物质，对牙齿产生腐蚀，致使牙齿脱钙，从而诱发龋齿。咀嚼口香糖的时间不要超过15分钟，有胃病的人更不宜过多地嚼口香糖，因为长时间咀嚼口香糖，会反射性地分泌大量胃酸，这在空腹状态下，不仅会出现恶心、食欲不振、反酸水等症状，长期下去还有可能导致胃溃疡和胃炎等疾病 ，咀嚼口香糖的时间不要超过15分钟，有胃病的人更不宜过多地嚼口香糖，因为长时间咀嚼口香糖，会反射性地分泌大量胃酸，这在空腹状态下，不仅会出现恶心、食欲不振、反酸水等症状，长期下去还有可能导致胃溃疡和胃炎等疾病 </t>
  </si>
  <si>
    <t xml:space="preserve">小孔成像时,对小孔的要求是什么小孔成像时，对小孔的要求是什么 </t>
  </si>
  <si>
    <t>一般来说，要求孔径1－3毫米</t>
  </si>
  <si>
    <t xml:space="preserve">成人缺锌有哪些表现？今天一个打着什么“天狮”牌子的保健所，我去看 </t>
  </si>
  <si>
    <t>缺锌肯定是有的。还有其它维生素也缺乏，最好补充综合维生素加钙.成人缺锌则主要表现为食欲减退,味觉丧失要补锌,首先要保证饮食均衡,摄入多样化,这是解决缺锌问题的基本原则.动物内脏,瘦肉,鱼肉,以及贝壳类等海产品都是含锌量丰富的食品,另外还有蛋黄,坚果类食品都应该多吃,这才能从根本上保证锌元素摄入足量.</t>
  </si>
  <si>
    <t xml:space="preserve">神鬼传奇的防沉迷验证系统用同一身份证不能验证多号吗？我身份证资料? </t>
  </si>
  <si>
    <t>都对就没问题,反正我的热血传奇用了好几次同样的身份证了!</t>
  </si>
  <si>
    <t xml:space="preserve">任务不能做了我在游戏中做主线任务到了腐败。疑心在那交啊只能没有交 </t>
  </si>
  <si>
    <t>不知道,可能做不了吧!到目前为止我也做不了这任务</t>
  </si>
  <si>
    <t xml:space="preserve">有专家论证，东北地区人均受教育水平位居全国之首。 </t>
  </si>
  <si>
    <t>俺很自豪吖。。。砖家终于说了一句真话。。。这个统计一下就行了不需要论证滴。。。</t>
  </si>
  <si>
    <t xml:space="preserve">深圳福田区岗厦村邮编是多少? </t>
  </si>
  <si>
    <t>岗厦村(福华路) ：518033 以下都是： 赤尾村(华强南路)… 河园新村(岗厦) 福田街(福华路) 楼园新村(福华) 福宁街(福星路) 福田新村 (福华路中段) 福星路北住宅区 (福星路) 大门村(福星路) 福庆街(福星路) 福华新村(福华路福田街) 皇岗口岸(皇岗路)… 福田新村(福华路)… 福滨屋村管理处 … 深南中路(西段南侧) 福虹路(曾用名：华乐路)彩田路(中南段) 岗边村(福星路) 牛巷村 (福华路福田街)… 福星路 福田村(福星路) 福祥街(福星路) 福明路(曾用名：华富南路) 岗厦路 福田路 福华路(东段) 渔农村(福田南路皇 岗口岸傍) 华强南路(西侧) 东头村(福星路) 福安街(福星路) 祠堂新村(福华路)… 西头村(福星路) 贝底田村 (福华路福田街)…</t>
  </si>
  <si>
    <t xml:space="preserve">五子衍宗丸可不可以长期服用？想买点五子衍宗丸吃吃，但不知道是否可 </t>
  </si>
  <si>
    <t>药是治病的，中病即止！古人曰，是药三分毒，有是证用是药，无病不可长期服药，别说是药就是馒头吃多了也能撑着，你说对吗？</t>
  </si>
  <si>
    <t xml:space="preserve">请问大家冲装备时是否都是选择100%合成的啊？请问有人冲装备时有 </t>
  </si>
  <si>
    <t>+1到+7选择75%基本都会成G的!!除非你运气太差就没办法了!!我完过很多游戏,其中合成系统里都没有合成几率说名  只有自己丛中总结!不像SUN  合成率75%算很高了,所以一般都会成G的!!如果你有钱那就用100%吧!!至于50%就有点危险!运气太好就另当别论了!!  不过9/C是要赚钱的!所以还是不要选50%和更低的了!!</t>
  </si>
  <si>
    <t xml:space="preserve">在中国哪支意甲球对最受欢迎 </t>
  </si>
  <si>
    <t>拉素啊</t>
  </si>
  <si>
    <t xml:space="preserve">炒股收入超过12万向国家申报,如何计算?如果是3年前买的股票呢? </t>
  </si>
  <si>
    <t>年收入超过12万向国家申报中的炒股收入,是这样计算的：3年前买的股票，当时购买的价格和相关已经付出的税、费，（其中包括管理费用等等支出）就是你的成本。拿成本和现在股市上，该股票的市值相比较，市值大于成本的部分，就是炒股收入，再分到3年，也就是该收入的1/3和你的其他收入（工资等等），合计计算超过12万元，就要进行申报了。</t>
  </si>
  <si>
    <t xml:space="preserve">玄铁盾升级能升出什么属性？ </t>
  </si>
  <si>
    <t>特殊首饰不可以升级的,所以你在市场上看不到带属性的特殊首饰!</t>
  </si>
  <si>
    <t xml:space="preserve">死亡惩罚完美中玩家死亡初掉经验外还掉什么 </t>
  </si>
  <si>
    <t xml:space="preserve">有些时候 还会掉些包里的东西!比如 药\副产品等等...元神怎么搞都不会掉!(当然 除了学技能)  </t>
  </si>
  <si>
    <t xml:space="preserve">未知暗殿怎么走？请问未知暗殿怎么走啊？ </t>
  </si>
  <si>
    <t>暗殿在蜈蚣洞连接通道 蜈蚣洞门口的坐标（141：90） 进去之后往左边走，走到最尽头往下去走可看到弓箭手（10：198）可进去连接通道，通往下一层的坐标为（12：11）这层怪物比较多 小心为妙 再下一层（91：45） 只好到达去暗殿的那层，进去后继续向前走， 走到（133：177）进去，进去走到（39：172）从那里进去那个地方你可以看到个房间（26：187）点击老人接受挑战就可以进去暗殿了。去吧！！！！</t>
  </si>
  <si>
    <t xml:space="preserve">英雄无敌5女英雄大叔型??英雄无敌5里一些种族的女英雄照片是女的 </t>
  </si>
  <si>
    <t xml:space="preserve">建议你上 或sina下载看一看英雄无敌5》不死女英雄MOD  《英雄无敌5》森林女英雄MOD“妖精MM” ·《英雄无敌5》学院女英雄MOD  ·《英雄无敌5》地牢女英雄MOD“血女MM”  英雄无敌5》地狱英雄“炮车女”宠姬MMMOD  ·《英雄无敌5》地狱英雄“炮车女”媚魔MMMOD  ·《英雄无敌5》地狱英雄“炮车女”性感MOD  </t>
  </si>
  <si>
    <t xml:space="preserve">哪位有男篮张松涛、张庆鹏、陈江华、王仕鹏的详细资料???麻烦发送? </t>
  </si>
  <si>
    <t xml:space="preserve"> 张松涛(Zhang Songtao)  球　队：   中国  号　码：   10  生　日：   1985-6  身　高：   2.12米  体　重：   -公斤  位　置：   中锋  俱乐部：   北京奥神 日期 比赛 时间 得分 2分 3分 罚球 篮板 助攻 抢断 盖帽 8.19  中国 69-84 意大利 0 0 0/0 0/0 0/0 0 0 0 0 8.20  美国 121-90 中国 3 2 1/2 0/0 0/0 1 0 0 0 8.23  塞内加尔 83-100 中国 0 0 0/0 0/0 0/0 0 0 0 0 8.24  斯洛文尼亚 77-78 中国 0 0 0/0 0/0 0/0 0 0 0 0 8.22  中国 87-90 波多黎各 2 0 0/0 0/0 0/0 0 1 0 0 8.27  希腊 95-64 中国 3 0 0/0 0/0 0/0 0 1 0 0 累计 8 2 1/2 0/0 0/0 1 2 0 0 平均1.330.3 00 张庆鹏(Zhang Qingng)  球　队：   中国  号　码：   6  生　日：   1985-3  身　高：   1.87米  体　重：   83公斤  位　置：   后卫  俱乐部：   辽宁盼盼   个人技术统计 日期 比赛 时间 得分 2分 3分 罚球 篮板 助攻 抢断 盖帽 8.19  中国 69-84 意大利 6 0 0/0 0/0 0/0 1 0 2 0 8.20  美国 121-90 中国 3 0 0/0 0/2 0/0 0 0 0 0 8.23  塞内加尔 83-100 中国 8 2 0/0 0/2 2/2 0 2 0 0 8.24  斯洛文尼亚 77-78 中国 10 0 0/1 0/2 0/0 0 1 0 0 8.22  中国 87-90 波多黎各 0 0 0/0 0/0 0/0 0 0 0 0 8.27  希腊 95-64 中国 6 3 0/1 1/2 0/0 0 1 0 0 累计 33 5 0/2 1/8 2/2 1 4 2 0 平均 5.5 0.83 0 0.12 1 0.16 0.66 0.33 0  陈江华(Chen Jianghua)  球　队：   中国  号　码：   4  生　日：   1989-3-27  身　高：   1.85米  体　重：   -公斤  位　置：   后卫  俱乐部：   广东宏远    个人技术统计 日期 比赛 时间 得分 2分 3分 罚球 篮板 助攻 抢断 盖帽 8.19  中国 69-84 意大利 11 0 0/2 0/0 0/0 0 0 0 0 8.20  美国 121-90 中国 10 6 1/5 1/1 1/2 2 1 1 0 8.23  塞内加尔 83-100 中国 0 0 0/0 0/0 0/0 0 0 0 0 8.24  斯洛文尼亚 77-78 中国 0 0 0/0 0/0 0/0 0 0 0 0 8.22  中国 87-90 波多黎各 7 0 0/0 0/1 0/0 3 1 0 0 8.27  希腊 95-64 中国 17 8 4/4 0/0 0/0 1 2 0 0 累计 45 14 5/11 1/2 1/2 6 4 1 0 平均 7.5 2.33 0.45 0.5 0.5 1 0.66 0.16 0   王仕鹏(Wang Shipeng)  球　队：   中国  号　码：   7  生　日：   1983-4  身　高：   1.96米  体　重：   93公斤  位　置：   后卫  俱乐部：   广东宏远 日期 比赛 时间 得分 2分 3分 罚球 篮板 助攻 抢断 盖帽 8.19  中国 69-84 意大利 27 3 0/4 1/2 0/0 2 2 1 0 8.20  美国 121-90 中国 30 17 1/2 5/12 0/0 1 2 0 0 8.23  塞内加尔 83-100 中国 25 17 1/2 4/7 3/4 2 0 1 0 8.24  斯洛文尼亚 77-78 中国 24 3 0/2 1/2 0/0 2 0 2 0 8.22  中国 87-90 波多黎各 42 13 4/6 0/4 5/6 3 2 0 0 8.27  希腊 95-64 中国 36 16 5/6 2/5 0/0 6 0 0 0 累计 184 69 11/22 13/32 8/10 16 6 4 0 平均30.6 0.82.6610.660 </t>
  </si>
  <si>
    <t xml:space="preserve">明史专家二字词一徐妃 </t>
  </si>
  <si>
    <t>蜘蛛</t>
  </si>
  <si>
    <t xml:space="preserve">用火狐浏览器插件都要自己下么我的支付宝的密码不能打进去.需要安装 </t>
  </si>
  <si>
    <t xml:space="preserve">支付宝插件不支持firefox因此您在支付过程中请使用ie浏览器插件下载地址 </t>
  </si>
  <si>
    <t xml:space="preserve">您可为文章选择以下投稿分类投稿的文章将有机会出现在新浪博客排行榜? </t>
  </si>
  <si>
    <t>你可以把那个对话框直接关掉</t>
  </si>
  <si>
    <t xml:space="preserve">求日语相关的东西我要自学日语，之前无任何基础，现想求适合我们初学 </t>
  </si>
  <si>
    <t xml:space="preserve"> 到这里看看，我个人觉得这个网站不错。很适合初学者。</t>
  </si>
  <si>
    <t xml:space="preserve">英语翻译打牌!请帮忙翻译英语,谢谢! </t>
  </si>
  <si>
    <t>play cards!</t>
  </si>
  <si>
    <t xml:space="preserve">售票软件哪里有售?客运售票系统哪里有售？客运售票系统多少钱？客运 </t>
  </si>
  <si>
    <t xml:space="preserve">这个问题，要看软件而定，软件好的价也相应会高些，软件差的，价格也会低。管理软件，最重要的还是性能，功能，易用，稳定性，推荐你使用 广东金锐软件科技有限公司的 《客运售票系统V10.3大型网络版》，该软件，按套售价格是9.8万（包含所有功能模块，无限客户机数量），如果小车站，按点算是8千元每客户端软件，软件不错，架构是三层数据结构，绿色软件，不用安装，直接复制就可使用。操作简单易用，好用。目前国内30多家车站在用，值得推荐。官方网址：     下载地址： </t>
  </si>
  <si>
    <t xml:space="preserve">怎么打动一个女孩怎么样去打动一个女孩子的心呢， </t>
  </si>
  <si>
    <t>1，给女孩子一个好的第一印象。喜欢一个心仪的女孩，一定要给女孩子一个好的第一印象，怎么认识这个女孩是比较难的也很重要，这点需要下下苦功夫，总之认识的第一次，怎么认识都很重要，要给女孩留下一个好印象，"记得当时师兄对他赞不绝口，一看之下，恩，还不错拉，因为长的虽说算不上英俊，也不难看，话也不是特别多，算是有点内涵的吧。" 2，认识以后可以安排几次邂逅，可以加深彼时印象，不然时间久了忘掉的可能性很大的。"所以去食堂的路上经常能碰到他和同宿舍的一起打饭回来"，有了几次邂逅双方印象都不错以后，你就可以鼓起勇气试着约会那个女孩子了，"某个周末GG来找我聊天，也就是说他和他过往女友的事情，"，但是注意不要太着急，要学会循序渐进，第一次约会可能不说太多，尽量多几次约会，"再后来，好像成了习惯，每个周末都来找我"，约会中渐渐培养感情，在很多次的约会中感情就建立了，"有个周末没来找我，心里竟觉得空落落的"。 3，感情在不知不觉中得到建立，可是怎么让感情得到升华，寻找突破口呢？很多人感情始终都得不到突破，这是很苦恼的，这个时候就要学会自己给自己制造一些机会，去哪旅游，或者溜冰，都是不错的选择，到了外面女孩子更多依靠男孩子，男孩子要把握机会，"就在那晚，把自己的手交到了GG得手里，再也没有松开过。" 4，女孩都是很虚荣的，在的最初，可以学着制造点浪漫，其实这个浪漫有的时候并不是给女孩自己的，往往是给别人，给女孩的朋友看得，要让大家都知道女孩是世界上的小公主，谁不希望，我的梦中情人身披金甲圣衣脚踏五色彩云来娶我，"我曾经无数次的幻想GG捧着一大把玫瑰在一个特殊的日子来楼下找我"，要学会适当时候，送女孩一些小礼物，礼物不要太贵，但一定要不平常，女孩子都很喜欢收到小礼物，小礼物对感情的发展很重要，首先女孩收到礼物那几天会很高兴，其次这样你不在他身边的时候他看见小礼物也会想到你，第三小礼物可以向宿舍别的女孩炫耀。"GG很少送我东西，不过在特殊的日子总是会给我分小礼物，"，送礼物在恋爱前和恋爱后都可尝试。 5，对女孩要好，要关心他，要在生活中点滴小事中让她知道你是爱她的，"不过这样的事情最后也没有在我这里发生，我想是GG一直守护着我吧" 6，追到手以后，你就可以脱离追求她的苦日子，过上幸福日子了，"不时往宿舍拎衣服，给他喜好，晾干，叠好，让他拿走。" 7，得到一个女孩子的心很容易，要让她永远留在你的身边有时很难，争吵等等都是正常的，但是，记住，真爱无敌，学会把握自己的爱情，最后走进婚姻的殿堂，"间也吵过闹过哭过，连分手也说过，最后还是坚持了下来。"</t>
  </si>
  <si>
    <t xml:space="preserve">我快郁闷死了曾经无话不谈的闺中密友变了，我不住宿了，不能和她常在 </t>
  </si>
  <si>
    <t>首先你需要明白何为“闺中密友”，何为“无话不谈”是你对她无话不谈还是她也对你无话不谈，你们是志同道合还是由于某种环境的局限才成为“朋友”的。你和你的“闺中密友”是不是那种没有鱼虾，肉也可以，没有肉，豆腐也可以的那种关系呢？我所知道的很多类似的朋友都是这样的，朋友就像美酒，不是整天粘在一起的好，而是需要储存的时间越长才能真正的品味出来的，告诉你个好方法：把你现在认为的最好的朋友选出5个封存起来，每年选一次，连任5年的才可以算朋友啊。你试试吧，很有意思的。</t>
  </si>
  <si>
    <t xml:space="preserve">跪求一军一猛挂南蛮的设置88级结界狂雷军,95级乱5猛怎么我设置 </t>
  </si>
  <si>
    <t>应该是猛号在前面，军号跟随！军师选择挂兵模式。兵开主动！军的作用是帮你强命，他打不打无所谓，2个乱舞小怪都没了</t>
  </si>
  <si>
    <t xml:space="preserve">工作之余怎么样去打发无聊时间呢？急需 </t>
  </si>
  <si>
    <t>给你推荐一个兼职网站，在家就可以上班。服务托管，订阅任务，在家工作，网上兼职----蜗客网</t>
  </si>
  <si>
    <t xml:space="preserve">有一种奇怪的东西,它能载的动万吨重物,却载不起一粒沙子.它是什么? </t>
  </si>
  <si>
    <t>有一种奇怪的东西,它能载的动万吨重物,却载不起一粒沙子.它是什么? 水</t>
  </si>
  <si>
    <t xml:space="preserve">如何在博客的我的公告栏里做投票按扭??急急我参加了博客征集《我和 </t>
  </si>
  <si>
    <t>到你的投票页面,复制投票按钮,粘贴入你的自定义面板.非常简单的.</t>
  </si>
  <si>
    <t xml:space="preserve">电子版一寸照片怎么弄啊？跪求！ </t>
  </si>
  <si>
    <t>调整下照片的宽高比2.5*3.5的比例就可以了（如果能帮到您的话 情点【有用】吧~）1寸   打印尺寸25×35(mm)    打开Photoshop ，新建一个画面是这个尺寸，dpi输入200或者300</t>
  </si>
  <si>
    <t xml:space="preserve">NBA有些球员只一个赛季打得不错就牛得几把毛一样,像坎比,还有布 </t>
  </si>
  <si>
    <t xml:space="preserve">布兰德最近一直在公牛 快船  上镜率不高  所以可能有些人对他不了解   呵呵    他的确是一个很全面出色的大前锋     至于坎比  他在纽约时也不错  只不过是经常受伤  今年他的发挥很好   但是  全明星不该出来瞎嚎  ALLSTAR不是MVP的评选   看的不是数据  是人气 还有 ````长相 哈哈   </t>
  </si>
  <si>
    <t xml:space="preserve">考试前应该怎样复习. </t>
  </si>
  <si>
    <t>快到考试的时候,没有必要再做什么复习了,放松就可以了</t>
  </si>
  <si>
    <t xml:space="preserve">水晶的问题用了10多个祝福还没换到水晶,我想收一个水晶不知道任务 </t>
  </si>
  <si>
    <t>收水晶可以做任务，个人认为在5瓶以内可以收。在老吴那很多人怕，按键迟往往就得不到水晶。</t>
  </si>
  <si>
    <t xml:space="preserve">争夺乱战将剑。貌似将剑1号是F。2号是G。3号是P。终极监牢用语? </t>
  </si>
  <si>
    <t>乱战出来就全强化好了(没有先强化杀人的优势），将剑GFP上升都很低，移动，WS都不怎么好。打乱战开终极只是防守用，进攻用处不大。打兵粮还不一定能进去呢，不如5P4WS(改P）的+刀呢（打火药箱），更不用说杀兵粮里的武将了。</t>
  </si>
  <si>
    <t xml:space="preserve">我总是心太软 </t>
  </si>
  <si>
    <t>你的心不是已经冷了,硬了吗??怎么还会软??</t>
  </si>
  <si>
    <t xml:space="preserve">请问怎么才能拿捏好情人和红颜知己的尺度呢？我是个已婚女人，可是前 </t>
  </si>
  <si>
    <t>这种想法要不得! 你是一个已婚女人,应该知道红颜知己意味着什么;既然爱你的老公,心里怎能还装得下别的呢?我不想说那个男人有什么企图但这是一个很不好的苗头,请不要自欺欺人,这样的"火"玩不得!</t>
  </si>
  <si>
    <t xml:space="preserve">和男朋友分手了，他却让我小心点，他会让我付出代价的，我好害怕？他 </t>
  </si>
  <si>
    <t>有些男人其实就是“说就天下无敌，做就无能为力”，他也就是吓吓你。但为防患于未然，你还是要和家人说说这件事。最近出入小心点，尽量找个伴一起出门，不要到偏僻的地方。在包包里备个防身用品。如果你们有共同认识的朋友，最好和他聊聊，让他的朋友来劝劝他。</t>
  </si>
  <si>
    <t xml:space="preserve">不同帐号的快捷键能不能统一我有两个帐号，里面的人物都有个牧师，我 </t>
  </si>
  <si>
    <t xml:space="preserve">WTF还是WDB的文件...里边搜索你改完了的那个ID名字...然后把那个名字下的所有文件复制到另外一个牧师名字的文件夹下...举例你俩牧师分别叫123和321...123改完了...在WTF下搜索123...会出来一个文件夹...然后把123文件夹下边的所有东西复制到321名字的文件夹下...OK了就 </t>
  </si>
  <si>
    <t xml:space="preserve">你好,请教个问题?1.机动车购买保险时,如何进行简易的手算保费? </t>
  </si>
  <si>
    <t>1、简易手算保费很简单，用新浪网的汽车频道中的车险计算便可 但是，不是很准确，最好到保险公司测算一下或者打咨询电话2、保险过户，需要原车主带身份证原件、过户证明（发票或者车辆登记证（绿本）、行车证等手续到保险公司办理。</t>
  </si>
  <si>
    <t xml:space="preserve">九都汇的物业公司是哪家？ </t>
  </si>
  <si>
    <t>九都汇项目引入的物业服务公司是北京圣瑞物业服务公司，物业顾问服务公司是国贸物业。北京圣瑞物业和华远地产颇有渊源，成立于2002年5月的北京圣瑞物业服务公司原名北京市首旅酒店物业管理有限公司，是华远地产联合出资组建，业务涉及写字楼、公寓、别墅、商业等多种业态的管理服务，为国家物业管理一级企业资质。国贸物业是作为物业顾问引入的，与普通物管相比，专业的酒店物管公司在涉外公寓服务上，更具专业水准和经验。国贸物业是中国国际贸易中心股份有限公司的全资子公司，也是国家一级资质企业，目前在国内管理面积近400万平方米，业界对其评价是：中国专业水准最高、实力最为雄厚的专业酒店物业管理公司之一。</t>
  </si>
  <si>
    <t xml:space="preserve">大家来帮忙想办法啊，会有100分的！想请一个有名的人来给学校做演 </t>
  </si>
  <si>
    <t>趁公众假期，请一些原来你们学校出去的学生校友，特别是有些成就的，如果没有就请一些考入名校的也行．</t>
  </si>
  <si>
    <t xml:space="preserve">月经问题我是3月11日做的人流手术。请问现在怎么还没有来月经呀？ </t>
  </si>
  <si>
    <t>人流后月经有2-3个月的恢复期，不要过于担心。但人流2周后就应该到医院复查子宫内膜等情况。另外，注意避孕！</t>
  </si>
  <si>
    <t xml:space="preserve">△X=at^2比如一条纸带，6个时间间隔，可直接分成两大半，没半? </t>
  </si>
  <si>
    <t>原则上,你只需要两段间隔（3个点）就能够算出加速度。比如用两段的总长度除以时间算出中间那个点速度的速度，然后用vt+1/2*a*t^2=L求出加速度。这样，间隔越多，你就可以用各段求出多个加速度。上这些加速度应该完全相同，但由于测量误差，它们会有一定的差别，而测量多个加速度的目的也在于将这些误差取平均来去除。取得点越多，误差越小。多一个点你就可以多一个数据。当然如果你不那么在乎精度的话，完全可以把末端的那个点去掉，当成6段来做，没有任何问题。************************************************假设初速度是v0,每一段的时间是t,两段长度分别是L1和L2则由v0*t+1/2*a*t^2=L1和v0*(2t)+1/2*a*(2t)^2=L1+L2两个式子可以求出v0因为L2 L2 和 t 已知两个方程组成的方程组可以求出两个未知数 v0 和 a 多一个点你就可以多求出一组a和v0比如你用一、二两段长度求出一个 a 如果多一个点，你还可以用 二、三段长度再求出以个 a则把两个a平均得到的平均值从概率上来说更接近真值。你原来有6段，可以求出5个。如果有7段就可以求出六个a的值，把他们球平均会更精确。*********************************************关于你的a变化的疑问是这样的。a应该是一样的，如果不一样你就没法测了。不是晕加速，那你都不知道规律怎么测。所以，你就应该当成a是一样的算。如果你所有算出来的a都是一样的，那当然很好啊。但实际上往往测出来不一样，这是因为测量的误差，你要消除这个误差才要多测几个值，取平均值。这些值一般相差很小。比如你算出来的大约是 9.81,9.80,9.79等等。也就是说a本来应该一样，是你测不那么准才会出现差别。所以算的时候当然要按照一样来算。多测几组数是为了减小你测量的误差。不知你明白了没有。</t>
  </si>
  <si>
    <t xml:space="preserve">阑尾炎手术我现在重庆工作，患有阑尾炎，想问在重庆哪个医院做这种手 </t>
  </si>
  <si>
    <t>看来你是慢性阑尾炎，阑尾炎种类、类型很多，至于手术与否，根据你发作频率、程度决定。手术在二级医院即可（国营），如无并发症，费用在１５００元左右。</t>
  </si>
  <si>
    <t xml:space="preserve">佛山照明和佛塑股份有什么关系吗？为什么他俩走势几乎一样 </t>
  </si>
  <si>
    <t>都有新能源的概念，可能炒作的庄家是同一系统的。</t>
  </si>
  <si>
    <t xml:space="preserve">上海东方卫视的娱乐新天地怎么没有了？？？ </t>
  </si>
  <si>
    <t>有啊昨天还看到了每天的17：45开始第二天中午重播</t>
  </si>
  <si>
    <t xml:space="preserve">诛仙中组队杀怪时的协助攻击怎么配合的那么完美.4个人跑起来是一条? </t>
  </si>
  <si>
    <t>告诉你 那是 外 挂 手动不可能</t>
  </si>
  <si>
    <t xml:space="preserve">mysqlphp自动删除方法如何自动删除一些过期的记录。我使用的 </t>
  </si>
  <si>
    <t xml:space="preserve">一个例子首先确定要你的服务器运行 php+mysql 修改config,php中的内容//-------------设置开始-----------$dbhost = 'localhost'; //地址$dbuser = 'root'; //数据库用户名$dbpwd = ''; //数据库密码$dbname = 'vipuser'; //数据库名字$admin = 'admin'; //管理员名字$adminpwd = 'admin'; //管理员密码$file = '地址\vipusername.txt'; //vip会员文件的路径//-------------设置结束-----------?&gt;然后在浏览器中运行 p p 文件中说明,我的会员分四级$stopdate=date("y-m-d",mktime($currenthour+720)); //24*30=720 一个月if($type=="2")$stopdate=date("y-m-d",mktime($currenthour+2160)); //24*90=2160 一个季度if($type=="3")$stopdate=date("y-m-d",mktime($currenthour+4320)); //半年if($type=="4")$stopdate=date("y-m-d",mktime($currenthour+8760)); //一年如果你以前就有会员.建意你安装一个phpmyadmin来手动增加你的会员原始数据也可以把会员自己手动添加要实现自动扣除到期会员,请在服务器上运行 p 当然是用浏览器文件功能 m ---- 会员添加页 p ----处理程序 p ----自动删除到期会员 p ----配制文件 p ----注意运行一次后改名或者删除 p ----主页会员查看文件 </t>
  </si>
  <si>
    <t xml:space="preserve">叉车收入开什么发票我单位买了两台叉车，我单位只能开服务类发票，对 </t>
  </si>
  <si>
    <t>你单位可以自行开具服务发票，发票内容写：租车收入。</t>
  </si>
  <si>
    <t xml:space="preserve">怎样给喜欢的男生发短信我喜欢一男生，但不知道该怎样让他喜欢上我， </t>
  </si>
  <si>
    <t>可以这样！随便发一条短信，然后再说发错了！然后就瞎聊聊！就熟了啊！再慢慢接触！要让他来喜欢你！我觉得女孩子不能太主动！要像猎人一样做个陷进让他跳进去！</t>
  </si>
  <si>
    <t>奥运盛年的特大行情何时起动</t>
  </si>
  <si>
    <t>目前的这种下跌或有阴谋，如现在集体看淡中石油就是鲜活的例子，但也绝不会像NZ贴子中那么乐观，作为小散户还是顺势而为的好，现在最好是打得赢就打，打不赢就跑！单边行情出现还早呢，当然长投的可加仓，今年新高一定会有的！</t>
  </si>
  <si>
    <t xml:space="preserve">我用的是番茄花园XP安装盘!!这个安装盘安全吗?会不会存在病毒, </t>
  </si>
  <si>
    <t>安装盘不会有毒的，这是你的安装盘在安装后会把主页改成XP番茄花园的网页，你可以随意更改的，如果改不了，可以尝试：运行注册表编辑器，展开HKEY_LOCAL_MACHINE\Software\Microsoft\Internet Explorer\Main\，将Default-Page-URL子键的键值中的番茄花园的网址改正，或者设置为IE的默认值。</t>
  </si>
  <si>
    <t xml:space="preserve">我能正常进入游戏但准备游戏开始那一瞬间电脑马上重新启动请问有解决? </t>
  </si>
  <si>
    <t>把杀毒软件禁用就可以了.我开始也这样</t>
  </si>
  <si>
    <t xml:space="preserve">怎么才能在装备上镶宝石啊在装备上镶宝石须要学技能吗？如果要，怎么 </t>
  </si>
  <si>
    <t>学习装饰`技能`1、学习条件　　装备制造系，职业等级必须为正职以上，花费MB10000，及装饰卷轴(日本是用一个活动送的，没拿到就学不了喽；台湾省是要买勇者勋章包，将可获得学习卷轴。中国内陆地区开放是免费的，不需要额外购买这个卷轴。)　　2.如何学习　　内陆服务器是通过做一个只在2004年1月17日到1月31日开放两周的特别任务学得，不知道以后是否还会再次开放。　　3、技能描述　　①此技能可把合成时未加宝石的装备，装饰上宝石。装备将具有合成宝石的效果，但是耐久降低，有时会发生装备原数值变化。　　②耗魔始终为100，和刻印技能一样，不能升级，占技能栏一格。　　③装饰后的耐久下降情况： 1.耐久250上下 → 减少耐久15%上下2.耐久300上下 → 减少耐久20%上下3.耐久350上下 → 减少耐久25%上下4.耐久400上下 → 减少耐久30%上下5.耐久450上下 → 减少耐久35%上下6.装饰Q或O零件→ 减少耐久30%　　④之前合成时已经加过宝石的装备，不能再被装饰。　　⑤要装饰物品，必须本人有相应的制作技能和级别。　　⑥不能装饰超过自己技能级别的物品，比如，做弓8级，不能装饰9级弓和10级弓。　　⑦不能装饰自己没有配方的物品，比如，没学水龙装备的制作方法，就不能装饰水龙装备。　　⑧能否装饰与是否自己制作无关，也就是说，别人制作的4级无宝石的装备，我有对应的制作技能就能装饰。 　　⑨传说武器、商店购买装备、箱子开出的装备，不能装饰。水龙装备可装饰</t>
  </si>
  <si>
    <t xml:space="preserve">重庆杨家坪沃尔玛商场上面那个电影院叫什么名字 </t>
  </si>
  <si>
    <t>华纳深国投电影院……</t>
  </si>
  <si>
    <t xml:space="preserve">男人小心眼怎么办 </t>
  </si>
  <si>
    <t xml:space="preserve">  朋友，你遇到了占有欲很强且大男子主义的男人，这样的男人除非他付出的感情要多过你你才能不被他的思想所控制。  他可以为你花钱，那是一种给予的感觉，在你得到物品的同时他也满足了自己的虚荣心。如果你想买东西他同意，那么恰巧他也看上了这个东西。如果他没有看上怎么也不让你买，正说明他还没有对你到达爱屋及乌的地步，他想控制你的，思想甚至喜好，他不能因为你喜欢而放弃自己的厌恶。  这样的感情还没有到炉火纯青的地步，至少在现阶段你们还不适合结婚，我建议您可以尝试改变这种状况，很重要的第一步就是自立，要有自己的工作，自己的朋友圈和自己的主见，尽量不要花他的钱，那样你可能得不到很多喜欢的东西，但是在你争取到独立自主的同时，你也会有更多的尊严，你可以理直气壮的和任何人说“我可以支配我自己劳动获得的每一分钱！”这样的你也会逐渐得到他更多的尊重！也许开始他不会接受！会说他有足够的钱养活你，但是我认为最好不要接受，无论何时，女人只要有自己的工作，就能靠自己的双手生存，最重要的是一旦感情发生危机，你的工作能力没有丧失，你没有和社会脱节！你不会为任何人的离去而倒下！  当他发现无法用钱使你失去自我的时候，就会逐渐了解你的个性，逐渐接受你的选择，占有欲也会逐渐降低，这样的他也会逐渐接受你的喜好，尊重你的选择！  总之，上面是我的建议，希望您幸福！</t>
  </si>
  <si>
    <t xml:space="preserve">为什么都说我的宠邮垃圾？我的宠邮是熊　他们都说垃圾　为什么？ </t>
  </si>
  <si>
    <t>个人有个人喜欢的邮宠，他们喜欢丸子、使魔....你喜欢熊，只是个人的看法不同，其实你也可以说他们的邮宠是垃圾嘛！！！</t>
  </si>
  <si>
    <t>怎么用TV</t>
  </si>
  <si>
    <t xml:space="preserve">在显示上设置一下，用视频线直接插到电视上就能用了，不用其它软件。 </t>
  </si>
  <si>
    <t xml:space="preserve">请问长沙去到哪里去了，我的电脑上为什么没有啊 </t>
  </si>
  <si>
    <t>要下载客户端  但是还没开放下载</t>
  </si>
  <si>
    <t xml:space="preserve">今天买了一袋鸡爪子，很辣，不过很好吃，你猜，是什么牌子的？ </t>
  </si>
  <si>
    <t>滚犊子！！！</t>
  </si>
  <si>
    <t xml:space="preserve">幸运数字的奖励发了没的这一期的幸运数字绿卡包+5W奖励发了没的啊 </t>
  </si>
  <si>
    <t>早晚都会发的了...每个人的时间略有不同了呢...</t>
  </si>
  <si>
    <t xml:space="preserve">请问金蛋编码怎么申请啊???金蛋编码要如何申请??怎么样才能领到 </t>
  </si>
  <si>
    <t>　　活动参与流程：　　1、请您到龙隐村外的NPC蛋生处领取任务。蛋生会要求你将一个金蛋通过邮件发送给自己的好朋友。请填写正确和可以到达的邮件地址，接收金蛋的编码。　　特别提醒：由于不少商用邮件都会屏蔽企业邮件，请您务必选择snda邮件可以到达的邮箱进行接收。您可以多尝试几次发送到自己注册的邮箱中，直到确认能收到为止，然后再将验证码交给朋友。　　2、当您的好友收到验证码后，就可以下载客户端开始了，但请务必注意，您朋友的角色必须在到达3级之前到NPC蛋生处填写验证码进行一次认证，否则“帮助关系”将不能成立。　　小窍门：您也可以将自己收到的验证码交给游戏中3级以下的新手完成绑定。活动将同样承认您和这名新手建立了“帮组关系”　　3、当您的朋友到达9级时（到达10级之前），请务必提醒他进行提前充值。这样一来，他就可以在到达10级时直接获得一个“金蛋”作为鼓励，您也可以获得2000梦幻币作为奖励。如果是10级时再进行充值，您2000梦幻币奖励就会泡汤哦，但不影响领取后续的10点点券奖励。　　提醒：金蛋和2000金币均为程序自动判断发放到包裹中，不需领取。　　4、请继续帮助您的朋友熟悉游戏、提升等级。当他到达25级的时候。系统就会自动将10点点券发放到您的包裹中。为使奖励能够顺利发放，当您的朋友升25级的同时，您必须保持在线状态并最好和他停留在同一个地图中。用雅虎的邮箱我每次都很快收到</t>
  </si>
  <si>
    <t xml:space="preserve">查到了瑞星提示清除了电脑会不会有危险在U盘查到了瑞星提示清除了我 </t>
  </si>
  <si>
    <t>既然瑞星提示已清除，你就放心好了，应该不会有问题的。</t>
  </si>
  <si>
    <t xml:space="preserve">地图眼睛有白膜是怎么回事?我家的地图眼睛上有白色的膜.是怎么回事 </t>
  </si>
  <si>
    <t xml:space="preserve">你的地图鱼患了蒙眼病，已经有一段时间了，现在病情已较重，此病同你换水不够有关，水质处于酸性状态所致，建议你通过换水来校正水质，可先换去1/3~1/4旧水，隔1~2天再换一次，连换几次或能有效，也可到水族商店购买黄粉按说明使用，用黄粉不影响换水，可在每次换水后添加。 </t>
  </si>
  <si>
    <t xml:space="preserve">000005和601988这两支股票后市走势如何?可否继续持有? </t>
  </si>
  <si>
    <t>000005地产股，地产业利好不断，板块近期存在反弹机会，可持股待反弹，反弹后在换股。601988中国银行，长线投资品种。</t>
  </si>
  <si>
    <t xml:space="preserve">节能灯怎么用节能最节能？有人说节能灯必须开6小时以上才起到节能的 </t>
  </si>
  <si>
    <t>不对，现在的节能灯随时节能。节能指的是用同样的功耗取得比白炽灯更好的照度，和时间没有关系</t>
  </si>
  <si>
    <t xml:space="preserve">谜语三方人到齐(一字) </t>
  </si>
  <si>
    <t>仇</t>
  </si>
  <si>
    <t xml:space="preserve">我是失业人没有任何收入请问怎样入我我今年35岁，无任何收入请问怎 </t>
  </si>
  <si>
    <t>我觉得,你这个年龄无论是男人还是女人都是很好地年龄.要先工作..或者做点什么....不然哪来的钱交保费呢...保费是长期交的..努力吧.加油!</t>
  </si>
  <si>
    <t xml:space="preserve">2011届广东文科生，超重点线14分，报志愿我是广东2011届文 </t>
  </si>
  <si>
    <t>?V外和華??都是不錯的選?瘢ú贿^他??最?衢T的??I就不要選啦）至於什麼??I就要看自己興趣啦最好不要選金融?的 因?槠毡槎急容^高分</t>
  </si>
  <si>
    <t xml:space="preserve">兔子真的不吃窝边草？窝边满是草，何必漫山遍野跑？（搞不好还会遇到 </t>
  </si>
  <si>
    <t>窝边草是留着救命使的.........不到万不得已还是不吃了吧</t>
  </si>
  <si>
    <t xml:space="preserve">在您眼中，“恐龙”需具备哪些标准？一般具备哪一项或几项缺陷（或特 </t>
  </si>
  <si>
    <t>我从普通人的角度来论述一下吧。从大众审美学上讲，A、脸型为鹅蛋型为正规的。B、头发乌黑有光泽。C、皮肤雪白、细嫩。D、眉毛细长E、眼睛高挑明亮而且大。F、不带眼镜。G、鼻子高挺H、小嘴、红唇、碎玉牙I、大耳垂J、长颈K、身材适中L、四肢长M、小手小脚N、胸部适中O、臀部以不下垂为宜可是具有上述标准的人，存在吗？各人关注的方面不一样，可能只要具有某项缺陷的，一些人就认为很丑。所以世界上所有的人，都有可能被认为是恐龙。拙见。</t>
  </si>
  <si>
    <t xml:space="preserve">贫血有可能是肝炎引起的吗?请问贫血是肝炎引起的吗? </t>
  </si>
  <si>
    <t>我认为肝炎有可能引起贫血</t>
  </si>
  <si>
    <t xml:space="preserve">大智慧软件里面的个股"主力线""散户线"准确吗？大智慧软件里面的 </t>
  </si>
  <si>
    <t>不太准，参考而已。</t>
  </si>
  <si>
    <t xml:space="preserve">QQ问题在哪该QQ邮箱和身份正啊谁告诉我啊 </t>
  </si>
  <si>
    <t>在Q菜单---设置---安全设置</t>
  </si>
  <si>
    <t xml:space="preserve">39级SF升到40加哪几项能力?如题, </t>
  </si>
  <si>
    <t>39——40，只加跑动、弹跳、中投、三分！其他不加！详细见下图！</t>
  </si>
  <si>
    <t xml:space="preserve">请问下后期什么职业PK比较厉害，人类的弓手如何 </t>
  </si>
  <si>
    <t>不好意思，不是打击你，人弓最弱。人、兽法师输出伤害高，月召有宝宝（可能到真正的后期没有太大用处），骑士不大容易死，兽战加上状态根本就是杀戮机器，游侠dps恐怖，不过血少，很容易就死了，兽弓比人弓好点，主要有个技能的回避，不过也很弱。以上讨论指单p，群p的话，各职业功能不同，没什么强弱之说。</t>
  </si>
  <si>
    <t xml:space="preserve">CF一共有多少个等级 </t>
  </si>
  <si>
    <t>应该是60多个等级，满级是元帅</t>
  </si>
  <si>
    <t xml:space="preserve">我的英雄号卡住了GM帮帮忙啊我电信2区1服务器的号卡住了帐号是请 </t>
  </si>
  <si>
    <t>找电信局。</t>
  </si>
  <si>
    <t xml:space="preserve">19岁男生发烧40度，第二天没有了味觉，是烧坏了？还是暂时性的？ </t>
  </si>
  <si>
    <t>发高烧后，味觉减退或消失，这往往是暂时性的。引起的原因，多为病毒感染后引起发烧，同时导致神经与胃肠功能暂时受到抑制，产生食欲不振，,味觉细胞反应迟钝等。另外发烧可使舌苔增厚，产生味觉改变或消失。所以不用担心,一是积极治疗，二是多喝水,饮食上要清淡,随着感冒与发烧的恢复，味觉也会逐渐恢复。</t>
  </si>
  <si>
    <t xml:space="preserve">电脑操作如何用键盘快速关机？ </t>
  </si>
  <si>
    <t>按windows标志的那个键（win键），然后按两下u。</t>
  </si>
  <si>
    <t xml:space="preserve">请问不和谐的烈焰在哪里做？ </t>
  </si>
  <si>
    <t xml:space="preserve">在黑石深渊副本门口有个火元素来回溜达，就是派隆，1抗1加1输出配合没啥问题3人就能杀，去深渊的时候在门口等人顺手就可以杀了 </t>
  </si>
  <si>
    <t xml:space="preserve">请教，索肖已经失去欧战机会了吧？谢谢~ </t>
  </si>
  <si>
    <t>对已经失去欧战的机会了，索肖55分排名第四的巴黎圣日耳曼59分</t>
  </si>
  <si>
    <t xml:space="preserve">请问清泉老师,我现手上基金品种太多,是否需要调整,麻烦您给看一下? </t>
  </si>
  <si>
    <t>太多，太散。抗跌能力不错</t>
  </si>
  <si>
    <t xml:space="preserve">dat文件如何打开 </t>
  </si>
  <si>
    <t>Dat也就是Date（中文的意思就是数据），所以它不一定是什么类型，也就是说含.Dat扩展名的文件可以是数据库文件，也可以是音频文件，也可以是视频文件，也可以是文本文件，这都有可能。比如你是VCD光盘上看到的Mpgav文件夹看到的AVSQ.dat就是MPG视频文件，拷到硬盘后把背后的.dat换成.mgp就可以直接双击播放了，双比如说C:\Documents and Settings\All Users下有个Ntuser.dat，就是一个数据库文件，没有什么软软可以打开它，但是系统在使用它。</t>
  </si>
  <si>
    <t xml:space="preserve">15裸车哪款适合家用？马6和睿翼哪款适合家用？ </t>
  </si>
  <si>
    <t>马6目前的价位性价比更高些。</t>
  </si>
  <si>
    <t xml:space="preserve">明王的装备要求和加点,我是一个明王,马上90级了,不知道装备和武 </t>
  </si>
  <si>
    <t>最近，也就是不到一个星期之前，朋友的明王90了，我们一起研究了一下装备和加点的问题，大致如下，仅供穷人们参考：一、装备1.帽子和鞋子：最好用YY，理由很简单——成本低，+10血绝毕竟不是每个人都能砸得出来的。2.衣服：如果帽子和鞋子都用YY了，那衣服也还是用YY比较划算一点。首先，轻松+10，防高；其次，+10三件套装属性加生命1000，比血衣+800还多200。3.：视自己的财力而定吧，血戒是最便宜和最实用的，项链可以用加暴击伤害的，现在这种东西也不怎么贵，另外一个戒指有条件的话用魔诃，要是搞不起魔诃，低价买个黑龙或雪龙也行。实在没钱用YY套也可以，不一定非得加10，+8、+9的也就行了，还多加800或900的生命和真气呢。4.武器：血武和攻武那是有钱人用的，可遇而不可求，最理想的选择是吉它和电锯，+7或+8吧，再高就买不起了，咱又不是精炼狂人，武器基本上用买的。5.属性石：优生吧，血厚才是硬道理。二、加点仁王5，韦驼1，大悲轮1，军荼利10，三宝之灭10，万法1，三宝之真8，不动尊14，三宝之寂10，般若5。总共用了104点，因为朋友的明王是90号涅的，以上技能全部加满的话要到96级，正好是104点。如果你没有这么多点，可以少加三宝之寂。</t>
  </si>
  <si>
    <t xml:space="preserve">烦老哥指导，我的吉利自由舰行车时，发动机转速到2000转时车就嗡? </t>
  </si>
  <si>
    <t>看看空虑帽子是否扣好，进气扰流就在你那个工况</t>
  </si>
  <si>
    <t xml:space="preserve">脉冲发生器的工作过程.请你把整个工作过程诠释出来振荡器的工作过程 </t>
  </si>
  <si>
    <t>普及一下：XTAL2在电气上可以等效成一个电容和一个电阻并联再串联一个电容的二端网络，暂时就把它作为C2吧。实际上晶振不是电容,它是机械能与电能相互转化在共振的情况下进行工作（更为具体的另在网上查阅）。将电路分成两部分，非门振荡电路和晶振，只有当非门振荡电路和晶振的频率相同时，整个振荡电路输出的电压幅度才能达到要求。这部分很难表述，下面还好说。工作原理：第一个暂稳态：A点为1电平，因电容特性（两端电压不能突变）N点为1电平，所以B点为0电平，N点为1电平，回路A→R4→C9→B为电容C1按指数规律充电，C2通过R3→B放电，当M点充至1电平时，电路出现第一次翻转，A点由原来的1电平跳变为0电平，这时电路进入第二个稳态，之后，C9→R4→A放电，回路B→R3→C2→A对电容C2按指数规律充电，当N点充至高电平时，电路出现又一次翻转，B点又变为0电平，A点跳变到1电平，电路恢复至初始状态，之后周而复始。</t>
  </si>
  <si>
    <t xml:space="preserve">强化次数2/2,防御3,暴击+2,的藤腕值多少钱? </t>
  </si>
  <si>
    <t>那是初级装备所以值不了几个钱，如是新区那可能还值点钱，</t>
  </si>
  <si>
    <t xml:space="preserve">练级问题今天46的任务都做完了,只有50%的经验,剩下的要打怪练 </t>
  </si>
  <si>
    <t>47级左右只能用和风拂面和羽刃（狂雷天威要到59才能学哦）。还得自己开羽盾才行。不建议群，危险性很大。而且只能群放毒的木怪才行。并且至少要高怪2级以上群才吃的开。</t>
  </si>
  <si>
    <t xml:space="preserve">这段时间也许是上火导致的口腔溃疡的厉害吃了药物效果不好现在说话都? </t>
  </si>
  <si>
    <t>口腔溃疡的原因不外“心火旺盛”、“脾胃积热”等因素. 　　蜜汁含漱法：可用10％的蜜汁含漱，能消淡、止痛、促进细胞再生。 　　木耳疗法：取白木耳、黑木耳、山楂各10克，水煎、喝汤吃木耳，每日1～2次，可治口腔溃疡。 　　可可疗法：将可可粉和蜂蜜调成糊状，频频含咽，每日数次可治口腔发炎及溃疡。 　　白菜根疗法：取白菜根60克，蒜苗15克，大枣10个，水煎服，每日1～2次，可治口腔溃疡。 　　菜籽疗法：取白萝卜籽30克、芥菜籽30克、葱白15克，放一起捣烂，贴于足心，每日1次，可治口腔溃疡。 　　疗法：取1个苹果（梨也可以）削成片放至容器内，加入冷水（没过要煮的苹果或梨）加热至沸，待其稍凉后同酒一起含在口中片刻再食用，连用几天即可治愈。 　　姜水代茶漱口法：口腔溃疡用热姜水代茶漱口，每日2－3次，一般6－9次溃疡面即可收敛。 　　口腔溃疡要注意以下几点： 　　刷牙小心：用软毛的牙刷全面的刷牙；经常做口腔检查，请牙科医生及时治疗坏牙、修理损坏的假牙里衬。 　　经常保持口腔清洁。 　　多吃流食，细嚼慢咽。 　　增加水果和蔬菜的摄入量，以便补充多种维生素和矿物质。 　　避免吃研磨后的食物，如面包末、玉米或土豆片，少吸烟、少喝酒，少吃酸性食物如柑橘、西红柿或坚果，少吃过辣或过咸的食物，避免吃坚硬的、太烫的食物和口香糖。</t>
  </si>
  <si>
    <t xml:space="preserve">明日香入住葛城家后有没有值日做饭? </t>
  </si>
  <si>
    <t>葛城家貌似没人做饭,除了下馆子以外,一日三餐吃的都是方便面.当然了,是特殊的吃法,方便面+咖喱，由葛城发明的。。。要说做家务，其实也没有过值日，都是真嗣一个人包揽的，其他两个都不做的，真嗣做家务这方面比较擅长。。。</t>
  </si>
  <si>
    <t xml:space="preserve">如何才能减胸？女生，体形算是标准，体重也在正常范围。但是就是胸部 </t>
  </si>
  <si>
    <t>不用减的，管他们怎么看，等以后就是他们羡慕你有料了，真的，就仔细选适合自己的衣服就可以了</t>
  </si>
  <si>
    <t xml:space="preserve">目前，国内什么手机最好用又实惠？ </t>
  </si>
  <si>
    <t>小米，这肯定是性价比最高分手机品牌。</t>
  </si>
  <si>
    <t xml:space="preserve">最后做个了结！把精力都放回生活中去吧！在家过完端午就赶去了版纳! </t>
  </si>
  <si>
    <t>楼主精力放生活上是好的，你小妹好像也没什么过J。游戏本来是用来休闲娱乐的，楼主也不必为这事耿耿于怀</t>
  </si>
  <si>
    <t xml:space="preserve">多少级可以加入阵营啊 </t>
  </si>
  <si>
    <t>当你所在公会的会长的主线任务到达风荷议会(蓝)或者卡瓦隆(红)的时候,由会长选择就可以加入阵营.只有公会才能加入联盟,个人是不行的.(流程上应该是战完孙江行政区后,藤吾说打败白影需要红蓝两军合作,这个时候你就可以选择去支持哪方)一般说来那时候铁定20了;)</t>
  </si>
  <si>
    <t xml:space="preserve">麟角刀问价如题，网一董卓的 </t>
  </si>
  <si>
    <t>只破坏少一，突阵R3。在电信可值40万左右，网通50万左右？</t>
  </si>
  <si>
    <t xml:space="preserve">圣诞节给男朋友送什么礼物好?马上要到圣诞节了,我们在一起快五年了 </t>
  </si>
  <si>
    <t>手套或围巾吧,又浪漫又实用,自己织的最好.或是一对手链.</t>
  </si>
  <si>
    <t xml:space="preserve">高考考好填错后涂改今天我参加了天津英语听力高考一开始填答题卡我把 </t>
  </si>
  <si>
    <t>没问题估计你们使用网上阅卷扫描考生信息，主要是用条形码，条码信息与笔写的一致即可。</t>
  </si>
  <si>
    <t xml:space="preserve">我是人类法师一转前该学哪些技能我刚才这~才11几但没什么技能该学 </t>
  </si>
  <si>
    <t>被动就是这个能力已经加给你了，就是你不需要施放也会有这个技能的功效，你要学什么技能，关键要看你一转转什么，不过在一转之前的技能最好学全，一般人类都转神职一类的主教或者先知，LV就是等级啊，你的这个技能等级多少就是以LV表示的。</t>
  </si>
  <si>
    <t xml:space="preserve">北京哪里有卖鸡仔的？ </t>
  </si>
  <si>
    <t>西单，五道口吧</t>
  </si>
  <si>
    <t xml:space="preserve">为什么这几天发邮件很慢,有时得1小时。 </t>
  </si>
  <si>
    <t>您好，1、网络有问题，会出现这样。2、附件太大，建议将附件压缩后再发送</t>
  </si>
  <si>
    <t xml:space="preserve">救命我小弟因吸毒现自已在家介毒，但一直高烧不退有没有那位好心人知? </t>
  </si>
  <si>
    <t>大青龙汤症---病人出现怕冷,无汗,发烧,咳嗽重,咳出黄痰,身体痛,口渴重,喜喝冷水,没有胃口时,就吃大青龙汤,这就是SARS与禽流感的主要症状.大青龙汤：处方内容是麻黄10克  杏仁10克  石膏20克  炙甘草10克  桂枝15克  生姜二片  大枣十枚，每付药加入六碗水使用大火来煮成二碗，成人于每三小时空腹时喝一碗，小孩减半，服用后会得汗出来小青龙汤症---病人有怕冷,无汗,发烧,咳嗽重,出白痰,无渴,身体痛,没有胃口时,就可以用它了.小青龙汤 : 处方内容是麻黄10克  白芍10克  干姜5克  细辛5克  桂枝15克  五味子10克  炙甘草10克  半夏10克，每付药加入六碗水使用大火来煮成二碗，成人于每三小时空腹时喝一碗，小孩减半，服用后会得汗出来</t>
  </si>
  <si>
    <t xml:space="preserve">关于一机多开？？我几天前看到有朋友说一机可以多开！我试了怎么不行 </t>
  </si>
  <si>
    <t>最近看这里想双开的人很多啊，我只好把我的经验拿出来分享了：盛大公司对双开进行了限制，但是很好破解。其实你想同时登陆几个号都行，只要你的机器够劲！！！这个方法适用于XP系统，win2000我没有试过，不知道行不行。你想同时登陆几个号，就建立几个帐户。然后在每个帐户里再次安装传世的客户端（这点最重要了），最好在不同的系统分区里，比如你原先的客户端在C盘，那你就再装在D、E等盘里，然后切换用户，点击快捷方式就可以了。我一直在这么用呢，自己拜自己为师赚声望，一个打怪弄宝，一个摆摊卖东西，还可以当临时仓库使用，我想那些经常被很多东西没有地方放而苦恼的朋友这回应该高兴了吧。赶紧试试看吧，爽的很，哈哈！！！不明白的给我发信息。  关于机器配置的补充：最少要512的，看到很多朋友因为CPU低着急，我想CPU2.4G以上也应该没有问题了，我没有试过。可能和网络也有关系吧。进入游戏后点出任务管理器，把woool.exe这个进程结束，不然这个很占资源的，woool.dat才是游戏的进程呢，不会关掉游戏的。想避免黑屏要在进游戏前先打开一个小程序，每个号都开，我就是打开回答落霞问题的一个文本文档，这样基本可以避免黑屏，一举两得。 晕，建立多帐户居然不会啊，这么做：开始菜单－设置－控制面板－用户帐户－创建一个新帐户，起好名字就可以了，记住一定要设置成计算机管理员帐户啊！还有把你下载的游戏的程序在与原来的游戏不同的分区里再次安装，就可以运行了。明白了吗？！</t>
  </si>
  <si>
    <t xml:space="preserve">热血江湖石头的价钱问题我是个新手在网通一区北海我打了很多的石头不 </t>
  </si>
  <si>
    <t>F3=10-15万,气功1=3万,其他都是垃圾石头=1万,卖给收垃圾的人</t>
  </si>
  <si>
    <t xml:space="preserve">有朋友知道介绍红酒和洋酒比如是白兰地威士忌伏特加龙舌兰酒朗姆酒 </t>
  </si>
  <si>
    <t>晕,二楼的介绍的太详细了,我还是选择沉默吧.他说的太详细了.</t>
  </si>
  <si>
    <t xml:space="preserve">一个生物问题一切生命活动的体现者是蛋白质还是DNA？为什么？ </t>
  </si>
  <si>
    <t>依我个人之见是蛋白质，因为承当者是DNA，而且DNA表达后通过蛋白质体现出来。</t>
  </si>
  <si>
    <t xml:space="preserve">小学六年级数学题在一个圆柱形储水桶里，把一段半径是5厘米的圆钢全 </t>
  </si>
  <si>
    <t>在一个圆柱形储水桶里，把一段半径是5厘米的圆钢全部放在水中，水面就上升9厘米；把圆钢竖着拉出水面8厘米长后，水面就下降4厘米。求圆钢的体积。这大概是道填空题吧。从“把圆钢竖着拉出水面8厘米长后，水面就下降4厘米”，可知，圆钢的底面积是圆柱形储水桶底面积的一半，圆钢的高是水面升高9厘米的2倍，是18厘米。9*(8/4)*∏*2.5^2=353.25</t>
  </si>
  <si>
    <t xml:space="preserve">脸上皮肤过敏，皮肤过敏怎么治疗？皮肤过敏的原因，有哪些？ </t>
  </si>
  <si>
    <t>美国CBH专家在这为您详解：皮肤过敏的发病原因包括内在因素 , 外在因素两大方面： 内在因素就是本身具有过敏体质 , 这在皮肤过敏的发病中起主导作用。及早彻底脱敏是治疗皮肤过敏防止复发的关键。 外在因素也很多。包括饮食、吸入物、气候、接触过敏物因素等。其中海鲜、蛋白质，辛辣食品、酒、吸入花粉、尘螨、寒冷天气、接触化学物品、肥皂、洗涤剂等是皮肤过敏最常见的诱因。皮肤过敏重在调解保养： 1、加强锻炼，增加机体抵抗力，过敏发作前或发作时候针对性用药，有手癣擦达克宁之类抗真菌的药。 2、脸上皮肤最好不要擦药，吃抗过敏的药，扑尔敏或者好点的开瑞坦，可以加吃少量激素药效果可以。 3、多吃新鲜蔬菜水果，养成好的生活习惯，健康饮食，远离过敏源和化学物质。美国CBH（康本）的皮肤过敏套装先在人体内清除过敏原，提高人体对过敏原的免疫力，治疗因各种原因引起的皮肤过敏症状，然后全力消除机体各部位的炎症，有效改善过敏体质，彻底治愈皮肤过敏</t>
  </si>
  <si>
    <t xml:space="preserve">白带多是不是怀孕了？ </t>
  </si>
  <si>
    <t>你好，白带多和怀孕之间没有必然的联系，如果你平时月经规律，那么在上月的26日同房，怀孕的机会是很小的，现在应该考虑是阴道炎或者正常生理状况，请不用担心。有时候心理紧张，精神压力，环境，温度都可能会影响周期，导致偶尔延迟。如果你经常月经不规律，那么就说不清是否怀孕了，建议你过几天做尿液妊娠测试，或者必要时做B超检查。目前注意卫生即可。</t>
  </si>
  <si>
    <t xml:space="preserve">为什么5173不能用支付宝付款呢买5173的东西在支付宝里付款里 </t>
  </si>
  <si>
    <t xml:space="preserve">尊敬的客户:    您好！5173回复客服05很高兴为您服务！    5173支持支付宝渠道汇款，您输入的密码显示错误，请联系支付宝客服咨询。                                                    </t>
  </si>
  <si>
    <t xml:space="preserve">人流后一般多久来月经?4月15号做的人流现在已是5月17号了我还 </t>
  </si>
  <si>
    <t>您好，药流后的月经周期是从药流当天开始算的，通常药流后会引起短暂的月经紊乱，提前或延后几天、量多或量少都属正常的，但首先得排除再次怀孕的可能。</t>
  </si>
  <si>
    <t xml:space="preserve">60级兽兽的最快升级在那升???????? </t>
  </si>
  <si>
    <t xml:space="preserve">你现在去19是最快的了    又有钱又有经验  多好啊     一直到75在去夜哭 </t>
  </si>
  <si>
    <t>维也纳快速3</t>
  </si>
  <si>
    <t>谢谢播报比分</t>
  </si>
  <si>
    <t xml:space="preserve">请问：有哪位朋友知道济南幽默坊啊？听说这是个小家居用品的专卖店。 </t>
  </si>
  <si>
    <t>不知道,单还是要支持你</t>
  </si>
  <si>
    <t xml:space="preserve">买房子是找中介好，还是直接去售楼处？如题 </t>
  </si>
  <si>
    <t>二手房去中介，新房直接去售楼处</t>
  </si>
  <si>
    <t xml:space="preserve">初一：请仿照“红的像火，粉的像霞，白的像雪”来描绘桃花、杏花、梨? </t>
  </si>
  <si>
    <t>顺序换换可能会好些:俏的像精灵,美的像仙女,娇的像娃娃</t>
  </si>
  <si>
    <t xml:space="preserve">我只喊了支持5173,为什么禁言我３万分钟？我是家园区霸业的玩家 </t>
  </si>
  <si>
    <t>缘分啊 你真是好同志啊 我也是啊 真草 就喊了一次 一下字3W分我考试还没靠这么多那</t>
  </si>
  <si>
    <t xml:space="preserve">早泄，尿频我22岁，男，没有过性经验。但这一年多来，我只要一受刺 </t>
  </si>
  <si>
    <t>中医学上肾虚分为阳虚和阴虚。比如：阳痿、早泄、房事疲劳、射精无力、缺少精力、性欲低下、腰膝酸软、畏寒怕冷、脱发、夜尿多、容易出汗、尿频尿急等都是明显的阳虚表现；因该说男性绝大多数是阳虚、而女性多数为阴虚。治疗上应以中药类产品调理为主，3个月时间会有较好效果。有条件的因该去大型正规医院积极治疗，也花不了多少钱，有个八千一万的差不多了；条件有限的可以去药店搞点这方面专业的产品用用，但是现在广告太厉害，看的消费者都摸不着头脑，这里可以推举你一个“ 倍力乐胶囊 ”又便宜效果又好，如能买到，很值得一用。我发现好多人一听肾亏了就去吃“六味地黄丸”，“XX地黄丸”之类药都是针对阴虚的产品，大家先搞清楚，别吃反了，越吃越严重。需要指出的是，部分年轻朋友觉得自己年轻，多休息多营养就能恢复，这是最大最大的错误，自身是无法恢复的，只能寻求药物帮助。肾虚问题可大可小，轻者影响生活、力不从心；重者引发器官衰竭，生命危险。看似小问题 却拖不得，越拖越严重，越拖越费钱</t>
  </si>
  <si>
    <t xml:space="preserve">我的超级QQ等级怎么换手机就没有了 </t>
  </si>
  <si>
    <t>换了手机使用值会清零若果想保留的话可以拨打我们的客服电话（0755－83765566）或者去在线客服（ ）寻求协助，您必须提供以下资料：旧手机号码、新手机号码、QQ号码、QQ密码，您必须保证新手机号码绑定的QQ与原来的旧手机号码绑定的QQ是同一个QQ号码。转移的原则：对比用户新旧手机的使用值，以大的使用值为转移后新手机的使用值如：若你旧手机的使用值为350，新手机的使用值为20，那转移成功后，您的新手机使用值为350，旧手机的使用值为0.注：转移不是使用值的累加</t>
  </si>
  <si>
    <t xml:space="preserve">岳飞出生于哪一年？ </t>
  </si>
  <si>
    <t xml:space="preserve">宋 岳飞（1103～1142）字鹏举，相州汤阴人（河南），为宋朝名将。事母至孝，家贫力学。其母亲在他背上刺「精忠报国」四字，岳飞以此为一生处世的准则。北宋宣和中，以敢战士应募，隶留守宗泽部下，屡破金兵，宋高宗手书「精忠岳飞」四字，制旗赐之。又破李成，平刘豫，斩杨么，累官至太尉，授少保兼河南北诸路招讨使。公元1129年，金兀?X渡江南进，攻陷建康，岳飞坚持抵抗，于次年收复建康大破金兵「拐子兵」于郾城，收复郑州、洛阳等地，两河（淮河、黄河）义军纷起响应，复欲进军朱仙镇，惜宰相秦桧力主和，乃一日降十二金字牌，召还，诬以「莫须有」的罪名而死于狱。岳飞率领的军队被称为「岳家军」，金兵非常害怕「岳家军」，人们流传着「撼山易，撼岳家军难」。1162年，宋孝宗时诏复官，谥武穆，宁宗时追封为鄂王，改谥忠武，有《岳武穆集》。 </t>
  </si>
  <si>
    <t xml:space="preserve">物理力学部分小丽同学在超市购物时,用5牛的水平力推着一辆小车在水 </t>
  </si>
  <si>
    <t>因为是匀速，所以阻力就是5牛。又因为阻力是阻碍物体运动的，所以当向后拉时，阻力的方向不改变。大小不变，所以向后拉的合力也是15牛。不知道你是高中还是初中。如果高中的话，就要用到a加速度来表示。减速过程中，有重力，支持力（不知道这两个算不算，如果在高中，这两个是不说的，因为人人皆知阿）还有就是阻力，跟拉力。你最好就画个力的示意图。因为这样比较清楚。</t>
  </si>
  <si>
    <t xml:space="preserve">如何真正做好微商营销，有效提高收入 </t>
  </si>
  <si>
    <t>由法国EVOLCA宜芙卡护肤品牌牵头成立的【EO微创业平台】有完善的培训体系，你不用到处百度学知识，买课程。做微商，你自己首先得是半个专家，不懂护肤，你怎么卖护肤品?平台的优势就是，聘用相关领域专家给大家集中授课。你要是想做可以加加嶶信：xianya1202带你免费进入平台，这个不仅教你护肤知识，至少让你成为半个专家</t>
  </si>
  <si>
    <t xml:space="preserve">股票市场真的是牛市的大趋势了？大牛市了？趋势定了？全面上涨了？全 </t>
  </si>
  <si>
    <t>当前看来,中国股市只是下跌中的喘息,就想没救市一样,后面还是要跌的.分析来分析去,经济前景才是最重要的,其它的都是胡说八道!</t>
  </si>
  <si>
    <t xml:space="preserve">电脑重装问题？有时候重装系统的时候开机时电脑不会出现那个重装界面 </t>
  </si>
  <si>
    <t>第一个移动驱动盘 比如移动硬盘等等 第二个ied驱动设备 比如硬盘 修改的方法有很多种,并且他是针不同的这个BIOS的品牌而设定的,你还没有说你的主板是什么牌子的呢,不过你可以用这些键去试的:PageUP和Pagedown+和-←和→有的还需要用回车确认!</t>
  </si>
  <si>
    <t xml:space="preserve">大家好,谁能给我一个优化大师的注册码吗?大家好,我下载了一个优师 </t>
  </si>
  <si>
    <t>451479E9-8B932278-0A14A7AB-32AB9509451479E9-8B932278-0A14A7AB-32AB9509或4EA9F93B-29D9EBFC-A5E326CD-758AA9914EA9F93B-29D9EBFC-A5E326CD-758AA991</t>
  </si>
  <si>
    <t xml:space="preserve">有哪些好看的校园小说？... </t>
  </si>
  <si>
    <t>麻雀变凤凰  泡沫之夏  天使街23号  沙漏  狼的诱惑  局外人  何以笙箫默  这几部都很经典的，都是我看过的，有兴趣的话可以看下 暂时想起来这些，如果想起来了我会补充给你的，呵呵 希望对你有帮助~~~</t>
  </si>
  <si>
    <t xml:space="preserve">期货里的“点”是代表多少钱还是什么？　　“点”在期货里的意思是什 </t>
  </si>
  <si>
    <t>“点”是指价格的最小变动价位。如DCE大豆，1点就是1元；CBOT大豆，1点就是1／4美分。</t>
  </si>
  <si>
    <t xml:space="preserve">有没有人能提供一下猎人能学的宠物技能想玩个猎人，听说很多宠技是在 </t>
  </si>
  <si>
    <t>技能从NPC处只能学习到低吼(嘲讽)，其它技能需要从其他会技能的动物身上学习(先抓一个会技能的动物，带它一起打怪，当它使用技能，你就能学会。然后再教给自己的宠物。)。这里是天生会一些技能的动物，供猎人们参考。 　　爪击和撕咬的等级对宠物等级的要求都是8级一跳。所有的宠物技能都是瞬发技能。宠物技能可以跳跃学习,比如你可以直接学6级爪击,而不需要去学前面5级。 　　撕咬 　　(螃蟹\蝎子\秃鹫类动物不能学习) 　　等级1 　　造成9-11的伤害，需要宠物等级1级 　　·丹莫罗的雪地狼、冬狼； 　　·杜隆塔尔的怒水河里的鳄鱼； 　　·莫高雷的草原狼 　　·泰达希尔的湿地蜘蛛 　　等级2 　　造成19-23伤害，需要宠物等级8级 　　·丹莫罗的饥饿冬狼； 　　·贫瘠之地的绿洲乌龟(Oasis Snapjaws 15-16) 　　·西部荒野的山狗 　　·杜隆塔尔的怒水河里的鳄鱼 　　·莫高雷的Prarie Alphas 　　·泰达希尔的湿地蜘蛛、巨大湿地蜘蛛 　　·洛克莫丹的蜘蛛(7),Wood Lurkers(17-18) 　　·艾尔文森林的徘徊者(Prowler,9) 　　·提瑞斯法林地的狼(10+) 　　·赤脊山的狼蛛 　　等级3 　　造成24-28伤害，需要宠物等级16级 　　·暮色森林的绿色隐遁者(Green Recluse) 　　·希尔斯布莱德山丘的蜘蛛 　　·塔伦米尔的森林蜘蛛 　　·洛克莫丹的蜘蛛(Wood Lurkers 17-18) 　　·灰谷的狼(GhostPaw Runner 19-20) 　　·赤脊山的巨大狼蛛 　　·银松森林的血牙狼(Bloodsnout Worgs 16-17) 　　·石爪山的Besseleth(21精英蜘蛛) 　　等级4 　　造成31-37伤害，需要宠物等级24级 　　·暮色森林的黑狼 (Black Ravager &amp; Mastiffs 24-26) 　　·塔伦米尔的老蜘蛛 　　·灰谷的狼(Ghostpaw Alpha 27-28) 　　·湿地的巨鳄 　　·希尔斯布莱德山丘的乌龟(Snapjaws 30) 　　等级5 　　造成40-48伤害，需要宠物等级32级 　　·Sparkle shell Snappers(闪壳乌龟? 32-34) 　　·尘泥沼泽的黑牙蜘蛛 (Darkfang Lurker 36-37) 　　·阿拉希高低的巨大平原蜘蛛 　　等级6 　　造成49-59伤害，需要宠物等级40级 　　·菲拉斯的长牙奔跑者(狼Longtooth Runner 40)，铁鬃熊(Ironmaul Bears 42) 　　·悲伤沼泽的死亡攻击狼蛛(Deathstrike Tarantula) 　　·辛特兰的42银英狼——海崖奔跳者(新补充) 　　·羽月要塞40+的狼有6级撕咬(新补充) 　　·悲伤沼泽东部的 盐齿钳嘴鳄 6级撕咬(新补充) 　　等级7 　　造成66-80伤害，需要宠物等级48级 　　·辛特兰的海龟(49) 　　·西瘟疫之地的有病的狼 　　等级8 　　造成81-99伤害，需要宠物等级56级 　　·黑石塔 血斧狼(56-57) 　　CLAW爪击 　　(猪、狼、蛇、蝙蝠、狗、蜘蛛不能学习) 　　等级1 　　造成5-7伤害，需要宠物等级1级 　　·杜隆塔尔的螃蟹(Pygmy Surf Crawlers) 　　·丹莫罗的冰爪熊(8) 　　·泰达希尔的猫头鹰 　　等级2 　　造成10-14伤害，需要宠物等级8级 　　·银松森林的熊 　　·泰达希尔的猫头鹰(Strigid Hunter 9) 　　·杜隆塔尔(奥格瑞玛前)的毒尾蝎(10) 　　·贫瘠之地的螃蟹(Encrusted Surf Crawler 10) 　　·洛克莫丹的老黑熊 　　·黑海岸的蓟熊(11) 　　·丹莫罗的巨大冰爪熊(11) 　　·艾尔文森林的年轻森林熊(9) 　　等级3 　　造成15-21伤害，需要宠物等级16级 　　·希尔斯布莱德山丘的灰熊(21-22) 　　·塔伦米尔的灰熊(22) 　　·灰谷的熊(21-22) 　　·洛克莫丹的年长黑熊(16-17) 　　·西部荒野的螃蟹 　　·灰谷佐拉姆前哨的螃蟹(19-20) 　　等级4 　　造成20-28伤害，需要宠物等级24级 　　·闪光平原的蝎子(30-31) 　　·灰谷的老灰谷熊 　　等级5 　　造成21-19伤害，需要宠物等级32级 　　·凄凉之地的荒土鞭尾蝎子( Scorpashi Lasher 34-35) 　　等级6 　　造成26-36伤害，需要宠物等级40级 　　·塔纳利斯的蜘蛛(40-41) 　　·菲拉斯的铁鬃熊(Ironmaul Bears 42) 　　·悲伤沼泽东部海边的 淤泥蟹 有6 级爪击(新补充) 　　等级7 　　造成35-49伤害，需要宠物等级48级 　　·菲拉斯的铁鬃熊(48) 　　·冬泉之地的猫头鹰(54) 　　等级8 　　造成43-59伤害，需要宠物等级56级 　　·西瘟疫之地的有病的灰熊 　　·冬泉之地的鸟(Winterspring Screecher 58) 　　畏惧 　　等级1 　　减少仇恨度，需要宠物等级5级 　　·贫瘠之地的鸵鸟(16) 　　·杜隆塔尔的老虎(回音群岛) 　　·黑海岸的老虎(10-11) 　　·莫高雷的狮子、粉红鸵鸟 　　·泰达希尔的夜叉豹(Nightsaber) 　　等级2 　　需要宠物等级15级 　　·希尔斯布莱德山丘的饥饿山地狮(23) 　　·贫瘠之地的鸵鸟(17-18) 　　·石爪山的豹子 　　·黑海岸的月夜虎 　　·湿地的杂斑鸟 　　·奥伯丁陆行鸟(18) 　　等级3 　　需要宠物等级25级 　　·希尔斯布莱德山丘的野生山地狮(28) 　　·千针石林的峭壁阔步狮 　　·荆棘谷的老虎(30-31) 　　·阿拉希高地的阔步恐龙 　　等级4 　　需要宠物等级35级 　　·荒芜之地的山脊豹(38)入口处隐身的豹子 　　·荆棘谷的豹(30-33) 　　等级5 　　需要宠物等级45级 　　·东瘟疫之地的瘟疫蝙蝠(54-56) 　　·藏宝海湾的阔步恐龙(50) 　　等级6 　　需要宠物等级55级 　　·东瘟疫之地的巨大蝙蝠(56-58) 　　·冬泉之地的老虎(Frostsaber Cub 55) 突进1 沼泽虎37突进2 加基森外猎狗42突进3 辛特兰的辛萨罗51级精英狼俯冲3 冬泉谷54级的白色鸟</t>
  </si>
  <si>
    <t xml:space="preserve">07毕加索2.0AT可以加巡航定速吗,价格多少? </t>
  </si>
  <si>
    <t>当然可以啦，不过费用也不少，可以咨询一下4S店具体细则</t>
  </si>
  <si>
    <t xml:space="preserve">想买个外观上档次一些的手机，有什么好的推荐么？ </t>
  </si>
  <si>
    <t xml:space="preserve">想买外观上档次的手机，我推荐你买一加手机X，这款手机就属于做工特别精美的那种，手机非常的上档次，配置也能满足日常所需，总之就是各方面都不错，你可以先去体验店试试真机。 </t>
  </si>
  <si>
    <t xml:space="preserve">宗教古代德鲁伊教派的三重死亡仪式是什么？求详解。 </t>
  </si>
  <si>
    <t xml:space="preserve">  传说中的恐怖活祭到底是否确有其事呢？其实在世界各地所存在的原始中都存在过杀生祭祀活动。例如早期的犹太教便以此而闻名，《圣经》中甚至有专门的篇幅来歌颂信徒杀子献祭的举动。德鲁伊人对于生命的理解同南美洲曾有过的玛雅文明有一丝类似：认为通过杀生献祭可以取得神灵的格外恩宠和净化死者和生者的灵魂。同样据罗马人的记载显示在德鲁伊的祭典活动中，教士们在满月的第六日收割橡果，而在这过程中橡果不能堕地，并盛在纯白的布里。然后牺牲两头白色公牛，再举行宴会。他们有时也会献祭牲人，通常这些牲人都是犯人，但如果实在没有的话，就会在平民中挑选。受难者或被关在木笼里活活烧死，或用木柱刺穿，或用利器插死，或用乱箭射死。还有就是执行最神圣的“三重死亡”（只有被挑选成为德鲁伊王子的人才可接受这个仪式，而死者也通常是自愿接受的）。首先用斧头将牲人打晕，再迅速用由动物肌肉扎成的有三个结的绳子将其勒死，并同时割开其喉咙，最后面朝下地将牲人放在四尺深的水里，表示最后是淹死的，而牲人死前吃的最后的食物是撒有橡果的烤大麦饼。无论如何，杀人献祭这种举动代表的只能是野蛮和残忍，尤其是当时通知西方世界的罗马人早已进入相对文明开化的由奴隶主民主政治统治的帝国阶段，所以自命为高贵的罗马人对于就是这些残忍的活人祭祀极其反感。罗马人自己记载说：在野蛮的德鲁伊人多次拒绝了罗马人停止此类祭奠的命令后，被激怒了的罗马皇帝派出军团一举消灭了德鲁伊的世界。其实后世不断的有西方学者为德鲁依教士开脱的，但无论如何此种野蛮的人祭都是不应该长期存在于人类文明中的。   历史的真相是：德鲁伊教士是很高级的凯尔特人祭司、法师或预言者，而凯尔特人是一个在公元前5世纪至公元1世纪散居在高卢、不列颠、爱尔兰、欧洲、小亚细亚和巴尔干半岛的蛮族。在公元1世纪左右，罗马帝国为防凯尔特人坐大，对其进行大举讨伐。塔西佗斯曾记载，在战斗中，德鲁伊教会员身穿黑衣，跳跃在凯尔特的军队中，咆哮着天神的名字，刺耳地诅咒着罗马帝国。在罗马战胜后，不但屠杀了全部凯尔特士兵，也血洗了德鲁伊教，并将教士尸体遗弃在德鲁伊神圣的森林里。这一役令德鲁伊教在以后的几个世纪里都一蹶不振，直至公元十六七世纪前，德鲁伊教仍然只作为灭亡的邪教和善良的自然守护者存在于民谣山歌之中。  </t>
  </si>
  <si>
    <t xml:space="preserve">如何看待刘翔的退赛？ </t>
  </si>
  <si>
    <t>遗憾!身为员要有较高的身体素质与心理素质；当然过硬的运动专业技术运用也必不可少。全国人民期待刘翔几秒的赛况。他跨栏就好比每一位中华人民共和国公民在参赛，他得第一名就相当于每一位中华人民共和国公民获得第一名一样，心潮澎湃！赛场是和平年代没有硝烟战争的延续。战争，任何事情相对讲有两个结果：成、败！(在赛场上我们极端的以第一名视为成。没有败何必谈到成呢？)奥运会的每一场比赛因它分秒扣人心弦，谁都不容错过。运动员们挑战着自己同时也创造人类的奇迹！有时我会因为看到一场精彩的赛事激动欢呼不已，即便是其他国人摘走金牌！我敬仰奥林匹克体育精神！每一位体育爱好者都是这样认为！对手是展示运动员自己的最佳方式！我尊敬运动员的任何决定，我个人对于刘翔的退赛表示理解！举个例子讲：大家工作期间身体异常，有权选择不参加工作；这与因此运动员不参加比赛有何区别？刘翔也是人啊！他代表中国出赛已经是对我们国家做出了贡献--赛前那日日夜夜那分分秒秒……他的任何决定我们都应给予理解！给这些健儿们多一些关怀，少几分猜疑！不知道刘翔现在伤势如何？愿你早日恢复，继续替我们跨栏！这次不参加没关系，我们不介意，你必要快乐的好起来！需要你</t>
  </si>
  <si>
    <t xml:space="preserve">帮忙组合一下！谢谢！嘉实稳健华夏红利易方达上证50　南方绩优成长 </t>
  </si>
  <si>
    <t xml:space="preserve">易方达上证50　南方绩优成长 </t>
  </si>
  <si>
    <t xml:space="preserve">关于龙蛋的问题．请大家帮帮忙，谢谢！请问皇炎龙的伤害是看功还是魔 </t>
  </si>
  <si>
    <t>皇炎和冰晶比是逊.龙的攻高是地磷,魔高是冰晶.</t>
  </si>
  <si>
    <t xml:space="preserve">YJV62型单芯电缆是否可以直接穿钢管？ </t>
  </si>
  <si>
    <t>可以，这是高压电缆，注意电缆的弯曲半径就行了</t>
  </si>
  <si>
    <t xml:space="preserve">我未婚妻是早产儿吗？今天我去相亲了，见到了我的未婚妻。她不错，我 </t>
  </si>
  <si>
    <t>这么好的运气，让人羡慕啊，我这次就做回月老给即将成为的新郎介绍一点知识吧，来 414146807，有问题就问啊，别客气。我最羡慕的就是完美的婚姻，所以倾心帮你</t>
  </si>
  <si>
    <t>手套交换</t>
  </si>
  <si>
    <t>你那个犀牛的手套 单换吗？我有个射程4的53的西高的执行靴子你换不？ 我还有个53的夜色的手套换吗？</t>
  </si>
  <si>
    <t xml:space="preserve">传怎么烧骑乘技能?想知道怎么能更快的烧高骑乘因为想练级用 </t>
  </si>
  <si>
    <t>骑宠晋级1级 1转到2 2转到4 3转到8 4转到10 已证实烧骑宠的话 建议拿3级的宠物水晶配合3的骑宠来烧 只需要骑上宠 防御防御再防御就可以了 很快的哦 3转后 差不多11个小时就练到8级哦相对其他技能已经很快了的 呵呵 玩的开心</t>
  </si>
  <si>
    <t xml:space="preserve">据说AMOR摄影是重庆最好的摄影工作室，有人了解吗？ </t>
  </si>
  <si>
    <t>2014年8月6日上海摄影业行业协会赴重庆摄影行业学习考察，专程造访AMOR婚纱摄影会馆，一起探讨了行业发展趋势。AMOR摄影会馆精湛的装修设计，令上海摄影行业协会考察团为之震撼。</t>
  </si>
  <si>
    <t xml:space="preserve">如何增加四川的微博粉丝！ </t>
  </si>
  <si>
    <t>建议你加关注好友按地区关注四川的好友微博，多评论多发微博，慢慢的也会被他们关注，粉丝就会越来越多的</t>
  </si>
  <si>
    <t xml:space="preserve">人民币定义人民币的定义是什么? </t>
  </si>
  <si>
    <t>中华人民共和国的法定货币.以圆为单位面额最大为100圆,最小为1分,其中有100圆,50圆,20圆,10圆,5圆,2圆,1圆,5角,2角,1角,5分,1分.</t>
  </si>
  <si>
    <t xml:space="preserve">狂弓弩精通，百步穿杨，连射值多少RMB啊 </t>
  </si>
  <si>
    <t>精通和连射要贵点。看你在那个区，你可以先拿到拍卖去试价，不要表一口价，看时间快到了 再收回来就是，</t>
  </si>
  <si>
    <t xml:space="preserve">瑜珈是有氧运动吗? </t>
  </si>
  <si>
    <t>可以说是，有氧运动是指肌体在供氧充分的条件下的运动。比如短跑就不是。</t>
  </si>
  <si>
    <t xml:space="preserve">我在听一些心理治疗的自助视屏、可是感觉不知道从那里开始他们说的有 </t>
  </si>
  <si>
    <t>你只要自己心理快乐即可，不必什么多去对上号的，学会放松自己，学会多结交朋友......你的身心一定健康！</t>
  </si>
  <si>
    <t xml:space="preserve">五个月宝宝感冒辅食还能不能吃？宝宝感冒（打喷嚏　流清鼻涕）但不发 </t>
  </si>
  <si>
    <t>当然可以继续吃啦</t>
  </si>
  <si>
    <t xml:space="preserve">您觉得地球中心或者说地幔或者地核有没有智能社会？我觉得应该有某种 </t>
  </si>
  <si>
    <t>不会。从地球的结构上看，是不可能的。地球的表面被分成几个坚硬的部分，或者叫板块，它们以地质年代为周期在地球表面移动。地球表面大约71%是海洋，剩下的部分被分成洲和岛屿。液态水是所有已知的生命所必须的，但并不在所有其他星球表面存在。地球的内部仍然非常活跃，有一层很厚的地幔，一个液态外核和一个固态铁的内核。再从日常生活中观察，火山爆发、地震频乃，这样的环境下如何有智能社会存在的空间呢。</t>
  </si>
  <si>
    <t xml:space="preserve">数学如图，在△ABC中，∠ACB=90°，CE⊥AB于点E，AD </t>
  </si>
  <si>
    <t>证明(1):在△CAF和△DAF中，AF平分＜CAB,所以：＜CAF=＜DAFAD=AC(已知）AF=AF由上面三个条件推得：△CAF≌△DAF（边、角、边）可知：＜ADG=＜ACE所以：＜ADG=＜ACE=90°-＜BCE=＜B那么：DF∥BC（同位角相等，两直线平行）（2）由DF∥BC，＜AGF=＜ACB=90°所以：FG⊥ACAF平分＜CAB(已知）CE⊥AB（已知）那么FG=FE（角平分线定理）</t>
  </si>
  <si>
    <t xml:space="preserve">怎么才能祛斑祛斑 </t>
  </si>
  <si>
    <t>去斑最简单的办法就是使用遮光剂，大家经常使用的有霜、防晒乳液、防晒油等，购买这些产品首先要知道自己是什么类型的皮肤，简便的方法就是用试纸在自己鼻子上按一按，发现试纸上有光亮的油脂就说明你的皮肤属于油性，应该选用乳液。如果试纸上无油，则选择的范围较大，可以选乳液、霜或者油。如果有点油，又不是那么严重，则可以选择霜剂。1.每天吃一片维生素C和维生素E，可达到祛斑的作用。2.用干净的茄子皮敷脸，一段时间后，小斑点就不那么明显了。3.每天喝一杯西红柿汁或常用西红柿，对防止祛斑有较好的作用。因为西红柿中含有丰富的谷胱甘肽，谷胱甘肽可抑制黑色素，从而使沉着的色素减退或消失。4.洗脸时，在水中加1-2汤匙的食醋，有减轻色素沉着的作用。5.将鲜明萝卜辟碎挤汁，取10-30毫升，每日上晚洗完脸后涂抹，待干后，洗净。此外，每日喝一杯胡萝卜，可美白肌肤。6.将柠檬汁搅汁，加糖水适量饮用。柠檬中含有大量维生素C、钙、磷、铁等。常饮柠檬汁不仅可美白肌肤，还能使黑色素沉淀，达到祛斑的作用。1.桃花粉去斑桃花，冬瓜种子，蜂蜜各适量．桃花阴干和干燥冬瓜种子同量混合研为细末，加入蜂蜜调匀，睡前涂患部，晨起洗净很有效．7.冬瓜去斑美容 冬瓜一个． 刮去皮，切成薄片，用半酒半水将冬瓜煮烂，待冬瓜烂时，搅烂滤去渣，再用文火将冬瓜汁煎成膏状（忌用铁器，可用沙锅），放入杯中，盖好．每晚洗脸后睡前涂患部，次日清晨洗去．两个月后．脸色莹洁可爱，有美颜功效．8.皮肤粗黑:靠化妆品增白皮肤,只能一时掩饰,治表不治本,现向你介绍一种治表治本能使皮肤增白而真白的妙方,既简单又有特效:用白醋甘油按 5:1混合,常擦皮肤(一日二三次)能使皮肤湿润,减少黑色素沉积,一月后皮肤即细腻白嫩,洁净光滑富有弹性,充满美感。(此方对遗传黑皮肤均有效).9.除雀斑:杏仁(药店有售)5钱,研成细粉,用鸡蛋清调匀,每晚睡前涂面部,次日清晨用温水洗去,一日一次,10-15日显效,以后不发.10.黄褐班蝴蝶斑:冬瓜汁白醋等量,调匀涂面部,一日2-3次,涂后过10分钟洗去.连用半月即可除净.11.除面部色素斑:鲜西红柿汁蜂蜜,按5:1混合,涂面部,过10分钟后洗净,连用10-15日,能使黑色素分解,皮 肤变白红润.12.木瓜和牛奶，用搅拌机打碎，敷在脸上，二十分钟左右洗掉。坚持一个星期，会有不错的效果！食物轻松除雀斑人人都希望自己有红润而光洁的面容，因为它不仅给人以美感，而且也使自己精神愉快，有益于身心健康。但是，有些人脸上却有许多褐色的雀斑，且这种现象女性比男性多。那么有何妙方去除呢？在天然食品中，具有保养皮肤和消除雀斑功效的食物有许多种。现介绍几种经临床验证确有实效的食疗方法。西红柿汁：每日喝1杯西红柿汁或经常吃西红柿，对防治雀斑有较好的作用。因为西红柿中含丰富的维生素C，被誉为“维生素C的仓库”。维生素C可抑制皮肤内酪氨酸酶的活性，有效减少黑色素的形成，从而使皮肤白嫩，黑斑消退。黄瓜粥：取大米100克，鲜嫩黄瓜300克，精盐2克，生姜10克。将黄瓜洗净，去皮去心切成薄片。大米淘洗干净，生姜洗净拍碎。锅内加水约1000毫升，置火上，下大米、生姜，武火烧开后，改用文火慢慢煮至米烂时下入黄瓜片，再煮至汤稠，入精盐调味即可。一日二次温服，可以润泽皮肤、祛斑、减肥。现代科学研究证明，黄瓜含有丰富的钾盐和一定数量的胡萝卜素、维生素C、维生素B1、维生素B2、糖类、蛋白质以及芥、磷、铁等营养成分。经常食用黄瓜粥，能消除雀斑、增白皮肤。柠檬冰糖汁：将柠檬搅汁，加冰糖适量饮用。柠檬中含有丰富的维生素C，100克柠檬汁中含维生素C可高达50毫克。此外还含有钙、磷、铁和B族维生素等。常饮柠檬汁，不仅可以白嫩皮肤，防止皮肤血管老化，消除面部色素斑，而且还具有防治动脉硬化的作用。黑木耳红枣汤：取黑木耳30克，红枣20枚。将黑木耳洗净，红枣去核，加水适量，煮半个小时左右。每日早、晚餐后各一次。经常服食，可以驻颜祛斑、健美丰肌，并用于治疗面部黑斑、形瘦。本食谱中的黑木耳，《本草纲目》中记载其可去面上黑斑。黑木耳可润肤，防止皮肤老化；大枣和中益气，健脾润肤，有助黑木耳祛除黑斑。胡萝卜汁：将新鲜胡萝卜研碎挤汁，取10－30毫升，每日早晚洗完脸后，以鲜汁拍脸，待干后用涂有植物油的手轻拍面部。此外，每日喝1杯胡萝卜汁也有祛斑作用。因为胡萝卜含有丰富的维生素A原。维生素A原在体内可转化为维生素A。维生素A具有滑润、强健皮肤的作用，并可防治皮肤粗糙及雀斑。另外，用冬瓜藤熬水用来擦脸、洗澡，可使皮肤滋润、消除雀斑。金盏花叶汁也有护肤除斑的功效。将金盏花叶捣烂，取汁擦涂脸部，既可消除雀斑，又能清爽和洁白皮肤。蒲公英花水也能用于除斑，取一把蒲公英，倒入一茶杯开水，冷却后过滤，然后以蒲公英花水早晚洗脸，可使面部清洁，少患皮炎。将黄豆浸泡在醋中一个月，每天服用几粒，坚持一段时间即可完全消除。美容去斑面膜苹果柠檬面膜：苹果去皮切块，捣成泥状，滴入1滴柠檬精油，如系干性过敏性皮肤，可加适量鲜牛奶或甜杏仁等植物油，油性皮肤宜加些蛋清。15－20分钟后用热毛巾洗干净即可。隔天一次，一个疗程为20天，具有使皮肤细滑、滋润、白腻的作用，还可消除皮肤暗疮、雀斑、黑斑等症状。蜂蜜柠檬面膜：鸡蛋清一个，蜂蜜一小匙，柠檬精油1滴，橄榄油10滴、面粉适量，混合后搅拌成膏状，敷面后15－20分钟左右取下，用温水洗净。坚持使用有较显著的祛斑、去除色素的作用，可使皮肤清爽、润滑、细嫩，长期坚持能延缓皮肤衰老和美白。番茄玫瑰面膜：先将番茄压烂取汁，加入适量蜂蜜或牛奶（牛奶中的丰富营养成分，可防止皮肤干燥老化，并有美白效果），玫瑰或乳香精油1滴，加少许面粉调成膏状，涂于面部保持15分钟左右取下，用温水洗净，具有使皮肤滋润、白嫩、柔软的作用，长期使用还具有祛斑除皱等功能</t>
  </si>
  <si>
    <t xml:space="preserve">写一篇关于和谐的作文？初一作文600字。急~~~~~关于和谐60 </t>
  </si>
  <si>
    <t>和谐之美 那美丽的鲜花，因为有了绿叶的依偎，才显得清纯和鲜润；那蓝蓝的天空，因为有了白云的打扫，才显得静穆和安详；那宽广的大地，因为有了万物的拥吻，才显得和平和馨香。而一个人，一个家庭，一个社会，甚至一个国家，不也是因为互相依存，互相映衬，互相促进，一起共同发展，才呈现出那五彩斑斓的和谐吗？和谐犹如一幅画，好似一首歌曲。和谐产生美丽，和谐生发了力量。 和谐不是强行的，而是顺其自然的。不和谐的不会产生共鸣，无法演奏生活美好的乐章！和谐不是停滞，也不是凝固的，而是一种积极的前进的状态。在一个地方，今天和谐了，明天又会被新的矛盾所打破；我们又要做新的努力去争取达到新的更高的和谐。 和谐之美在于宽容。因为拥有宽容才有和谐。因为拥有宽容才有和谐。宽容是人类情感中的种子，她能在人类的心灵这片净土上扎根发芽，再爱的保护下茁壮的成长。宽容之心是多么伟大的，她能够熄灭怒火，她能感化邪恶播散善良，她能够无私奉献，从不计较。她让我们享受阳光一般的温暖。雨珠一般的滋润——宽容之和谐，竟妙不可言。 诚信是一颗珍贵的钻石，是和谐之美的结晶。诚信好过一支玫瑰，在花园之中，她是最美的，美得妍艳欲滴；美得热人心潮；美得高尚；美得完美无瑕。有了诚信之后，和谐的美足以体现了！ 和谐之美绝不容忍名利所缚，只有淡泊名利才可以称为和谐之美。老鹰是为了搏击长空而在天空自由翱翔，而不是为了炫耀自己的羽翼因此无限的天空赐予了它自由快乐的空间；风帆只为乘风破浪而在海中搏击风雨，而不是夸耀自己的樯桅。因此浩瀚的大海给予了它豪壮宽阔的乐园。其实，你也一样，只要你用一颗平凡的心去看待，也会找到属于自己的星群！ 有一种美，给生命带来温暖，和谐之美——无时无刻与我们现在，只是没有人留意到，而我却在无意中有所发现。我相信大家都听过这句话：“亲善产生幸福，文明带来和谐。友谊是一种和谐的平等。”</t>
  </si>
  <si>
    <t xml:space="preserve">召唤+大地26在哪升级快啊?我和风林的我召唤+大地在哪升级快啊? </t>
  </si>
  <si>
    <t>去蘑菇森林 在升几级的话可以去翡翠 或者隐月沼泽召唤+大地当然住修是召唤 大地用来辅助加HP和MP 打怪时招木乃伊 在用大地技能招个怪 升起级就容易多了~~不过到后期 好像这2个职业的攻击技能不是特别出众 况且你又是双修 本身MG就低~~不过相比较而言还是召唤的攻击技能要好过于大地 所以主修是召唤  如果能耐住性质练技能的话~~后期你不如改成生命+大地 或许会好些~(各人意见)</t>
  </si>
  <si>
    <t xml:space="preserve">想减肥有什么好办法吗冬天穿棉衣显得很臃肿，想减肥，大家有什么好办 </t>
  </si>
  <si>
    <t>生理期四部曲　　回忆一下，你是否总是到每个月的某个固定时间，心情就会徒然变坏，食量也随之剧增？这是你身体里雌激素在作怪，雌激素的分泌不仅时刻影响着女人的情绪，对运动健身的效果也有相当的影响。　　很简单，当身体状况好时，减肥的计划就比较容易成功，反之则事倍功半。因此，瘦身专家建议：根据生理周期中四个不同阶段的雌激素分泌情况调整健身计划，既可有效加速减肥进程，还能同时训练体内激素的正常分泌。　　减肥泄留期　　时间计算：月经开始后第1-7天　　生理表现：在月经来临时，由于黄体激素的分泌下降，你开始闷闷不乐，情绪低落，感觉压力很大，经常无缘无故地忧郁、发脾气。如果这个时期睡眠不足、过度疲劳，容易在眼睛周围出现短暂的色素沉着；在月经来临的第二三日，皮肤变得非常敏感，抵抗力降低，你可能会出现生理痛，心情常常不好，再加上激素分泌减少，皮肤会变得极为干燥，毛孔也变得粗大，这种变化通常在经期开始后的第四五天便自然消失。　　减肥成功指数：★★★　　加速减重方案：　　■ 此阶段的建议运动时间是每周3～5个小时。　　■ 不要试图在此阶段进行节食或超强运动量的减肥，而是将目标放在“塑形”上。月经初期也是塑造健美身材的好时机，而过度的节食容易导致脱水却不能减去脂肪。　　■ 可以选择轻柔的徒手运动，比如简化太极拳、普提拉等等。　　■ 如果在做徒手运动之前你仍感到烦躁，慢步、慢跑、慢速溜冰都是有帮助的。　　健康瘦身食谱：　　■ 虽然身体比较虚弱却不能暴饮暴食，可多吃一些含铁质的食物及能提高吸收铁质的植物性蛋白。　　■ 应禁烟酒及辛辣燥热的食物，如辣椒、大葱、大蒜、胡椒、生姜、肉桂及烧烤油炸食物。　　■ 忌食生冷及寒性的食物，如各种冷饮、凉菜、生瓜果等，以免血液循环不畅导致下肢水肿。　　■ 少食酸味食物，如各种酸菜、李子、梅子、青梅、柠檬等。　　■ 身体和脸部都会有轻微的水肿，所以不要吃太咸的食物。多吃含镁、B族维生素的食品，如香蕉、动物肝脏等，能让新陈代谢变得更好。　　■ 多喝开水，以补充体内缺乏的水分。　　MISS关键提示：此阶段，你的减肥运动强度和时间都不宜过量；同时避免参加需要技巧和反应能力的运动，像网球、壁球都是不适合的，它们会令你因失误而情绪波动。　　减肥高峰期　　时间计算：月经后第7～14天　　生理表现：女性一般在月经第14天排卵，雌性激素分泌到达顶峰后，此时开始减少，而孕酮分泌开始上升。雌性激素和雄性激素分泌旺盛时，会加快体内碳水化合物、脂肪、蛋白质的吸收和消耗，所以在排卵期的前一周是做有氧运动的最佳时机。这是你一个月中感觉最棒的时间，无论是心情还是身体都很有活力，喜欢运动和各种挑战。　　减肥成功指数：★★★★★　　加速减重方案：　　■ 运动频率尽量保持在每天或隔天2小时，每星期至少保持7个小时以上的运动量。　　■ 最有效的减肥运动方式莫过于请私人健身教练帮你制定一份减肥运动计划，让他知道你的生理周期，他会让你在这段时间内达到理想的运动状态和减肥目标。　　■ 跑步、游泳、骑自行车运动特别易于消耗热量，对于想要减轻体重的人来说是最佳选择。　　■ 此时你可以去尝试各种自己感兴趣的有氧运动，比如韵律操、拉丁舞、芭蕾舞之类。因为这段时间你的体能和接受能力都是一流的，不去运动简直是浪费。　　健康瘦身食谱：　　■ 这是一段非常容易发胖的时期哦，你吃下去的热量如果不能得到迅速的分解则会转化成脂肪积留体内，因此要尽量减少对高热量、高脂肪食物的摄取。　　■ 多吃一些有利于消化及代谢的食物，如冬瓜、芹菜、凉瓜等，可加速你的减肥进程。　　■ 建议你能制定一个一周饮食计划，让自己在这7天保持摄取足够营养的同时又不会发胖，短短7天，既容易坚持，又可达到事半功倍的效果。　　减肥平快期　　时间计算：月经后第14～21天　　生理表现：排卵期后的一周，卵细胞激素作用转强，但因为黄体素激素分泌增加，肌肤状况变得不稳定。这段时间你不会有什么特别的感觉，但生理期前一周的问题正在酝酿，你的皮脂分泌渐多，黑色素活化，可能会长暗疮，而你的心情可能会变得比较起伏，时而平静，时而急躁。　　减肥成功指数：★★★★　　加速减重方案：　　■现在仍是减肥的有利时期，虽然效果可能不如上个阶段那样显而易见，但仍可获得不错的瘦身业绩。此时建议你的一周运动时间保持在6小时以上。　　■跑步机、有氧操及一些器械运动可以帮助你在这段时间内消耗热量，而网球和球操则是最佳选择。　　■如果没有时间去健身房，可以选择跳绳作为减肥方式，每天早晚跳200下甚至更多，减肥效果非常明显。　　■最好利用休息日去户外进行长跑、爬山等长足耐力有氧运动，对脂肪和热量都是极好的消耗。　　健康瘦身食谱：　　■为了下一次月经来临做准备，增强铁和蛋白质的摄入量。　　■多吃高纤维食物，如疏菜、水果、全谷类、全麦面、糙米、燕麦等食物。摄入足够的高纤维食物，可促进动情激素排出，增加血液中镁的含量。　　■在两餐之间吃一些核桃、腰果等富含B族维生素的食物，可有助于调整月经和镇静神经。　　MISS关键提示：适当地有氧运动在这个时间段仍可继续，但注意不要过度疲劳，引起肌肉受损。　　减肥慢行期　　时间计算：月经后第21～28天　　生理表现：孕酮分泌在第3周起到达高峰，自第4周开始下降，第20～24天可以做更长时间的有氧运动，但第24～28天，运动时间、频率、强度都要逐步减少。这个时间段你的感觉比较复杂，前期精力还算旺盛，但后期却容易疲劳。由于受体内激素的影响，女性体内分泌黄体激素十分活跃，同时引起皮下脂肪活跃，身心状况都开始不稳定，脸上会有油腻和粉刺情况，此时你又快要回到初期的生理状态了。　　减肥成功指数：★★　　加速减重方案：　　■你可以继续进行前一阶段的有氧运动，同时还需要一些力量训练，运动时间可保持在每周3小时左右。　　■游泳之类的娱乐性强、竞争性弱的运动可以使你心绪平和，减轻经前期综合征。　　■不妨每天进行30分钟的瑜珈练习，可以使你的身体柔软，心情安详，同时适当的骨盆伸展姿势可以促进血液循环，减少水肿及痛经。　　■如果你更喜欢健身房，那就每天抓紧时间(至少20分钟)到跳舞机、划船机、跑步机上一展身手。　　健康瘦身食谱：　　■月经来潮前一周的饮食宜清淡，易消化，富营养，同时摄取足够的蛋白质。多吃肉类、蛋、豆腐、黄豆等高蛋白食物，以补充经期所流失的营养素、矿物质。　　■这个时期你会感觉自己食欲大增，此时无需刻意节食，只要记住不吃零食及油炸食品，睡前不吃夜宵就可以了。　　■多吃绿叶蔬菜和水果，也要多饮水，以保持排泄通畅，减少骨盆充血。　　■在此阶段的后几天，可多吃一些开胃、易消化的食物，如枣、面条、薏米粥等。　　■忌食咸食，以免体内的盐分和水分贮存量增多，出现水肿、头痛等现象。建议在月经来潮前7天开始吃低盐食物，上述症状就会大大减轻。</t>
  </si>
  <si>
    <t xml:space="preserve">为什么我就职不了医生？我看任务说调查腐尸打倒他可以得实验药与绷带 </t>
  </si>
  <si>
    <t>要打很多只的 分布在所有层的随即位置 大概有4只 其中两只身上有实验药和绷带 你每只僵尸打5次（单打）就行了 要有就肯定掉了 不掉就是没有 打到这两样然后找女的说话（荷洛）拿衣服 再到最底层找黑医拿东西 凑齐4样东西 去找随即出现的一个躺地上的人说话 说什么你自己看攻略吧 我忘记了</t>
  </si>
  <si>
    <t xml:space="preserve">求这张图的来历~~~真恐怖 </t>
  </si>
  <si>
    <t xml:space="preserve">看這??結婚照：左?女的只有一只手，而且是往上看的，?在流血，腳是掂起?淼模?]有著地。整??人是用木頭?纹?淼模∑??那??女的已?死了，這就是所謂的冥婚。 　 女?齐p眼?流出?蒲：每植溃?------------------------------------------------------------------------------------------别害怕，是骗你的，这张图的来历是中??业乩黼s誌2002年第15期的封面照片。這??照片的背後有什麼故事呢？?]什麼故事。根??软?的介紹，只有在目??有一行說明：民??r期山西的一?π禄榉?D。照片提供人??是?㈠P。除此之外，?K?]有更多進一步的說明。 再?碚f說冥婚這回事，根?墨I，冥婚是中?乓延兄娘L俗。遠在?h代以前就有，一般人印象中的冥婚是指生人與死者的牌位結緍，不過，也有新郎新娘都?樗勒叩那?r。至於冥婚的婚禮要如何進行？大部分都以神主牌?泶嫠勒撸?K?]有看到把死者遺體搬到禮堂上，?打扮的漂漂亮亮成親的?載。 根?墨I，在北宋?r代，如果男女??]成親就過世，那麼家長就??媒人去議婚，因?槭?楣碚?親事，所以這種媒人又叫鬼媒人。男女雙方?定了，就要??湟路⒕乒?砑漓搿Ｓ腥さ氖牵诩漓?r??O???座位，上面各立一小幡，媒人???男人雙方「相親」，如果小幡微?樱退闶强?ρ郏绻?]看?ρ墼觞N辦？不怎麼辦，父母之命，不結婚不行。冥婚的?俗不?H是古已有之，而且各地皆然，不?H台?秤小溉⑸裰鳌梗谥?鞯匾菜诙嘤校缫恍?W者調查的，民?跄甑?V?|翁源縣有「?鬼妻」，河北定縣有「結?親」、浙江定海有「?配」、?V西安縣有「鬼婚」。?而言之，綜合以上調查，??可以確定目前網路上所流?鞯恼掌?K不是冥婚的照片，大家也不用看得發毛。 </t>
  </si>
  <si>
    <t xml:space="preserve">同时在不同的公司交纳社保可以吗？一朋友，现在长沙一企业工作。单位 </t>
  </si>
  <si>
    <t xml:space="preserve">1、两公司交纳社保时不会发现其兼职的问题。 2、政策法规只能承认一份，其它的一份是等于浪费。3、如果能同时交纳，以后退休也只能拿到其中1份，其中一份的个人缴纳部分可以退。如果是先在长沙一企业工作后又到深圳工作不是同时交而是先后交的可合并。建议：想在退休时多拿点养老金最好在一个地方多交点。      </t>
  </si>
  <si>
    <t xml:space="preserve">鼻子有炎症，怎莫消炎？ </t>
  </si>
  <si>
    <t xml:space="preserve">分为两类：    一类是风热性鼻炎（如鼻窦炎） 一类是风寒性鼻炎（如过敏性鼻炎）    当风热占据主导时，鼻炎表现为鼻干、鼻塞、流浊涕，甚至流鼻血、生鼻疮、鼻甲肥大等；当风寒占据主导时，鼻炎表现为鼻塞、流清涕、打喷嚏等    当遭受感冒或遭受风寒后，治愈不及时，或治愈不彻底，外邪进入内脏，急性鼻炎就成了慢性鼻炎，治疗起来就不那么容易了。    根据以上病因分析，对风热性鼻炎就要以祛风、化湿、清热、开窍为治疗原则；对风寒性鼻炎就要以解表、祛寒、化湿、开窍为原则。    1、苍耳子30-40个，轻轻捶破，放入小铝锅内，加入麻油50克，文火煎炸苍耳子，待苍耳子炸枯时，滤取药油装入清洁瓶内备用。用时以消毒小棉球沾药油少许涂于鼻腔内，每日2-3次，两周为一疗程。注：药油涂入鼻腔时，应尽量涂进鼻腔深部。使用本法应持之以恒，尽量不要间断，治愈为止。    2、上等龙井茶 30克 ,川黄柏 6克 ,共研细末 ,以少许药粉嗅入鼻内 ,每日多次。具有清热泻火、解毒排脓之功效。主治鼻窦炎、鼻塞伴脓性分泌物自觉鼻臭等症。    3、孩儿茶适量 ,研为细末 ,吹鼻 ,每日 3次。具有清热化痰、消肿排脓之功效。主治鼻窦炎流脓者。    4、苦葫芦子 30克 ,将上药捣碎并置于净瓶中 ,以 150毫升好酒浸之 ,1周后开封 ,去渣备用。用时取少许滴入鼻中 ,每日 4次。可通窍。主治鼻塞、眼目昏痛等。    5、老干丝瓜末方 :老干丝瓜 2条 ,烧灰研末保存。每次服 15克 ,每日早晨用开水送服。可化淤、解毒。主治鼻窦炎、副鼻窦炎流臭鼻涕者。    6、蜂巢 1片 ,经常嚼食之 ,10分钟左右吐渣 ,一日 3次。主治过敏性鼻炎、鼻窦炎。    7、辛夷花 15克 ,鸡蛋 2枚。辛夷花、鸡蛋加水适量同煮 ,蛋熟后去壳再煮片刻即可 ,饮汤吃蛋。可解毒、消炎。主治慢性鼻窦炎、各种鼻炎。    8、芝麻油适量 ,每侧鼻腔滴 2滴 ,每日 2次。具有润燥、清热、消肿之功效。主治萎缩性鼻炎、鼻炎秋季发作干燥难受者。    9、鲜大蓟根 60克 ,鸡蛋 3枚。加水同煮至蛋熟即可。每日 1次 ,连服 1周。具有润肺解毒 ,育阴止血之功效。主治由肺经伏火引起的鼻窦炎、鼻出血等。    10、米醋适量 ,鸡蛋 1枚。将鸡蛋打碎 ,去黄留蛋清在蛋壳内 ,注入醋 ,放在一个预先备好的铁丝架上。置火上煮至微沸 ,取下放凉 ,再置火上煮微沸 ,如此 3次 ,乘热服之。可散淤消肿、润燥生津。主治由肺经郁热所引起的咽痛、鼻疮、干呕、头痛慢性鼻炎的中药方剂方剂1 白芷30克，薄荷、辛夷各15克， 炒苍耳子7.5克     制用法：共为细末。每次服6克，饭前用葱汤或凉开水送服。 适应症：慢性鼻炎 方剂2 鲜枸杞根90－120克，甘草9－12克     制用法：水煎。代茶饮，连用1个月。 适应症：慢性鼻炎 方剂3 龙骨粉、白芷粉各20克，辛夷花粉30克，冰片3－5克，扑尔敏80毫克     制用法：共研为细末，装瓶备用。用时先用硼酸粉洗净鼻腔，再用消毒棉球蘸此粉末涂鼻腔患部，每日2 －3次，愈后停药 适应症：慢性鼻炎 方剂4 荆芥、百合、黄芪、鸡血藤、苍耳子各10克，辛夷6克，细辛3克     制用法：水煎服。 适应症：慢性鼻炎 方剂5 苏叶、葱白、生姜各10克     制用法：水煎服。 适应症：慢性鼻炎 方剂6 丝瓜根、瘦猪肉各适量     制用法：取晒干的丝瓜根研成粉，与瘦猪肉拌和，做在肉丸煮熟。连服半个月见效。 适应症：慢性鼻炎 方剂7     桑叶、元参各12克，菊花、桔梗、辛夷各10克，黄芩、杏仁各6克，生石膏20克     制用法：水煎服。 适应症：慢性鼻炎 方剂8 辛夷、苍耳子各9克     制用法：水煎成汁，加入葱汁少许。滴鼻，每日3－5次。 适应症：慢性鼻炎 方剂9     穿心莲、虎杖各20克，鹅不食草60克，麻黄6克，金盆15克，冰片3克   制用法：研细末，凡士林调成药膏，如黄豆大。每日2次，每次1个，涂入鼻腔内。适应症：鼻渊 方剂10     桑叶、菊花、当归、川芎、辛夷、苍耳子、黄芩各15克，稆豆衣50克，银花20克    制用法：水煎服。适应症：鼻渊 方剂11 葱须20克，蔓荆子15克，薄荷6克    制用法：水煎服。适应症：鼻渊 方剂12 鱼腥草30克，麻黄3克，杏仁12克    制用法：水煎服。适应症：鼻渊 方剂13 苍耳子、藁本、薄荷各10克，白芷、麦冬各20克，葛根、黄芩各15克    制用法：水煎服。适应症：鼻渊 方剂14     薄荷（后下）、石菖蒲各6克，桔梗、牛蒡子、辛夷各9克，荷叶、连翘各12克，细辛3克，元参15克    制用法：水煎服。适应症：慢性鼻炎风火证 方剂15  连翘、南沙参各12克，桔梗、荆芥、诃子肉各6克，麻黄、细辛各3克，辛夷9克，银花15克    制用法：水煎服。适应症：慢性鼻炎风寒证 </t>
  </si>
  <si>
    <t xml:space="preserve">中考成绩&amp;nbsp;&amp;nbsp; </t>
  </si>
  <si>
    <t>拨打准考证背面的号码查询，或者直接拨打当地114找查分热线，再或者直接去学校领取分数条即可，仅提供准考证无法查询，抱歉</t>
  </si>
  <si>
    <t xml:space="preserve">请教,我在采购部是干什么的?调进采购部都有几天了,但我还不知道自 </t>
  </si>
  <si>
    <t>你已经说出了你现在的工作内容了．做好它，它的里面有你需要的机会．建议，工作中的空闲用来多多服务和帮助你周边的同事（注意：只限于小事，不要冒失的涉入内在核心）．．．．．祝你快乐！</t>
  </si>
  <si>
    <t xml:space="preserve">我21，男的，长啤酒肚了~请问怎样锻炼可消除啤酒肚，长腹肌？我人 </t>
  </si>
  <si>
    <t>坚持跑步每天，我以前就是这样，才26岁肚子就起来了，没办法工作需要。所以我每天早上起来就跑，至少2千米，一个星期见效果，一个月让你满意。但是得坚持。另外，如果你坚持2个月以后，你就会发现自己喜欢上锻炼身体了，身体也好很多了。</t>
  </si>
  <si>
    <t xml:space="preserve">如何科学合理食用海马 </t>
  </si>
  <si>
    <t>1.将海马烘干研成粉末，用纯正的米酒浸泡一个月，每晚临睡前饮一小杯；2.配以当归、北芪、党参、淮山、红枣、杞子等中药和鸡肉炖汤，当作家常滋补品食用；3.每次用一个猪肾，从中间将其剖开，夹住1-2只海马,盛在一个瓷盅中隔水清炖，晚上临睡前食用。</t>
  </si>
  <si>
    <t xml:space="preserve">我今年18岁,月经不正常,现在有好几个月没有来了,怎么办啊。 </t>
  </si>
  <si>
    <t>病情分析：你好，你的这种情况是为月经不调的表现,月经不调是妇科的常见病表现为月经周期或出血量的异常,或是月经前,经期时的腹痛及全身症状 指导意见：你好，月经不调可以使由于情绪的异常引起或者是为寒冷刺激节食饮食不当等引起,中医认为通常是为气血亏虚或者是气血不足导致的,你可以选择用中药的乌鸡白凤丸或者是为桃仁红花汤来治疗注意合理的休息</t>
  </si>
  <si>
    <t xml:space="preserve">为什么害怕和家人沟通？我是老小`````爸爸妈妈哥哥姐姐`对我很 </t>
  </si>
  <si>
    <t>小丫头，没想到你跟我一模一样哦，家里我也最小，也有哥哥姐姐，呵呵！我也是不想跟家人沟通，不过那是好些年前的事情了，我当时也很奇怪，为什么我不愿意和他们交流呢?后来我才发现，因为自己从小就被他们给宠惯了，养成了很多不好的脾气，在家总是称王称霸，这样其实一点也不好，或许那时候自己是个小孩子吧，没留意这些，可是现在长大啦，得懂点事儿了，把自己的姿态放低些吧，试着慢慢得接近家人，他们比我们年长，社会阅历比我们丰富，有好多事情可以听听他们的意见，好好参考参考，有百益而无一害的。试试吧 顺祝如意，幸福</t>
  </si>
  <si>
    <t xml:space="preserve">一道初一生物题一块完整的骨（如一根肋骨）可以属于下列哪一层次？A </t>
  </si>
  <si>
    <t>一块完整的骨包括骨膜、骨质、骨髓，它们分别属于致密结缔组织、骨组织、疏松结缔组织等不同的组织，另外还包括给它提供营养的血管以及分布在骨膜里的神经组织等。按照器官的定义：由多种组织构成的能行使一定功能的结构单位叫做器官，可以知道，一块完整骨是一个器官。</t>
  </si>
  <si>
    <t xml:space="preserve">帮帮忙~我完穿越火线正玩着就突然卡主啦怎么弄都动不了怎么办呀~我 </t>
  </si>
  <si>
    <t>BUG 退出重新登陆吧 没有办法的办法</t>
  </si>
  <si>
    <t xml:space="preserve">600585\600547、600961该如何操作！谢谢持有，还 </t>
  </si>
  <si>
    <t>585早几日就建议减仓的，上方阻力很大，还要调整。547建议持有观望。961同上。</t>
  </si>
  <si>
    <t xml:space="preserve">为什么手写发票只写第二页？？开手写发票的时候通常会有人，先把第二 </t>
  </si>
  <si>
    <t>这属于开虚假发票，违法行为。目的：（1）第二联作为购买方入帐的原始凭证，可以根据购买方的需要多开金额，加大成本费用，截留资金。也可以说，多开发票的金额，采购人员报销后，将多出的现金私自装入自己的腰包。（2）第一联属于存根联，第二联属于开票方入帐的原始凭证，这两联都由开票方留存、入帐，因此，两联的金额必须保持一致，防止查帐出现问题。同时，开票方还可以根据需要，少写销售金额，达到偷税、偷税的目的。</t>
  </si>
  <si>
    <t xml:space="preserve">会开车的哥哥姐姐指点一下小妹我想问一个特别弱的问题，我最近在学车 </t>
  </si>
  <si>
    <t>教练说的对是为了让你养成好习惯及考试。因在考试时考官就看你的操作规范和熟练程度，刚学车时停车是拉手刹挂空档，这样车不会溜车、不会不小心误操作导致车启动。路上遇红灯的时候可以先踩刹车（慢踩刹车否则人会向前冲）、等车要全停住前踩住离合器，挂一档准备。（如等时间长可以拉手刹挂空档二脚离开刹车、离合器也可以，脚可以休息，考试时不可以），起步时离合器要慢放（快放要熄火）加小油门，接着挂二档。三档～五档正常行驶。开熟练了一般挂空档节油（考试时不可以）。</t>
  </si>
  <si>
    <t xml:space="preserve">三亚时尚爱的拍摄效果怎么样？有木得隐形消费呀 </t>
  </si>
  <si>
    <t>点评网上他们家的好评挺多了，之前我也是看了他们的点评口碑才过去的~当时拍的是3千多的，套系上有的都有送，没有啥隐形，老板人挺和善的~</t>
  </si>
  <si>
    <t xml:space="preserve">六级题型2006年12月的六级考什么题型？你的消息来自CET网站 </t>
  </si>
  <si>
    <t xml:space="preserve">今年12月四级全部采用新题型,六级是老题型.部分试点院校的六级采用新题型. </t>
  </si>
  <si>
    <t xml:space="preserve">仰望星空，能寻找依旧的梦想?这是我以前提过的问题，大家的回答都很 </t>
  </si>
  <si>
    <t>应当珍惜过去美好的时光.在皓月当空,繁星闪烁的美丽夜晚,仰望苍穹,咂麽咀嚼曾经的往事,沉湎于那幸福的片段,是多么惬意的一件事情啊.但我更愿意去想象,想象那更加美好的未来......</t>
  </si>
  <si>
    <t xml:space="preserve">用盗版的游戏光盘对笔记本有没有损害? </t>
  </si>
  <si>
    <t>主要是影响光驱的寿命，其它方面问题不大</t>
  </si>
  <si>
    <t xml:space="preserve">支原体复检的结果，请姐妹们看看之前检查过支原体呈阳性，吃了一个月 </t>
  </si>
  <si>
    <t>应该是好了，不过你的另一伴也检查了吗，都是阴性吗？这个很重要，大概还需要复查，你到网上搜一下吧，有很详细的介绍，白带有点黄可能是有点其他的炎症吧！</t>
  </si>
  <si>
    <t xml:space="preserve">湖州的朋友觉得商务英语学英语去哪里 </t>
  </si>
  <si>
    <t>洛基英语是同学介绍的,我觉得很不错,  我们听力提高得蛮快的,而且洛基英语的老师都是多年经验的，教学认真，在那里学的比较放心。</t>
  </si>
  <si>
    <t xml:space="preserve">初一数学题两个长方形有一部分重叠，重叠面积相当于大长方形面积的1 </t>
  </si>
  <si>
    <t>解:设重叠部分面积为x,则大长方形面积6x,小长方形面积4x,则:大长方形和小长方形没有被重叠部分的面积分别为5x和3x,所以5x+3x=8x=228解得:x=57/2(平方厘米)</t>
  </si>
  <si>
    <t xml:space="preserve">以下两家医院中哪家的无痛人流手术做得更好一些?我想请请大家告诉我 </t>
  </si>
  <si>
    <t>只要是一样的机器设备,效果都差不多.你应该更注意术后的调养.不能吃生冷,夏天的话不要吹空调,不要被雨淋到,刚开始几天最好在家多休息,煲一些鸡汤补一下.</t>
  </si>
  <si>
    <t xml:space="preserve">金属态氢有什么优点？性质？怎么形成？ </t>
  </si>
  <si>
    <t>在巨大的压力下，平时是气体的氢，可以转变为具有金属特性的固态，称为金属氢态。</t>
  </si>
  <si>
    <t xml:space="preserve">上海到无锡的火车有吗？哪一班？几点开？几点到？票价多少？ </t>
  </si>
  <si>
    <t xml:space="preserve">哎呀,无锡到上海的列车太多了，上海开往北京方向的列车都经过无锡,现在连直达特快都停车,给你个最新的列车运行时刻图,所有信息一目了然,特快和快速的硬座票价是20元,软座是31元,普快硬座是18元,软座是29元,建议你做Z2次,上海开往北京的直达特快,18:47上海开车,到无锡的时间是19:46,126公里，列车走行59分,这个车条件最好的，最舒适而且速度最快,时间也合适.列车时刻的网址是 </t>
  </si>
  <si>
    <t xml:space="preserve">SHE是住在一起吗？有谁看过她们分开吗？贴张照片！！！！ </t>
  </si>
  <si>
    <t>曾经是住在一起，但是自从Ella受伤后，为了方便家人照顾，就搬出来了，之后女生宿舍就解散了。不过由于上通告，和经常外出演出，她们还是常常住在一起的。ps.不太明白楼主要的相片是什么样的。</t>
  </si>
  <si>
    <t xml:space="preserve">我和老公备孕大半年了，一直没能怀上，亲戚们都说要去做不孕不育检查? </t>
  </si>
  <si>
    <t>不孕不育要做哪些检查项目：　　1、外生殖器检测：外生殖器发育情况，有无畸形及炎症(化验有无炎症);处女膜厚薄、处女膜及阴道口是否存在狭小或特异敏感情况等;　　2、涂片化验：(化验室)有无子宫颈狭小、炎症、糜烂，必要时作涂片检查有关病菌，或作淋菌、支原体、衣原体培养;　　3、内生殖器检测：阴道深度及松紧，有无阴道闭锁，粘膜色泽是否正常(妇科检查)，还要测定阴道分泌物pH值;　　4、子宫体检测：①检查子宫体发育情况，看有无畸形，子宫位置是否正常(B超)，是否存在可疑肌瘤;②附件有无增大变硬、压痛;③直肠子宫陷凹及宫骶韧带处有无触及结节或瘢痕性增厚，子宫颈向前提托有无疼痛;④探测子宫腔深度、弯曲方向，子宫壁是否光滑，子宫颈与子宫体比例，是否存在纵隔或单角子宫等畸形。以上是我在菏泽万和妇科医院网站上看到的资料，希望对您有用！</t>
  </si>
  <si>
    <t xml:space="preserve">贪狼区有人刷装备，铁证如山，强烈要求GM封号，支持的顶！强烈要求 </t>
  </si>
  <si>
    <t>利用元宝刷钱，是破坏了游戏平衡，但是人家也花了人民币，这个不怪玩家，ＧＴ！复制装备更是垃圾的漏洞，如果回挡，像我们当天爆到的ＰＹ武器就没了，我肯定心里不服，但是只回收复制的武器，那么那些花ＣＱＢ买了复制品的人，钱没了，东西也没了，自然也不开心，大过年的，看ＧＴ怎么处理吧，我还是建议回下挡，我宁可不要我下午爆的ＰＹ命运了．！！</t>
  </si>
  <si>
    <t xml:space="preserve">胃病吃什么药？怎样治疗胃病？我有胃病我想治疗吃什么药最有效怎么样 </t>
  </si>
  <si>
    <t>我的胃也经常出毛病的，不过只是消化不好，或者因为辣的吃多了胃受刺激很不舒服，大多时候我不怎么吃药，常喝烫的开水使胃缓和一下，消化不良就吃些山楂梅子之类的零食。建议你搞清楚自己得了什么胃病，这样比较好对症下药，见效也快。胃不好，就不要吃辛辣、冷等刺激性的东西，不要喝酒，能食补就不要吃药。</t>
  </si>
  <si>
    <t xml:space="preserve">魔兽世界卡拉赞几天刷新一次,时间按系统的时间计算还是按玩家个人的 </t>
  </si>
  <si>
    <t>一周一次，按照系统时间</t>
  </si>
  <si>
    <t xml:space="preserve">所谓生地、熟地是什么意思啊在法律上 </t>
  </si>
  <si>
    <t xml:space="preserve">生地是指可能为房地产开发与经常活动所利用，但尚未开发的农地和荒地。熟地指经过“几通一平”的开发或已经拆迁完毕，可供直接建设的土地，即建筑地块产品。毛地主要指城市中需要拆迁而尚未拆迁的土地。飞地，又称《插花地》，指土地所有权人或使用权人的土地部分或全部处于他人土地范围内。 </t>
  </si>
  <si>
    <t xml:space="preserve">学英语的软件大家好！我今年大一，为了营造一个良好的学习氛围。我们 </t>
  </si>
  <si>
    <t>金山词霸很好！下载网址： ，还可以下载手机版的，安装在手机中，便于琐碎的时间用用！</t>
  </si>
  <si>
    <t xml:space="preserve">《企业年度关联业务往来报告表》请问填这张表的关联业务往来是什么意 </t>
  </si>
  <si>
    <t>关联企业是企业之间利益相连，如子母公司是关联的，一个企业向另一公司投资也应是有关联业务。你所说的这种形式夫妻公司分别注册无关联。</t>
  </si>
  <si>
    <t xml:space="preserve">化粪池满了怎么办？。费用贵吗？ </t>
  </si>
  <si>
    <t>首先要搞清楚你所说的化粪池是住宅楼共用的,还是家中卫生间的管道堵塞,或是一家独户用的.------卫生间管道堵塞,请专门通管道人员上门通,一般收费40--60元;住宅楼共用的大型化粪池,请环卫人员清理通一下,800--1500元,那要看情况而定,费用各户分担.若是有物业管理的,先要求物业管理者解决问题,一般不存在交费问题.(物管费用中已包在内).若是一家独户的,也可请环卫工人清理,费用较高.一般在600元左右.最好请农民工来清理.400元足可以了.</t>
  </si>
  <si>
    <t xml:space="preserve">职工个人按何比例交纳会费 </t>
  </si>
  <si>
    <t>全国总工会在1978年工发101号通知中规定，工会会员每月应向工会组织缴纳本人每月基本工资收入0.5％的会费，工资尾数不足十元的不计缴会费.无固定收入的会员，可按本人上月所得工资收入计算缴纳会费；会员所得各种奖金、津贴、稿费收入以及按劳动保险条例或其他法律、法规的规定所领取的各种补助费、救济费、退休金、退职金等，均不缴纳会费；会费必须于当月工资发放后三日内交清。</t>
  </si>
  <si>
    <t xml:space="preserve">坑爹是什么意思解释 </t>
  </si>
  <si>
    <t xml:space="preserve">    坑爹，多见于某些投稿下的评论，用于善意地讽刺、嘲笑或吐槽其常年“挖坑”不填或填得极其缓慢的行为。    网络流行语“坑爹”意指与本人意愿有很大出入，有被欺骗的意思，又包含了微微的“不给力”的意思成分。</t>
  </si>
  <si>
    <t xml:space="preserve">管辖权争议刑诉解释有如下：第十五条　上级人民法院认为有必要审理下 </t>
  </si>
  <si>
    <t>对该条的正确理解是：当上级人民法院决定提级审理原由下级人民法院管辖的第一审刑事案件，在向下级人民法院下达改变管辖决定书的同时，应当书面通知与下级人民法院同级的人民检察院。</t>
  </si>
  <si>
    <t xml:space="preserve">步非烟写的《华音流韶》系列中她为卓王孙、杨逸之和小晏分别写了一首? </t>
  </si>
  <si>
    <t xml:space="preserve">卓王孙翠羽遮天欲向东，群花暗寂汉王宫。龙含下泽开天府，凤宿桐山罢兰丛。大帝今降白狮子，轻尘谁拭紫檀弓。盛名屡效催君老，自在争如驾赤松.杨逸之期鹤飞天地，来遇严陵湾。秋山约素水，苍然满函关。衣袂飘五野，人情笑两闲。自在非偶得，寻槎浮朱颜。忽醉五湖上，弹铗裂玉环。遥拈一苇渡，众皆呼为仙。耿耿弄明辰，风凋翠玉鬟。萧萧竟此去，何得共尊前？小晏月落华堂自在芳，秋灯耿耿谢未央。神鳌欲钓吴牛饵，汉帝听传越女香。宿蝶余寒少宜梦，赊花薄露淡为妆。余霞成绮散何物？记得天宣白玉章。参看她的blog </t>
  </si>
  <si>
    <t xml:space="preserve">光波与引力波，哪一种波最快？当一个极高质量的发光体出现时，远方的 </t>
  </si>
  <si>
    <t xml:space="preserve">    由于物体可看作以恒定的速率向外发射携带力的粒子，而在周围形成引力场。由粒子的波粒二象性，可以将这种“粒子流”称为引力波，物体的质量越大，“粒子流”的流量越大，引力波频率越大。且具物体越远，单位面积内单位时间通过的携带力的粒子越少，不妨理解为引力波的强度越弱。由于物体向各个方向发射相同频率相同强度的引力波，故当它不与其它物体作用时，它对外表现不受力。我们再讨论一下引力波的速度，由于携带引力的粒子静质量为零，故携带引力的粒子速度应等于光速（由狭义相对论可知）。设一物体的质量为M发射引力波的频率为，每个整波所携带的力为f，以物体为原点，建立直角坐标系K。另一质量为m的物体以速度v在K系中。并以m为原点建立坐标轴与K系平行的坐标系K’。当m只有向径速度时：a 当v与x轴平行（或在同一条直线上）时，由洛仑兹变换知：   x’=(x—v*t)/（1—v^2/c^2）^(1/2)  y’=y                                                           (1)  z’=z  t’=(t—v*x/c^2)/(1—v^2/c^2)^(1/2)b 当v方向任意时，设v与x，y，z的夹角为，，可利用坐标转换方式得出，然后再用洛仑兹变换，下面给出一种坐标变换方式：          COS    COS    COS        i     =    --COS    COS     0          j     l  m  n  k       l                       其中                  1   --coscos   2coscos                0      cos        0               0      cos       cosl=            --coscos  --coscos  2coscos                --cos    cos         0               cos      cos       cos              --coscos  1      2coscos               --cos     0         0                 cos    0        cosm=                    --coscos   --coscos  2coscos               --cos       cos      0                cos        cos     cos                --coscos   --coscos     1               --cos       cos       0                cos        cos      0n=           --coscos    --coscos  2coscos               --cos         cos      0                cos          cos     cos将其与方程组（1）结合便可得到v方向任意下的洛仑兹变换。由于比较麻烦，这里自讨论v方向与x轴在同一条直线上的情况。在K系时间t10—t11内，M发出（t11—t10） 个引力整波。而在K’系中     （x=0）      t21 =t11/ （1—v^2/c^2）^(1/2)t20 =t10/ （1—v^2/c^2）^(1/2) t21—t20=(t11—t10)/ （1—v^2/c^2）^(1/2) 故 引力波周期T'=T/（1—v^2/c^2）^(1/2) 频率’=（1—v^2/c^2）^(1/2)*   由多普勒效应知m吸收引力波的频率(在K系的人看来)，            2=（1+v/c）所以在此期间（K系看来）m所受到的这部分力为       F=2*(t11—t10) *f   (假设（t11—t10）足够小)事实上这个式子不正确，但用来反映我们这里用到的性质却可以。       在K’系看来，       F’=(1+v/c)*’*(t21—t20)=F所以，在两个坐标系看来，m受力相同。另一方面，由于m吸收了M发出的携带力的粒子而造成其引力场发生变化，这种变化以引力波的形式传递给M，使M也受到一个大小为F的力，由于引力波传播的速度有限，故两物体受力的时间并不相同。（实际情况我不知道，这是我半推测出来的）当v十分大时，则在相同时刻，两物体受力并不相同。当m只有切向速度时，则当M受到力时，m已在另一条向径上，受到另一个大小相同、但方向不同的力了，如图（由于上传图片不方便，若想要图，可 541770109，但 时请附加信息“要图”之类的文字，好让我知道你 的目的）    当m既有切向速度又有向径速度时，不但两物体所受力不在同一直线上，而且大小也不相同了。引力波的速度为光速，这已经是一个相当大的速度了，所以、v较小时，牛顿第三定律依然正确。 </t>
  </si>
  <si>
    <t xml:space="preserve">请帮忙：近义词与反义词一.写出下面这些词语的近义词。寻找（）仔细 </t>
  </si>
  <si>
    <t xml:space="preserve">一.写出下面这些词语的近义词。寻找（寻觅） 仔细（认真） 沉睡（熟睡） 害羞（羞怯）漆黑（黑暗） 呼唤（呼叫） 健壮（雄壮） 爱抚（安抚）自豪（豪迈） 惋惜（） 美丽（好看） 清脆（响亮）同伴（同伙） 问候（问好） 足迹（脚印） 顺着（沿着）年迈（苍老） 舞动（挥动） 簇拥（拥挤） 清新（清爽）照顾（照料） 忽然（突然） 挑选（精选） 茂盛（茂密）滑稽（逗笑） 环绕（围绕） 周围（四周） 中央（中间）糊涂（粗心） 保护（维护） 隐约（大概） 展现（呈现）清晰（清楚） 欢迎（迎接） 祝福（祝愿） 装点（修饰）犹如（恰如） 欢迎（迎接） 雄伟（雄壮） 知道（明白）求助（求教） 徐徐（渐渐） 仍然（依然） 称赞（赞扬）代替（取代） 正式（正规） 辨别（辩认） 向导（指南）慌张（惊慌） 观赏（观看） 片刻（霎时） 惭愧（羞愧）伙伴（朋友） 骄傲（傲慢） 沉思（沉默） 和蔼（慈祥）指教（指导） 常常（经常） 往常（平常） 真诚（诚肯）光芒（光辉） 富裕（富足） 端详（凝视） 惊讶（惊叹）焦急（着急） 附近（旁边） 巴望（张望） 讥笑（讽刺）欺负（欺凌） 幸亏（幸好） 清楚（明白） 迟疑（怀疑）讨厌（厌恶） 洁白（雪白） 羡慕（仰慕） 著名（闻名）斥责（申斥） 远望（远眺） 庞大（巨大） 渐渐（徐徐）信服（相信） 尘埃（尘土） 成功（胜利） 往日（以前）灭绝（绝迹） 照射（照耀） 书籍（书本） 枯萎（干枯）黑暗（昏暗） 研制（制造） 散步（漫步） 二、写出下列反义词。脱（穿） 密（稀） 生（熟） 懒（勤） 降（升）斜（直） 低（高） 枯（盛） 深（浅） 旧（新）甜（苦） 薄（厚） 藏（露） 稠（稀） 沉（浮）宽（窄） 穷（富） 贵（贱） 恶（善） 强（弱）胜（败） 内（外） 加（减） 嫩（老） 漆黑（光明） 隐约（清楚） 现在（以前） 勇敢（懦弱）簇拥（离散） 亲热（冷淡） 冷清（热闹） 张开（关闭）弱小（强大） 保护（迫害） 称赞（批评） 模糊（清晰）陈旧（崭新） 慌张（安祥） 焦急（安心） 清楚（糊涂）寒冷（温暖） 灭绝（繁荣） 安全（危险） 温暖（寒冷）枯萎（盛开） 聪明（糊涂） 成功（失败） 减少（增加）光滑（粗糙） 庞大（渺小） 轻松（沉重） 沉甸甸（）往日（今朝） </t>
  </si>
  <si>
    <t xml:space="preserve">一道物理验证题用一支激光笔、一面小镜子和一个音叉，验证：振动发声 </t>
  </si>
  <si>
    <t>步骤：把镜子放在离音叉大约一尺的地方，激光从镜子侧面用比较大的夹角照到上面，让反射光照在较远的墙上。现象：敲打音叉使它发声，会看到墙上的光点振动，当声音停止时光点也停止。解释：声音是振动在空气中的传播，会引起镜子产生肉眼看不见的微小振动，但是用这种方法可以将它放大。</t>
  </si>
  <si>
    <t xml:space="preserve">婚前存款我表妹前不久结婚了，她婚前有几万元存款，结婚后存款到期， </t>
  </si>
  <si>
    <t xml:space="preserve">是婚前存的，只要她在婚后没动过这笔款，那就属于婚前财产。 </t>
  </si>
  <si>
    <t xml:space="preserve">打字问题就是玩游戏时按字母键本来是游戏操作可按这些字母键的同时也 </t>
  </si>
  <si>
    <t>输入法转换成英文即可</t>
  </si>
  <si>
    <t xml:space="preserve">有没有人看过余华的《活着》，最感人的是什么地方？什么人？有没有人 </t>
  </si>
  <si>
    <t>家珍深夜回家的时候,她弟弟上学脱鞋子的时候,还有好多反正看的时候我是哭了很多回的等我再看一遍再说</t>
  </si>
  <si>
    <t xml:space="preserve">大便出血怎么回事小便赤黄，大便会有刺痛感而且出血(挺严重的)，而 </t>
  </si>
  <si>
    <t>按您的诉说是上火引起的痔疮，</t>
  </si>
  <si>
    <t xml:space="preserve">如何批量标注相片日期 </t>
  </si>
  <si>
    <t>如果规格一致，可以使用Photoshop的“动作”功能。</t>
  </si>
  <si>
    <t xml:space="preserve">村委会公章多长时间更换一次?是不是换村长就要更换一次公章? </t>
  </si>
  <si>
    <t>不改村名不用换</t>
  </si>
  <si>
    <t xml:space="preserve">请问各高手我老婆性冷淡怎么为？我老婆老是拒绝我，说她很累不想要。 </t>
  </si>
  <si>
    <t>这是你们两人配合不好，你想办法和她先玩，这叫前戏，你和她接吻，去抚摩她的乳头，阴蒂。你不要急的进去，你慢摸她的阴蒂，时间一长，她就性起，可以摸到她达高潮，她开心了，爱液流出来了，这时她会请你进去，谁叫你平时那么猴急，没有爱液出来，就进去，她当然叫痛，不让你碰活该，这是很自然的。好好学习，你有这么好的条件，阴茎那么大还怕什么。记住只有她满意开心，他才会让你多陪她的。她不是性冷淡，你不要乱讲，是你自己功夫不到家。</t>
  </si>
  <si>
    <t>请问4DEX,</t>
  </si>
  <si>
    <t>17.1古币</t>
  </si>
  <si>
    <t xml:space="preserve">准备怀孕，同房后可以喝凉茶吗？？ </t>
  </si>
  <si>
    <t>性生活后，最好不要喝吃凉的东西，因为你的肾处于最虚的状态，你想想：什么叫趁虚而入嘛？</t>
  </si>
  <si>
    <t xml:space="preserve">请高手详解主让平半盘这个盘口有什么规律 </t>
  </si>
  <si>
    <t>比赛主赢全赢，打平主输一半。开出此类盘基本是2队实力相当。主队占主场优势，或者客队最近状态不佳等等原因。另外也是庄家诱盘吸金的一种手段。如2队实力本应开出平手盘的，庄家看好主赢。为防止主队下注资金过热，开出平半盘，让玩家产生买下盘打平了还能赢一半的思想，使资金流向下盘，规避风险，这叫顺诱。这只是其一，还有逆诱，抗衡，假球等等原因！</t>
  </si>
  <si>
    <t xml:space="preserve">关于包皮的几个问题包皮过长是指多长才算长!割的话一般都去什么地方 </t>
  </si>
  <si>
    <t>如果未婚，为了干净或者医生建议，可以切掉。但是最好保留。婚后，老婆觉得不好，那就切掉。我以前经常想着切掉，后来经常做爱，自然就卷起来了，好了。据说，包皮手术后，7天才能好。20天以后，才能做爱。这期间，尽量不要勃起。</t>
  </si>
  <si>
    <t xml:space="preserve">周星弛的长江一号~感觉怎么样还没看呢我`~ </t>
  </si>
  <si>
    <t>周星驰自己说此部作品主要适合小朋友看！</t>
  </si>
  <si>
    <t xml:space="preserve">人体的哪个部位最脆弱？ </t>
  </si>
  <si>
    <t>从物理角度来讲人身体的每个部位都很脆弱，生命本身就是脆弱的</t>
  </si>
  <si>
    <t xml:space="preserve">初三数学如图， </t>
  </si>
  <si>
    <t>1.证明:连结O1A、O1B、O2A、O2B。∵点A、B在圆O1上,∴O1A=O1B.∴点O1在线段AB的垂直平分线上。∵点A、B在圆O2上,∴O2A=O2B.∴点O2在线段AB的垂直平分线上。由此可知直线O1O2就是线段AB的垂直平分线,因此O1O2⊥AB。2.由第1题的结论得BC=AC=AB/2=12.在直角三角形O1AC中由勾股定理得O1C^2=O1A^2-AC^2=15^2-12^2=225-144=81.因此O1C=9。在直角三角形O2AC中由勾股定理得O2C^2=O2A^2-AC^2=13^2-12^2=169-144=25.因此O2C=5。∴O1O1=O1C+O2C=9+5=14.</t>
  </si>
  <si>
    <t xml:space="preserve">合肥儿童耳鼻喉医院哪家 </t>
  </si>
  <si>
    <t>合肥耳鼻喉医院哪家好刚到合肥这边对于这边的情况还不太了解，而且鼻炎时好时坏的，想请问下合肥这边最好的耳鼻喉医院去哪家好点，可靠点。如果觉得对你有帮助请给个好评谢谢</t>
  </si>
  <si>
    <t xml:space="preserve">周杰伦2011超时代演唱会行程会在杭州吗?杰伦今年2011的超时 </t>
  </si>
  <si>
    <t>2011年04月29日《2011超时代演唱会》洛阳 洛阳新区体育场2011年05月01日《2011超时代演唱会》济南 济南奥体中心2011年06月25日《2011超时代演唱会》长沙 贺龙体育馆2011年07月16日《2011超时代演唱会》南通 南通体育会展中心2011年07月23日《2011超时代演唱会》无锡 待定2011年08月27日《2011超时代演唱会》哈尔滨 待定2011年09月11日《2011超时代演唱会》苏州 待定2011年09月17日《2011超时代演唱会》深圳 待定2011年09月24日《2011超时代演唱会》大连 待定2011年10月15日《2011超时代演唱会》厦门 待定2011年 《2011超时代演唱会》 贵阳 待定2011年 《2011超时代演唱会》 太原 待定2011年 《2011超时代演唱会》 昆明 待定2011年 《2011超时代演唱会》 沈阳 待定  貌似没有杭州</t>
  </si>
  <si>
    <t xml:space="preserve">几道语文题目对应的成语胆子特大——胆大包天看得特近——（）身体特 </t>
  </si>
  <si>
    <t>身体特瘦——（骨瘦如柴）   心花怒放——（愁眉苦脸）看得特近——（近在眼前)    力气特大——（力大无比）时间特慢——（度日如年）行走特快——（疾走如风）分量特重——（重如泰山）不知道对不对</t>
  </si>
  <si>
    <t xml:space="preserve">集成显卡和单独显卡有什么区别？ </t>
  </si>
  <si>
    <t>集成显卡一般是主板上附带显示芯片的，一般没有独立显存，所以都用内存来作为显存使用，效果差，但是便宜，而且体积小。独立显卡则相反，性能好，价格贵，体积大一些，这个在便携上尤其显著。如果你购买台式机，那么搞个独立显卡是必须的。</t>
  </si>
  <si>
    <t xml:space="preserve">外地校车能在本地运行吗？ </t>
  </si>
  <si>
    <t>《校车安全管理条例》规定，相对应的地方规定有的地方尚未出台，所以对校车驾驶资格证的条件各地应该有各地规定，但是，应该不能限制驾驶员所在地，全国都能通用的《校车安全管理条例》规定，校车驾驶员应该是取得相应准驾车型的三年以上驾龄的驾驶员，但是相对应的地方规定有的地方尚未出台，对校车驾驶资格证的条件各地应该有各地规定，但是，应该全国都能通用的</t>
  </si>
  <si>
    <t xml:space="preserve">上网找女朋友，有什么办法吗我想找一位网上的女友，有什么好的办法吗 </t>
  </si>
  <si>
    <t>你还是在现实生活中找一个吧，网上的不真实，只可以当倾诉对象，现实生活中的就不一样了，她会陪着你，和你一起分享喜、怒、哀、乐那中真实的感觉才是最幸福的。而网上的女友要是有一天和你聊腻了，就会走人的哦！呵呵！你还是听我的改变主意吧！</t>
  </si>
  <si>
    <t xml:space="preserve">宫颈轻度糜烂，我该怎么办?我是产后检查时，医生说我宫颈轻度糜烂， </t>
  </si>
  <si>
    <t xml:space="preserve">    实际上，宫颈糜烂不是一种独立的疾病，而是慢性宫颈炎的一种表现形式。而且，宫颈糜烂实际上并不属于真正的糜烂。当宫颈外口表皮的脱落，被宫颈口另外一种上皮组织所代替后，由于覆盖面的新生上皮菲薄，甚至可以看到下方的血管和红色的组织，看上去就像真正的糜烂，所以才称之为宫颈糜烂，而实际上，这并不是真正的糜烂。　　宫颈糜烂的发生通常和分娩、流产、产褥期感染或手术操作或机械刺激如做爱损伤子宫颈, 病原体侵入而引起感染而导致的。虽然宫颈糜烂常见于已婚女性，但并不意味着未婚女性就没有出现宫颈糜烂的可能性。　　宫颈糜烂发生后，经常会出现白带增多、粘稠，偶尔也可能出现脓性、血性白带，腰酸、腹痛及下腹部重坠感也常常伴随而来，做爱的时候也可能会引起接触性出血，异味的出现也是极有可能的。    宫颈糜烂的治疗方法很多，可以根据糜烂的程度适当选择。主要有以下几种： 　　（1）药物治疗：对于糜烂面小的、炎症浸润比较浅的可采用以下药物治疗方法：①10～20％硝酸银：局部上药，每周1 次，2～4次为一疗程。②高锰酸钾：月经后局部徐药，1～2个月后再重复用药1次。在采用上述药物时，要小心操作，防止周围阴道壁的烧伤，而且要注意用药时消毒，预防重复感染。 　　（2）物理治疗：用于糜烂面积较大的、炎症浸润较深的宫颈糜烂。①电熨：用特制的电熨器，将糜烂面组织烧灼后，使之坏死脱落，而且要达到一定深度，这样治疗效果好。②冷冻疗法：用特制快速冷冻装置，使宫颈糜烂面病变组织冷冻、坏死、脱落。常用的冷冻剂是液氮，使冷冻器冷冻头的温度可降低到 - 196摄氏度，放到宫颈的表面，使糜烂的组织冷冻坏死、脱落，再生长出新的上皮组织。1次即可治愈。一般无不良反应，少数病人有轻微的头昏、下腹疼痛等。③激光治疗：多用二氧化碳激光治疗仪，用特制的激光治疗头照射宫颈糜烂组织，使糜烂组织碳化、结痴、脱落，再生长出新的鳞状上皮。一般1次即可治愈。术中无特殊不适，有少数病人脱痴时有出血。④KS仪治疗：是采用特殊波段光热的治疗，无痛苦。效果好。在用以上方法治疗的过程中，应注意外阴清洁，禁止住、阴道灌洗及坐浴，还应定期复查观察糜烂面愈合情况。 　　（3）手术治疗：对药物和物理治疗无效、宫颈糜烂较深或面积较大、宫颈肥大或疑有癌变者，可考虑作宫颈锥形切除或全子宫切除术。 </t>
  </si>
  <si>
    <t xml:space="preserve">中文名字:周文婷,英文名字该叫什么?1要跟中文名字有关2要好记好 </t>
  </si>
  <si>
    <t>Wendy  与中文发音相仿，好记好写表示：娇小可爱的女人,既友善又甜美</t>
  </si>
  <si>
    <t xml:space="preserve">如何在爱问共享资料签到？ </t>
  </si>
  <si>
    <t xml:space="preserve">我也是自己刚刚摸出来的，首先在我的中心右上角可以看到知识人首页，点击。在打开的网页内同样右上角有爱问共享资料，点击。然后会有下面信息，点击就好了用户信息   退出  您好，“用户名”共享资料积分：*新浪通行证号：*  我上传的资料 就在它下面  </t>
  </si>
  <si>
    <t xml:space="preserve">"我左手过目不忘的萤火，右手里是十年一个漫长的打坐"上面这句话是? </t>
  </si>
  <si>
    <t xml:space="preserve">应该意会吧  感觉就是 过目不忘的萤火是瞬间的感动和美好 相对的十年的打坐 是内心宁静的境界 人生总会面临不同的境遇 有的转瞬美好 有的需要时间的沉淀  哎 我的语文也不好 感觉也说不明白 你瞎参考吧 不过每个人的理解都会不一样的 不是说 一百人就有一百个哈姆雷特么？呵呵 </t>
  </si>
  <si>
    <t xml:space="preserve">吃月的避孕药,这个月忘了吃了,怎么办? </t>
  </si>
  <si>
    <t>可以推算没吃药这几天是否是安全期，方法是；从你下次经期第一天往前数14天，这天是你的正常排卵期，在这天的前4后4天为危险期，只要不是危险期内，一般不用担心。即使在危险期，因为你吃的是月用避孕药，它应该有一定的持续时间，你今天吃个紧急避孕药也一般不会出现以外。</t>
  </si>
  <si>
    <t xml:space="preserve">鼻窦炎如何减轻？我鼻窦炎多年了，有时头会疼，现在又偶有耳鸣，我想 </t>
  </si>
  <si>
    <t>鼻窦炎，主要是注意如下几点：1.少食辛,辣,炸,炒之属热性之品.如辣椒,生姜,炸油条,烧饼,饼干,快餐面等.同时海鲜及冰冻鱼,鱿鱼,虾米等咸海产品容易刺激透发炎症,这类食品最好不食。2.饮食多样化.多食含维生素较多的蔬菜,水果.如苹果,新鲜蔬菜,菠菜,胡萝卜等。3,平时鼻局部及额面部可用热水热敷或用电吹风局部加温也可以,使局部的血液循环改善以达到治疗的目的。4.保持心情开朗,不要总是想着使人烦恼之事,开开心心过好每一天.5.起居劳作有度,注意休息,上网不要通宵达旦。6,积极锻炼身体,最简单有效锻炼方法是坚持晨跑,以增强身体的抗病能力。7,预防感冒,感冒往往引发鼻炎复发,为此若患外感应及时及早治疗。在药物方面来说，“通窍鼻炎组合”的治疗效果不错，是中药成份，建议患者服用，点击网址查看详细信息!</t>
  </si>
  <si>
    <t xml:space="preserve">比亚迪F3速锐什么时候上市啊？ </t>
  </si>
  <si>
    <t>北京车展上发布了上市消息，会在今年下半年上市，可能会在汽车销售的旺季上市吧</t>
  </si>
  <si>
    <t xml:space="preserve">宝宝5个月大，眼睛有时斜着看人，要不要去医院检察？孩子多大能查出 </t>
  </si>
  <si>
    <t>尽快去正规医院眼科作检查。在医院医生是有办法检查是不是斜视和弱视的。常用的检查：可通过角膜映光、红光反射、瞳孔检查、眼底检查（有时可作）等方法，检查婴儿眼睛的总体情况。每个医院常用的检查方法不一定一样。但一定要去大医院查，别耽误了孩子的治疗。</t>
  </si>
  <si>
    <t xml:space="preserve">太龙药业后市走势如何？我看不清短线大盘的运行方向，所以不知道60 </t>
  </si>
  <si>
    <t>大盘不妙，总体上建议止损。但上周大盘跌速过猛，应有反弹。可以反弹时出局观望。待大盘走稳后再择机买回来。</t>
  </si>
  <si>
    <t xml:space="preserve">想丰胸，用最安全的方法 </t>
  </si>
  <si>
    <t xml:space="preserve">  最简单的方法就是每天早晨做20个扩胸运动，平时吃水果多吃木瓜。你的胸部会很丰满的。</t>
  </si>
  <si>
    <t xml:space="preserve">唯美女生英文名以z开头y结尾的英文名，最好含有字母h，a，n，g </t>
  </si>
  <si>
    <t>本来我一看到提问的前半段，马上就想起Zoey（祖儿/佐伊），一个可爱的希腊名，意为“生活”。这个名字在美国不算普遍，而在新、澳、加、英伦等英联邦地区稍为常见。印象中Zoey多是生动活泼的小女孩，简直是人如其名。但当我接着看到后半段时 —— 我的妹呀，这不是有意为难我吗？试找了一下Zhoey（同一发音），嘿，还真有这个名字，还有给这名字测字算卦的：多情善感，有创意，理想主义者，追求和谐精致，待人友善但害羞。如果这些特征符合你的话，看你能不能笑纳？其他可能符合要求的有：Zachery （扎克莉），希伯来语，“记忆里的主”，取该名的人不少，但多为男孩（该名是男女通用的）。Zeny（泽妮/甄妮），源自俄罗斯，意为“高尚的”。</t>
  </si>
  <si>
    <t xml:space="preserve">化学的问题原子序数越大,元素原子的质量数越大.这句话对吗?为什么 </t>
  </si>
  <si>
    <t>错误原子序数=质子数原子质量数=质子数+中子数同位素指具有相同质子数的同一类原子的总称.元素周期表中原子质量数我们指的是自然界中该元素的平均质量数,因为对于该元素还有同位素,所以对于同一元素它也是存在几个不同质量数的原子的,所以会造成比如:【重氢质量数=氦质量数】的这种情况.</t>
  </si>
  <si>
    <t xml:space="preserve">继承房产权后如果卖房算新房还是算老房关于继承房产权后，如果卖掉这 </t>
  </si>
  <si>
    <t>房子是二手房，产权变更时算起，5年内出售的要按成交价缴5.5%营业税。</t>
  </si>
  <si>
    <t xml:space="preserve">FLASH挂件不会动我博客的FLASH挂件在我电脑上都不会动可在 </t>
  </si>
  <si>
    <t>你是用的是固定的代码，可以通过悬浮图片代码来完成。图片在左侧悬浮&lt;DIV style="BORDER-RIGHT: medium none; BORDER-TOP: medium none; FILTER: progid:DXImageTransform.Microsoftpadding:8px; ; LEFT: expression(eval( rollLeft)+eval( ientWidth)-980); BORDER-LEFT: medium none; BORDER-BOTTOM: medium none; POSITION: absolute; ; TOP: expression(eval( rollTop)+eval( ientHeight)-200); TEXT-ALIGN: center"&gt;&lt;A href="对图片或者挂件进行链接的网址" target=_blank&gt;&lt;IMG src="图片或者挂件的URL地址" border=0&gt;&lt;/A&gt;&lt;/DIV&gt;图片在右侧悬浮&lt;DIV style="BORDER-RIGHT: medium none; BORDER-TOP: medium none; FILTER: progid:DXImageTransform.Microsoftpadding:8px; ; LEFT: expression(eval( rollLeft)+eval( ientWidth)-110); BORDER-LEFT: medium none; BORDER-BOTTOM: medium none; POSITION: absolute; ; TOP: expression(eval( rollTop)+eval( ientHeight)-200); TEXT-ALIGN: center"&gt;&lt;A href="对图片或者挂件进行链接的网址" target=_blank&gt;&lt;IMG src="图片或者挂件的URL地址" border=0&gt;&lt;/A&gt;&lt;/DIV&gt;</t>
  </si>
  <si>
    <t xml:space="preserve">去哪里可以刷时装啊?在完美世界里的非活动奖励的时装,其他的去哪里 </t>
  </si>
  <si>
    <t>刷出来？那是用钱堆出来的。时装，完全是一种奢侈品，很费钱，又不一定会买到心仪的东西。你还不如就去玩家那里收购，不但可以看到颜色，还可以有讨价还价的余地，多好~~~~</t>
  </si>
  <si>
    <t xml:space="preserve">今天3月28日，为什么我总是进不去，"非正常客户端中断"今天是3 </t>
  </si>
  <si>
    <t>尊敬的玩家您好：             游戏目前可以正常进行并没有维护，请确定您的版本是否最新版本。感谢您对封印的支持。</t>
  </si>
  <si>
    <t xml:space="preserve">帕鲁凯斯怎么打？问题很老土了，说来惭愧，自从开始打牛时代开始，就 </t>
  </si>
  <si>
    <t>血最少1800+…………………………轻松过小P只要你们做到：1：一人带3组400血，水火水晶2：每人防都过2403：能带斧子的带斧子，都把攻击+到240以上4：都带高级TL或者其他攻宠打法比较简单了，开始的影子就是合，顺序随便。打小P也是合，小P召唤QBT就各杀自己对面的QBT，QBT1000血很容易打死，杀光继续合小P，传教一般不补血，只在小P大地之后超补，再就是人不幸倒下七绝（你们队好象不太可能……）。人被乾坤或者连击破碎打中自己丢血。这样就能轻松过了。你们队太强了，血真多，过小P估计都不用血瓶就能过，主要考虑路上怎么打吧，最好都带魔宠清。注：小P乾坤240防的人在1000左右，对你们没威胁的，猪刃更水，不到600</t>
  </si>
  <si>
    <t xml:space="preserve">我的英语一直找不到感觉成绩回不到以前的水平怎么办？ </t>
  </si>
  <si>
    <t>不要只沉迷于过去的成绩，现在学习的知识难度不断加大，跟以前的无法相比，重要的是做好现在。如果一直只抱怨自已大不如前，只会让自己越来越丧失信心。心态首先要摆正，不然再好的没有动力和信心也是不行的。英语的学习主要注重于平时积累、零散时间的充分利用。早读是最佳的记忆单词和短语的时间，可以通过朗读的方式加以深化理解记忆，一定不能浪费。平时对于把握不好的语法点知识点一定要通过大量练习、反思理解的方法来攻克，绝对不可以在同一个地方出错两次，争取做到错过了一次以后遇到就不会再错。另外对于平时练习、考试出错的地方也要认真对待、仔细分析、举一反三。对于经常容易错的以及比较典型的题目可以用专门的一个本子记下来，有时间的话就连同笔记本一起翻出来看看，尤其是考试之前更要如此。才开始你有可能觉得是在浪费时间，因为自己掌握不牢、出过错的知识点比较多，需要花大量的时间理解消化攻克。但时间一长你就会发现现在多花点时间以后就会事半功倍。不然以后你在同一个地方经常出错本身就是对时间和信心的巨大浪费。另外可以充分利用课间、短暂的时间来做一些完型填空、单项选择之类的题目，英语就是要多做题目、勤于思考，也要认真对待，错了就仔细分析原因，不要太注重某一次的成绩，而要看进步情况。不仅是英语，其他科目的学习也可以利用这些方法，反思理解最重要，不要钻入到题海中。</t>
  </si>
  <si>
    <t xml:space="preserve">我看到进口药品网的德国强力消石素和其他药说国内没得买，是真的么？ </t>
  </si>
  <si>
    <t>是的啊，在国内的话就通过进口药品网订购咯，效果确实不错的的</t>
  </si>
  <si>
    <t xml:space="preserve">为什么我胸会疼呢？苦恼！！！我今年23了，我和男朋友亲密过，现在 </t>
  </si>
  <si>
    <t>乳腺出现痛感，往往提示存在乳腺增生了。痛是好事，说明是良性的；恶性的总是不痛不痒、无声无息的到来，这是恶性肿瘤的凶险之处。去（乳腺科或外科）做个乳腺B超，100元左右可简单快捷的基本判明乳腺疾病。20来岁的年轻人，不必担心恶性的问题。乳腺癌的发病率与年龄成正比：年轻人中基本全是良性的，不必担心。到45-50岁，发病率就较高了；绝经后，继续上升；到70岁左右达到最高峰，六七十岁的人，只要乳腺中出现肿块，基本就是恶性的。乳腺增生、乳腺纤维瘤的病因相同：是内分泌失调，或是体内雌激素分泌高造成的。中医认为是易躁易怒易忧，思想压力大，多愁善感，焦虑上火，肝火太盛，肝脾之气淤结而成。这与西医不矛盾，肝火太盛必然影响内分泌等。乳腺疾病往往伴随月经不调、腋窝淋巴结肿大、便秘等症状。平时要注意别吃辛辣的，以及油炸的、烧烤的，这些属燥热类的食品。还要戒烟酒，调节情绪，生气上火对这病不利。别吃蜂王浆，以及养殖时添加了激素的动物肉，还有避孕药等，里面含有雌激素成分。还要避免人工流，因为那样会导致体内雌激素分泌紊乱。多吃蔬菜水果、豆制品。因大豆中含有异黄酮，异黄酮既能代替雌激素和雌激素受体蛋白的结合从而发挥雌激素作用，又能干扰雌激素和雌激素受体蛋白的结合，发挥抗雌激素作用，这主要取决于人体内的激素状况：异黄酮对低雌激素者，发挥雌激素活性；对高雌激素者，发挥抗雌激素作用。乳腺方面的疾病，看似是不大的病,但至今医院中及药厂生产的药物效果不能令人满意。有个传了好几辈的中药可供你参考一下，用特效中药治疗此病。药丸，以化淤散结、解毒消肿为主，是专门治疙瘩、肿块的，对乳腺增生、乳腺炎、乳腺纤维瘤及淋巴结炎、淋巴结核的治疗是拿手。只单纯手术切除结节、疙瘩的话，因病根尚在，治标不治本，复发率很高。</t>
  </si>
  <si>
    <t xml:space="preserve">我选着的交易成功后转账到：我的银行帐户我想问一下多长时间能到帐我? </t>
  </si>
  <si>
    <t xml:space="preserve">尊敬的客户:    您好！5173回复客服03号很高兴为您服务！    工行提现请15分钟后查账即可，卖家可以不用开通网银。建议您可以开通网银，查询比较方便。                                            </t>
  </si>
  <si>
    <t xml:space="preserve">我是那么那么爱她，谁能帮帮我我才19岁，但是我们在一起已经2年半 </t>
  </si>
  <si>
    <t>只要自己做得更好,看得更高.</t>
  </si>
  <si>
    <t xml:space="preserve">请问新版的爱问个人中心我怎么上不上了啊?只能上旧的! </t>
  </si>
  <si>
    <t xml:space="preserve">你好！操作方法：工具，intenet选项，清除cookies，清除临时文件，清除历史记录。重新登陆就能解决问题，你试试。 </t>
  </si>
  <si>
    <t xml:space="preserve">我是网通玩家，为什么我上游戏老说连线中断 </t>
  </si>
  <si>
    <t>因为维护,所以才进不去的,到11点应该就可以了.因为官方说维护到早上11点.</t>
  </si>
  <si>
    <t xml:space="preserve">PK打死人名字红了什么时候变白啊555555怎么办啊，我的装备啊 </t>
  </si>
  <si>
    <t>既然变红了，当然不是 PK了，双方的公平 PK是 不会 有人 变红的。是你一方的攻击对方没还手而死。要变白的话，有两种：1，打猎，打一个猎物，性向就会减少，直到变白。2，把武器，装备保管好，找个级别高的 自杀 直到变白。我建议第2个，变白的速度快，不然的话，会被宰杀的哦，呵呵</t>
  </si>
  <si>
    <t xml:space="preserve">电动机绕线转子与鼠龙转子有什么区别？ </t>
  </si>
  <si>
    <t>绕线转子：电机的转子上有线圈，并通过电刷引入电流，进行运行。鼠龙转子：电机的转子上没有线圈，只有铸铝铁芯，不需要引入电流就可以运行。    要求起动力距大的，一般选用绕线电机：如起重吊车，冶金行业而大部分通用性的电机多为三相异步鼠龙电动机。</t>
  </si>
  <si>
    <t xml:space="preserve">我要领勋章 </t>
  </si>
  <si>
    <t xml:space="preserve">可能你没有点击“进入授权” 使用你的微博帐号登录爱问知识人，然后授权同步，允许你的提问 同步至你的微博。然后提问，只要你的提问通过知识人的审核，并 且在微博上有同步成功的话，那么就可以去勋章馆领取“刨根问 底”的勋章了。 </t>
  </si>
  <si>
    <t xml:space="preserve">pc上玩gba口袋怪兽怎么用金手指我玩绿宝石版，答案要说的详细点 </t>
  </si>
  <si>
    <t>按金手子和代码都可以金手子去地方才用代码是买东西的03005B72:0001这代码是大师球03005B72:0044是升级糖</t>
  </si>
  <si>
    <t xml:space="preserve">监护人不负责小孩受伤怎么算 </t>
  </si>
  <si>
    <t>你好，监护人一般是小孩的父母或者近亲属，自己的孩子自己不负责，责任自己承担。但是如果涉嫌遗弃，可以涉嫌刑事责任，谢谢，望好评！</t>
  </si>
  <si>
    <t xml:space="preserve">请问李连杰代言的奥克斯空调是不是又出新系列的空调？ </t>
  </si>
  <si>
    <t>我每天都回答一次，你怎么每次都不收录，我都疯了</t>
  </si>
  <si>
    <t xml:space="preserve">公务员的有效期是多久？ </t>
  </si>
  <si>
    <t>1年</t>
  </si>
  <si>
    <t xml:space="preserve">速求问题解决！本人公司一台电电脑，局域网上网，自动分配IP地址， </t>
  </si>
  <si>
    <t>遇到N多次这样的问题了，插入网线后，路由器上这台电脑的灯是亮的，但是在地址分配里没有这台电脑的网卡mac信息和ip分配结果。这台机器也PING不通路由器网关和其它机器。具体情况是，别的电脑用这根网线能正常使用，也能PING通路由器和其它机器。但是有几台电脑用这根网线就不能正常使用，网卡灯亮，插入网线，本地有反应，也就是网线能通。但是本地连接分配地址很慢，要连接很长时间，然后终于自动分配到一个169.254.XXX.XXX的IP，显示为自动私有IP。这种情况是水晶头没接好，重做一下两头的水晶头，一定会解决。不能解决我以后就不做计算机这行业，我洗手不干。</t>
  </si>
  <si>
    <t xml:space="preserve">在旅游的地方的开个店的那肯定是会很赚钱的吧？ </t>
  </si>
  <si>
    <t>是啊！原来我也这样想过。每天不愁顾客……总之在风景优美的地方开店再好不过了！</t>
  </si>
  <si>
    <t xml:space="preserve">本人想买个“牢狱肩甲”，请问一般多少钱？Ps:哪儿有掉阿？ </t>
  </si>
  <si>
    <t>我是2区的,一般在200G左右我在冬泉杀57-59的奇美拉的时候掉过,还有可罗</t>
  </si>
  <si>
    <t xml:space="preserve">仓库扩张石打什么有爆 </t>
  </si>
  <si>
    <t>那是要用RMB充卡，在乾坤袋里购买的，游戏里按O键，弹出对话框。包囊扩张石10黄金，仓库扩张石5黄金一个。现在也有玩家在摆滩啊！估计30W一个把。</t>
  </si>
  <si>
    <t xml:space="preserve">卡了！！我是23区4服小法最近进去玩一会就卡，然后便与服务器中断 </t>
  </si>
  <si>
    <t>是你电脑性能的问题把，你进去后看下面三个红点点，第一个就是本机性能状况，第二个就是网络状况，你看了不就知道了吗？</t>
  </si>
  <si>
    <t xml:space="preserve">调皮老师　　(000780)平庄能源：2010年1月8日召开20? </t>
  </si>
  <si>
    <t>現价買入持有。資產注入預期。国电电力集团成为平庄能源的第一大股东之后承诺将会注入煤炭资产，按国电集团所承诺的注入资产产能计算，一旦完成的话则意味着平庄能源的产能将会大幅飚增4倍以上，将会颠覆性的提升平庄能源基本面的素质，绝对是个重大利好题材。</t>
  </si>
  <si>
    <t xml:space="preserve">我家养的鸽子会传染上禽流感吗? </t>
  </si>
  <si>
    <t>家禽都可能被传染禽流感,会飞的鸽子当然很容易被传染禽流感的.即使能保证家鸽不飞出去,如若其附近有传染源,同样可能被传染禽流感的.所以,你必须时刻关注本地区特别是你住地附近的疫情报告,控制好你的家鸽进出范围和时间等,防止被染上禽流感.</t>
  </si>
  <si>
    <t xml:space="preserve">2017年都有哪些致富好项目呢？ </t>
  </si>
  <si>
    <t>2017年创业一定要选择有市场需求的产品才行，你不妨去了解一个用模板做背景墙画的创业项目，叫筑梦墙艺，那个挺不错的，那墙绘特别漂亮，而且施工也简单，就是模板和硅藻泥颜料去印，普通人一看就会，个人感觉在墙上作画的市场应该还不错，毕竟装修的市场还是有的，这个项目别错过了，去百度搜一下看看，这个项目别错过了，去百度搜一下筑梦墙艺，去他们官网看看。</t>
  </si>
  <si>
    <t xml:space="preserve">小狗扎针会死吗？小狗大约有两个月吧．打的是消炎针．谢谢大家了．我? </t>
  </si>
  <si>
    <t>会，狗太小是不可以打针的！！剂量不是问题的重点。</t>
  </si>
  <si>
    <t xml:space="preserve">要想跨校考研做哪些准备 </t>
  </si>
  <si>
    <t>多去想考的学校的网站或者贴吧以及论坛之类的地方去看看，最好能够认识几个本专业的学长学姐，从学姐学长那你能获得很多的消息。。。</t>
  </si>
  <si>
    <t xml:space="preserve">转氨酶升高是由什么引起？需要吃药治疗还是饮食调理？ </t>
  </si>
  <si>
    <t>引起转氨酶升高的原因很多：1、轻度升高，多见于感冒、发热或剧烈运动、软组织损伤等；饮酒，药物、脂肪肝、肝硬化也是引起转氨酶升高的常见原因。2、明显升高多见于各种急慢性肝炎等。转氨酶升高的治疗，应先明确原因，针对病因进行治疗，不宜盲目服用降酶药物。建议查一下乙肝DNA，如为阴性，则可除外乙肝；做肝脏超声检查，除外脂肪肝等改变；还要除外饮酒与药物等情况。 并在短期内复查一次肝功能，如果复查仍继续升高，再进一步做有关检查。</t>
  </si>
  <si>
    <t xml:space="preserve">该钱不还怎办小女下岗出国打功争点钱放在他二大伯哥那里.让他给买房 </t>
  </si>
  <si>
    <t>找一个机会，让你女儿领一个或几个同学同事等（必须是和这事没有关系的人）在场，比如一起吃饭，当中问拿了钱的人，一共收到多少给他让他买房子的钱，什么时间能还？只要他承认是收到了钱，就行了。把这个过程帮录音笔录下来，录音笔在家电市场上就有卖，然后上法院起诉就行啦。这个录音就是证据。不然他到了法庭不承认收到钱或是说钱是你们给他的，你们就胜不了啦。祝你成功！</t>
  </si>
  <si>
    <t xml:space="preserve">新浪最近怎么了!最近新浪到底怎么了!速度这么慢,无论是爱问.还是 </t>
  </si>
  <si>
    <t xml:space="preserve">你好！出现上述现象主要是网络系统的问题！在网络系统繁忙的时候，对于页面的打开和显示都会造成很大的影响！如果电脑本身的系统配置较低，博客页面的代码和flash制作复杂会对此产生更大的影响！你可以关闭其他同时打开的窗口，多刷新几次页面，或避开上网高峰期再试试！ </t>
  </si>
  <si>
    <t xml:space="preserve">头晕恶心怎么办啊。急！！！！昨天中午不怎么饿，就吃了几块臭豆腐， </t>
  </si>
  <si>
    <t>多补充维生素和钙</t>
  </si>
  <si>
    <t xml:space="preserve">没有满两个月的婴儿可以用安抚奶嘴吗？我家宝宝快两个月了，还没有满 </t>
  </si>
  <si>
    <t xml:space="preserve">吸吮是宝宝处理压力的方法之一，大多数宝宝在1岁内都会吮手指或吸安抚奶嘴，有些父母认为吮手指不卫生，所以千方百计要阻止宝宝吮手指。不过如果没有解决孩子吸吮的需求，孩子将会变得更焦虑，反而强化吮手指的行为。除了吸手指之外，家长常会为了安抚婴幼儿的情绪，而让孩子吸安抚奶嘴。但是，一段时间之后，家长又担心吸安抚奶嘴会使宝宝嘴巴变形，而为了戒奶嘴的问题而烦恼。站在生理医学的立场，幼儿越早戒安抚奶嘴越好，最好不要晚过4岁，否则下颚骨骼定形以后，需要费更大的工夫做矫正牙床的工作。通常，孩子1岁以后，就可以开始戒安抚奶嘴了。 </t>
  </si>
  <si>
    <t xml:space="preserve">我家有二台电脑想同时上网我看在网上有联网线卖我买了一根但不知怎么? </t>
  </si>
  <si>
    <t>1。首先，你应该买的是一根双机互联的直连线，两台电脑分别都安装了网卡（LAN）2。不知道你的上网方式：如果是用固定IP的话，那么，上网的那一台电脑还要再安装一块网卡，也就是双网卡，也就是说一块网卡连接网通，另一块网块连接另一台电脑，在网上邻居右键属性里面直接将两个连接的名字改名，以便于区分。3。如果是ADSL上网方式的话，那么，你安装上网卡之后，直接在拨号连接的图标上，点右键属性里面将共享连接打对勾就可以了。这种方法称之为共享上网，如果你不知道如何设置可以继续跟贴，也可以到网上搜搜有很这方面的资料。</t>
  </si>
  <si>
    <t xml:space="preserve">顶着父母的反对和男朋友在一起!是该狠心离开,让他解脱,还是继续呢? </t>
  </si>
  <si>
    <t>我现在也遇到了像你这种情况,只不过我的男朋友他是单亲家庭,而且现在是和奶奶生活在一起的,他现在没有工作事业等于为零!!!根本没有经济基础,当初不知为什么还是选择了他,家里人介绍了比他条件好很多的我都没有答应!我就是坚信他有一天会给我一个温暖的家的~所以现在我一直在等~说真的真的好痛苦哦~我也有想过放手,但是根本做不到,只会让双方更加难过罢了~你说呢?你想离开他正是因为你爱他,但是你想过没有如果有一天你离开他了,他难道不难过吗?那样岂不是更加残忍!!!只有现在你们共同努力咯~~为了你们的将来加油吧~~我真心的祝福你!!!</t>
  </si>
  <si>
    <t xml:space="preserve">可有专生男孩子的药吃？我是湖北的，在我们这里现在很盛行想生男孩子 </t>
  </si>
  <si>
    <t>您好，1． 在准备怀孕前，正确测量基础体温，突然下降的日子是排卵日，如果不能确定，可以到检查子宫颈黏液来帮助判断； 2． 在排卵日当天或第二天性交，因为此时阴道分泌物呈碱性，有利于Y精子的存活； 3． 每天服用天然钙(4粒)，直到医生确诊你已经怀孕了； 4． 在受孕前的2个月内，要使用保险套避孕，不可使用其他避孕方法； 5． 采用有利于生男孩的体位进行性交； 6． 精液越浓越好，所以在准备受孕前应该禁欲。 原则： 深插入的性交体位较容易生男孩，这样可以将大量有活力的精子快速送入阴道内；性交结束后，女性先不要移动身体，可夹紧双腿、抬高臀部静躺20分钟。 碱性环境有利于Y精子的存活，从而有利于生男孩。这种碱性液在性高潮时分泌最多。至于要如何到达高潮，则要靠夫妻双方合作。 如果做到了以上各点，生男孩的机会就会大大提升了。 饮食重点： 想生男孩，女性多吃碱性，男性吃酸性食物。 碱性食物包括青菜、水果、牛奶、面粉制品、茶、海带、海藻、碘、钙、维生素D；酸性食物：牛肉、鸡肉、鱼、蛋白、酸味水果。祝健康！</t>
  </si>
  <si>
    <t xml:space="preserve">夏天用什么面膜好?我是中年女性,面部已有细纹,请问美容专家们,夏 </t>
  </si>
  <si>
    <t>请参考橄榄油面膜：把橄榄油加热至37℃左右，再加入适量蜂蜜，然后把纱布块浸在油中取出覆盖在脸上，20分钟后取下，有防止皮肤衰老，润肤除皱之效，适用于皮肤特别干燥者。 柠檬面膜：将一个鲜柠檬榨汁后加一倍的水，再加入三大匙面粉调成面膏状随后敷在脸上，15－20分钟左右取下，或将一个鲜柠檬切片直接贴于面部15－20分钟左右取下，洗净脸部。每天一次，七天为一个疗程。此面膜具有收敛作用，可使皮肤清爽、润滑、细嫩，长期坚持能延缓皮肤衰老。 黄瓜面膜：取鲜黄瓜汁加入奶粉、蜂蜜适量，风油精数滴调匀后涂面，20－30分钟后洗净，或将黄瓜洗净切薄片直接贴于脸部，具有润肤、增白、除皱的作用。蜂蜜番茄面膜：先将番茄压烂取汁，加入适量蜂蜜和少许面粉调成膏状，涂于面部保持20－30分钟，具有使皮肤滋润、白嫩、柔软的作用，长期使用还具有祛斑除皱和治疗皮肤痤疮等功能。 牛奶100毫升，草莓50克，捣烂如泥，调成糊状，涂擦面部,保留20分钟后洗去。此法可防止皮肤干燥、老化，使皮肤光滑、湿润、细腻。 酸牛奶、奶油各等份，混合调匀后敷面，保留20分钟后用清水洗净。此法具有收敛作用，长期坚持可消除面部皮肤上的皱纹，适用于中老年妇女或面部皱纹较多的孕产妇 　紧肤面膜　　1、梨、酸奶面膜。坚持每日一次。适合油性、中性皮肤。 　　2、海藻、橄榄油（2-3滴）面膜。海藻：保湿、杀菌。 　　3、橘子面膜。将新鲜的橘子连皮捣烂，浸入酒精内，假如少许蜜，放置一个星期。取出涂面，干后洗去。收敛、平滑肌肤。去皱。 　　4、胡萝卜、西瓜面膜。去皱。 　　5、苹果蜜面膜。苹果捣泥，加入蜂蜜和面粉。除皱、增加皮肤弹性。 　　6、蜂蜜、蛋清面膜。 　　7、牛奶、橄榄油（加面粉）面膜。 　　8、牛奶、草莓面膜。 　　9、白雪面膜。将鸡蛋浸入适量酒中，密封罐口，28天</t>
  </si>
  <si>
    <t xml:space="preserve">谜语:锟?沉吟弓满月(三字人名二） </t>
  </si>
  <si>
    <t>龙剑鸣 张劲弩！</t>
  </si>
  <si>
    <t xml:space="preserve">53期稳胆3、4个诚心请教！！！50分大师、高手们：求53期3胆 </t>
  </si>
  <si>
    <t>01 克鲁塞(0) 07-13 03:00 米涅罗(0) 3 02 圣保罗(0) 07-13 03:00 弗拉门(0) 03 格雷米(0) 07-13 03:00 科林蒂(0) 04 巴拉竞(0) 07-13 03:00 巴(0) 005 弗鲁米(0) 07-13 05:30 圣安德(0) 3 06 利斯菲(0) 07-13 05:30 戈伊亚(0) 07 维多利(0) 07-13 05:30 桑托斯(0) 08 斯托姆(0) 07-13 00:00 罗森博(0) 009 利　恩(0) 07-13 00:00 博多格(0) 10 费德列(0) 07-13 00:00 桑　德(0) 11 利勒斯(0) 07-13 00:00 阿勒桑(0) 3 12 奥德格(0) 07-13 00:00 斯　达(0) 13 莫尔德(0) 07-13 02:00 布　兰(0) 14 加尔斯(0) 07-13 00:00 哈尔姆(0) 4、5、8可任选其二当胆使用，望能高中！！！</t>
  </si>
  <si>
    <t xml:space="preserve">只有使用权的公房可以买卖吗？ </t>
  </si>
  <si>
    <t>不可以买卖。因为没有产权。</t>
  </si>
  <si>
    <t xml:space="preserve">长城有没有油气两用的 </t>
  </si>
  <si>
    <t>油气两用的大多都是自己再改装的</t>
  </si>
  <si>
    <t xml:space="preserve">翻译文言文范仲淹二岁而孤，母贫无依，再适长山朱氏。既长，知其世家 </t>
  </si>
  <si>
    <t>既，在文言文当中一般翻译为“之后”、“已经”。长，可以根据上下文得知它是“长大”的意思。所以“既长”应该是，长大以后。</t>
  </si>
  <si>
    <t xml:space="preserve">目前投资企业债券风险大吗？企业债券比国债的收益要高？请问风险有多 </t>
  </si>
  <si>
    <t>我国目前的企业债券都是商业银行担保，所以风险基本可以忽略不计。但是企业债券流动性比国债低，并且同样期限的企业债券在扣除20%的利息税之后，与同样期限的国债比较优势已经不大了。但是如果赶在降息周期的时候买企业债还是不错的，前几年企业债好的时候，刚买完转手就可以有5%以上的收益，现在不行了。</t>
  </si>
  <si>
    <t xml:space="preserve">我第一次和他做爱，他没完全插进去，我也没感觉到痛也没留血，这样会? </t>
  </si>
  <si>
    <t>你对怀孕知之甚少！怀孕是需要精液的，只有精子和卵子相遇才可以产生受精卵，然后着床、怀孕！你们就是再怎么做爱，他没有刺破你的处女膜，即使有“爱液”流出，只要他没有在你的阴道内排除精液就应该不会有孕的！但是最好让他戴上套子做爱，虽说对她或者你们而言不是很舒服，但是一般比较保险不是？要不能叫“安全套”？！</t>
  </si>
  <si>
    <t xml:space="preserve">上个赛季的巡回赛奖励15W怎么还没发放？世界巡回赛20胜完成了， </t>
  </si>
  <si>
    <t>因为你没有完成60场巡回赛打60场巡回赛,并胜20场</t>
  </si>
  <si>
    <t xml:space="preserve">强直性脊柱炎的治疗和护理是怎样的 </t>
  </si>
  <si>
    <t>强直性脊柱炎患者患上这种病后患者将会对患者正常的生活形成严重危害和深远的影响。患者患上这种病后患者必定要到对比规范的当地去医治，以免耽搁患者的病况。以及治疗这种病的话，患者可以试试“超导可视拔针微创疗法”在治疗颈椎、腰椎、脊柱炎、骨关节、股骨头坏死等骨病有着极好疗效的同时，也针对于风湿、类风湿、产后风湿、痛风等风湿疑难杂症也有着优秀的治疗效果。经过新一代的中西医结合临床潜心研究，打造出的“超导可视拔针微创疗法”曾给无数的风湿骨病患者带来了福音。运动疗法：运动有助于健康，对于强直性脊柱炎患者来说，运动的作用更是十分的重要。对减轻疼痛，保持脊椎活动范围及增进生活质量皆有帮助。运动种类不限，原则上只要能活动关节 的运动皆可。维持正确的姿势也很重要，应避免长时间维持一个姿势不动;鼓励患者多做伸展运动及伸张脊椎的运动，以预防脊椎的变形。心理治疗：在生活中只要是疾病，强直性脊柱炎的患者在患病后都必须要接受一定的心理治疗，因为只有保持良好的心态对健康人有益，对患有强直性脊柱炎的患者也是百益而无一害的。强直性脊柱炎患 者在长期治疗与康复期，做好充分的思想准备，树立治疗疾病的信心，增强与疾病斗争的勇气，保持乐观的心态，避免不良情绪的激发。</t>
  </si>
  <si>
    <t xml:space="preserve">半兽人任务！我做半兽人任务，打半兽人得到铁捶！我每次上线都去打， </t>
  </si>
  <si>
    <t>你上线的时候把任务重新对话一变，然后再去做！用王者把半兽人设置成BOSS，你就慢慢打吧，很快的！你主要是上线没有对话！和NPC对话后很快的！</t>
  </si>
  <si>
    <t xml:space="preserve">各位高手，打大师赛用初始球员打最高难度平均剃电脑3：0的有多少，? </t>
  </si>
  <si>
    <t>这........我打到2014赛季,被我打10:0和9:0的有多特蒙德AC米兰等,而且不止一次,每场我都会打3:0以上.我没骗你哦.其实我不是很厉害,只是爱打联赛,打电脑比较有经验而已,你多练练,想打电脑3:0很容易.祝你好运</t>
  </si>
  <si>
    <t xml:space="preserve">足球有哪个国家参加每一界世界杯32强决赛 </t>
  </si>
  <si>
    <t>巴西参加过以往全部17届世界杯!  这是独无仅有的.</t>
  </si>
  <si>
    <t xml:space="preserve">我按你们说的把天气和时钟都做了,但在页面没有啊 </t>
  </si>
  <si>
    <t xml:space="preserve">控制面板--自定义设置--定制我的首页--添加模块--选择--保存就OK了貂崽队娱乐俱乐部:  </t>
  </si>
  <si>
    <t xml:space="preserve">请问游戏高手那个初级任务中的狐狗牙怎么得到？是要挖的还是怪死了会? </t>
  </si>
  <si>
    <t>你杀死狐狗，有一定的几率会得到牙齿，这种任务道具在你的物品拦里有个任务道具，牙齿就在里面</t>
  </si>
  <si>
    <t xml:space="preserve">燃烧垃圾产生哪些气体 </t>
  </si>
  <si>
    <t>一楼的说法完全不对了吧。甲烷难道会没有被燃烧？一般来说，燃烧后会产生二氧化碳，如果燃烧时氧气不够，还会产生较多的一氧化碳。此外，垃圾中还有许多其它含氮、含硫、含磷等化合物，所以就会产生二氧化硫、二氧化氮等等气体，其中有许多有害气体。</t>
  </si>
  <si>
    <t xml:space="preserve">我现在有2把长柄武器，一把是叉，一把是棍，2把都是4孔的，哪一把? </t>
  </si>
  <si>
    <t>你这两把都不能合的,无限要用长柄武器,记住!像这个网站里面的这种图标类型的武器就是长柄武器了 [乔丹之石]The Stone of Jordan:稀有度评价：普通有交易价值比率：100%1 : 1616 安达利尔 - (噩梦)1 : 2656 安达利尔 - [地狱]1 : 4304 暗黑破坏神1 : 6041 督瑞尔 - (噩梦)1 : 6319 督瑞尔 - [地狱]1 : 7069 暗黑破坏神 - (噩梦)1 : 7108 巴尔1 : 7127 墨非斯托 - (噩梦)1 : 7279 巴尔 - [地狱]1 : 7324 巴尔 - (噩梦)1 : 7401 暗黑破坏神 - [地狱]1 : 7568 墨非斯托 - [地狱]</t>
  </si>
  <si>
    <t xml:space="preserve">风云怎么进不去啊?我都进了快1小时了是不是江苏的网线断了啊 </t>
  </si>
  <si>
    <t>我也是啊江苏的也掉了啊完美你们在搞什么啊还让不让人玩了什么完美嘛玩得感觉一点都不美</t>
  </si>
  <si>
    <t xml:space="preserve">推荐一部2000以下的智能手机屏幕好点，最好带前置摄像头的，谢谢 </t>
  </si>
  <si>
    <t>小米手机哈~1999配置高，喜欢的人很多哈，你可以关注一下</t>
  </si>
  <si>
    <t xml:space="preserve">请问如何才能锻炼自己的口才和说话的耐力我有时读文章，五分钟嗓子就 </t>
  </si>
  <si>
    <t>我觉得应该从以下几个方面入手：首先，口才是练出来的，不要羞怯，要知道每个人的资质都是差不多的，自己有怯场的心理，别人也会有同样的感受，要抓紧一切可以锻炼的机会来展示自己，给自己信心，相信自己既能够做得到也能够说得出，每一次的锻炼都会给自己开始下一次以莫大的勇气，再加上自己不断的总结和积累。长此以往，必然能够在以后的一切场合中自己脱颖而出，说出自己，证明自己。其次，说话要有内容，才能够在社交场合及一些工作场合中吸引别人的倾听，你总要使别人在听你说话的过程中有一些收益或是产生共鸣，那么这样的说话才是成功的，而别人也才会乐意听你说话，与你交流。同理而言，一位好的说话者一定是一位特别擅长沟通的人，在自己说话的时候也要学会倾听他人的说话，俗话说：出门看天色，进门看脸色。因此在说话时更要学会看他人听你说话时的表情，以便适时的改变自己说话的内容、语气等等，说话时千万不要自说自话，这是最不成功的说话。再次，说话要注意自己的节奏感，这一点是相当重要的。有些人在说话的时候语速相当快，就象在爆豆子一样，往往她自己说完以后，别人都没有反映过来她说的是什么。说话说得慢一些，声音响亮一些，你会发现，人们会更加注意的倾听你的说话，而且他们会感觉你所说的每一句话都是从内心深处说出来的，是经过你慎重考虑后才说出来的，人们会认为你在对自己说的话负责任。其实言语并不见得比写文章容易，文章写得不好来还可以修改，而一句话说出来了，要想修改是比较困难的。我们也常感觉到，即使同一个意思，甚至同一句话，会说话的人，能叫你眉飞色舞，不会说话的人，则叫你头昏脑胀。最后，要跟会说话的人多学习，多去倾听别人的说话，西方有句谚语说：上帝之所以给人一个嘴巴两只耳朵，就是要人多听少说。多听，才是最有收获的，不断的丰富自己的内在知识，不断的去学习别人的长处，用一颗自信与谦和的心来面对自己的每一次社交与工作中的场合，即使自己做的不够好，只要努力，只要有真诚，相信你假以时日，一定能够成为一位说话和沟通的高手，为自己的事业和带来很多快乐！文章评论</t>
  </si>
  <si>
    <t xml:space="preserve">怎样才能玩游戏的时候不卡?我玩网络游戏的时候,特别是在玩热血江湖 </t>
  </si>
  <si>
    <t>你用的是什么显卡哦！集成的吧！适当加大显卡的共享显存可以稍微缓解一下，但是要想根本性的解决问题，恐怕只有换独立的显卡了，热血江湖用MX440就可以玩了，现在市面上二手的MX440只要100多米。</t>
  </si>
  <si>
    <t xml:space="preserve">帐号服务器能进，但是选好服务器后就断开连接，是怎么回事啊！网络是? </t>
  </si>
  <si>
    <t>你最近有重装系统？有的话，登陆时FullCheck一次就好。</t>
  </si>
  <si>
    <t xml:space="preserve">支付宝的招行卡还能不能再绑定易宝支付？一直在用支付宝买东西，绑定 </t>
  </si>
  <si>
    <t>支付宝与易宝是两个独立的第三方支付平台，同一张银行卡应该可以同时开通。（另外，问题中讲的是工行的卡，怎么标题里变成了招行卡？）</t>
  </si>
  <si>
    <t xml:space="preserve">得了白癜风，那么白癜风护理应注意哪些细节 </t>
  </si>
  <si>
    <t>对于白癜风患者平时应该穿些宽大合身的衣服，因为过紧的衣物会加大白癜风扩撒，而且白癜风患者应尽可能选用纯棉制品的衣物，不可穿用化纤之类，化纤制品的衣物会对皮肤造成一定的刺激，所以白癜风患者应及时注意日常日常的白癜风护理。</t>
  </si>
  <si>
    <t xml:space="preserve">中国培养外交官的学校（大学），哪所最好呢？谢谢 </t>
  </si>
  <si>
    <t>北京外交学院（现在是否改名，就不知道了）</t>
  </si>
  <si>
    <t xml:space="preserve">脑筋急转弯小王上班的地方很远，骑自行车需要一个小时，可他星期三去 </t>
  </si>
  <si>
    <t xml:space="preserve">  两个小时的一半就是一个小时.</t>
  </si>
  <si>
    <t xml:space="preserve">iPodnano为何不能从电脑下载某一些歌曲?我的iPodnan </t>
  </si>
  <si>
    <t>第一个问题:不太清楚你的意思,MP3格式的歌只要选择 "文件"- "将文件添加到曲库" 就可以了, 不需要转换格式. 还不行的话建议你打IPOD 免费咨询热线.(自己不要瞎搞,坏了的话他们就不会管了)第二个问题:将IPOD插入电脑,选择IPOD 选项,将更新歌曲的选项中的自动更新所有歌曲该为手动更新就可以了.</t>
  </si>
  <si>
    <t xml:space="preserve">有没有一种能把电视信号，转换成视频信号的转换器？ </t>
  </si>
  <si>
    <t>就是家家都有的电视机，AV输出端口的就是音频、视频信号。</t>
  </si>
  <si>
    <t>关公开刀铺</t>
  </si>
  <si>
    <t>关公开刀铺-------货真价实。。。。。。。。。</t>
  </si>
  <si>
    <t xml:space="preserve">为什么我的女儿长牙少？我的女儿现在已经十三个月了，她在十个月的时 </t>
  </si>
  <si>
    <t xml:space="preserve">最好去医院检查一下微量元素及血清型骨碱性磷酸酶,看是否缺钙及维生素D,如果不缺就没什么问题,可能是出牙晚. </t>
  </si>
  <si>
    <t xml:space="preserve">北京哪里做头发好啊??要时尚的哪种店,不要像四联哪种土气的..要 </t>
  </si>
  <si>
    <t>东四十条有家店叫----东四名剪做106下车在马路西边那里的师傅技术都不错而且不是很贵,你可以去看看,性价比比较高.</t>
  </si>
  <si>
    <t xml:space="preserve">杨丞琳出过什么唱片？ </t>
  </si>
  <si>
    <t>以前是一个组合4 IN LOVE 出过2张专辑现在解散,单飞的第一张专集是&lt;暧昧&gt;</t>
  </si>
  <si>
    <t xml:space="preserve">昨天???昨天谁看了天下足球,里面有没有介绍什么好听的歌曲??? </t>
  </si>
  <si>
    <t>呵呵,原来LZ也喜欢足球</t>
  </si>
  <si>
    <t xml:space="preserve">全身的肌肉时不时的跳动是怎么回事? </t>
  </si>
  <si>
    <t xml:space="preserve">后,神经细胞仍然继续发放神经冲动到肌肉去，于是便引起肌肉跳动的现象。 肌肉神经自我调节，会产生肌肉的收缩跳动。 疲劳也会引起的肌肉轻微痉挛,疲劳缓解以后就解除了。 你“近来总是感觉比较累”，恐怕就是这个原因。生活有规律点，没大碍的。 肌肉发生不由自主的强直性收缩，就是肌肉痉挛，俗称“抽筋”。在运动中发生肌肉痉挛多见于小腿腓肠肌，其次为屈肌、屈趾肌和屈指肌。 (一)原因 1．寒冷刺激。如在冷水、冷空气等环境锻炼时，若准备运动不足，易发生肌肉痉挛。 2．电解质失调，特别是夏天运动时大量出汗，使体内电解质平衡失调而引起肌肉痉挛。 3．肌肉收缩失调或损伤。如过快的连续收缩，使肌肉放松不够而成痉挛，或运动中，肌肉有反复微细损伤，引起保护性强直收缩。 (二)表现 肌肉痉挛时，局部变硬，疼痛难忍，指、趾不由自主地屈曲，难以伸直。 (三)处理 1．牵拉屈曲的指(趾)，使过伸，以使痉挛的肌肉被牵伸而解痉，然后局部按摩，热敷。 2．离开寒冷环境的刺激，喝些盐开水。 (四)预防 1．加强锻炼，提高适应能力，运动前充分做好准备活动，特别在寒冷环境中锻炼时，尤需注意这点。对易发生痉挛的肌肉，进行适当的按摩。 2．冬季注意保暖，冬泳不能在水中过长时间不活动，夏天游泳如水温较低时，游泳时间不宜过长。 3.夏天出汗多，注意喝些盐开水，补充丧失的电解质。 4.疲劳时，不宜长时间剧烈运动。 </t>
  </si>
  <si>
    <t xml:space="preserve">薏仁粥怎么煮1.要先浸泡多久?2.是否一定要和其他如大米,绿豆等 </t>
  </si>
  <si>
    <t>配料： 绿豆20g、薏仁20g 做法： 1、薏仁及绿豆洗净后用清水浸泡隔夜。 2、将浸泡的水倒掉，绿豆和薏仁放入锅内，加入新的水，用大火开。 3、用小火煮至熟透即可食用。 提示： 绿豆及薏仁在中医里有利尿、改善水肿的效果。而薏仁本身有美白的功效，可以减少脸上斑点的产生；绿豆则有解毒的效果，使体内毒素尽快排出。至于粥品本身可能会因为没有调味而觉得口感较差，此时可添加一些甜味利增加甜味，至于一般的砂糖、方糖、蜂蜜或果糖都是要计算热量的。</t>
  </si>
  <si>
    <t xml:space="preserve">50S强2的重甲黑豹能卖多少？老区火凤 </t>
  </si>
  <si>
    <t>2500W-3000W左右吧，强化好以后能卖个5000W（16体以上）高级马的暴率奇高。。。</t>
  </si>
  <si>
    <t xml:space="preserve">魅族mx3怎么样？ </t>
  </si>
  <si>
    <t>屏幕方面，魅族MX3一切以好用的大屏手为核心，并没有追求目前主流的1920x1080分辨率屏幕，而是采用1800x1080分辨率的15:9比例屏幕，再一次展现了魅族的个性之处，白永称之为黄金1080P大屏。系统方面，魅族MX3运行于 Android 4.2.2 系统版本，魅族也随带来最新的 Flyme 3.0 操作环境，其中 Smart Bar 2.0 和侧滑清单对大屏幕进行优化。此外还加入多项云端服务，包含音乐、金流支付及短信整合微博回复等。配置方面，魅族MX3处理器采用Exynos 5410双四核处理器，主频1.6GHz，采用28nm制程。运行内存为2GB RAM，电池容量2400mAh，不可拆卸设计。拍照方面，魅族MX3后置摄像头采用800万像素索尼背照式摄像头，F/2.0超大光圈，可实现13张/秒高速连拍，同时，闪光灯内置在了手机里，而不是之前的后盖上。前置采用200万像素摄像头，可以1080P格式摄录。这款升级机型的一切升级基本都在意料之中，即使魅族打出“更好用”的噱头、选择了独特的屏幕比例和分辨率，实际上也不能免俗。至于系统，新的手势功能是否好用因人而异，但可以肯定的是没有iOS那么易懂。</t>
  </si>
  <si>
    <t xml:space="preserve">这是怎么回事啊?急急我上个月是8月5日来的月经,今天已经是9月8 </t>
  </si>
  <si>
    <t>你应该是月经失调了，还是尽快看病调理吧。你一定是想尽快怀孕导致心理压力过大影响了月经。有的时候人在压力下脑垂体分泌激素是会抑制月经来潮的。我知道几个姐妹都是太着急怀孕导致月经推迟了。祝你好运。</t>
  </si>
  <si>
    <t xml:space="preserve">船开了之后，要找到该坐标有什么便捷的方法吗？？我每次找都很难找到 </t>
  </si>
  <si>
    <t>其实很简单，你只要在快开门的时候到沙漠里去等着（别在神石那，去沙漠里面）。等提示开门以后你先别忙着跑，如果你用DBT你就打开大地图，找到坐标，自己看好路线，开着地图跑吧，一会就到，如果你用007就更好办了，打开地图，里边有路线设置，把船的坐标打进去就OK了，不知道你看明白了没有 呵呵</t>
  </si>
  <si>
    <t xml:space="preserve">重在参与.....2元微型单看球的动力,不买手痒,哈哈 </t>
  </si>
  <si>
    <t>买了就有希望.</t>
  </si>
  <si>
    <t xml:space="preserve">香港人用尺衡量身高，它跟米的转化是怎么的？ </t>
  </si>
  <si>
    <t xml:space="preserve">1英寸=2.5400 厘米 1英尺=12 英寸=0.3048 米 1码=3 英尺=0.9144 米 1英里=1760 码=1.6093 </t>
  </si>
  <si>
    <t xml:space="preserve">关于新开的魔力免费服，知道的进免费服和官服有那些不一样？什么时候 </t>
  </si>
  <si>
    <t xml:space="preserve">免费服和官服有那些不一样？免费服也是官服啊，只是玩游戏点卡啦，只是通过道具收费，如时水。炫宠、饰品什么的收费。　什么时候开？有人说，就今天开始测试，是真的吗？  ８月１日，正式开放。今天测试是开放，但是是为了正式服开放，作为测试作用的试运行（测试为此还清档了）。 </t>
  </si>
  <si>
    <t xml:space="preserve">请问出现以下文字是怎么回事？去平时看视频的网站，主页没有问题，可 </t>
  </si>
  <si>
    <t>是那个视频网站本身出现的问题</t>
  </si>
  <si>
    <t xml:space="preserve">哪种平价抗衰老面霜好用？大家来一起分享一下抗衰老心得吧！ </t>
  </si>
  <si>
    <t xml:space="preserve">我今年32岁，最近朋友推荐在用法国芙洛雅的一个产品。很多美容院和杂志媒体都推荐使用，现在大家都在用。我也试了下，非常有效果，抗衰非常有力。法国芙洛雅确实非常好，推荐给你，希望对你有帮助。 </t>
  </si>
  <si>
    <t xml:space="preserve">长大了还爱看动画片是件很丢人的事情吗？姐姐喜欢看动画片吗？我现在 </t>
  </si>
  <si>
    <t>我貌似是我父母口中那个永远也长不大的孩子.因为我也是个超级动画迷.各种动漫,几乎没有不看的,只是最近几年工作太忙,没那多时间了,我最喜欢看的,似乎更幼稚,我爱看蜡笔小新,没事的时候还奶声奶气的学上他几句~~~其实我觉得喜欢动画没什么,也并不是说喜欢看动画就是幼稚,现今社会压力太大,难得有一颗未泯的童心,不好么?而且动画片的世界也是有善有恶黑白分明的,能说明世间的很多道理.看动画和其他爱好一样,都是一种享受,一种对生活的态度,没有爱好不懂生活的人才是最可悲最幼稚的.</t>
  </si>
  <si>
    <t xml:space="preserve">想买一本书,或给一个淘宝书店的QQ我是江西九江的高一新生正好课改 </t>
  </si>
  <si>
    <t>全新大学英语词汇星火式巧记·速记·精练（1-6级精华本）好！！！！！！！！！！！！！！因为我也是新课的我也用这样的挺好的！！！！！！！！！！！！！！！！！！！！！！！！！！！！！！！！！！！</t>
  </si>
  <si>
    <t xml:space="preserve">老头．武人，选什么武器技能好呢，．．选枪好还是枪斧好，还是刀？ </t>
  </si>
  <si>
    <t>斧子的攻击不稳定~枪的攻击比较稳定~同样一个人物有斧子和枪~有时斧子的攻击可以高出枪100-300~</t>
  </si>
  <si>
    <t xml:space="preserve">宁德有什么好的学校吗今年高考，想咨询一下志愿 </t>
  </si>
  <si>
    <t>宁德没有什么好的大学，只有一所专科学校：宁德师范高等专科</t>
  </si>
  <si>
    <t xml:space="preserve">小孩四岁了，身体一直不好，每天眼屎很多，经常咳嗽，还有便秘的毛病? </t>
  </si>
  <si>
    <t>您好，您孩子的情况可能与肝热有关，可以吃些羚羊清肺和龙胆泻肝，另外应适量饮食，多做活动。</t>
  </si>
  <si>
    <t xml:space="preserve">老刘、秦俑来帮帮忙，今晚的哈卡能平么？最近很黑，就芬超还好一点， </t>
  </si>
  <si>
    <t>按照实力来睇客队应让主队半一中高水,现客队为初盘平半现为半球盘95水,有点诱上盘的味道,从过往两队的交战成绩来睇客队占优,主队已经赢了两盘对中游球队来说要赢三次盘是否现实呢?两队交手在这些时间里还未曾平过.让平手半球开盘太过明显,这使我有点感觉反诱下盘的的味道.赔率上水位上睇不出什么问题,唯一最担心的是盘口低开,不睇这一点,夏卡稳赢.谨供兄参考.</t>
  </si>
  <si>
    <t xml:space="preserve">mp4哪种性价比高 </t>
  </si>
  <si>
    <t>歌美的不错哦，X720的功能挺齐全的，性能还不错的。</t>
  </si>
  <si>
    <t xml:space="preserve">大灰狼老师000917后市如何操作啊？ </t>
  </si>
  <si>
    <t>估计明后天还有一个惯性下探的可能，届时可少量补仓，等待反弹时卖出，</t>
  </si>
  <si>
    <t xml:space="preserve">《后厨》电视剧的主要内容是什么? </t>
  </si>
  <si>
    <t>后厨》讲述了厨师与厨师之间，饭店与饭店之间，争奇斗艳的厨艺较量。这种较量，既有豪华奢靡的大宴，也有家常菜的巧妙翻新，让观众目不暇接。同时也讲述了在大饭店厨房里的厨师们的悲欢离合、个人烦恼、人生理想以及他们内心的小秘密。与激烈的厨艺较量相比，《后厨》的温情之处在于，在做菜的过程之中，在美食的美味和温暖之中，完成了厨师与客人之间情感的交流，完成了爱和一切善良的母题。酒店的行政总厨徐冰，身为女性，年过三十，统领着一个上百人的大厨房，关起门来她就是这个厨房的女王。在这片天地里，人人都怕这位女主厨，她业务精良，待人苛刻。但突然有一天徐冰的命运发生了突变，出车祸去世的女同学留下儿子东东交给了她。工作上的事加上要照顾东东，令徐冰焦头烂额，一次与食客冲突后她放了大假。当她回来时发现新来了位主厨时慧宝。于是他们之间开始了明争暗斗，厨师与厨师之间，饭店与饭店之间也展开了厨艺较量，也奏响了一曲锅碗瓢勺相伴的爱情奏鸣曲。 海清饰演的美女大厨徐冰，剩女一个，冷漠少言，高深莫测。小沈阳饰演的时宝慧，爽快幽默，虽有坐牢前科，但手艺非凡。两个看似没有交集的人物，却在机缘巧合之下成为了面对面的竞争对手。在后厨江湖中的一番较量之下，两个南北极的“怪胎”竟然走在了一起。</t>
  </si>
  <si>
    <t xml:space="preserve">我很自卑，该怎么办？我工作刚满一年。在学校时大家不讲究交际礼仪。 </t>
  </si>
  <si>
    <t xml:space="preserve">作为社会成员，我们每个人都有表现自己的愿望，希望自己的工作、成绩得到别人的认可，希望我们所做的每一件事都尽善尽美。但在现实中，由于各种原因，我们常常无法使自己的愿望得以满足，特别是随着社会竞争的加剧，我们不可能成为常胜将军，接二连三的失败将会打击我们的积极性，挫伤我们的锐气，我们便会从以往优越的平台上滑落下来，良好的自我感觉将会遭到破坏。　　其实自卑在我们的现实中是广泛存在的，即便是作为天之骄子的大学生身上也存在着各种各样的自卑现象。如果深入了解，你常可发现在大学校院中有许多这样的学生，他们大多数来自贫困地区，或者家庭经济条件不好，生活比较简朴，在高中时大多是所在学校或地区的优等生，进入大学后，同学之间学习成绩上的差异趋于消失，他们失去了以前的优越感。而生活的困顿使他们愈发容易发现自己与别人经济上的差距，从而产生了自卑感。另外，个人身体方面的缺憾也可能使人产生自卑，在青少年中，我们对自身的关注越来越多，从关注自己的衣着进而关注自己的言谈笑貌，于是我们便努力提高自己的言语能力，学习说话的技巧，改变行为的方式，至于身材容貌，我们却无能为力。于是有的人开始为自己的身材容貌而忧虑重重，过分的关注结果导致自卑。　　当然，我们在现实生活中总是要接触各种各样的人，经历各种各样的事。某些经历可能会增 们的信心，另外一些经历却会使我们对自己产生怀疑，甚至产生自卑。你可能在某些方面特别优越，但你是否注意过自身的某些不足，是否也曾为此事烦恼，过去的一些经历是否给你造成过不能忘记的痛苦记忆。　　自卑的产生并不一定是坏事，它可能激发我们身上某些隐藏的潜能，关键在于我们如何看待自卑。任何事物都有两面性，只要我们的看法发生改变，自卑对于我们的作用也就会相应改变。　　还有一些人在产生自卑后会出现补偿过度的现象。一切都有一个可接受的适当标准，一旦我们的言语行为超越这个标准，就会给个人或社会带来不良的后果。常见一些人因减肥不当而造成了厌食症，还有些人为了掩盖精神的空虚而挥霍无度、醉生梦死。保持对自己清醒的认识，不为个人的得失而做出一些过激的行为，是一种很困难，但很有益的心理能力。　　人为万物之灵。通过智慧的思考、观测，我们能够清醒地把握自身的优缺点，对自己的感觉及行为有清楚地认识。我们还能通过自己的意志信念去控制、改变自己的言行。在运用我们的智慧来认识自己的过程中，我们总能相当准确地把握到那些明显的、外在的特征，通过与别人的比较，我们便会产生一定的整体认识，这时，我们应当有意识地避免一些偏见和不良因素的影响，形成自己独立的见解。有时还要巧妙地运用\"阿Q\"战术，占领心理上的制高点。如果你曾为自己的身材不高苦恼过，那就大可不必了，因为\"矮个子长寿\"、\"矮个子聪明\"嘛，如果你在日常生活中能用这种态度来看待与自己切身相关的其它问题的话，你的自卑感便会有所减缓，甚至得以消除。　　假如经过自己乐观评判后，仍然无法避免自卑感的产生，这时你就要学会有效地对待自卑。既然你已经认识到自己确实存在某种自卑感，你就不用再欺骗自己，而要真诚地面对它，力争用最好的方法加以克服，这样你可能会取得许多意外的收获。 　　或许没有什么比自信对你我来说更重要的了。良好的自信可以使我们冲破困难的阻挠，摆脱失败的痛苦，走出事业的低谷，踏上光明征程。生活中，信心不足会使我们丧失许多本属于自己的机会。信心不足，会使本能做好的一些工作中途而废。我们常见一些尖子学生考场失利，一些优秀运动员在大型比赛中发挥失常，这其实都是对自己不够自信的结果。　　提倡自信，并不是要让大家盲目乐观，真正的自信建立于对自己各方面能力的充分评价之上。只有真正意识到了自身的某些优点，我们才能真正确立自信，在此引用马俊仁的情况加以证明。马俊仁以前只是一个体育教师，他通过多年的摸索找到了一条有效的训练方法，在较短的时间内培养出了王军霞、曲云霞等一批世界冠军，让世人深感震惊，而他自己在成绩面前也表现得十分自信，特别是?quot;马家军\"由于诸多因素突然解体，马俊仁顶住了各方面的压力，克服了自身疾病的干扰，重新着手踏上征程，终于在\"八运会\"上再创辉煌，这不能不使人对他表示由衷的赞叹。\"马俊仁现象\"表明：自信一方面来自于自身的实力和清醒的自我意识，另一方面，自信又能加强自身的实力，使自我实现登上新的高度。    </t>
  </si>
  <si>
    <t xml:space="preserve">000782明天如何操作请问000782是持有还是出局 </t>
  </si>
  <si>
    <t>还有可能创前期高点的可能,建议暂持.</t>
  </si>
  <si>
    <t xml:space="preserve">物理问题有一种题目类型是已知船在静水中的速度为5米每秒,河水流速 </t>
  </si>
  <si>
    <t>如果在静水中船通过的路程应为AB，正因为河水流速处处相同为3米每秒，所以通过的路程就为斜边AC，你“我想问为什么静水中的速度(图)为什么是指斜边”这句话不知如何理解？船在静水中的速度为5米每秒,怎么变成“静水中的速度(图)为什么是指斜边”？解答如下。请点一下内容，就会清楚一点。本图章属lidadan首创和专用，一切阴阳五鬼，文盲渣滓，流氓骗棍，均不得盗用！！！！！</t>
  </si>
  <si>
    <t xml:space="preserve">55剧情25剧情选另一个分支~大战魔心的话~打哪喳能加多少经验? </t>
  </si>
  <si>
    <t>心魔剧情分支 --- TG任务问：大战魔心的话~打哪喳能加多少经验?答：打完以后得到50的随机装备一个（标准的环装），经验255000，1点技能点数。 接着去和哪咤拉家常，帮他去那回去他的枪。问：要找多少级的人才能打的过? 答：找65级攻击门派（DT、STL或MWZ）+65以上HS或者PT。或者直接找个80以上能封能混的，推荐WZG。自身防御能保证叫80以上DT。最后统计：心魔共战斗７场，找人Ｎ个，最终奖励１８４５０００Ｗ１０个天龙和６道，１个５０的随机装备，１个２Ｊ随机石头（我是神秘，命苦的我   ，人家都是月亮的～～）任务消耗１个火风，１个醉声任务总体评价：较简单，好搭档 + 自身抵挡力 = 成功过关</t>
  </si>
  <si>
    <t xml:space="preserve">为什么把太阳叫"太阳公公"? </t>
  </si>
  <si>
    <t>太阳作为人类崇敬的神已经存在很久了,说明他的年纪很老了;再加之在中国的文化中他代表了男人的阳刚之美,就如月亮代表了女人的阴柔之美一样,综上所诉,一个年纪很大的男人,只好叫做太阳公公了.</t>
  </si>
  <si>
    <t>请问各位大虾怎么升级快48</t>
  </si>
  <si>
    <t>去菲拉斯混到50就区环行山然后去西瘟疫或者是诅咒之地</t>
  </si>
  <si>
    <t xml:space="preserve">有关房产继承问题问题比较复杂。后妈的房子写她名字给他儿子住。我爸 </t>
  </si>
  <si>
    <t xml:space="preserve">  不管后母是怎样用前老公单位福利性质买到房子 都是属婚后取得的房产 符合婚姻法对婚后共有财产的定义 既然两套房都是你后妈和父亲共同财产 一人一半产权     实际处理时还要看1:你或后妈的儿子有没跟你后妈或你爸形成抚养关系 2: 你后妈儿子实际占有房子又是以怎样的性质 3: 你爸先过身或你后妈先走  三点都影响你继承的份额 不清楚实际情况不能详细的答你   经公正后的遗嘱最具法律效力 也没年限的限制 建议采用 省事的多  </t>
  </si>
  <si>
    <t>有请雪上飘,安妮等修改R9单!01利物浦</t>
  </si>
  <si>
    <t>9 10 11 感觉有个平 因该还是和他。。。。。。。</t>
  </si>
  <si>
    <t xml:space="preserve">为什么我在跟不熟悉的女人做爱的时候,还没做就射了.是早泄吗??我 </t>
  </si>
  <si>
    <t>首先说你这并不是早泄。但是你这种情况主要是因为紧张引起的，不过，我还是要劝你自爱一点，千万不要图一时之快而惹病上身！</t>
  </si>
  <si>
    <t xml:space="preserve">紫云剑老师：000021和000625是否能继续持有？是我的重仓 </t>
  </si>
  <si>
    <t>000021短线回调，后市仍有新高，可能要时间等待，该股近期已创短期新高，不会深套吧。000625长安：短线回调不大，在15元有支撑，中线仍会走强，坚定持有。</t>
  </si>
  <si>
    <t xml:space="preserve">御剑区什么时候开啊！！回当给不给东西啊！ </t>
  </si>
  <si>
    <t>不是你的问题~~服务器的问题~`从昨天起就有好多人上不了~等了一晚上都不行~！今天好象又说回档了~！~反正服务器现在很混乱~~你等等再上吧</t>
  </si>
  <si>
    <t xml:space="preserve">数码相机用AA电池，用镍氢充电电池好呢还是碱性电池好？哪个更合适? </t>
  </si>
  <si>
    <t>1.使用AA电池的数码相机，用镍氢充电电池比使用碱性电池更合算，性价比高。碱性电池可作为镍氢电池没电时的备用电池。2.选择镍氢充电电池时最好选择2000mAh以上容量的。3.使用碱性电池的话建议使用碱性镍电池，虽然其价格高一些，但其连续拍摄次数是普通碱性电池的5—8倍，性价比更高。</t>
  </si>
  <si>
    <t xml:space="preserve">保险电阻丝是多少安培的？ </t>
  </si>
  <si>
    <t>　　你说的是保险丝的选用吧？如果是，则要看你的用电器需要多大的电流。电流的计算原则是功率除以电压。一般情况下，用电器大都是标明用电功率的，如一台21寸的彩色电视机，它需要的功率是75瓦，这在电视机后壳上有标明的。算出了电流即可根据保险丝允许通过电流为用电电流1.5至2倍的原则选取保险丝即可。但需要注意的是，彩色电视机里有一个消磁线圈，它的瞬间用电电流较大，所以在彩色电视机里，用的保险丝是3.15A延迟型的。其他的家用电器可根据上述的原则选取一般的保险丝即可。</t>
  </si>
  <si>
    <t xml:space="preserve">请帮我对出这个联上联是：“十月十日孕乃子，今朝分娩。”现征下联 </t>
  </si>
  <si>
    <t>十月十日孕乃子,今朝分娩;一人一口庆广大,齐吞美味.横批:人丁兴旺十月十日孕乃子,今朝分娩;丝弋丝田花草化,遍畿丰登.横批:国泰民安释:丝__指乐音,意即歌舞升平;弋__射猎;田__农业劳动;花草化__变化的花草,指自然的美丽;畿__疆土.本句大意:辛勤的射猎和劳作换来了丰富多彩歌舞升平的美好生活,更使国家富饶强大.</t>
  </si>
  <si>
    <t xml:space="preserve">蜂皇浆需要冷藏吗？为什么我觉得蜂皇浆不太溶于水啊感觉一粒粒的，浮 </t>
  </si>
  <si>
    <t xml:space="preserve">一般来说，蜂皇浆在低温下很稳定，在－2度时可保存一年，在－18度时可保存数年不变。蜂王浆暴露在空气中，会起氧化、水解作用，光对蜂王浆有催化作用，对其醛基、酮基起还原作用。因此蜂王浆应在低温、避光和密封条件下保存 。 蜂皇浆服用一般成人每日早餐和临睡前半小时空腹服用，每次3克左右，体弱或病人可服5-10克，重病号可增加到15-20克或更多一些也不会引发什么副作用。 </t>
  </si>
  <si>
    <t xml:space="preserve">如何才能做好业务我刚进入业务这一行..有很多东西都不知道从何下手 </t>
  </si>
  <si>
    <t>1.不懂多问.特别是你刚入行,要多请教经验丰富的老员工或领导;2.多想.特别是有问题的地方,一定要弄个明白;3.自信.相信自己,别人能做到的,自己通过学习能够做的更好,别人做不到的,自己要做到;4.产品是固定的.销售方法是多变的,要多想方法.善于观察,沟通.在促销方面多下功夫;5.为人,处事的道理要懂得;6.心急吃不了热豆腐,循序渐进.</t>
  </si>
  <si>
    <t xml:space="preserve">4个月的宝宝不吃奶怎么办？四天前，第一次给宝宝吃米粉，消化不良， </t>
  </si>
  <si>
    <t>一、宝宝为什么不喜欢吃奶粉？　　先要了解一下宝宝不吃奶粉的原因，可能能拿出有针对性的解决方案。　　1.母乳宝宝不喜欢吃奶嘴。　　这是最常见的原因，而且大多数的母乳宝宝都会碰到这样的问题。在我们满足地喂着宝宝的同时，往往没有料到让他接受奶嘴是这么困难的一件事情。　　2.不喜欢奶粉的味道。　　宝宝虽小，也有自己的主意，有自己的口味，他可能不喜欢这个奶粉的味道。　　3.厌奶期。　　到4个月左右，宝宝逐渐成熟，一方面，他可能添加了辅食，比较喜欢新口味的食品，而对奶粉暂时失去了兴趣。摇篮网说4-6个月，宝宝的体内乳糖酵素开始减少，舌头的味觉也开始产生变化，胃口开始改变。另一方面，他的听觉视觉有了突破性的进展，使得他对外界更感兴趣，往往一有风吹草动就去“管闲事”，心思不在吃奶上了。　　4.喂奶方式不对　　因为奶瓶的角度不当，压到舌头，使宝宝喝不到奶，最好将奶瓶以45度角轻放到宝宝的嘴里。这里的妈妈都是高手，不太会这样。　　5.有口腔或其他疾病　　偶尔长时间不吃奶粉，或有哭闹、精神不振等，可能身体有问题。　　二、各种解决方法　　1.选择合适的奶嘴　　虽然再好的奶嘴和吃妈妈奶的感觉仍会不一样，但可以选择接近一点的奶嘴。网上评价好的安怡、贝亲、NUK我都给丁当吃过，感觉NUK的黄色乳胶奶嘴比较软，丁当似乎稍微喜欢一点。另外贝亲有一种仿真奶嘴，据说和吃妈妈奶感觉差不多，我们没有试过，比较贵，怕买了又浪费了，如果条件允许可以试一下。还有一种说法是把奶嘴多煮煮，让它变软，可能宝宝会接受一点。　　　2.看宝宝是不喜欢奶嘴还是不喜欢奶粉的味道　　试着挤出母乳在奶瓶里给宝宝吃，如果他接受了，可能他不喜欢奶粉的味道，可以换一个接近母乳味道的牌子试试。丁当属于可以用奶嘴吃钙份果汁等其他东西，不喜欢用奶嘴吃奶粉的宝宝。那她就是分得很清楚，那个可以用奶嘴吃，那个应该从妈妈那里吃。我们试着换过几个牌子，她都不太接受。当然不要换得太多了。　　另外可以把奶粉调淡一点或冷一点或热一点试试。　　3.及时添加辅食　　2个月，就能喝果汁了，到了4个月，就能吃辅食了，米粉、蛋黄、肝粉鱼粉、果泥逐渐到菜肉粥、烂面条等，能吃辅食后，就好多了，至少能从其他方面吸取营养。丁当辅食一直吃得不错，反正是除了奶粉什么都吃。最近一本杂志说，只要宝宝能从其他地方吸取足够的蛋白质等营养，就不必强求一天喝多少奶，看了后如释重负。不过辅食吃得多了会影响奶量，要注意一下。</t>
  </si>
  <si>
    <t xml:space="preserve">外阴红肿充血，外阴四周连肛门红了。阴道骚痒什么病 </t>
  </si>
  <si>
    <t>你好你的症状多考虑阴道炎感染了，考虑月经期间是不能局部洗液清洗的，可以考虑先口服甲硝唑进行治疗，最好月经干净后检查一下白带常规，确定阴道炎类型针对用药进行治疗，注意卫生的</t>
  </si>
  <si>
    <t xml:space="preserve">有人说中药多吃了会胃涨，小腹涨，对吗？同上，小腹随着长期吃中药会 </t>
  </si>
  <si>
    <t>中药只要对证无误，就不会吃后腹胀，小腹胀大也不一定与吃药有关，总之，吃药是为了治病，缓解痛苦，如吃药后有新的症状出现，就是不对证，药方有问题，尤其是中药。</t>
  </si>
  <si>
    <t xml:space="preserve">英语全部的字组还有他们的读音73个全部的 </t>
  </si>
  <si>
    <t>文件大于200K，请到我的资料里下载《英语拼读规则表(全)》</t>
  </si>
  <si>
    <t xml:space="preserve">如何增强男人的第二性征本人25岁，自我感觉第二性征很不明显，症状 </t>
  </si>
  <si>
    <t>毛发的多少与遗传因素有关，肌肉松驰可能与你平时锻炼不够有关系。前者没什么好办法，后者可以通过加强锻炼来改善。</t>
  </si>
  <si>
    <t xml:space="preserve">一想开始比赛，就不行了，即在读取游戏进度时就弹出来 </t>
  </si>
  <si>
    <t>电脑的显卡有问题</t>
  </si>
  <si>
    <t xml:space="preserve">介绍扎染技术？ </t>
  </si>
  <si>
    <t>扎染，古称绞缬，是中国一种传统的手工印染工艺。扎染起源于何时，目前尚无定论。不过据推测，这种印染工艺当在夹缬之前。因为早期扎染的防染工艺较为简便，仅用针、线作工具即可。又因我国丝织品产生较早，印染工艺也很发达，扎染与丝织面料之结合可谓珠联璧合。    从现存最早的扎染制品来看，是出于新疆地区公元408年东晋时期的作品。如此看来，扎染这种工艺早在东晋已相当成熟。史载唐代时，由于经济的繁荣，扎染工艺也着实兴旺了一阵。当时著名的纹样有“鱼子缬”、“撮晕缬”、“玛瑙缬”、“唐胎缬”等等。色彩有大红、茄紫、墨绿等色。不过即便在盛唐时期，能穿着扎染服饰的也只能是达官贵族，一般的平民还是不敢问津的。宋时，为抑制侈靡、提倡素朴、重振国运、以安社稷，政府曾下令禁止扎染工艺的生产及使用。以后随着战乱不休、兵荒马乱局面的出现，扎染工艺便日趋衰落。然而，同时期的邻国日本，却将我国的扎染工艺视作国宝。至今在日本的东大寺内，还保存着我国唐代的五彩绞缬。    经过数百年的工艺演变，扎染工艺的防染手段已有几十种，染色也从单色演变成复色的多次浸染。扎染纹样具有从中心向四周成辐射状的工艺效果，扎染纹样的生动与丝绸面料的飘逸相谐成趣。因此过种古老的印染工艺至今仍有极大的魅力。    扎染的防染手段很多。最简便的是将面料折叠后用线绳捆扎，经染色后再拆掉线绳，面料上就出现了色彩斑斓的画面。古时还用小米粒扎进面料内，染出点点小花，或许就是“鱼子缬”的印染法了。古时染料一般用植物染料，亦称草木染。常用染料有红花、紫草、蓝靛等。从宋代的印染工艺看，扎染是城市作坊常见的印染方法，应用面较广。    凤凰扎染历史悠久，其扎染印花布纯美典雅，原始古朴。是凤凰民族民间工艺品中的精品。    扎染印花布制作工艺程序复杂，要先将各种图案投影在木板上并雕刻成模板，而后将布料置于两块模板间，再将特制的染沐灌入夹好的花模空白处，这叫凸染。手染是把花模板压在平展的布面上，然后用特制的染沐刷浸，稍干后揭开模板即可。    扎染印花布可以根据需要设计，制成壁挂、屏风、被面、桌罩、衣物等，成品独具特色，具有鲜明的民族风格和浓郁的民族韵味。</t>
  </si>
  <si>
    <t xml:space="preserve">LR假死遇到的问题引到怪的时候使用假死,结果技能变成使用后的样子 </t>
  </si>
  <si>
    <t>假死抵抗了，就这么简单，哈哈，很郁闷的吧，</t>
  </si>
  <si>
    <t xml:space="preserve">关于武器和熟练我是人类战士,请问一般都用什么武器好(指用哪个武器 </t>
  </si>
  <si>
    <t>因为人类有剑锤专精的影响， 洗成武器天赋PK一般用双手剑，因为剑有天赋的剑专配合正义之手饰品很好用，副本中的狂暴输出一般用单手锤或者剑，5点武器专精目前是非常非常的强，不过资料片会把武器专精的影响改弱，枪弓弩对战士来说没有区别，只是要它那附加的属性，匕首？应该是飞刀吧？还有飞斧是不用的，这个投掷武器目前几乎没有什么职业用它，资料片会给盗贼增加一个投掷剔骨技能，目前投掷武器没有任何作用。武器熟练度你拿到什么武器就练什么，练起来很快的，一般战士单双手的剑锤斧和长矛，徒手攻击（影响拳套武器），匕首，都会很快练满</t>
  </si>
  <si>
    <t>IAN伊恩</t>
  </si>
  <si>
    <t>好象是个苏格兰名字,和JHON一样.只是不太确定.一次见一个老外,自己取了个ian,老外说:这是个苏格兰味道的名字.</t>
  </si>
  <si>
    <t xml:space="preserve">请问'练个小号'是什么意思?能否详解.谢谢.我是新手,请问'练个 </t>
  </si>
  <si>
    <t>练个小号：就是大号，（级别很高的那种）觉得一个职业没意思，想在练一个新的职业，当然也有地方的叫法是  分身！！！所以，练小号，练分身，练新号，从新练一个号，就是同一个解释拉.....挂机：挂机有2种解释方式，1就是用外挂的另一种称法，但是一般挂机都是跟朋友一起，几个人组队，留一个开怪的战士和一个加状态加血的法师，其他人都可以休息了，这样人比较多的地方就是克塔，或者高级别的地方！！！2就是我把号扔城里收材料或者出售材料，而我的人不在电脑前面，去做其他的事情了，也可以称做挂机！！总之，就是指人不在电脑边上，的一种称法。</t>
  </si>
  <si>
    <t xml:space="preserve">妊辰纹能消除吗？用去纹的塑腹特精华霜效果好么？ </t>
  </si>
  <si>
    <t>之前我在论坛发帖问，总有人说妊娠纹是去不掉的，那个时候心情蛮低落的，后来下定决心买了塑腹特的去纹套装，想试试，如果实在不行，就断了自己的念想，去不掉就算了。没想到这去纹的还真有自己的一套，我的妊娠纹抹掉了不少呢，我想说，这去纹真是重在尝试，重在坚持（愿你给个好评,急需啊~%&gt;_&lt;%~祝你生活天天有好运）</t>
  </si>
  <si>
    <t xml:space="preserve">2个问题求组电脑高手！！1、用无忧升级，无忧经常会掉线登陆不上， </t>
  </si>
  <si>
    <t>这个问题我来回答吧 因为我全部都遇到过 首先 由于系统缓冲区空间不足或列队已满，不能执行套接字上的操作这个是太低的问题 我玩了5个号我发现当他们都在一线或都在2线时 他们经常回出现这个情况 原因是 换地图或者传诵会消耗大量的内存 况且你还开者瑞星 那内存肯定受不了 开始我没注意到这个问题 以为是5个号开多了 但是我们区职业卖SGB的 一台机器可以挂25个号 而且告诉我刚配的双核可以挂35个 所以5个号不是主要原因 后来我经过实验 我的内存是512的 我把BT 开到10个任务同时运行 单个任务约占内存50M 当这个时候我在开外挂就发现外挂上不去了 而按照我们区卖的SGB的25个号推论一个号的内存占有是20M 所以你出现那个问题是内存瞬间充满 比如你在飞地图或者传诵时 瑞醒运做了 其次如果怕电脑中毒还想开着瑞醒弯也有办法 瑞醒认为无忧是病毒就是认为那个图标是 你去网上搜索2.1A版本的无忧那个版本的瑞醒认为不是病毒 把他复制后 以后用在线跟心就可以了.第2个问题 是个小局域网的问题 我猜测你应该是有 D-INK 或者 猫在上网 你在开机连网后的某个瞬间有出现短暂的 INT共享也就是共享网关这个时候网是正常的 但是上不去网 通常办法是给上网加个防火墙或者把DINK拔掉 让他休息一会 目的有2个一个是断IP 从新查找让他自动搜索最好是出冲突 这样在把防火墙你拿就好了  第2是让共享网关 迅速关掉 因为假如有人上网 挂在你上面不说 他可以用你的网干任何事情(很危险的)行了 该说的基本都说了 你回去试试吧</t>
  </si>
  <si>
    <t xml:space="preserve">600028下一步怎么操作才能减少损失 </t>
  </si>
  <si>
    <t>中石化一旦启动的话将冲到25元以上</t>
  </si>
  <si>
    <t xml:space="preserve">这样会被传染艾滋吗有一次去酒店洗澡，洗完之后穿了那里的衣服，当时 </t>
  </si>
  <si>
    <t>艾滋病感染与接触的病毒量有关。艾滋病病毒非常脆弱，体外存活不会超过3-4小时，对热水、肥皂、酒精、含氯消毒剂都敏感，即使破损皮肤直接接触艾滋病病毒也不是100%被传染，另外传染还和病毒接触的量有关。据统计蚊子叮咬艾滋病人嘴上残留血液0.00004毫升，要反复叮咬2800次才会引起艾滋病病毒感染，如果被带病毒锐器伤到，就需从远端挤压伤口，将血液挤出后再用碘酒等消毒，如果手边没有消毒剂，可用肥皂水进行冲洗就可。如果确认是艾滋病病毒，需处理后尽快到疾控进行抗病毒应急治疗处理。你的情况不要紧张，血变成黑色说明时间挺长了，再说也不一定是带艾滋病病毒的血，不要紧张，今后注意点，因现在的传染病太多了。祝你好运！</t>
  </si>
  <si>
    <t xml:space="preserve">炒面怎么做呀？越好做好吃省事越好。 </t>
  </si>
  <si>
    <t>先将面条煮到9分熟，取出抖凉，可以拌入一点食用油，这样就不粘在一起了。先下油锅炒肉丝，再加入西红柿翻炒，出汁后加入尖椒及豆芽，将面条放入，改小火，马上放一些加了少许水的醋汁（可以避免面条粘锅底），出锅前加盐及味精。</t>
  </si>
  <si>
    <t xml:space="preserve">谁知道这些英文名字的意思DavidBeckyJacoAndrew </t>
  </si>
  <si>
    <t>david 好哇</t>
  </si>
  <si>
    <t>急！</t>
  </si>
  <si>
    <t>和环境变量设置没有关系你网络设置的原因看你的IP设置本地连接IP： ; 网关：   无线网络IP: ； 网关：   如果你用无线网卡连接路由器的话。可以把有线网卡停用掉，没必要使用，然后无线网络IP：   网关： 其实无线网络IP只要是 —255之间任何一个都可以，只要不重复就行网关IP就是你路由器的地址，别搞错就行</t>
  </si>
  <si>
    <t xml:space="preserve">哪些师范大学比较好啊？ </t>
  </si>
  <si>
    <t>如果以后想在北方找工作，那么北京师范大学和东北师范大学是最好的选择。如果在长三角一带，那么华东师大吧。西南一片的话西南大学或者陕西师大。华南一带的话当然是华南师大喽。其实北京师大很霸气，最好。</t>
  </si>
  <si>
    <t xml:space="preserve">毕业生推荐表是用来做什么的？我毕业时学校给了一份毕业生推荐表，推 </t>
  </si>
  <si>
    <t>毕业生推荐表是表示你是应届毕业生，即将毕业可以具备找工作的资格了，因为没有毕业，你是没有毕业证书的，企业就是靠这个毕业生推荐表来确定你的情况属实，具备找工作的条件。简历是展你个自己的各方面信息，这是求职必备的，企业根据你的简历看清楚你具有什么样的能力，适不适合他们的工作，所以两者对于没拿毕业证书的毕业生来说都是必备的。建议你在简历方面做好一点，特别是谈到自己的能力，经验与所求职位之间的关系。</t>
  </si>
  <si>
    <t xml:space="preserve">喷门癌症患者突然出现眼睛凹陷是怎么回事老人男性73岁09年查出喷 </t>
  </si>
  <si>
    <t>水道排不出去了。小便应该有些问题。要是吃东西总吐就不好治疗了。更加上身体虚。这个治疗方案是很难定的。南无阿弥陀佛！</t>
  </si>
  <si>
    <t xml:space="preserve">登陆问题紧急为什么我每次登陆时总是提示:游戏更新失败,可能网络错 </t>
  </si>
  <si>
    <t>要重新下载新的补丁才可以  可以去看征途更新的新闻 里面都写有新的补丁补丁包地址如下： 这个是7月19日的 不知道对你有没有用注意：运行安装包补丁时，请务必确认您的游戏安装目录路径。如：“c:\Program Files\上海征途网络科技有限公司\征途”，务必将补丁包安装到游戏目录下，否则安装无效。</t>
  </si>
  <si>
    <t xml:space="preserve">谢谢,这里的热心朋友,祝你们好运!我是一个对基金不太懂的新手,在 </t>
  </si>
  <si>
    <t>大盘有涨有跌，正常。希望楼主快乐投资！</t>
  </si>
  <si>
    <t xml:space="preserve">CAD转ＪＰＧ我想做一个３米乘６米的喷绘，请怎样把ＣＡＤ的图转成 </t>
  </si>
  <si>
    <t xml:space="preserve">1.在ACAD中，输入命令export（输出），在对话框中选择封装eps格式。选好路径起名子保存。 2.进入PHOTOSHOP,打开此图。在对话框中可以自己设定分辨率；图幅大小和色彩体系。例如：设置成每英寸300像素；略大于你所绘制图的尺寸（例如你说的600cm长，300cm高）；CMYK色系（用于打印）。 3.合并图层。4.用快键 ALT+SHIFT+CTRL+L 自动加大色彩对比度。5.保存为jpg格式。以后需要打印时，可以按足尺打印出你的图来。当然也可以在上述第2项，设置小些的分辨率，符合视屏大小。但要牺牲一些细节。 说明：封装的eps格式可以保留高分辨率大图幅的特性。而截屏，或保存为BMP,WMF等格式，只能限制到屏幕设定的大小。此外，上述在PS里操作封装的eps格式要一些时间，并且需要你的机器内存要足够大（最好不小于1GB），不然玩儿不转。 </t>
  </si>
  <si>
    <t xml:space="preserve">最近电脑运行速度很慢，开机要开半天，尤其是删除文件的时候速度慢的? </t>
  </si>
  <si>
    <t xml:space="preserve">   第一：关闭多余程序第二：清除剪贴板中的内容。1.点开始---程序---运行，输入“CLipbrd”，可以调出剪贴板查看器，在“编辑”里面点“删除”，选择“全部删除”，选择“是”。2.清除Office内的剪贴内容第三：合理设置虚拟。打开控制面板，双击系统，在系统属性内选性能，打开虚拟内存，将该数值设置为默认值。第四：增加可使用的磁盘空间1.清空回收站2.删除临时文件。鼠标右键点硬盘空间，选择属性，点磁盘清理，将临时文件清除3.在磁盘中删除过期文件4.删除从没使用过的文件第五：重新安装已损坏的程序第六：使用优化软件对系统内存进行优化第七：重新启动电脑。如果只是关闭程序，而没有重启电脑，程序可能没有将内存完全还给系统第八：减少自动运行的程序。点开始---运行，输入Msconfig，打开后选择系统配置实用软件，单击一般选项卡，选中选择性启动，去掉“Win.ini”文件和“加载启动项。打开“启动”选项卡后将不需要自动运行的程序关闭第九：换一个大一点的内存条 </t>
  </si>
  <si>
    <t xml:space="preserve">U盘问题用U盘从朋友电脑上拷贝了几个文件。然后拷贝到自己电脑上。 </t>
  </si>
  <si>
    <t>非常简单！请首先确认一下您的电脑是否已经中了病毒！如果没有的话，我基本上可以确定，您当初并没有完全把这个文件复制到电脑里的硬盘，而是选择了在电脑上面“创建快捷方式”！请您再耐心复制一遍！</t>
  </si>
  <si>
    <t xml:space="preserve">充电电池的平均寿命是？我的电池用了快2年了最近冲不进电了是不是不 </t>
  </si>
  <si>
    <t>一般锂电可充500次,镍氢1000次,都是理论值,两年也差不多了,够本了</t>
  </si>
  <si>
    <t xml:space="preserve">〈谢谢你的爱1999〉这张专辑还有地方买吗？ </t>
  </si>
  <si>
    <t>我知道你是沈阳的真可惜我要是在老家就好了我现在在杭州不过我们这有的买的超市里面或音像店你还是多去看看吧还有书店</t>
  </si>
  <si>
    <t xml:space="preserve">出句：逍遥自在随心对[不必执着] </t>
  </si>
  <si>
    <t>逍遥自在随心对，浪荡风流有意思？传统文体适当有些规矩，是应该的。否则日久必成口水之地。</t>
  </si>
  <si>
    <t xml:space="preserve">帮我查询韵达快递运单号为15131的快件根踪信息0分我查不到转运 </t>
  </si>
  <si>
    <t xml:space="preserve">2011-07-09 19:39:00 发件公司：浙江瓯海公司(325005) 2011-07-10 18:49:42 浙江瓯海公司(325005)已将该件发往:广东东莞中转站(511702) </t>
  </si>
  <si>
    <t xml:space="preserve">万圣节什么节目好玩？ </t>
  </si>
  <si>
    <t>万圣节的主题是鬼怪、吓人，以及与死亡、魔法、怪物有关的事物。深圳万圣节比较有特点的是世界之窗、锦绣中华与欢乐谷的万圣节活动</t>
  </si>
  <si>
    <t xml:space="preserve">路由器设置我电脑是windows7系统的，怎么安装设置路由器？ </t>
  </si>
  <si>
    <t>设置路由器啊,你就得先好好看说明书啊,因为说明书里有你须要的资料啊,下面有图,你也可以细心看有助你的,量有个别牌子也不一样的啊,只可以用作参考</t>
  </si>
  <si>
    <t xml:space="preserve">想多了解一些孵化器的情况?请问哪个地区的孵化器做的好,适合中小企? </t>
  </si>
  <si>
    <t>听说东丽区的航讯孵化器挺不错的、、、</t>
  </si>
  <si>
    <t xml:space="preserve">我的叔叔两个月前的时候得了脊髓病变,后来的时候一直都在医院治疗,? </t>
  </si>
  <si>
    <t>治疗方案基本治疗　　1、合适的固定，防止因损伤部位的移位而产生脊髓的再损伤 　　一般先用颌枕带亲牵引或持续的颅骨牵引。 　　2、减轻脊髓水肿和继法性损害的方法 　　（1）地塞米米松，10-20mg静脉滴注，连续应用5-7天后，改为口服，每时3次，每次0.75mg，维持2周左右。 　　（2）甘露醇，20％甘露醇250ml静脉滴注每日2次，连续5-7次。 　　（3）甲泼尼龙冲击疗法 每公斤体重30mg剂量一次给药，15分钟静脉注射完毕，休息45分钟，在以后23小时内以5.4mg（kg /h）剂量持续静脉滴注，本法只使用于受伤后8小时内者。 　　（4）高压氧治疗。据动物实验，伤后2小时进行高压氧治疗效果最好，这显然不适合于临床病例根据实验经验，一般伤后4—6小时内应用也可收到良好的效果。 　　3、手术治疗 　　手术只能解除对脊髓的压迫和恢复脊椎的稳定性，无法使损伤的脊髓恢复功能。手术的途径和方式视骨折的类型和致压物的部位而定。 　　手术的指征是： 　　（1）脊椎骨折，脱位有关节突交锁者： 　　（2）脊柱骨折复位不满意，或仍有脊柱不稳定因素存在者： 　　（3）影像性显示有碎骨片凸出至椎管内压迫脊髓者： 　　（4）截瘫平面不断上升，提示椎管内有性出血者。 MRI显示脊髓内有出血者可在脊髓背测正中切开脊髓至中央沟，清除血块与积液，有利于水肿的消退。 手术后的效果术前年年难以预料，一般而言，手术后截瘫指数可望至少提高一级，对于完成性截瘫而言，提高一级并不能解决多少问题，对于不完全性截瘫而言，提高一级移意味着可能改善生活质量。为耍?杂诓煌耆?越靥闭吒?Τ只???取Ｕ庖辉?蚋?褂糜诔戮尚怨钦邸?综合治疗　　　1 、物理治疗 　　主要是改善全身各个关节活动度和残存肌力增强训练，以及平衡协调动作和体位交换及转移动作（例如：卧位到坐位、翻身、从床到轮椅、从轮椅到厕所马桶等移动动作）。 　　2、 作业治疗 　　主要是日常生活动作（如衣、食、住、行的基本技巧），职业性劳动动作，工艺劳动动作（如编织等），使患者出院后能适应个人生活、家庭生活、社会生活和劳动的需要。另外，作业部门还给患者提供简单的辅助工具，以利家庭生活动作的顺利完成。 　　3 、心理治疗 　　针对心理不同阶段（如否认、愤怒、抑郁、反对独立求适应等各个阶段）的改变制定出心理治疗的计划，可以进行个别和集体、家庭、行为等多种方法。 　　4 、康复工程 　　　可以定做一些必要的支具来练着站立和步行，另外也可配备一些助行器等特殊工具，靠这些工具来补偿功能的不足。 　　5、 临床康复 　　用护理和药物等手段，预防各种合并症发生，亦可进行一些治疗性临床处理，减轻症状，促进功能恢复。 　　6、 文体康复 　　利用文娱、体育手段使患者进行全身综合训练及轮椅的使用训练（如耐力和技巧训练），并且为进行社会活动做出适应训练。 　　7、 理疗 　　利用水疗、光疗、生物反馈等有针对性促进康复。 　　8、 中医康复 　　利用祖国传统医学，进行针灸。按摩、电针、中药离子导人等手段，促进康复，另外针对合并症治疗，亦可广泛使用中药内服、外用。 　　9、 营养治疗 　　制定合理食谱，加强营养发适应康复训练的需要。[2].</t>
  </si>
  <si>
    <t xml:space="preserve">晚上睡觉时，开着灯睡....有何影响的呢？晚上睡觉时，开着灯睡. </t>
  </si>
  <si>
    <t xml:space="preserve">睡觉开灯不利健康(从亿康医学网转贴) 看一看吧 一项最新研究发现，开灯睡觉的儿童或者生物钟自然睡眠模式受人造光线干扰的人，患癌症的可能性比平常人要大。人造光线对人体的破坏性影响会降低人体降黑素的水平。降黑素通常会在夜晚增加，可以保护细胞免受损伤，否则细胞很容易受到肿瘤的破坏。 研究人员在伦敦举行的儿童白血病大会上提出了儿童白血病发病率增多与夜晚暴露在灯光下的关系。尽管研究人员对儿童患白血病的真正原因目前还了解不多， 但他们认为环境因素在儿童患白血病方面起着极大的负作用。由得克萨斯大学教授鲁塞尔·莱特领导的研究小组表示，与100年前相比，现在人们夜晚暴露在人造光线下的时间要多得多。 在夜晚，光线会使自然生理节奏陷入混乱状态，这种生物钟控制着动物和植物24小时循环不停的生物进程。这种破坏会抑制降黑素在夜晚的正常分泌。降黑素的分泌主要集中在晚上9点至早晨8点之间。莱特教授称降黑素的减少一直与癌细胞生长及其增生有关系。莱特教授说：“我们在一个要么亮要么暗的环境中生长。降黑素会在夜晚急剧增加，这有助于人体休息和新陈代谢。如果人们夜晚暴露在人造光线下，那么他们分泌降黑素的能力就会受到限制。一旦上床睡觉，你应该把灯关掉，直到第二天早晨醒来。如果没有降黑素，癌细胞生长及癌细胞对DNA破坏的速度就会加快。作为一种抗氧化剂，降黑素能够保护DNA免受氧化作用的破坏。而一旦受到破坏，DNA可能会出现变异，就有可能出现癌变。” 莱特教授称，尽管目前没有明确的证据证明过多的人造光线是儿童（尤其是发达国家的儿童）白血病发病率增加的罪魁祸首，但确实是一个非常可能的原因。他说，人们认为使用电光理所当然，但他们没有想到电光是毒品，是环境污染物。过多的电光确实有影响，人的一生当中使用电光千万要谨慎，夜晚睡觉不要开灯。不应该允许孩子开着灯睡觉，你们同样应该注意，夜晚也尽量少开灯。 以前的研究表明，一些夜晚在电光环境下工作的人患乳腺癌的概率就要比常人高。研究同时表明，盲人患癌症的可能性一般比较低。盲人由于夜晚不用电灯，因此降黑素的分泌过程不受影响。伦敦皇家学院视觉神经系统学教授拉塞尔·福斯特说，地球上几乎所有的生命都具有24小时往复循环的生物钟的基因。拉塞尔教授说：“生物钟控制或改变我们的睡眠模式、警惕性、情绪、体力、血压以及我们生理和行为的其它方面。”进入20世纪以来，儿童白血病发病率急剧上升，而且患者多为5岁以下的儿童。5岁以下儿童白血病的发病率在20世纪下半叶增加了50%以上。 要睡得舒适安稳，应创造有利于睡眠的必要条件和环境；这包括无光线干扰、吃得不过饱、室内不冷不热，空气清新。这五项中光线是第一位的。 有的人晚上睡觉喜欢开着灯，有的则因睡前开灯看书，人睡着了灯还开亮着。开灯睡觉不仅是一种能源浪费，而且影响睡眠质量。人体生物节律，包括生物钟是人类在适应环境过程中自然形成的，“天黑睡觉”是人类常规。如果破坏这常规，夜间开灯睡觉，或在强烈的阳光下睡觉，就会使人体产生一种“光压力”，会影响人体正常代谢功能，包括正常的体内生理生化反应，甚至使人体的心跳、脉搏、血压异常，导致疾病发生。 最近，医学科研人员研究证实，入睡时开灯将抑制人体中一种叫褪黑激素的物质分泌，使人体免疫功能降低。经常值夜班的如空姐、电信、医生、护士等夜班一族，癌症的发病率比正常人要高出两倍。医学家警告，开灯睡觉不但影响人体免疫力，而且容易患癌症。 对婴儿幼儿来说，开灯睡觉尤其不好。任何人工光源都会产生一种很微妙的光压力，这种光压力的长期存在，会使人、尤其是婴幼儿表现得骚动不安、情绪不宁，以致难以成眠，睡眠质量不好。同时，让婴幼儿长久在灯光下睡觉，会进一步影响他们眼部网状激活系统，使宝宝们每次的睡眠时间缩短，睡眠深度变浅而容易惊醒。 宝宝长久在灯光下睡眠，对孩子的视力发育大大不利。眼球长期暴露在灯光下睡觉，光线对眼睛的刺激会持续不断，眼球和睫状肌便不能得到充分的休息，这对于婴幼儿们来说，极易造成视网膜的损害，影响其视力的正常发育。 国外有研究显示，常值夜班的小姐，乳癌的发生率将大幅成长二倍。因为人脑中有一种称为松果体的内分泌器官，於夜间睡眠时会分泌大量褪黑激素，这个激素在夜间11时，至隔日2时分泌最旺盛，到凌晨停止分泌。 褪黑激素的分泌，可以抑制人体交感神经的兴奋性，使得血压下降、心跳速率减慢，心脏得以喘息，具有加强免疫功能、毒杀癌细胞的效果，可是一旦眼球见到光，褪黑激素就会被抑制住，因此深夜开灯睡觉者，免疫功能会下降、也就比较容罹患癌症。 </t>
  </si>
  <si>
    <t xml:space="preserve">德鲁依怎么才能从月光林地回到达纳苏斯？我做10级任务传到月光林地 </t>
  </si>
  <si>
    <t>月光林地有2个飞行点：一个是免费的，直接飞回鲁瑟兰村，就在永夜港的西边；另一个是收费的，在月神湖南边。这2个飞行点都很好找的啊。PS：等你接到变海狮的任务后，有提示要和村民交谈（不交谈也可以啦），村民其实就是免费飞行点的人。</t>
  </si>
  <si>
    <t xml:space="preserve">100级法师去那烧技能？魔力 </t>
  </si>
  <si>
    <t>烧技能第一要看自身的等级，其次需要看怪的等级，以及补给的方便程度才能决定烧的地点。如果在米村，只能保证99级次次有经验因为这里是46~47的小石像怪，会使强力冰冻、强力风刃；以及46~47级的钢鬼，会使乾坤一掷；而村子北部是46~48级的赤目螳螂会使乾坤一掷、连击，46~48级的烟雾，会使乾坤一掷和强力昏睡；如果出现46级较多，肯定是没有经验了103级以下建议考虑雷克塔尔村原因：1。 怪物适合：那里有48~49的地狱妖(白狗)1~6只，属性：地4风6，会的技能包括乾坤、连击、魔法防御，因为是野兽系，被人克；48~49级的猪鬼，属性：水6火4，会的技能包括混乱攻击、诸刃，速度较慢，威胁性不高；同时以上两种怪的精神都低，适合法师烧；2。 更加方便补给：虽然你从米村要花15~20分钟才可以到达，但总体而言，你可以攒够一定时间再去烧(比如4~6小时)，同时路上遇怪多也可采取跑的办法；其次，毕竟在村边，补给比旧道之类的方便多了，烧的过程中节省的时间也会弥补过来；另外，相比起雷姆儿山旧道来，那里的怪有杀人TL，速度比较快，对法师有威胁。去法：从米诺基亚村出发，沿地上小路向北，后折向西，地图可以参考： 这里可以烧到103级。117级以下另外，最近又看到了一种方法，觉得也不错，推荐给大家(基本是摘抄的哦~)这里可以烧到117级哦~重解4等勋章：一直做到绅士淑女养成学校结束。在身上有晚宴的邀请函和男性角色取得[帅气的披风]；女性角色取得[华丽的洋装]。有这2样东西的时候, 回到哥拉尔城内的瓦吉之馆(91.136)，玄关的执事奈达(16.6)对话进入休息室，与休息室的汉尼伯执政官说话；传到大厅与梦甜夫人说话选“是”→“是”→“是”→“否”→“否”→“是”→“是”，进入廊下这里的怪55~58！是火/土蜘蛛！血900~1000多(格405的攻一次打400+~700+）只会小魔法一下就打50~80随便穿件骨衣防有180~200多普攻只打40多........这里还可掉魔石！只要那个"要请函"和男性角色取得[帅气的披风]；女性角色取得[华丽的洋装]不要丢掉！这里可无限次来！这里就在哥城内！回去补给方便</t>
  </si>
  <si>
    <t xml:space="preserve">足球经理2007如何在比赛中换人,怎么调整比赛时间!! </t>
  </si>
  <si>
    <t>界面左下角有球队指令-快速设置/详细设置 来调整战术比赛时间在左侧的2D画面速度和解说速度，你也可以设置成只看解说模式。</t>
  </si>
  <si>
    <t xml:space="preserve">我也可以收徒弟吗？ </t>
  </si>
  <si>
    <t>当你成长到30级以上时，你可以通过“求师榜”找徒弟。可以在破军镇寻找伯小乐（-188.-133），跟伯小乐对话，在对话框中选择“求师榜”，弹出求师榜界面。你选择“登记上榜”，如在求师榜上发现你的名字，则登记成功，等着你徒弟来找你提交“拜师申请”吧。</t>
  </si>
  <si>
    <t xml:space="preserve">免漆门怎么样，好吗，便宜使的住吗 </t>
  </si>
  <si>
    <t>跟复合烤漆门差不多，只是表面处理的方法不同，在家使用是可以的，杭州的免漆门会比较好一点。</t>
  </si>
  <si>
    <t xml:space="preserve">高血压患者需要戒烟吗？ </t>
  </si>
  <si>
    <t xml:space="preserve">    　　高血压病的治疗包括药物治疗和非药物治疗两个方面。Ⅰ期高血压治疗的重点是非药物疗法及改变方式。Ⅱ期和Ⅲ期高血压也应在药物治疗的同时采用非药物治疗措施，以期提高降压药的疗效和防止并发症的发生。　　高血压病的非药物治疗包括：降低钠、增加钙的摄入，合理调整膳食结构、减肥、运动、松弛和控制饮酒、戒烟疗法等。　　限盐：国内外医学研究发现，高血压的发病率与钠盐的摄入量呈正相关，与钾和钙的摄入量呈负相关，即降低钠盐、增加钾和钙的摄入可降低血压。目前主张每日每人摄盐量应控制在6克以下，钾摄入量不低于3克，钙摄入量不少于800毫克。　　减肥：前瞻性研究表明，肥胖者高血压的患病率是正常人的2～6倍；流行病学也证实，体重的改变与血压的变化呈正相关，降低体重可减少患高血压的危险性；同时减轻体重也可以减少降压药物的用量。　　戒烟酒：吸烟、饮酒会干扰人体的正常生理功能，影响内分泌的调节，导致人体血压持续升高，其中饮酒是促进血压升高的独立危险因素。因此，高血压患者及肥胖者应戒烟忌酒。　　运动：经常坚持运动或体力活动可以降低休息时的血压，减少劳动时血压和心率上升的幅度，但要注意运动的科学性和安全性。运动方式以散步、骑自行车和慢跑较为适宜，运动量由运动强度、频度和持续时间来决定，一般以不大于健康人运动量的75%为宜。　　松弛疗法：即通过调身、调心、调息等方式以达到心静、气和、体松的目的，发挥人体自我调节和自我控制的作用。具体可采取气功、太极拳、静养等方法。　　合理膳食：总原则是低糖、低脂、正常蛋白质、高纤维素。在减少食物中总脂肪量的同时，增加多种不饱和脂肪酸，少食含胆固醇高的动物内脏，进食植物油，蛋白质的摄入以植物蛋白为主，多吃新鲜蔬菜、水果。另外，患者应注意消除紧张情绪，保持良好心境，大便通畅，睡眠良好。 </t>
  </si>
  <si>
    <t xml:space="preserve">电脑声卡的问题,急救呀1.我的电脑一直麦克风都很好用的.也可以聊 </t>
  </si>
  <si>
    <t>声卡的一些程序被删除可以排除，因为音箱能发声且“音量控制也没有错”，初步断定麦克风插错孔的可能性较大，再不就是麦克风受伤牺牲了！：）</t>
  </si>
  <si>
    <t xml:space="preserve">上海祛斑的医院_激光祛斑大概多少钱？ </t>
  </si>
  <si>
    <t>每个求美者脸上的色斑种类、色斑面积都是不同的，再加上她们所选择的祛斑方法、祛斑医院的差异，最终所需的祛斑价格就会呈现出明显差别来了。第一，做祛斑治疗的价格是多少与求美者个体情况有关。不同的求美者，她们脸上的色斑不同，色斑面积大小各有区别。而很多医院就是根据这两项标准来进行收费的，所以，这两大因素的差别，就会形成不同的色斑祛除价格了。第二，做祛斑治疗的价格是多少与祛斑方法有关。当前做祛斑治疗时，求美者多种不同的方法可供选择，如点阵激光祛斑、彩光祛斑、光子嫩肤祛斑等等，不同的祛斑技术，由于作用成本、作用效果的差别，它们的价格是不同的。第三，做祛斑治疗的价格是多少与祛斑医院有关。每家医院在做祛斑治疗时，所使用的技术设备不同，所用于的诊疗环境和医师实力也有所差别。受此影响，不同医院就会制定出不同的祛斑价格费用了。激光疗法是雀斑祛除的最佳选择。激光去除雀斑方法不会损伤正常皮肤组织，这种方法是将特定波长的激光光束透过表皮和真皮层，毁坏色素细胞和色素颗粒，碎片经由体内的巨噬细胞处理吸收，安全不留疤痕，从根本上解决了以往去雀斑方法的弊端。建议到专业的医院进行激光祛斑治疗。雀斑是一种浅褐色小斑点，针尖至米粒大小，常出现于前额、鼻梁和脸頰等处，偶尔也会出现于颈部、肩部、手背等处。除有碍美容以外，并无任何主观感觉或其它影响。</t>
  </si>
  <si>
    <t xml:space="preserve">大家有什么好看的韩剧求推荐阿 </t>
  </si>
  <si>
    <t>继承者们呀听见你的声音,nine：九回时间旅行,九家之书,那年冬天风在吹,张玉贞，为爱而生,都是最近完结的,都不错的</t>
  </si>
  <si>
    <t xml:space="preserve">找算命师拜师!本人喜欢研究周易,可是古文看不懂,又找不到翻译过来 </t>
  </si>
  <si>
    <t>研究周易，不懂古文怎么行呢？先把古文基础打好再说吧，否则也是事倍功半，，</t>
  </si>
  <si>
    <t xml:space="preserve">怎样去鱼腥味? </t>
  </si>
  <si>
    <t>烹鱼时加适量的糖可消除鱼腥味.</t>
  </si>
  <si>
    <t xml:space="preserve">1040阳光工程行业是什么人在操作的，是不是国家支持的行，出局有? </t>
  </si>
  <si>
    <t>要看这个项目，目前的即没有明确规定合法，也没有明确规定违法，是一个灰色项目，是一个合情合理的民间互助式项目。    第一，我们从历史事件来看，任何一个项目只要不危害国家利益，不危害老百姓利益，不给社会带来动荡，政府是不会打击的。    第二，我们看待一个事物是否合情、合理、合法，关键是判断它是否利国利民：这个项目不要国家投资一分钱，来自民间的互助发展，每个会员自谋职业，为国家减负，通过自己的努力改变自己的命运，有利于创建和谐社会，其模式非常的公平公正合理。    第三，我们只做生意，不谈政治，不谈宗教，不危害社会治安，国家为什么要封杀呢？    第四，夹缝地带和边缘地带的生意，才能利益最大化,经济现象如此，我们选择行业也是如此。    了解过或从过异地的朋友你好！很高兴你能停下脚步浏览我的贴子，相信对你心中的疑难问题一定有所帮助。自愿连锁业目前还没立法;没有立法谈不上违法，当然也谈不上合法，国家引进一个新项目，一上来就立法，势必严重阻碍了其发展，所以，刚开始是先给其充足的发展空间，通过宏观调控观察，等发展到一定程度了再立法，设立门槛。 现在我们先谈谈这个“美丽谎言”背后的目的。在了解行业的时候听到最多的话就是：“这个行业的成功率是100%，只有放弃的没有不成功的，就像银行排队一样，谁排在前面，谁就先成功。”其实刚了解几个月的朋友根本不知道行业的风险，因为《生活管理二十条》规定一级做一级的事情，下一级的业务员不能问上一级业务员的事。行业很多事情都是保密的。比如其他业务员有新人来了不认可回去了对其他业务员是保密的。还有有的人市场破坏了，发展不动放弃了，也是保密的，对知道的人说回家处理事情，不知道的根本就不让他知道。就是因为这样很多人，不顾一切的把家里的亲戚朋友都叫去。有很多新人不理解，有的甚至家庭都破坏了，还有很多亲戚朋友反目成仇。很多不幸的故事每天都在联锁销售行业里面上演。（有夫妻反目的，有恋人分手的，有父子打架的，有母子断绝关系的。)那么为什么要叫家里人去呢？第一就是欲望的膨胀，因为听说可以挣很多钱，每个人都可以成功，根本不考虑后果。第二就是增加说服力，如果叫亲戚朋友去，自己家里人没有去根本没有说服力。无痕：24 22 127 87 37    行业说简单点就是一个玩钱的游戏，就是先入市场的人赚后入市场的人的钱。你叫不去人加入行业哪来的收入呢？再说这个行业是自己创业，你就是老板而不是给别人打工，你想想谁给你保底呢？而他们说的保底只是一个理论数。行业内情你到底了解有多少？行业是72行以外的一行。73行。它与传统有些不同，没有产品，所以它的利润最大化。通过一种先进的五级三晋制，人际的倍增，来达到财富的倍增。在考察期内，给人的感觉做行业很容易。可是真正做起来才发现问题随之而来。行业适合每个人，但不是每个人都适合这个行业的。请问你到底适合吗？有能力吗？这个是个很好的行业，但是你想过发展吗？考虑过你的朋友亲人不认可吗? &lt;亲身体会&gt;    真正赚到这一千多万人的可能只有5%任何一个行业都是一样的，没有什么行业是绝对好的，要想干好一个行业就要看自己的能力了。出局数字只是个理论数字,并没有多少拿到过.如果你想成功，必须具备以下三个条件：    第一，手头有69800元的资金，资金充足    第二，除了投姿的钱，必须有5到10万的备用资金（因为要到外地去做，必须租房，还有日常的生活开支，朋友来考察项目的来回车票以及生活开支）；    第三，必须有一帮有钱脉又有人脉的朋友。假如以上三个条件有一个没有达到行业估计就做不下去了。    异地的难处：　A投姿大，最少就要3800元。运作费用高，　B.虽然我们在外面省吃俭用，到最后还是有很多人没有备用姿金，放弃行业。　C.必须到异地去蹲守，要放弃的太多，与家人分开、妻离子散、失去朋友、丢掉好的工作。D.要用谎言叫人，最后搞的亲戚朋友的关系都僵了。E.人难邀约，宏观调控多，不成功的人回去乱说。信息太发达，新人刚了解行业一个短信市场全破坏了。.破坏的不是他一人的市场，而是一家人的市场，甚至是一个地方的市场。F.受别人因素影响太大，自己做好了、有能力了改变不了太多，下面人做不好，一样不能成功.详细了解请留意下面的补充回答！无痕：24 22 127 87 37</t>
  </si>
  <si>
    <t xml:space="preserve">五层宾馆楼梯宽度规定是多少？急！！！ </t>
  </si>
  <si>
    <t xml:space="preserve">单层、多层宾馆楼梯和走道净宽： 应小于1.1m；高层宾馆楼梯净宽； 应小于1.2m，注： 走道净宽：应小于1.3m（走道单面布房）或1.4m（走道双面布房）；地下人防宾馆楼梯净宽： 应小于1m，注： 走道净宽不注： 应小于1.2m（走道单面布房）或1.3m（走道双面布房）。首层疏散外门净宽： 应小于1.4m。　 </t>
  </si>
  <si>
    <t xml:space="preserve">目前什么技术最流行比如IT类、汽车类 </t>
  </si>
  <si>
    <t xml:space="preserve">当今、汽车、食品、医药、日化、零售、IT、家电、金融九个行业最流行最火热告别2003，无论是“威露士”SARS营销实验守得云开，还是蒙牛借力“神舟五号”大打航空牌，抑或是高德借“皇马中国行”声名鹊起，应该承认，发生在2003年营销业界的种种激情动作，是此前任何一个中国商人都不曾尝试过的速度体验。在2003年，我们暗自欢呼，“中国营销升级”已进入全球营销业界关注的视野，中国6800万营销人的“武林密笈”伴随着正在高速成长的中国市场，已开始影响全球营销风向。     回望2003，当姚明踏足NBA，姚氏幕僚班底运作代言联通新时空；当麦当劳激情滚动地高呼“I‘M　LOVIN’IT”，可口可乐传统的中文字体被弯曲流畅的斯宾塞中文字体取代；当联想弃用旧有Legend标志、健力宝“爆果汽”大胆启用时尚炫酷的黑色包装；当张朝阳站在珠峰6666米高处亲自发出短信，冯小刚索性起拍一部叫《手机》的电影——2003年，营销成为我们周围的空气，它无处不在，正在发育，充满生机。    纵观2003，无论是“动感地带”大胆说出“我的地盘听我的”，还是星巴克借华盛顿州州长骆家辉演绎“第三空间”；无论是雕牌泡漂广告惹争议，还是牛群悄然登上Badman安全套包装；无论是“达菲”卷入谣言陷阱，罗氏城门失火无以应对，还是统一润滑油伊战期间巧妙说话，“多一些润滑，少一些摩擦”——营销的张力裂帛而出，甚至化腐朽为神奇。而商业规则亦应营销而改写，创造力与破坏力仅在一线之间。    贯穿2003，“SARS”的肆虐改变了一个城市生活方式，亦在无形之中改写了营销业界多年积淀下来的游戏规则。由于SARS，原本为黄金周大肆拼杀设计的营销计划不得不低调行事，保险业务员的工作方式开始遭遇严重挑战。同样因为SARS，平日苦寻理想营销之道而难以撬动的除菌消毒市场突然洞开，一场全民性的除菌消毒普及运动风起云涌。    把脉2003，从某个意义上来说，SARS是一场检验中国企业经营者和生产者的市场反应能力和控制能力的战斗。SARS让那些一向只注重通路不进行终端建设的企业眼巴巴地看着千年一遇的商机擦身而过。至于那些因蝴蝶效应紧急跟风的厂家，或许在突如其来的商机中赚得了一杯羹，但在后SARS时代，如何来消化因SARS而急剧扩张的产能？转瞬之间，货架上的货物变成卖不动的库存——业界保守估计，有上百个洗手液品牌下半年含恨隐退。    这就是我们身处的一个激情燃烧的营销年代——从20世纪80年代之初的草莽时代，到90年代的泛江湖营销，跨国公司涌入，由此催生本土与西洋营销模式的对立与融合，营销已经走向精致，充满想像力，完成从游击战到整合战的跨越。而作为营销供应链中最重要的一环，企业是营销的原动力。这个岁末，我们选择通讯、汽车、食品、医药、日化、零售、IT、家电、金融九个行业作为切入2003年营销的着力点，并以点带面，试图勾勒出2003年营销供应链的清明上河图。    </t>
  </si>
  <si>
    <t xml:space="preserve">评价：4/5恶魔尖牙价格及实用性+4恶魔尖牙的魔攻是76+5的是 </t>
  </si>
  <si>
    <t>+4,+5的恶魔我见过，不过价格卖得比C1的还高~~~不过实用性能应该不错，吃蛋的的性价比绝对比C1的强。很多人都有过评论了~~</t>
  </si>
  <si>
    <t xml:space="preserve">廖元和堂生精胶囊是饭前服用还是饭后服用如题，说明书上没讲是饭前还 </t>
  </si>
  <si>
    <t>要饭后半个小时后服用</t>
  </si>
  <si>
    <t xml:space="preserve">为什么宣布任命省委书记和免去省委书记的顺序不一样?每次中央宣布新 </t>
  </si>
  <si>
    <t>这与我国干部管理惯例有关。我国从中央到地方，宣布官员任命时，都是从小的说起，再到大的；免职时都是从大的先免。这在各级党委任免干部都是必然的。至于说为什么，其实也没有真正的原因，主要是一直以来都是如此操作的，也就成了惯例。就好比“以姓氏笔划为序排列”，为什么都是姓氏笔划少的排在前面呢，也可以姓氏笔划多的排在前面嘛！但由于一直以来的操作方法，谁都认为这理所当然，这就是惯例，没办法的事。</t>
  </si>
  <si>
    <t xml:space="preserve">快来救我啊！急啊！！！！我的杀毒软件消失了．本来开机后会自动运行 </t>
  </si>
  <si>
    <t>再来关闭系统还原，清除系统还原点防治病毒还魂然后进入安全模式删除重新启动进入正常模式再检验关闭系统还原：我的电脑右键--属性--系统还原--关闭系统还原清除系统还原点：磁盘清理--其他--清除还原点</t>
  </si>
  <si>
    <t xml:space="preserve">银华净值出来了吗?我想知道银华富裕的净值,大家知道吗 </t>
  </si>
  <si>
    <t xml:space="preserve">基金名称 最新净值 累计净值 日期 银华优势  1.0967 2.0867 12-28 银华保本  1.1598 1.2038 12-28 银华88  1.2036 2.0936 12-28 银华优质  1.5308 1.5308 12-28 银华优选  2.2451 2.4651 12-28 银华富裕  1.1485 1.1735 12-28 基金天华  1.6678 1.6678 12-22 基金名称 万份收益 年收益率 日期 银华货币A  0.5076 2.222 12-28 银华货币B  0.5580 2.455 12-28 </t>
  </si>
  <si>
    <t xml:space="preserve">新手问练带兵的问题啊~玄天玄天我有个80级的智体方~唉~经常想去 </t>
  </si>
  <si>
    <t>我79级军,带八精锐,现在就可以野杀凉州,当然是凉州小王,14W的都带骑兵,有点吃不消,容易挂野杀时记得引到角落或最下面,兵把你围起来,这样王和怪就不会直接攻击你,只要强命就好了,注意,重兵王会弹兵,或有人抢时,小兵也会追出来,这时你一定要及时收兵放兵</t>
  </si>
  <si>
    <t xml:space="preserve">增值电信业务经营许可证年检攻略增值电信业务经营许可证年检程序是什 </t>
  </si>
  <si>
    <t>到【汉唐信通】上看看吧，很多这方面的资料的</t>
  </si>
  <si>
    <t xml:space="preserve">池塘养鱼池塘养的鱼被人偷了是不是违法行为 </t>
  </si>
  <si>
    <t>这属于盗窃行为，肯定是违法的。</t>
  </si>
  <si>
    <t xml:space="preserve">救命啊我不知道碰了哪个键本来屏幕下方的开始一栏全部竖到了右边有人 </t>
  </si>
  <si>
    <t>用鼠标左键点住被移到右边的任务栏不放把它拖到屏幕下方就会回来了.如果想防止任务栏不被改动可以把鼠标放在任务栏上点右键在"锁定任务栏"前打钩,把任务栏锁定.</t>
  </si>
  <si>
    <t xml:space="preserve">又掉了值多少啊??值多少啊 </t>
  </si>
  <si>
    <t>牛逼啊 ......</t>
  </si>
  <si>
    <t xml:space="preserve">男人都喜欢笨笨的女孩吗? </t>
  </si>
  <si>
    <t>一般苯吧，就是在自己面前不会显得很强势，让自己的大男人感觉有的体现的那种。不过我觉得女人也不能真的苯，如果真的苯也挺郁闷，男人喜欢的苯女人其实大多是装出来的，只是在他面前而已，其实生活中应该是个聪明的小女人，呵呵</t>
  </si>
  <si>
    <t xml:space="preserve">对联：“头枕枕头头”记得小时候看过一本叫《智力》杂志的，里面有专 </t>
  </si>
  <si>
    <t>手把把手手腰靠靠腰腰扇风风扇扇（别人对的，最后的扇字，我以为是做动词，所以也欠佳）看到枯木和粉丝两位先生的评论，最后一个头如是副词，则最后一个扇字可对，通常副词可对动词，但第一个风字还是有问题。把手手，解释起来，难逃牵强，我就不解释了</t>
  </si>
  <si>
    <t xml:space="preserve">酸奶不宜与什么同食？喝酸奶的注意事项有哪些？酸奶早上喝好还是晚上? </t>
  </si>
  <si>
    <t xml:space="preserve">酸奶晚上喝更有益 在乳品家族中，酸奶因其口味独特、保健作用突出而备受青睐，已经有越来越多的人们养成了天天喝酸奶的习惯。有的人习惯在早上喝酸奶，有的人则习惯在晚上喝，还有的人选择在任何想喝的时候喝。那么，酸奶在什么时间喝更有益健康呢？ 卫生部北京营养科副主任王璐认为，在晚上喝酸奶好处更多一些。因为从补钙的角度来看，由于夜间人体不再摄入含钙食物，然而钙的代谢却仍在睡眠中悄然进行，因此，睡前食用适量富含钙质的乳品很有必要。那么，晚上喝牛奶与喝酸奶比，哪个更有利于健康呢？对于大多数人来讲，牛奶是一种不易消化的饮品，早上喝了以后可经过一天的运动促进其在肠胃中消化，晚上喝了以后，则由于人在睡觉后的运动量大大减少而不利于人体消化吸收，肠胃不好者还有可能因此产生消化不良的症状。酸奶的就不同了，它所含有的乳酸有助于人体肠胃在夜间的蠕动，因此晚上喝不仅不会导致消化不良，还有助于防止便秘。 王主任建议大家，最好在晚饭后两小时左右饮用酸奶，切忌空腹时喝酸奶。因为空腹时酸奶中的乳酸菌易被胃酸杀死，酸奶的保健作用会因此减弱。   酸奶喝多了会有什么害处 每天喝点酸奶已经成了很多人的饮食习惯。由于酸奶不需加热，喝起来方便，因此有人大量饮用，有人饿了以它充饥。但从营养的角度说，喝酸奶也讲究时间，喝多了还会给身体带来负面效果。 饭后喝有利于吸收营养 一般来说，饭后30分钟到2个小时之间饮用酸奶效果最佳。人在通常状况下，胃液的PH值在1—3之间；空腹时，胃液呈现酸性，PH值在2以下，不适合酸奶中活性乳酸菌的生长。只有当胃部PH值比较高，才能让酸奶中的乳酸菌充分生长，有利于健康。饭后两小时左右，人的胃液被稀释，PH值会上升到3—5，这时喝酸奶，对吸收其中的营养最有利。 另外，如果在空腹状态下饮用酸奶，很容易刺激胃肠道排空，酸奶中的营养来不及彻底消化吸收就被排出；饭后喝则可减少刺激，让酸奶在胃中被慢慢吸收。 晚上喝补钙效果最好 酸奶是食物中钙的良好来源，从补钙的角度看，晚上喝酸奶好处更多。因为晚间12点至凌晨是人体血钙含量最低的时候，有利于食物中钙的吸收。同时，这一时间段中人体内影响钙吸收的因素也较少。虽然牛奶中也含有很高的钙，但与它比起来，酸奶中所含的乳酸与钙结合，更能起到促进钙吸收的作用。 不过，晚上喝酸奶时一定要记住，酸奶中的某些菌种及酸性物质对牙齿有一定的损害，喝完后应及时刷牙。 能促进肠胃蠕动、缓解便秘 很多女性喜欢喝酸奶，一个重要的原因就是认为不管喝多少，都不会发胖。酸奶确实有一定的减肥效果，主要是因为它含有大量活性乳酸菌，能够有效地调节体内菌群平衡，促进胃肠蠕动，从而缓解便秘。而长期便秘和体重增加有一定的关系。再就是酸奶具有较强的饱腹感，轻微饥饿时喝一杯可以有效缓解迫切的食欲，从而减少下一餐的进餐量。 不过，酸奶并非喝多少都不会胖，它本身也含有一定的热量，如果在原有膳食基础上额外多吃，同样会引起体重增加。最好的办法是选择标有脱脂和低热量字样的酸奶，虽然它们的味道不如全脂酸奶那么浓郁醇厚，可是热量低，不会使热量在体内很快堆积而发胖。 另外，酸奶并非老少皆宜。胃肠道手术后的病人、腹泻患者以及1岁以下婴儿，都不宜喝酸奶。即使是健康成年人，也不能过量饮用，否则很容易导致胃酸过多，影响胃黏膜及消化酶的分泌、降低食欲、破坏人体内的电解质平衡。一般来说，每天喝两杯，每杯在125克左右比较合适。  </t>
  </si>
  <si>
    <t xml:space="preserve">鉴定士用2转吗?8级什么物品用鉴定2转鉴定有用吗?? </t>
  </si>
  <si>
    <t>强烈建议2转！如果不转的话，目前来说一般物品的鉴定都可以解决，但是以后说不定还要开新的7、8级物品呢，而且你肯定要不停的鉴定东西，等你技能到6了以后再鉴定东西就没有经验了，等于浪费了不少技能经验，2转就耗费2小时的时间，而得到的东西是在不知不觉中自己的技能就到7、8级了。</t>
  </si>
  <si>
    <t xml:space="preserve">请问这个游戏质量如何，好玩吗？我从来没有玩过这个游戏，我想问一下 </t>
  </si>
  <si>
    <t>一个仿3维的游戏，和传奇差不多，游戏本身画面不错，但是要玩的话必须要盛大的秘宝，因为盗号太严重了，经常有丢装备的，我早就不玩了！</t>
  </si>
  <si>
    <t xml:space="preserve">花斑癣难治吗，怎么治疗？夏天不爱出汗，肚皮、肩膀、背部出现红斑， </t>
  </si>
  <si>
    <t>斑癣花斑癣（tinea versicolor）俗称汗斑，是由糠批马拉色菌（malassezia furdur）感染表皮角质层引起的一种浅表真菌病。病因 致病菌系一种嗜脂性酵母，称为卵圆形糠秕孢子菌（pityrosprum ovale）或正圆形糠秕孢子菌（P.orbiculare）。此菌是正常皮肤的腐生菌，仅在某些特殊情况下如高温高潮，局部多脂多汗，卫生条件不佳等，糠秕孢子菌寄生密度增加，由腐生酵母菌转化为菌丝型方可致病。此菌仅侵犯角质层浅层而不引起真皮的炎症反应。临床表现 初起损害为围绕毛孔的圆形点状斑疹，以后逐渐增至甲盖大小，边缘清楚，邻近损在可相互融合成不规则大片形，而周围又有新的斑疹出现。表面附有少量极易剥离的糠秕样鳞屑，灰色、褐色至黄棕色不等，有时多种颜色共存，状如花斑。时间较久的呈浅色斑。皮疹无炎性反应，偶有轻度瘙痒感，皮损好发生于胸背部，也可累及颈、面、腋、腹、肩及上臂等处，一般以青壮年男性多见。病程慢性，冬季皮疹减少或消失，但夏天又可复发。诊断 根据皮疹表现及好发部位，不难诊断，镜检可见弯曲或弧形菌丝和成簇圆形厚壁孢子。以wood灯照患部可显示黄色荧光。治疗 以局部外用疗法为主。复方雷锁辛搽剂、 5％柳酸搽剂、 50％丙二醇液、1％～ 3％咪康唑、克霉唑、益康唑或酮康唑霜等均可酌情选用。也可外用40％硫代硫酸钠液，稍干后再搽4％盐酸液，疗效亦佳。所有药物外用，每日1-2次，连用么2-4周即可治愈。治愈后仍需用药2周，以防复发。治疗期间需勤洗澡、勤换衣，内衣宜煮沸消毒。对顽固病例，可同时口服酮康唑200mg，每周1次，共2—4次。</t>
  </si>
  <si>
    <t xml:space="preserve">"本命年"这个说法起源于何时? </t>
  </si>
  <si>
    <t xml:space="preserve">“本命年”就是十二年—遇的农历属相所在的年份，俗称属相年。比如猪年出生的人，今年2007年就是他们的本命年。在传统习俗中，本命年常常被认为是一个不吉利的年份。“本命年犯太岁，太岁当头坐，无喜必有祸”的民谣是关于本命年不甚吉利的最好写照。故民间通常把“本命年”也叫做“槛儿年”，即度过本命年如同迈进一道槛儿一样。每到本命年时，汉族北方各地，不论大人小孩都要买红腰带系上，俗称“扎红”，小孩还要穿红背心、红裤衩，认为这样才能趋吉避凶、消灾免祸。这种习俗到今天仍在各地流行，每逢春节，市场上到处有出售“吉祥带”“吉祥结”的红黄绸带，本命年的人们将之系在腰间、手腕上，这样便可消解灾祸、化凶为吉。 “本命年”这一说法早在西汉就有了，起源于中国的十二生肖和“崇红”心理。在中国古代，人们是用甲乙丙丁、子丑寅卯等天干地支的组合来记住所生的年份，为了便于记忆和推算，人们就采用鼠、牛等十二种动物来与十二地支相对应的方法，每年用其中的一种动物来作为这一年的属相。而汉民族的本命年就是按照十二生肖属相循环往复推出来的，它与十二生肖紧密相连。一个人出生的那年是农历什么年，那么以后每到这一属相年便是此人的本命年，由于十二生肖的循环往复，每过直2年，人们就要遇到自己的本命年，这样依次推出，人生本命年为12岁、24岁、36岁、48岁、60岁……。我国许多民族都有重视老人的60岁生日的习俗，俗称“花甲”，花甲为一生中第6个本命年，也是干支纪年的一个轮回，须好好庆祝，以此寄托人们企求长寿、健康、吉祥的愿望。 “本命”禁忌，在民间有着广泛的影响，在南北民俗中，都有在本命年挂红避邪躲灾的传统。因此人们每逢本命年对红色就特别钟爱。本命年的红色讲究应该是源于中国汉民族传统对于红色的崇拜。红色辟邪，红色吉祥，这种观念早在原始社会就已经存在，红色是太阳的颜色，是血的颜色，是火的颜色。随着时代的变迁，这种尚红思想却没有变，新年贴红对联，汉族的旧式婚礼中新婚的红嫁衣、红盖头、红蜡烛、新科的红榜等等，不论何时何地，人们都要用红色来增添喜庆。汉民族把红色视为喜庆、成功、忠勇和正义的象征，尤其认为红色有驱邪护身的作用。因此在大年三十，人们便早早地穿上红色内衣，或系上红色腰带，有的随身佩带的饰物也用红丝绳系挂，来迎接自己的本命年。认为这样才能趋吉避凶，消灾免祸。这些为本命年辟邪的红色什物就是什么常说的“本命红”。 人逢本命年还有拜祭“本命神”的风俗，以求延寿。本命神的说法来源于道教。道教吸收民间流行的“本命”说法，提出“本命星”、“本命年”“本命日”的理论。凡本人的出生年在六十甲子干支之年，叫本命。元辰，也叫本命年。作为中国土生土长的宗教，道教自然与天干、地支、十二生肖有着天然的亲和关系。对于本命神，有的地方叫“本命守命星君”，有的叫“本命元辰”，统称为六十甲子神。以甲子年为首，六十年内不同年份出生的人都能找到属于自己的本命神。如民族英雄岳飞生于公元一一零三年，夏历癸未年，他的本命星君为“癸未太岁魏仁二大将军”。按照道教说法，修真炼性须致力于本命元辰，本命年或平常年份礼拜本命元辰，会消灾获福，成为一种习俗流传至今。 本命年要从正月初一开始算。对于2007年过本命年的猪猪们来说，非常幸运的是，今年是好的本命年，难道一遇的金猪年。好好把握，一切都会顺利，而且会有新的发展噢。不过虽然是个大吉的本命年，还是不要忘记了，不但要穿红内衣裤，方便的话还要佩戴红绳，可以根据个人喜好、习惯系在手腕上、脖子上、腰上，红绳子一般不取，戴全年直至新年到来，绳子上可挂玉饰或金饰。虽然特别记住的是红色内衣、内裤一定要别人送，因为据说如果自己买的话就会失去辟邪的功效。 不要有心理负担，人各有命该来的挡不住，所以不要太介怀了。只要把开开心心的，充充实实的过好每一天就行了。如果实在是不放心的话就多穿红色（最好天天都穿红色的内衣），多到寺院里烧烧香吧 太岁又称太岁星君，太岁就是天上的木星，因为木星每十二个月运行一次，所以古人称木星为岁星或太岁；太岁又称太岁星君，或者岁君，它既是星辰，也是民间奉祀的神只。 一般人的年庚，若与值年太岁相同，民间称为犯太岁，年庚对冲者，则叫冲太岁；诗约: 太岁当头坐无喜恐有祸。因此，无论是那一种，在那一年里必定百事不顺，事业多困厄，身体多病变，因此务必要拜奉太岁星君以保平安。 </t>
  </si>
  <si>
    <t xml:space="preserve">宝宝不爱吃饭宝宝1岁8个月，不吃零食，不到非常饿不喜欢吃饭，每天 </t>
  </si>
  <si>
    <t xml:space="preserve">您好！婴儿不爱吃饭是常有的。可能有这么几个原因：1、正常的发育减速，吃的要求也少了，大约在一岁末会出现这个情况；2、一种自主的萌芽。这种自主可以出现在吃饭的时候，也可以出现在穿衣服，洗澡、睡觉之前等，不愿意任人摆布（喂食也是一种摆布）；3、玩兴正浓，比如敲打玩具、搭积木，撕纸、扔东西等，不愿意停下来；4、某一次被烫过、被“凉”过。被噎过……，有记忆，不愿吃东西；5、饭菜做得不合口味，或过咸或过淡、或块儿太大或太硬等，也影响食欲；6、吃饭的环境有太多分心的人或东西；7、生病、疲倦情绪不佳刚睡醒、也会不想吃。要解决这个问题，可以试试以下的方法：1、对于正常发展的短时减速以及自主性格的萌芽，可以等待，思想上知道了就行了。2、吃饭以前三五分钟给他洗手、戴围嘴，离开玩玩具的地方，坐在一个安静的，很少分心的地方喂他吃，也不要有别人看着他吃。3、要耐心，把吃的东西切碎，撕小，一次喂一小口，等他吃完了，再喂第二口，不要让他噎住，给他可怕的经验。4、饭菜的口味要掌握好，不要太淡或太咸，不要用味精，要注意色、香、味。5、他坐的位子要适合你喂食的高度，最好能有一点约束，比如坐在前面带横板的高脚椅子、有圈的小椅子里面等。6、不要催赶，不要让他产生厌恶吃饭的心理。7、不要太固守吃饭的时间，灵活掌握，在你认为他应该吃饭的时候（比如距上一次吃饭三个小时）给他吃，他不想吃，可以推迟半小时到一小时试试，或者反之，也可以提前给他吃。8、要做爱吃饭的榜样。当你吃饭时，兴致勃勃，什么都爱吃，让他看在眼里，记在心上。9、在他疲倦，情绪不好时，不要勉强他吃，可以等待他恢复精神，情绪正常时再吃。10、如果怀疑他有病，可带他到检查，吃一点帮助消化的药也好。11、只要孩子身长，体重合乎标准，吃得少一点也不要紧，不必太耽心，过一段时间他会好的。另外，可以带宝宝去医院做微量元素测定，了解宝宝有否缺锌或缺铁。一般缺少锌、铁等微量元素的宝宝食欲不好。面食和饭有不同的营养成分，可以交替吃，但不宜每餐均吃面食。 </t>
  </si>
  <si>
    <t xml:space="preserve">今天沪市成交量将是大盘突破2600点以来的最低量！十五，六个月以 </t>
  </si>
  <si>
    <t>再等下,杀跌量要出来那.</t>
  </si>
  <si>
    <t xml:space="preserve">哗~今天有人得三双啊!可惜没有转播! </t>
  </si>
  <si>
    <t>基里连科经常打出准4双,还有一次准5双呢~~~~~~~~~~~~~~~~~~~~~~~~~~</t>
  </si>
  <si>
    <t xml:space="preserve">驱魔牧师的技能怎么加？老是看别人说赞美系的，其实偶蛮想来练个驱魔 </t>
  </si>
  <si>
    <t xml:space="preserve">天使之泪 1 天使之赐福 10 治疗术 1 速度减少 1 天使之护 5 治愈术 10 加速术 10 光之障壁 1 光猎 1 瞬间转移 2 传送之阵 4 撒水祈福 4 禅心 4 神威祈福 3 天使之怒 1沈默之术 5 十字驱魔攻击 10 痊愈术 1复活术 1 暗之障壁 7 光耀之堂 3 转生术 7 </t>
  </si>
  <si>
    <t xml:space="preserve">怀孕了备孕六个月了,都没有结果,一月份特忙没时间理会这件事,27 </t>
  </si>
  <si>
    <t>非常羡慕你的好运，我已经准备了9个月了，一直没有，去检查又没什么问题，感觉上怎么这么麻烦呢？祝你幸福！</t>
  </si>
  <si>
    <t xml:space="preserve">为什么免费下载了播放器还要支付HTTP费用了 </t>
  </si>
  <si>
    <t>是一种加密方式，下载到密钥才可以用，相当于购买版权</t>
  </si>
  <si>
    <t xml:space="preserve">少精弱精症怎么办少精弱精症一直陪伴着我，好痛苦，让我不知怎么才能 </t>
  </si>
  <si>
    <t>1、进食优质蛋白质与精氨酸食品：优质蛋白质是形成精液的主要原材料。含高蛋白质的食品有瘦肉、猪脊髓、狗肉、牛羊肉、鸡鸭、蛋类、鱼虾、豆制品等，精氨酸是产生精子的必要成份，缺乏时可以发生少精症。含精氨酸的食物有鳝鱼、黑鱼、海参、蹄筋、豆制品、瘦肉等。2、适当增加一些富含性激素的食物：如羊肾、猪肾、狗睾丸、牛鞭、鸡肝的摄入，能促进精原细胞分裂和成熟，对生精很有益处。3、补充各种维生素：维生素类有为精子提供原料、促进精子生成、保持性器官不受侵害等作用。其中维生素E与生殖系统关系最为密切，具有防止性器官老化，使空虚的输精小管再生，以及增强精子活力的多种作用。含维生素E食品多在加工中被破坏，故可服其制剂，如维生素E胶丸等。其他维生素富含于大众蔬菜之中。男人精子活力非常低，可以通过食物增加精液分必量，提高性功能。 有许多食物对精液异常有作用。含锌食物，富含氨基酸的食物都有好处。对于中药来说，中药活精育子方不错，对少精，弱精等都有很好的疗效。</t>
  </si>
  <si>
    <t xml:space="preserve">极度烦恼!WinXP为什么每隔10秒就会响一声?我电脑是WinX </t>
  </si>
  <si>
    <t>装天网了？</t>
  </si>
  <si>
    <t xml:space="preserve">请问装备被骗了怎么像JM举抱？？？被个垃圾骗了个屠杀~怎么举抱？ </t>
  </si>
  <si>
    <t>你从官网客服中心下载两张表格，填好后，通过传真发个TT管理员，他们可能会帮助解决的。我的帐号被盗也是这样举报的，目前正在处理中！！！！</t>
  </si>
  <si>
    <t xml:space="preserve">请问白日门精神力战法有什么用?有必要学吗? </t>
  </si>
  <si>
    <t>有必要学，这个技能学完之后，可以加准确的</t>
  </si>
  <si>
    <t xml:space="preserve">华为P6和I9268哪样好？求推荐？？标配1889.承诺还有话费? </t>
  </si>
  <si>
    <t>华为P6 。p6好。。。。p6还行，用的可以P6啊。。华为的P6好！请设置好评，谢谢！</t>
  </si>
  <si>
    <t xml:space="preserve">这里人气比较旺，问个题外话（小儿抽动症）侄子最近老是爱眨眼睛，耸 </t>
  </si>
  <si>
    <t>建议先就近确诊，不能确诊再到北京不迟。也可网上查查。你说呢？</t>
  </si>
  <si>
    <t xml:space="preserve">我家太阳能热水器上水后不见出水太阳能热水器上水半小时了，不见有水 </t>
  </si>
  <si>
    <t>1.水压是否有问题?   2.水压小时,上水速度慢,需要时间要长一些.3.桶内没水了,如果是18只管及以上的太阳能,半小时肯定满不了.</t>
  </si>
  <si>
    <t xml:space="preserve">《武汉市生育保险长驻外地人员就医申请表在那下载本人是武汉在职人员 </t>
  </si>
  <si>
    <t>见附件，祝你成功</t>
  </si>
  <si>
    <t xml:space="preserve">女人进来回答我想给我的女友口交，可她不想我给她口交，是他真不喜欢 </t>
  </si>
  <si>
    <t>感觉很好啊,我老公每次都给我口交啊,他说很爱我,要让我舒服,口交的高潮特爽,爆发一样的</t>
  </si>
  <si>
    <t xml:space="preserve">梦见蝎子和蜈蚣是什么征兆 </t>
  </si>
  <si>
    <t>273 动物 蜈蚣梦见蜈蚣是祥兆，事业会取得成功。梦见被蜈蚣蛰，会在生意上取得成功，要发财。梦见蜈蚣咬人，会身体康健，添寿增岁。梦见捕捉蜈蚣，会树立很多的敌人，阻碍自己的事业发展。梦见打死了蜈蚣，会与朋友感情出现危机，昔日友人反目成仇，商人梦见蜈蚣死了，生意上会有不小的损失，甚至倒闭。病人梦见蜈蚣出现，病情会很快好转，身强体壮，百病消散。梦见蜈蚣围成一堆，会在事业上遭遇失败，由于生意上的经营不善，造成无法挽回的损失。女人梦见蜈蚣，会感情和睦，家庭幸福。并且有旺夫命，帮助丈夫获得事业上的成功。商人梦见蜈蚣，会生意兴旺发达，财源滚滚，成为叱咤风云的人物。274 动物 "蝎子" 梦见蝎子，是祥兆，事业会取得成功，也会交到财运。梦见被蝎子咬，会有偏财运，工作努力的奖励或者欠钱的朋友还钱给你。梦见捕捉蝎子，会树立很多的敌人，阻碍自己的事业发展。梦见打死蝎子，会与朋友感情出现危机，昔日友人反目成仇，分道扬镳。商人梦见蝎子死了，生意上会有不小的损失，甚至倒闭。病人梦见蝎子出现，病情会很快好转，身强体壮，百病消散。梦见蝎子围成一堆，会在事业上遭遇失败，生意上经营不善造成无法挽回的损失。女人梦见蝎子，会夫妻感情和睦，家庭幸福。并且有旺夫命，帮助丈夫获得事业上的成功。商人梦见蝎子，会生意兴隆，财源滚滚，成为一代风云人物。</t>
  </si>
  <si>
    <t xml:space="preserve">小学数学问题一项工程，甲独做8天完成，乙独做10天完成，如果两人 </t>
  </si>
  <si>
    <t>合作时：甲的工效是1/8*（1+20%）=3/20乙的工效是１／１０＊（１－１０％）＝９／１００合作时,每天完成工程量的3/20+9/100=6/25所以合作共需25/6天如果至少合作1天,剩下的由甲完成,需要(1-6/25)*8=6+2/25&gt;5,这种方案不行;如果至少合作2天,剩下的由甲完成,需要(1-2*6/25)*8&gt;4,也不行;如果至少合作3天,剩下的由甲完成,需要(1-3*6/25)*8&lt;3,或由乙单独做,需要(1-3*6/25)*10&lt;3故,二人合作3天,然后由甲或乙单独继续干,均可在6天内完成,且合作天数最少.</t>
  </si>
  <si>
    <t xml:space="preserve">石器时代2游戏有什么特色吗？ </t>
  </si>
  <si>
    <t xml:space="preserve">【石器时代2】最大的特色就是“”。游戏中，宠物的种类高达200种以上，这么多变且丰富的宠物角色，将成为玩家们冒险游戏中的得力助手。 “宠物”也会和玩家们一起成长，到达一定的条件时，还会生出可爱的宠物宝宝，是不是和你印象中饲养宠物的冒险游戏格外不同呢？“宠物”不但在会在战斗中与玩家们产生坚毅的情感，也因一起生活而成为优良的伙伴。请各位玩家们务必用心的培育他们唷!  【石器时代2】的战斗开始是使用PS2惯用的突袭方式，然而保留了适度的战略性与简单容易的操作方法，更省略了滑鼠连点攻击与复杂的按键操作。 和宠物一起战斗，不但能增加信心，若和其他玩家们一起携手组队，更有利玩家们前进旅程，招集伙伴联手打击顽强的敌人也是这款游戏的“醍醐味”之一呢！   2D视觉生动的【石器时代2】，不需要使用高规格的电脑设备，即使是一般使用的笔记型电脑，也可以无忧虑的使用。如此贴心的游戏，不需要在意电脑的性能，招集所有朋友们一起参与吧! 一个让您在经历辛苦冒险之后可以轻松休闲的家。游戏中同时也提供了各式美观造景，让您可以依自己的喜好布置这个温暖小屋。这些道具可不是单纯美观而已!!还具有仓库的功能，比方收纳箱就可以扩充道具收纳的空间，让冒险小屋变成自己的小银行，可以存放更多的道具与石币。 </t>
  </si>
  <si>
    <t xml:space="preserve">天然气除了作为燃料还有别的作用么? </t>
  </si>
  <si>
    <t>天然气是重要的化工原料，使用天然气可以制氢，可以制造化肥，如合成氨和尿素，可以制甲醇，现在开发利用天然气制燃料油，如汽油和柴油等。说实话，天然气作为燃气气源，是有点大材小用了。</t>
  </si>
  <si>
    <t xml:space="preserve">孩子怕离开父母怎么办我的女儿快六周岁了,现在上学前班,最近总是不 </t>
  </si>
  <si>
    <t>所谓感到孩子可怜，实际就是溺爱孩子。孩子离不开父母正是溺爱的结果。实际上，适当的让孩子吃点苦、受点罪是对孩子的很好的锻炼。所以你们必须狠下心，不要怕孩子哭、闹。时间一长。孩子就会适应了。</t>
  </si>
  <si>
    <t xml:space="preserve">请问怎么载取&lt;完美世界&gt;游戏视频请问怎么载取&amp;lt;完美世界&amp;g </t>
  </si>
  <si>
    <t xml:space="preserve">用fraps录制视频 现在的网络游戏基本上都有截图功能的，它可以把游戏中一些精彩的画面保存下来。在网络游戏中还有一些精彩活动，如攻城战、杀BOSS等，如果这些用图片来表达的话就不太适合了，最好的方法就是把游戏的过程录制下来，保存为视频文件，这样不仅看上去直观，而且还可以方便的和网友们分享。 游戏视频的下载工具是很多的 ,有游戏视频录制软件HyperCam,Fraps,等等. Fraps是一个显示3D游戏帧数（FPS）的小工具，它具有在游戏中截图和抓取游戏视频的功能，利用这个功能，我们就可以把网络游戏中精彩的片断保存起来. 象在56.COM之类的网站上，那些热血4转势力战,PK,等视频都是通过诸如此类软件制作的.而且做好后,还可以用绘声绘影之类的编辑软件加入图片,背景音乐,并编辑. 不过通过软件录制好的视频,是没有原来那么清晰的.你得有这个心理准备. 你去GOOGLE上搜索一下"游戏视频录制工具",很多的 ,还有详细的教程. 不过下载时要去大 的网站下载,并小心的杀毒! 如果做好了,放上来叫大家看看啊 ! </t>
  </si>
  <si>
    <t xml:space="preserve">我的电脑不能登录qq了别的电脑可以怎样查计算机是否有病毒啊？ </t>
  </si>
  <si>
    <t>建议你将QQ文件夹中以号码开头的文件夹里面的Msgex.db文件复制出来，这是聊天记录文件，然后在腾讯QQ菜单中选择卸载腾讯软件卸载QQ，再把残余文件夹删除，如Tencent\QQ文件夹，然后再重装QQ，而杀毒只需运行杀毒软件，比如说金山毒霸，然后点击查杀木马病毒按钮即可开始查杀。</t>
  </si>
  <si>
    <t xml:space="preserve">什么是线程,现场多少有什么区别 </t>
  </si>
  <si>
    <t xml:space="preserve">自从在20世纪六十年代人们提出了进程的概念后，在OS中一直篮子是以进程作为能拥有资源和独立运行的基本单位的。直到20世纪八十年代中期，人们又提出了比进程更小的能独立运行的基本单位——线程（THREADS)，试图用它来提高系统内程序并 发执行的程度，从而可进上步提高系统的吞吐量。特别是进入20世纪九十年代后，多处理机系统得到了发展，线程能比进程更好地提高程序的并行执行程度，充分地发挥多处理机的优越性，因而在近几年推出的多处理机OS，也都引入了线程，以改OS的性能。 线程（threads, 台湾称 执行绪），也被称为轻量进程（lightweight processes）。计算机术语，指运行中的程序的调度单位。线程是进程中的实体，一个进程可以拥有多个线程，一个线程必须有一个父进程。线程不拥有系统资源，只有运行必须的一些数据结构；它与父进程的其它线程共享该进程所拥有的全部资源。线程可以创建和撤消线程，从而实现程序的并发执行。一般，线程具有就绪、阻塞和运行三种基本状态。在多中央处理器的系统里，不同线程可以同时在不同的中央处理器上运行，甚至当它们属于同一个进程时也是如此。大多数支持多处理器的操作系统都提供编程接口来让进程可以控制自己的线程与各处理器之间的关联度（affinity）。  书本上的定义当然严谨,但日常应用时,一般可以这样理解:首先是程序(如一个记事本),一个可以执行N次,就产生N个进程(一个记事本可以打开N次),在进程再细分,就出现线程,(你可以粗略地理解为记事本分身执行几个任务,每个任务为一线程)(线程这里不严,但这样先理解是不会错的).这几天来又想到了一个更加好的比喻，程序是一个工厂车间的图纸，是静态的；而进程是动态的，就是按照该图纸进行建造的工厂车间，（当然一依照一张图纸可以建多个工厂车间，也就是一个程序可以有多个进程）；而线程可以比喻为一个条生产线，（为了对车间的调整，我们可以按照实际情况增加或减少生产线，）平时的感性认识就现在的下载工具（如flashGet,影音传送带等)都是多线程的，我们可以按照实际情况增加或减少进程（并非进程越多越好，有时本来下载的用户不多，你一个人分几个线程，除了线程间的通信造成了消耗外，很有可能自己的几个线程进行竞争）。 </t>
  </si>
  <si>
    <t xml:space="preserve">蔡老师:我经常梦到我在空中飞行!这是怎么回事? </t>
  </si>
  <si>
    <t>表示你最近过得还不错，而且有好事发生！</t>
  </si>
  <si>
    <t xml:space="preserve">今天是什么节日？今天到底是什么节日啊莫明奇妙的收到好多花和巧克力 </t>
  </si>
  <si>
    <t>你好，今天是中国的七夕情人节，也是中国到现在为止，第二个情人节了，你得到鲜花是你的运气和福气哦～！祝你情人节快乐！！！晚上不要忘记看鹊桥哦，还有感人的泪......来自牛郎和织女，祝你幸福！</t>
  </si>
  <si>
    <t xml:space="preserve">新手卡问题?不是讲每天早上9点送东西为什么没有啊?不是讲每天早上 </t>
  </si>
  <si>
    <t>谁说9点送的？9城？你见9城有多少次按时维护？多少次按时开服？多少次给我们玩家满意？等吧，实在不行上论坛去吼两句。</t>
  </si>
  <si>
    <t xml:space="preserve">浪漫庄园里放机器的房间温度太高怎么办？ </t>
  </si>
  <si>
    <t>待在温度高的房间体力不会增加可以制作电风扇，好像是红色的那个机器里能做。要买秘籍的一个电风扇减掉10°要加热就制作暖炉，一个暖炉提升20°（机器里也能制作，或者去用乐游券抽奖也可能有）</t>
  </si>
  <si>
    <t xml:space="preserve">我45的wx能进fb吗我现在45的wx,装备可以,45的黄金锤, </t>
  </si>
  <si>
    <t>劝你先别进了``45去杀到怪还好.到了60级左右你再去也不迟,因为那是的怪大多都是法怪,要是你60级打就不好了.所以到了60级左右再去~</t>
  </si>
  <si>
    <t xml:space="preserve">本人的目标100级3力1敏金有高手给指点一下100级敏力金的前途? </t>
  </si>
  <si>
    <t xml:space="preserve"> 本人也是敏力  谈下本人100后的感觉  100后都进入了 法术的时代 主要就是刷道 FM   而FM 根本没抗法的怪  基本力 速度慢 还秒的不高 （甚至连5法的蓝都不够  没潜能  5法技能都点不到160 ）所以为了要求高效率  基本上FM 很排斥力  基本都悲剧  象有朋友的话 还不介意  不然很难混  敏力 基本速度比FM 怪快 只要做套金装 还是有人组的（力FM 每次5法 只能用玲珑 真花钱啊）但是修行 杀BOSS  缺少力 行么？ 其实这也是力的悲剧啊  需要时候满世界叫  FM理 都不理  希望1.40 出来后能改善下我朋友都叫我改成敏的  但是 既然选了这条路 我希望自己能走完下去 混100 其实也是种好想法 但是以后系统还是升级的  不能永远停留在一个层次  玩游戏开心 最主要  不要被游戏 给牵制住了  ^^</t>
  </si>
  <si>
    <t xml:space="preserve">婴儿晒太阳隔着玻璃窗是否有作用？ </t>
  </si>
  <si>
    <t>没有作用，要露天，最好接触皮肤</t>
  </si>
  <si>
    <t xml:space="preserve">旧情是否还会回来我是一个小三，和他认识了三年，经历了风风雨雨，他 </t>
  </si>
  <si>
    <t>我觉得如果这时候我说些安慰的话来安慰你 是对你的不负责任 这是你自己的问题  人家都明确表态不爱你  你自己执迷不悟  所以苦果还是你自己承当  你该醒了</t>
  </si>
  <si>
    <t xml:space="preserve">关于时间水晶~~高手进！LV6的时间水晶使用开始后，可不可以随时 </t>
  </si>
  <si>
    <t>吃了时水会把你的工作时间恢复6小时（时长服则恢复到满）时间水晶无法突破卡时上限（时长6小时/道具9小时）这一点要特别注意，也就是说你在没有卡时的情况下2个6级时水也只能恢复你6/9个小时使用之后会出现一个气绝回复的声音，然后卡时补满，使用后并不开始计算打卡，需要在打卡处或者使用随意工作卡来开始启动打卡到打卡处取消/使用随意工作卡/登出都可以停止打卡</t>
  </si>
  <si>
    <t xml:space="preserve">一份感情，从恋人到朋友，还能在到恋人吗？ </t>
  </si>
  <si>
    <t>感情是藕断丝连的，如果你们曾经是恋人，只要不是伤的太深，那就从新开始吧，这样能够更好的了解对方。朋友，努力吧！相信自己，相信朋友！</t>
  </si>
  <si>
    <t xml:space="preserve">中国对外政策的立足点是1独立自主的原则2和平共处五项原则你选哪个 </t>
  </si>
  <si>
    <t>选1。中国的外交政策的先提就是独立自主。</t>
  </si>
  <si>
    <t xml:space="preserve">我家宝宝8个月，现在吃米粉，每天外加一个鸡蛋，最近几天我发现宝宝? </t>
  </si>
  <si>
    <t>不是。</t>
  </si>
  <si>
    <t xml:space="preserve">您好我想解绑手机号，但是我以前是用手机注册的微博用户名，所以我想? </t>
  </si>
  <si>
    <t>你好，用手机号注册的微博用户，目前无法更改、解除绑定手机号。（赠人玫瑰手有余香，如果回答有用，请点“好评”，谢谢^_^!）</t>
  </si>
  <si>
    <t xml:space="preserve">臭脚严重怎么办？我儿子脚臭非常严重，每天洗脚换袜子都非常臭，难过 </t>
  </si>
  <si>
    <t>臭脚汗脚的原因 人之有脚犹如树之有根,树枯根先竭,人老脚先衰,双脚如树根.治脚治全身,脚为人体的第二心脏。很多人在每天脱鞋袜时都会有阵阵不停的臭味散发出来，臭味的浓淡深浅则因人而异，因人的脚和鼻子而异，如果不幸在正式社交场合，如吃日本料理，出差住，打保龄球，高尔夫球换鞋时或有异性在场的约会时，那更是令人尴尬，甚至影响别人对你的印象，认为你这个人卫生有问题那就不好了。   脚为什么会臭呢？基本原因就是脚心多汗的缘故，脚心每平方厘米有620个左右的汗腺而身体其它部位仅有140－340个明显的多很多，而每支脚有250000个汗腺，每天产生出一杯250ml的汗水之多，由此可知脚心多汗是个严重的问题，尤其是天气闷热精神紧张运动激烈吃麻辣喝热汤时更是大量分泌汗液出来，汗腺的成分除了基本的水分几盐分外还含有乳酸及尿素及皮肤组织中的脂肪蛋白。   在密闭的鞋内，长时间空气无法流通加上脚体温的热度作用，汗液内的脂肪蛋白，乳酸及尿素加速地腐化分解，分解后的残质一直不停的累积在鞋内愈来愈多愈厚，始终化不掉且离不开鞋内，累积到了一定程度的浓度时，总而言之长时间累积的汗液潮湿的环境和温暖密闭的空间，是造成脚臭的三大原因，去除脚臭的原理就是把这三大原因消除或改善。   脚臭是个普遍存在的问题。一般来说不是疾病也不是细菌感染除非染上脚气脚癣不然的话脚臭也不必吃药打针。因它不是疾病，没有病因哪来的药可配，吃药自然就无效了。脚臭可以说是一种文明病，在愈文明，人与人接触交际愈多的地方，影响愈大，也造成愈大的困扰。试想一个穿拖鞋短裤的人他的脚臭很臭可能被视为很当然，而一位西装革履的绅士的脚有点异味就可能引来一阵嘲笑，甚至被降低身份地位。如果你不幸有了脚臭的毛病，每天心惊胆战，怕被发现，又无法吃药治疗，每天洗脚，搓脚，磨脚，常常更换新鞋新袜都去不掉这种讨厌的臭味时，你就会深深了解有这种小毛病的大麻烦是多么的痛苦了，要去除脚臭其实不难，只要方法与路线走对，就很容易了去除脚臭。首先，先要了解造成脚臭的科学原因，要用高科技的方法来对付它。不就是易如反掌如探囊取物了吗？ 每逢夏天就有不少人问我脚臭怎么办？如今人们聚会，交往的机会越来越多，脚的臭气常常令人尴尬，其实，脚臭不仅影响情绪，有些人还为脚臭背上了包袱，甚至产生自卑感，那么，脚为什么会臭呢？这是由于脚么多汗的缘故，脚心每平方厘米就有620个汗腺，而人体其它部位仅有143－339个，也就是说平脚心比其它部位多每2－4倍的汗腺，人们运动时，天气闷热，精神紧张时，吃辛辣热烫的东西的时候，汗液里就会大量分沁出来，汗腺里除含水分、盐分外，还含有乳酸及尿素，在许多汗的条件下，脚上的细菌大量繁殖，并分解角质蛋白和汗液中的尿素、乳酸，这样就出一种臭味，如果穿的又是捂得很严实的旅游鞋、球鞋、皮鞋，空气不流通，臭味越积越浓，一旦放松鞋带，这种臭味就会如山洪块堤似地冲了下来。使患有脚疾的人感到很难为情，也影响周围的环境。 疗方法如下; 水杨酸40克(份)加水60克(份)搅拌均匀,用棉签蘸药液涂抹脚底部,每天一次10分钟,重点涂前脚掌.连续3-5天可愈.</t>
  </si>
  <si>
    <t xml:space="preserve">转职前可以穿D装吗？转职前可以穿D装用D武器吗？ </t>
  </si>
  <si>
    <t>20级以前D武器可以用，只是命中会比较低，但你拿个D顶的武器去砍新手村的狐狗中一下也死了；但20级以前D防具就不要穿了，否则你会象个蜗牛似的走不快，只要你到了20级，不管转没转职都自动有了精通D级专家这个被动技能，所以20级后转没转你都可以正常使用D装备。</t>
  </si>
  <si>
    <t xml:space="preserve">用指甲刀剪脚趾甲时指甲一碰就裂是怎麽回事？ </t>
  </si>
  <si>
    <t>不知道你发现没有，人的指甲在小孩子时是比较软的，剪指甲时不易碎裂，随着年龄的增加，指甲变得越来越硬、越来越脆，特别是干燥的天气，更加明显。原因是人体内缺乏某种微量物质所致，具体缺少什么微量物质，我还说不好。为了避免剪指甲时指甲脆裂、碎渣乱蹦，只能在剪指甲之前用温水泡一下脚，然后再剪指甲，这样会好一些。</t>
  </si>
  <si>
    <t xml:space="preserve">福州周末可以带老人去哪里游玩适合 </t>
  </si>
  <si>
    <t>老建筑群的话，三坊七巷、福州上下杭都很好。三坊七巷因为重点保护了一下，以前古老的真正福州的感觉没有那么强烈了，但是不得不说很多故居还是挺有意思的。上下杭保护力度不大，真正的福州味儿，就是太破旧，要是有当地人（指的是熟悉上下杭一带的人）带着，可以去看一些有点旧但是特别有感觉的建筑。风景的话，鼓山不错，也有人文底蕴，摩崖石刻啊涌泉寺啊什么的；森林公园风景真心好，最近开发得很不错，春天看桃花啊很赞的~就是不知道现在桃花还有木有了，有几条登山道，沿着溪水的那条不陡而且流水潺潺感觉挺好。逛街的话高档一点就去各种万达呗~低端一点学生街不错！而且学生街的小吃很好吃的！</t>
  </si>
  <si>
    <t xml:space="preserve">战斗弓还有用吗？有人收留吗？哎。这游戏玩起太郁闷了。我已经痛下决 </t>
  </si>
  <si>
    <t>我非常的爱弓这个职业. 至于受点歧视，有时候是可能的虽然练起来辛苦点战斗弓，进副本常常被踢，经常郁闷，后来我就干脆单刷，结果发现单刷经验一样的不低，要不然就是专门只组战斗弓，要不然刷野外，要不然刷副本，战斗弓一队相当的强，特别是刷副本打BOSS的时候，每个人轮流用强力一击，打得BOSS站都站不起来，本来攻也不低，一会就挂了。相当的爽。 所以说战斗弓就应该团结起来。要活就活个样子出来，不是没有我们的地盘，而是我们自己创造地盘，呵呵。加油。</t>
  </si>
  <si>
    <t xml:space="preserve">2G物理内存怎么设虚拟内存？1.物理内存2G，究竟设不设虚拟内存 </t>
  </si>
  <si>
    <t>每台电脑都有虚拟内存，你的电脑有2G内存也需要虚拟内存的一般虚拟内存是你的内存容量的1-1.5倍，由于你的内存容量较大，可以设置为2G左右就可以了。在系统中，虚拟内存默认设置在C盘，如果你的C盘容量较小，可以将其设置到其它盘。设置方法：在桌面选中“我的电脑”右击鼠标——属性——打开系统属性对话框——高级——点击设置按钮——高级——虚拟内存——更改——点击设置按钮——设置好初始值、最大值——确定即可。</t>
  </si>
  <si>
    <t xml:space="preserve">多普达C730W有行货吗？ </t>
  </si>
  <si>
    <t>已经停产了。不过，建议你用D600，这款机器性价比很高，男女通用。要想玩机的话，就去中关村淘一个838吧，用的人比较多。</t>
  </si>
  <si>
    <t xml:space="preserve">怎样用最少的资金装修出好房屋我家的小别墅座落在云南省玉溪市大营街 </t>
  </si>
  <si>
    <t>好地方 在没有看到具体面积的时候，任何一种计算都是一种估算的方式，所以我只能把自己常常用到的估算方式复制在这里。 第一，墙基层处理{走电线后的弥补，墙缝隙处理，保温层间隙弹性腻子，建筑门洞修补，对于特殊需要位置的整体挂布，的确良就行，丝格布更好} 每平米3元。小提示：如果您的基层相当的好，这部分钱可以省下。这一部分在装修的报价中是看不到的，一般情况下会做到墙体涂料中，或者墙面基体修补中，一般的标明方式：墙体找平修补，以实际发生量计算。但是对于一般做过电子开槽或者内墙保温等方式下，都要整体施工。 第二，墙体涂料粉刷墙衬加富亚六合一植物漆，每平米27元。小提示：如果您使用底漆模式，那么可以使用821，如果不是，那么尽可能不要使用 821腻子，因为容易起泡脱落，颗粒大，墙体尺寸一般是按地面积乘以3。5为墙体面积，但是一般会多一些，所以乘3就可以了，不过为了准确还是以现场情况处理。 挑选涂料的基本办法：打开盖后，真正环保的乳胶漆应该是水性无毒无味，一段时间后，正品乳胶漆的表面会形成很厚的有弹性的氧化膜，不易裂，用木棍将乳胶漆拌匀，再用木棍挑起来，优质乳胶漆往下流时会成扇面形。用手指摸，正品乳胶漆应该手感光滑、细腻。在选购时要看一下成分，优质涂料的成分应是共聚树脂或纯丙烯酸树脂。 第三，厨房卫生间墙地砖每平米大约75元，报损与地面可以相同（墙面用普通工艺镶贴各种瓷片每平方米需普通水泥11kg、中砂33kg、石灰膏2kg。柱面上用普通工艺镶贴各种瓷片需普通水泥13kg、中砂27kg、石灰膏3kg。）挑选方式可以参考地砖的方式。 第四，卫生间设备每套大约2000元（坐便器、洗手盆、龙头、洗浴套件、镜子、纸盒、皂盒、毛巾杆、托盘、地漏、浴霸）。小提示：现在市场有一些比较便宜的卫具，但是质量相当的差，所以建议不要使用太便宜的。 {推荐洁具：亚陶、美标、箭牌} 第五，厨房橱柜每延米大约900元，（水晶板、亚克力、烤漆等，但是不包括品牌，还有龙头、水池） 第六，吊顶每平米大约50元 第七，阳台墙地砖每平米60元，需要注意尽可能不要使用胶霸粘贴，因为味道过重。 第八，阳台衣架巧太太每套230元，安装人员单收10元，总价为240元，记得索要保修凭据，因为这些东西是由厂家保修的。 第九，套装门建议使用复合实木会结实一些，每套大约950元，{包括百乐门锁，加厚合页，门吸}。小提示：如果不是因为资金问题建议不要使用贴面门的密度板门了，不太结实，如果一定要使用可以使用三套合页 第十，卫生间门建议使用微分子结构，可以很好的起到防水性，每套大约850元{配件与其它的相同} 第十一， 卫生间防水每平米19元。 第十二，电力改造大约3500元，{供电线路，电线管、万能角铁（30×30，40×40）、膨胀螺栓M8、镀锌管接头、锁紧螺母、接线盒、塑料护口、铁壳软管、管卡子、圆钢条φ6~φ8mm、电焊条、镀锌铁丝、铝条、圆锯片（砂轮片）、机油20#。照明 2.5mm2铜芯双包电线 BVV2×2.5mm2，BVV2×1.5mm2（开关）。空调等设备 4~6mm2铜芯电线 BVV2×4mm2。进户线不小于 10mm2。弯曲系数1.6，黑胶布2卷/100m，穿电线用24#细铁丝：0.2kg/100m。照明电路，灯具、电器控制箱、开关盒、插座、安全保护开关。双眼单插座、三眼单插座、双插座、空调机插座、插座板。品牌建议使用松本电工、国际电工TCL、百胜电工、奇胜电工，西门子也是不错的选择，只是容易出现假货，对于不太了解市场的业主要谨慎。}小提示：一般开关工作电流10A，1.5匹以上空调选用15A插座，1.5匹以下空调选用10A插座，安装高度不低于2.2m。插座回路漏电开关额定电流16A-20A，照明回路断路器10A-16A，空调回路16A-25A，总开关带漏电型32A-40A。开关离地1m，插座离地30-50mm 第十三，水路改造大约2000元{浴盆存水弯Dg50。镀锌钢管Dg15、Dg20、Dg25。镀锌弯头Dg15、Dg20、Dg25。橡胶板。水管封口胶带。机油。镀锌管箍Dg15。木螺钉L32~50mm。大便器存水弯Dg100。镀锌活接头Dg15、Dg25。管卡子。大便器胶皮碗。螺纹截止阀门（J11T -16Dg15）。水箱进水嘴Dg15。铸铁下水管Dg50。存水弯（生铁）S型Dg50。供水管、水阀、各种弯头、排水铸铁管、地漏。损耗量5%} 第十四， 灯具大约为3000元{镜前灯、客厅大灯、卧室灯等}一般中小型公司是不收安装费的，因为这部分钱已经在电力改造中。 第十五， 垃圾清运200元，这个问题很多人都提到过，一般的装修公司并不管运走垃圾，如果不是只是放在门外的话，那么没必要给，一定要装修公司给运走，对于业主来说找车等事情都麻烦，而装修公司太容易了。 第十六， 清洁费200元，很多的装修公司现在会与一些做卫生的有联系，价格大约从150-300元不等，打扫的不错，业主再亲手打扫也就容易多了。 第十七， 管理费1500元。一般的装修公司在管理费上只写明一般日常性管理，这是很含糊的说法，一定要在合同中标明都有什么样的细节管理，如果做不到就扣他们钱。 我所为您提供的是一个基础报价，相对的价格还是合理的，但是为了防止造价中的差距，所以我强调为基础报价，但是就算是套用的一种预算方式，我也会根据您的尺寸做相应的调整，所有的价格与市场的波动有很大关系，地区不同价格也会有所不同，而且如果您找到的是一家一级资质的装修公司，那么会比这个价格更高一些 。</t>
  </si>
  <si>
    <t xml:space="preserve">小狗吃了火腿肠的皮，上面还有铅我家的小狗狗，三个月大了是小斑点狗 </t>
  </si>
  <si>
    <t>你好:放心吧!小斑点不会有事的.你没有发现你的狗狗与前几天有什么不同吧？因为：第一、那点封皮不是铅,是铝，是轻金属，无毒性。就算是铅，这么一小点封皮吃下去也不碍事的。第二、小斑点也许根本就没有把封皮吃下去，是你看走了眼。第三、你朋友也许是跟你开个玩笑罢了。</t>
  </si>
  <si>
    <t xml:space="preserve">新生儿的生理性黄疸和病理性黄疸的区别？ </t>
  </si>
  <si>
    <t>黄疸是新生儿期常见的现象，包括生理性黄疸和病理性黄疽，应予区别。　１．生理性黄疸生理性黄疽是新生儿的一种特殊生理现象，正常新生儿女几乎都有。其特点是：①出生后2～3天出现黄疸，皮肤呈浅黄色，巩膜（白眼珠）微带黄色，尿稍黄，无不适表现，第4～6天黄疸最明显，足月儿在出生后第10～14天黄疸消退，早产儿可能延至第3～4周消退，②血清胆红素测定：足月儿低于12mg／dl，早产儿不超过15mg／dl，以未结合胆红素（亦称间接胆红素）为主，结合胆红素不超过1.5mg／dl。产生生理性黄疸的主要原因是新生儿体内产生胆红素过多，而肝转化、排泄胆红素能力差，致使胆红素堆积于血中而发生黄疸。因系生理现象，无需处理，可多饮葡萄糖水，促进利尿，排出胆红素。　２．病理性黄疸由疾病引起。其特点是：①黄疸在出生后24小时内出现，或1周后出现，或黄疸消退后又复出现。②黄疸持续时间长超过生理性黄疸的时限。3黄疸过重，血清胆红素超过了生理性黄疸的数值。病理性黄疸常见于新生儿溶血症、红细胞6-磷酸葡萄糖脱氢酶缺陷、新生儿败血症、新生儿肝炎、新生儿胆道畸形、克汀病、头颅血肿等，一旦发现病理性黄疸，应立即就医诊治。</t>
  </si>
  <si>
    <t xml:space="preserve">公民可否在中国人民银行直接用人民币兑换美金? </t>
  </si>
  <si>
    <t>不行，人民银行不办理此业务，可到外汇指定银行办理，如中国银行、工商银行等等。目前我国仍实行外汇管理制，人民币仍不能自由兑换成外币，如你因留学、旅游、就医、学校或考试报名等等，可凭相关证明，如签证、护照、学籍证明、费用清单、地市以上医院证明、报名资料等，到银行办理。</t>
  </si>
  <si>
    <t xml:space="preserve">各位“菲迷”：请帮忙解答一个关于《大长今》的问题。这段是哪一集中 </t>
  </si>
  <si>
    <t>是第三集的</t>
  </si>
  <si>
    <t xml:space="preserve">黑莓，蓝莓是哪个公司的机子?黑莓是哪个公司哪个厂家生产的机子?何 </t>
  </si>
  <si>
    <t>黑莓手机是加拿大Research In Motion公司于1999年前后推出的一款通讯设备。相对于其他手机注重通话 短信 摄影摄像 玩游戏等诸多功能的设计，黑莓手机的特点在于其强大的无线网络电子邮件收发功能。说白了，它就是一个附带通话功能的无线移动电子邮件终端系统，而且这个通话功能还是在其经典产品6230中才加上的，此前它仅仅能收发电子邮件而已。由于它的键盘和普通手机的设计不同，采用了标准QWERTY全尺寸键盘的设计，诸多黑色字母键和附加键拥挤在小小的通话器下方，看上去酷似草莓表面的一粒粒的种子，因而它得名黑莓。黑莓手机功能强大，个性十足。不过目前中国移动针对黑莓手机给出的服务合作方案已初步明确，只面对集团用户，黑莓业务资费为398/月和598/月两种，暂不提供面对个人用户的服务。</t>
  </si>
  <si>
    <t xml:space="preserve">什么叫有源相控阵雷达它的优点是什么?我国的研发及装备如何? </t>
  </si>
  <si>
    <t xml:space="preserve">有源相控阵是未来雷达发展的一个重点方向。有源相控阵雷达内有大量的收/发代替了传统型的独立的发射机和接收机。这些组件安在平面阵上，形成了天线。如同垂直面内的电扫描可用移相进行，有源阵的电扫描可在方位和仰角上控制。每个组件都有自已的发射和接收天线，因此发射的脉冲信号各自独立，这样相位控制也是各自独立，达到整个波束能指向所需的目标。该雷达能量以笔形波束聚焦，在方位和仰角上执行一般警戒扫描，或直接指向特别重要的区域，如有大量目标的区域或有干扰的区域。扫描角一般在±60°以上，虽然天线口径的减小会引起雷达性能随着角度增加而下降。相控阵系统有一个或多个阵列面，每个阵列面有几千个独立的收/发单元，每个单元用数字相位控制作波束扫描。用三个或四个阵列面，就可指向不同方向，所以天线不需作机械移动就可达到整个方位的覆盖。方位和仰角覆盖角达60°以上时，任意两个方向间的波束转换仅需重新作相位控制的时间限制，比典型的无源阵列的0.25ms小的多。换句话说，如果天线以传统方式旋转，那么电扫描方式就加长了对有严重杂波或干扰的目标的探测，提取的信息量就加大了。在海上应用中，可用电控制卷动和调节，这就减小了机械复杂性和重量。这点对安装在船桅上的设备来说是很重要的。1缓慢降级传统型雷达有一发射机，它需要大的电压来产生大功率输出，如果发射机出故障，那么整个系统就失效了。同样，垂直面内的相控阵其发射机也常是唯一的，因此，仰角波束就可以通过相对少的接收通道形成。2多波束有源相控阵应用于多目标和强干扰情况下有其突出优点。变化的脉冲方向图和捷变频发射可用以对抗敌方的ECM和建立详细的警戒区域方向图。先进的波束形成技术就可达到多波束接收，并可对主波束和旁瓣间的噪音进行自适应对消。天线阵可对多个子阵同时作波束形成，每个子阵馈电给相应的接收机。即同相又正交的输出信号就可以数字化，并且经复数加权产生和、差及旁瓣波束输出。那么在这些接收通道内就可确定出可能的干扰源，并在每个干扰源处产生零点波瓣。例如：有15个接收机通道，那么在主波束和旁瓣间为了有最佳对消，干扰源可达到15个(可以是噪声也可以是脉冲干扰机)。多功能有源阵列雷达适用于密集型干扰环境中对横截面积很小的导弹的探测。对现代化的武器系统，雷达可提供大量的火控通道，同时跟踪敌方的防御导弹，对一般的武器，还可提供中程控制。摘自雷达信息网 </t>
  </si>
  <si>
    <t xml:space="preserve">非英语专业的学生可以考英语专四和专八吗 </t>
  </si>
  <si>
    <t>非英语专业的不能报考英语专四和专八.而且限于在在校生.</t>
  </si>
  <si>
    <t xml:space="preserve">哪里有菜种卖啊？请问南宁市区哪儿有菜种卖啊？ </t>
  </si>
  <si>
    <t>亭子农贸市场应该有（圩日好象是周日、周六）</t>
  </si>
  <si>
    <t xml:space="preserve">账号能冻结吗我现在不能玩了要等以后才玩现在能把账号锁了吗以后还能 </t>
  </si>
  <si>
    <t>可以向客服咨询一般都有锁定账号功能</t>
  </si>
  <si>
    <t xml:space="preserve">怎么改变午休的习惯啊我以前一直有午休的习惯，现在换工作了，中午没 </t>
  </si>
  <si>
    <t>多次睡眠法,当你晚上睡觉醒来后,喝杯茶,稍停一会儿再睡,白天再稍微打个盹,就可以了.比如你一天必须睡8个小,那么你一次睡两个小时,停一下再睡两个小时,你分几次去睡,睡眠质量比一次睡够要好得多.</t>
  </si>
  <si>
    <t xml:space="preserve">马氏茶是治疗什么病的药？我长了火疖子，怎么有朋友推荐我喝马氏茶啊 </t>
  </si>
  <si>
    <t>马氏茶（中草药配方），口感好。有平肝、祛火、排毒散瘀等功效。对口腔溃疡、急慢性咽炎、感冒、便秘、痔疮、脂肪瘤、小叶增生均有良好功效，对肝脏也有很好的消炎作用。经周围人饮用，效果甚佳。上火是日常中十分常见的一种症状及体征，如面红目赤、咽燥声嘶、疖肿四起、红肿热痛、口腔糜烂、牙疼肿胀、烦燥失眠、鼻衄出血、舌红苔黄、尿少便干、发热出汗等。这些表现在中医上属于热症和火症的范畴，其原因多是风、寒、暑、湿、燥邪，侵入机体生热化火的结果。此外，脏腑机能失调、精神过度刺激、生活丧失规律，也能引起上火。 从西医角度来说，上火表现多见于急性感染性疾病，如急性咽喉炎、牙髓炎、口腔溃疡、眼睑炎、结膜炎、尿路感染、便秘、皮肤疖肿、蜂窝组织炎等，也见于结核病、高血压、植物神经功能紊乱、甲状腺机能亢进以及癌症晚期等一些慢性疾病。 上火可按病因病机不同，分为两类症候，即实火和虚火。 实火多由于外感六淫（风、寒、暑、湿、燥、火）所致，此外，精神过度刺激、脏腑机能活动失调亦可引起。实火患者表现为面红目赤、口唇干裂、口苦燥渴、口舌糜烂、咽喉肿痛、牙龈出血、鼻衄出血、耳鸣耳聋、疖疮乍起，身热烦燥、尿少便秘、尿血便血、舌红苔黄、可有芒刺、脉实滑数。治疗上宜采用苦寒制火、清热解毒、泻实败火的原则和方法。 虚火多因内伤劳损所致，如久病精气耗损、劳伤过度，可导致脏腑失调、虚弱而生内热、内热进而化虚火。根据病机不同，一般将虚火进一步分为阴虚火旺和气虚火旺两种病状。阴虚火旺都多表现为全身潮热、夜晚盗汗、形体消瘦、口燥咽干、五心烦热、躁动不安、舌红无苔、脉搏细数。治疗时应以生津养血、滋阴降火为原则。气虚火旺者表现全身燥热、午前为甚、畏寒怕风、喜热怕冷、身倦无力、气短懒言、自汗不已、尿清便溏、脉大无力、舌淡苔薄。治疗时应以补中益气、强肾兴阳、甘温除热为原则。 综上所述，实火和虚火不仅病因、病机、临床表现不同，而且治疗原则及具体治法也有所不同。如果不管上火是实是虚，而一律用同一方法清热败火，则有可能非但治病不成，反而加重病情。因此，上火时，首先分清实火还是虚火后，再决定治疗方案，是一件十分重要的事情。 具有清热败火作用的食物种类较多，一般针对上火时不同症候可分下列几类： （1）清热解毒类：如菊花、黄瓜、板蓝根、番茄、竹笋、绿豆、豆腐、芹菜、荸荠、菱角、马齿苋、金针菜等，多有抗菌消炎作用，适用于各种实火症候。 （2）苦寒制火类：如苦瓜、苦菜、厥菜、丝瓜、田螺、茄子、小米、荞麦、兔肉、田鸡等，可以寒凉之性化热降火，多用于实火症。 （3）利湿泻火类：如冬瓜、西瓜、薏仁、扁豆、大麦、苋菜、甜瓜、赤小豆、黑鱼、鸭肉、鲤鱼、鲫鱼、泥鳅、莴笋、绿豆芽、鸡内金等，适用于各种实火症候。 （4）攻下实火类：如大黄、知母、黄连、黄芩、香蕉、芹菜、马铃薯、芝麻、桃仁、海蜇、白萝卜等，适用于小便短黄、大便干结、口干口苦、腹胀纳差等症候。 （5）凉血敛血类：如莲藕、梨、荸荠、生地、木耳、黄鳝、糯米、藕粉、荠菜、玉米须、芒果、鳗鱼、竹叶、白茅根、马齿苋等，可用于鼻衄、便血、尿血、牙龈出血等血热妄行的情况。 （6）甘温除热类：如党参、白术、白菜、荔枝、栗子、大枣、胡桃仁、百合、黑芝麻、燕窝、蜂乳、高梁、茴香、刀豆、芥菜、樱桃、石榴、乌梅等，适用于气虚火旺的病况。 （7）滋阴降火类：如甲鱼、海带、紫菜、海参、菠菜、猪血、猪肝、红糖、乌鸡、南瓜、蛤蜊、银耳等，多用于阴虚火旺、五心烦热、潮红盗汗、夜不能寐等症。 （8）补脏熄火类：如黑豆、山药、花生、牛乳、薏仁、白木耳、鸽蛋、鹌鹑、雀肉、鳝鱼、羊肉、狗肉、韭菜、桑椹等，适用于因脏腑虚弱、阳气不举所致的各种虚火症候。 进行上火食疗时，应当注意遵循下列一般原则： （1）饮食品种要以松软稀酥、易于消化和吸收的食品为主，副食菜肴以蒸炖煮烧的品种为主，少食爆烤煎炸一类难消化的油腻之物。 （2）多摄入水分，以补充机体上火发热时水分的丧失，并可促进新陈代谢，生津利尿，加速毒素的排泄和热量的散发。 （3）不吃辛辣燥热的食品，如辣椒、干姜、生蒜、胡椒、浓茶、烟草、烈酒、咖啡、大葱等，以免生热助火、灼伤津液、加重病情。 （4）实火者宜多食寒凉清热食物，如绿豆、茄子、冬瓜、丝瓜、苦瓜等，忌讳助阳兴热的食物，如韭菜、羊肉、狗肉、雀肉、高梁、龙眼、樱桃、杏子等。 （5）虚火者应注意补充银耳、百合、桑椹、蛤蜊肉、龟肉等补益滋阴食物，不宜多食生冷瓜果以及各种寒凉食物。 （6）要重视“辩证施食”，分析上火虚实，有针对地进行食疗，选择清热败火的食物。 如果不分实火还是虚火，一概而论，则往往得不到好的疗效，有时甚至还会加重病情，“火上烧油”。这就是一些患者不注意辩证施食，盲目自诊自疗而效果不佳的原因所在。吃水果败火 番茄切片盛盘，在上面洒白砂糖，要精幼的那种，然后用保鲜纸包好放冰箱，1小时后服用。败火，也很好吃的。 柚子不但营养价值高，而且还具有健胃、润肺、补血、清肠、利便等功效，可促进伤口愈合，对败血病等有良好的辅助疗效。 梨又被称作快果、玉乳 ，因鲜嫩多汁被称为“天然矿泉水”。具有清热解毒、生津润燥、清心降火的作用。对肺、支气管及上呼吸道有相当好的滋润功效，还可帮助消化、促进食欲，并有良好的解热利尿作用。每天吃上一到两个梨可有效缓解秋燥。 葡萄能滋养肝肾之阴分，止消渴，润筋骨，利目视，而且降火的效果不错，又能通肠胃，是暑热季节非常有益的水果. 柿子味甘涩，性寒。其所含的维生素及糖分要高出一般水果一到两倍。可以养肺护胃，清除燥火，经常食用能够补虚、止咳、利肠、除热。 橘子、芒果、榴莲、荔枝吃了容易上火，要注意。 蔬菜败火 冬瓜 性冷的食物，如萝卜、莲子、苦瓜、甘蓝菜、花椰菜</t>
  </si>
  <si>
    <t xml:space="preserve">强烈要求GM封号本人是十二区炎天星移的,本区有两个极度变态的人. </t>
  </si>
  <si>
    <t>我只说2个字:盗 号</t>
  </si>
  <si>
    <t xml:space="preserve">什么是酒精饮料？都有那些? </t>
  </si>
  <si>
    <t>纯酒精饮料有:白酒,如二锅头等.带有酒精饮料有:啤酒,葡萄酒青岛啤酒和长城干红等.无醇酒精有果酒,蓝带荔枝啤等.</t>
  </si>
  <si>
    <t xml:space="preserve">我是上海的考生，今年中考因为志愿没填好，只能进综合高中，怎么办？ </t>
  </si>
  <si>
    <t>警告！千万不要复读，你已经痛苦一次了，还想再痛苦吗？进了什么高中并不重要，并非好的高中出来就是准名牌大学学生了。看得出你是个自尊心很强的人，但有时候，不妨先放下你沉重的自尊心，客观、冷静得看清你自己。你是不是一个为了中考而活的人？你是不是打算让中考失利的阴影一直陪伴你终生？你是不是真的爱你自己？如果你想清楚这些问题，就应该静下心来，为自己的烦恼一笑了之，有计划有目标的工作学习能够让你变得积极、充实。三年后又是一条好汉！另外，说句实话，这次中考我的成绩也不很理想，但我坚决不要借读。考什么样就进什么学校，将来还是要用实力说话的，一般的学校不能阻挡我的成长路啊！既来之则安之。按照往常去生活，去思考，便是我现在最大的快乐！希望能成为朋友！</t>
  </si>
  <si>
    <t xml:space="preserve">海上造桥时，水下基础部份是怎样施工的？造桥时，水下基础是怎样施工 </t>
  </si>
  <si>
    <t>海上造桥的原理应和江,河里一样1.如果水流不急,水也不深,可以用围堰,当然,围堰有好多种,有人工围堰,有钢围堰,一般在水深流急的地方,不用人工围堰也不用深井了,现在多用钢围堰,在海上,那当然是钢围堰了,还要做水上施工平台,在长江在的大桥也多用此法,沉井基本不用了2.水下基础多是打钢管桩,然后在里面下钻机,进行钻孔,然后在进行水下砼的浇筑3.三两句话也说不太清,你可以看看桥梁施工技术,或者找相关的书来看</t>
  </si>
  <si>
    <t xml:space="preserve">如何在新浪博客里添加sohu博客好友！！！1我想在新浪博客里添加 </t>
  </si>
  <si>
    <t>chinalvy您好：外网网友是无法添加为好友的，互相访问是可以的，但无法留下访问记录，并且无法留言。您可以选择将网友博客链接到您的博客，在您的博客直接点击友情链接即可到达他的博客（或您设定的其他网页）。请登陆您的BLOG之后，点击【模块】将 [创建列表模块] [管理]点击进入，在列表模块填写标题：【友情链接】保存，再将该模块前部的口勾选后确定，这时，【友情链接】模块就会在您的首页展示。成功显示后，将箭头移到你想要移动的模块边框上，待出现十字光标后，左键点住，上下移动到你想要放的位置即可。添加友情链接步骤：1、点击【友情链接】旁的【管理】进入编辑，2、点击【友情链接】标题，您可以自定义此标题，3、点击【添加】，在【链接标题】里输入朋友的名称（博客或网站的名称），4、在【链接url】框里填加网友的地址，再输入介绍（可不填写），点击下方的“保存”就完成了。5、如果要输入多个网址，再点击“增加”，重复操作，就可以继续完成你需要加入好友的所有链接。最后点击下面的“保存” 。祝愉快！工作顺利！</t>
  </si>
  <si>
    <t xml:space="preserve">服装搭配我有一件裸色系的毛衣，想问要搭配什么颜色的裤子和围巾，能 </t>
  </si>
  <si>
    <t>可以配浅色的牛仔裤卷上一点穿高跟鞋和高帮靴都很好看，或者配亮色的打底裤和暗色的鞋子也可以，围巾的话建议不要搭了，毛衣比较的厚加个围巾看起来人比较的笨重，可以披着头发的冷的话，看起来会小女人一些</t>
  </si>
  <si>
    <t xml:space="preserve">关闭浏览器后出现错误提示iexpiore.exe应用程序错误"0 </t>
  </si>
  <si>
    <t xml:space="preserve">解决程序错误,不能为read的问题 的最简单的办法: 1、硬件上的原因，主要是内存条不兼容，更换内存。 2、系统或其它软件引起的，可用下述方法处理： （1） 系统本身有问题，及时安装官方发行的补丁，必要时重装系统。 （2） 病毒问题，杀毒 ；杀毒软件与其它软件冲突，卸载有问题的软件。 （3）运行regedit进入注册表, 在HKEY_LOCAL_MACHINE\SOFTWARE\Microsoft\Windows\CurrentVersion\Explorer\ShellExecuteHooks 下，应该只有一个正常的键值{AEB6717E-7E19-11d0-97EE-00C04FD91972}, 将其他的删除。 （4）试用命令排除 开始－运行－ 输入cmd-- 回车，在命令提示符下输入下面命令 for %1 in (%windir%\system32\*.dll) do regsvr32.exe /s %1 怕输入错误，可以复制这条指令，然后在命令提示符后击鼠标右键，打“粘贴”，回车，耐心等待，直到屏幕滚动停止为止。 传个附件给你试试,下载后双击运行即可,保证好用 。 </t>
  </si>
  <si>
    <t xml:space="preserve">谁知道春秋笔怎么搞来的谢谢 </t>
  </si>
  <si>
    <t>求学习书，升级历练两不误不要以为《赤壁》里只有打打杀杀，全新读书任务更带来丰厚历练！也许你想读书放松下神经，也许你想与朋友商谈聊天，甚至你想瞌睡休息一下，那么你一定不能错过《赤壁》最新推出的读书任务。玩家只要前往长安城太学，找到NPC曹植，即可领取任务。通过选择借阅《诗经》、《尚书》、《易经》等著名中国古籍，而在玩家读书的这一个小时或者两个小时中，每一分钟都将带来丰厚的历练值奖励！这里需要注意的是，玩家需要用春秋笔”或者“格物尺”作为租金借阅书籍，而这两样东西只要玩家参加“千里追凶”活动就能获得，除此之外，还有更多的获得方法陆续被挖掘呢！温馨提示：切勿在野外读书，否则因为读书太过关注而遭受意外袭击的话那可是赔了夫人又折兵哦！</t>
  </si>
  <si>
    <t xml:space="preserve">小学数学题在线解答有两缸鱼，每缸内鱼的条数相等，从甲缸拿出152 </t>
  </si>
  <si>
    <t>原来两缸各有215条鱼。设原来两缸各有X条鱼。X-152=（X-194）x3X-152=3X-582X=215</t>
  </si>
  <si>
    <t xml:space="preserve">究竟眼镜戴好还是不戴好？有人说戴眼睛越戴越离不开而且眼睛还容易凸 </t>
  </si>
  <si>
    <t xml:space="preserve">近视眼镜是否应该常戴长期以来，有关近视是否应该常戴的问题在业界有很多的争论。经过专家的研究，并给合相关报道，本店提出以下几点供参考。1．近视眼镜是否应该常戴应根据近视眼的患者的性质和程度，以及年龄和职业不同区别对待。轻度近视患者，一般在-3.00DS以下，阅读或写字时不必戴镜。但是看远时一定要戴镜，这样近视度就不会增加，而且还可延绶近视的发展。因为视近时戴近视镜反而增加了眼的调节力，长期下去会增加近视的屈光度；看远时必须戴镜。而看近时不戴，近视会减少发展。有报道指出，儿童在生长期，视觉习惯已经基本建立，可以配戴眼镜，但不必常戴，最好是看远时戴，以弥补远视力不足，因为近视力正常，可以完成阅读和写字的任务，所以看近时没有必要戴眼镜。2．目前监床上采用"眼镜分开，眼药水长期滴"的措施，效果比较好，其目的是防止真性近视的屈光度增加，这就要求患者看远时戴近视镜，看近时用+1.00DS—+1.50DS的远视镜（此法称近雾辽法），其目的是使看书写字过程中，进一步松弛睫状肌（又叫反向调节），这对绶解睫状肌痉挛、松驰调节具有立竿见影的功效。特别适合于假性近视与混合性近视患者。近雾视镜的屈光度大小以阅读时眼部无明显不适为度。另外，为了防止近视的发展，每晚给患者在睡前点双星明眼药水2滴（此药水西药房或药店有售，其它眼药水也可），这样可使睫状肌得到充分休息，扩大的瞳孔到次日早晨可恢复，这样不影响白天的看书学习，以能使睫状肌得到紧张与松驰交替进行，对提高视力与解除视疲劳能够起到一举两得的效果，值得推广应用。而且这种做法易被患者接受，无副作用，专家正在进有关此疗法的控索。3．中高度近视眼的问题；眼科学者研究认为，一般提倡经常戴镜比较好。特别是高度近视眼患者，戴镜不但提高视力，而且促使调节与辐射处于平衡状态。4．几年来，国内外研究结果表明，引起近视眼的主要原因是距离阅读造成的，所以阅读距离保持1尺远是预防近视眼的根本措施。平时要注意用眼卫生，改正不良用眼习惯，不偏食，同时加强体育锻炼，增强身体素质。5．密切观察戴镜前后的视力变化情况，并保存记录，定期复查视力、眼位等相关项目，发现问题及时调整眼镜的敢光度及其它必要的有交治疗措施，以保持原有视力甚至在一定程度上促进视力提高，为未来的工作打下良好的基础，并可以根据年龄及职业不同需求适时戴镜，以减少或克服眼疲劳的发生。近视眼镜究竟是否应该常戴？这是每一位近视眼患者都十分关心的问题。现实生活中每个人的具体做法不同，就连眼科医生和眼科专家的回答恐怕也不完全一致。所以，这的确是一个值得探讨的问题。我认为，回答这个问题的答案不应该是一个，不应该千篇一律。而应当根据每个戴镜者的具体情况对待。一、 对于近视超过3.00度的中等近视，特别是超过6.00度的高度近视来说，他们的远视力很差，无论看远或看近都还是以坚持戴镜为好。因为他们如果不戴镜，远处的目标不可能通过自身的调节来看清楚。因而会影响他们对事物的判断力、分析力和欣赏力。不利于学习和工作，生活中也会遇到困难。虽然他们的近视力不错，但他们常需要把目标放得很近。这样不但容易引起视疲劳，而且还会促进近视的进展。比如一位6.00度近视者，他的远点有16厘米，看书写字的距离只能在16厘米以内。为此近距离的工作和学习，双眼必须处于较强的辐辏状态。眼外肌长期紧张收缩压迫眼球，加上眼内充血等等，都会促使眼压上升。对于发育中的青少年来说，无疑会促使眼球前后径加长，加速近视眼的进展。二、 对于合并散光的近视眼来说，我认为一般情况下也应该常戴眼镜。因为如果他们不戴眼镜，无论远近目标他们都不可能看得很清楚了。为此，他们不断调节眼与目标的距离，并不由自主地企图加强调节来改变视力。甚至以眯眼、皱眉、歪头等办法来弥补视力的不足，故很容易发生视疲劳，引起眼睛酸困、胀痛、流泪等不适。还可能招致昏脑胀、失眼多梦等一系列的像神经衰弱一样的症状。有些人还容易引发睑缘炎、麦粒肿、霰粒肿等等眼部并发症。长期下去，还会使眼角和眼周的皮肤过早的爬上皱纹。三、 对于近视度数小于3.00度且没有明显散光的近视者，他们的眼镜是否应该常戴呢？在这个问题上，可能分歧意见较大。不少人认为：无论看远或看近，眼镜还是应该常戴。理由是他们只有在戴了眼镜之后，其调节和辐辏才能得到和谐和正常。视力才能够正常，因而有利于解除疲劳并预防近视眼的发展。但也有不少人认为：低度近视眼在看近处时（读书、写字），还是以不戴眼镜为好。我同意这个意见。我认为由于近视眼患者原来就有着比正常人更强的调节（甚至是调节痉挛）。所以他们在看近处目标时不戴眼镜要比戴眼镜更省力更自然。比如一个3.00度的近视者，他的调节比正视者要大3.00倍，他的近点正好位于30厘米处。他不戴眼镜看一尺左右的书本时，根本不需要增加任何调节就行。如果他戴上3.00度的近视眼镜，他的远点就移到了35米以外（无限远）了，所以他戴了眼镜看一尺距离时，还必须加上3.00度的调节才行。因此，戴镜看近反比不戴眼镜更易导致疲劳，更易使近视发展加快。早在六十年代，上海市就有人对戴镜者和不戴镜的近视眼人群做了对比观察，结论是两组孩子在近视发展速度上并没有多大区别。如此看来，低度近视者看近时是否需要戴镜，竟成为一个无需争辨而可以自由支配的问题了。  </t>
  </si>
  <si>
    <t xml:space="preserve">国家为什么要控制烟草专卖权？ </t>
  </si>
  <si>
    <t>烟草本是害人的东西，控制烟草专卖权是暂时，禁止是必然的</t>
  </si>
  <si>
    <t xml:space="preserve">请教清泉老师600074我已经亏了40%，请问是留还是割肉走人啊 </t>
  </si>
  <si>
    <t>周一逢低补仓.</t>
  </si>
  <si>
    <t xml:space="preserve">魔境10的问题~大家都知道魔10除了魔眼和小马外还有极品炎魔和极 </t>
  </si>
  <si>
    <t>地火兽骑将：分辨方法：极品地火兽骑将行走速度慢（和普通的有很大的区别）；攻击方法不相同，极品地火兽骑将是在距离你（或 宝宝）2格的时候攻击一次前进一步再攻击一次，最后和你靠在一起连续攻击！（攻击力好象没有什么区别）！普通的 就站在距离你2格的地方攻击（当然是你不靠近他的情况下） 　　极品的炎魔是在靠近你之后（也就是和你没有距离）这时才会出手打你！普通的是到了他的攻击范围（离你 2格的时候）就开始攻击你了。另外攻击力不同 本人用强化实验（3级强化 本人天套+龙问+天师） 普通的打一下掉3% 的血，而极品炎魔打一下掉5% 　　幽影武士： 分辨方法：极品幽影武士的“目光锐利”一般可以看到半屏的人和宝宝，也就是说你能看见它（够你的攻击距离，能用 副打到或电到）的距离，它就能看见你过来攻击你了。并且攻击的时候多带麻痹效果。</t>
  </si>
  <si>
    <t xml:space="preserve">不离不爱,怎么办结婚7年,他求学6年.现在他的事业上去了,在他眼 </t>
  </si>
  <si>
    <t>没有爱情的婚姻是不道德的”这是人们常常挂在嘴边的一句话，然而正是这句话，成为人们发展婚外情的堂而皇之的理由，变不道德而为道德，不知其追求的是崇高的爱情还是一己之私欲！细细推敲，其实这句话本身就有问题，少了“基础”二字，“没有爱情基础的婚姻是不道德的”。试问：没了包办婚姻，又有多少婚姻是没有爱情基础的呢？　　爱情是有生命的！像世间每一种生命物质一样，爱情也经历着生、老、病、死的一个过程。爱情与婚姻本身就是一对矛盾。爱情是以浪漫为基础的，浪漫之于爱情，就像人们生存所必需的水和空气；而婚姻是以现实为基础的，它的真谛是平平淡淡的日日夜夜！“琴棋书画诗酒花”、“柴米油盐酱醋茶”是对爱情和婚姻最好的概括与描述。当爱情遭遇了婚姻，就开始了它渐渐消亡的过程，所有的浪漫终将趋于平淡，爱情也就深埋在了婚姻的最底层！聪明的人会精心呵护自己的爱情，尽量延长它的生命，更多的人则是任其自生自灭！</t>
  </si>
  <si>
    <t xml:space="preserve">纷纷落进晨色里内容简介：又名：小红帽落在大色狼手里所以，故事大家 </t>
  </si>
  <si>
    <t>我有，要选为最佳答案哦~，为啥纸发不上去，只能200k,算了，找我发个你，要不给个邮箱</t>
  </si>
  <si>
    <t xml:space="preserve">有关手机辐射的问题手机的辐射有没有方向性呢?具象来说就是,我在打 </t>
  </si>
  <si>
    <t>你好： 1 当然是你受的辐射多一些了，天线贴近耳部时，身体对微波的辐射有一定的吸收， 至于怎样放吗？应取决于天线了。它才是接收信号的东西呀。正放反放都差不多了。因为大多不无论是直板还是翻盖他们的天线都大多在上面或再最下方。也无论内置还是外置。  以下能帮助你呀？如何减少手机辐射　　第1招：尽量减少通话时间。　　使用手机者应尽量长话短说，尽量减少每一次的通话时间。如一次通话时间确需较长，那么中间不妨停一停，分成两次或三次交谈。当你持手机的一侧头部或面部感到发热、出汗时，应立即停止通话。　　如何计算自己在接听手机时所受到的辐射呢？在国际科学界有一套比较完备的计量标准，就是所谓的SAR值(即“比吸收率”)，就是单位时间内单位质量的物质吸收的电磁波辐射能量，通俗地讲，就是手机辐射对人体的影响大小。　　唐国汉介绍，广东省职业病防治院曾经做过一项研究，以国际知名品牌的两种型号手机作为辐射源，辐射频率均为900MHz，手机天线距离被照射样品1厘米，一次连续通话30分钟，两款手机的平均辐射强度远远超过国家卫生标准50μW/cm2。如经常长时间拨打手机可能对身体产生有不利影响，也就是说打手机时间过长更要小心微波辐射。　　第2招：手机尽量不要放在口袋、腰间和床头　　有研究人员曾对老鼠作过实验，当每平方厘米体表用1700兆赫、10毫瓦电波照射100分钟后，老鼠的睾丸结构开始出现异常，输精管表面的上皮细胞发生变化，成熟精母细胞急速减少。有些人特别喜欢把手机放在床头充电，其实手机电源本身就是一个电磁场，对人体当然产生辐射。另外，不充电的时候也应把手机放置离人体1-2米远地方，经常把手机放在床头、枕头边等都有可能接收到手机电磁辐射。　　第3招：接通手机最初5秒避免贴近耳朵　　唐国汉认为，在拨打手机的初起5秒钟内其微波的辐射剂量最大。在发射状态下瞬间微波辐射强度均超过我国微波辐射卫生标准规定的日接触剂量。 　　有些机型最大辐射量可高达13mW/cm2，是国家卫生标准限值范围的200多倍。天线贴近耳部时，身体对微波的辐射有一定的吸收，所以拨打手机时最好在电话接通4-5秒钟后才贴近耳朵。　　第4招：使用耳机减少手机辐射　　手机辐射是由天线发出来的，必须使用手机，可用免提耳机来接听电话，这样可以避免接受移动电话释放的90%以上的电磁辐射。　　　　第5招：青少年儿童少用手机　　时下，不少家长都给孩子配备手机，但专家认为，儿童的大脑正处于发育状态，他们的脑组织吸收电磁波的能力要比成人强，还是少用手机为宜。国外《手机发射的微波对大鼠大脑神经元损伤》的研究发现，对12-26周大小的大鼠(他们在年龄上和十几岁的青少年相近)接受手机照射2小时后，解剖发现其神经元受到损伤。 　　第6招：手机信号弱时少听电话　　唐国汉曾对不同信号强度下手机的辐射进行过研究，结果显示，在弱信号环境下拨打手机，辐射明显增大，人体对天线辐射的吸收也可能增加，所以，在手机信号不好的时候也要尽量避免打手机。　　第7招：怀孕早期最好少用手机　　妇女怀孕的头3个月，称为妊娠早期，是胚胎组织分化、发育的重要时期，也是最容易受内外环境影响的时期。因此，为了避免胎儿的畸形，母亲在妊娠早期应远离、少使用手机。怀孕初期的妇女，更不应将手机挂在胸前，以减低辐射对胎儿的影响。 ok 就这样了。</t>
  </si>
  <si>
    <t xml:space="preserve">加墨水之后，偏色怎么办？我昨天刚加的墨水，但是打印出来偏色？缺少 </t>
  </si>
  <si>
    <t xml:space="preserve">有两种可能，一是你灌的太满了或者密封不严密，所以导致内外压强相差太大；二来就是你墨盒电路已经坏了，导致笔架控制电路失效。 </t>
  </si>
  <si>
    <t>3D交叉反击SLM估价.3</t>
  </si>
  <si>
    <t>交叉反击SLM基本没什么人会练,而且有可能掉血防...基于它是个性宠而且还是3~2D的,档数在那里了我个人觉得卖的高不会有人买,卖的低了楼主卖的心里又不舒服,所以我看50万左右差不多!</t>
  </si>
  <si>
    <t xml:space="preserve">如何提高英语的综合能力有没有提高英语口语和听力的好办法，请大家提 </t>
  </si>
  <si>
    <t>呵呵，“背过5000个单词”的概念和“掌握5000个单词”的差距是很大的。虽然我不是高手，但是我这些年来学习英语还是有很多心得体会的。小学时候，是在英文下面表中文来读；初中时，开始被老师强迫背课文；高中时，开始自己看语法书、主动背课文。然后有了一些小小的成绩，比如希望英语之星大赛我们省的一等奖。现在想想，语言的学习，不光英语的学习，都是需要每天都进行的（我现在同时在学）。大家都知道多听多读多看多写，楼上说的非常正确，要反复记忆，这个我很赞成。你什么时候要把学习语言当做生活习惯就会提高很快了。我现在每天抽出两小时专门学习语言，每天都背单词，每天都看Econmist，每天都总结出自己不会的句子来爱问问高手，这已经成为我的习惯所以我不觉的累，相反我觉得很有成就感，因为我每天都在进步，每天都有高手帮我。说到具体的做法，就是每天阅读比较好的英文文章，比如Economist或是其他难度低一点的，把不会的问题先自己解决，不行了再找别人，再上网问，然后日积月累，你知道的就越来越多了。至于口语、听力，真的是慢功夫，我认为需要60%的语言天赋和40%的后天努力。天天听，总会有提高的。希望这些对你有帮助吧~</t>
  </si>
  <si>
    <t xml:space="preserve">有关郁美净的问题请问有经验的朋友，郁美净的价格是多少呀？我到超市 </t>
  </si>
  <si>
    <t>你应该买最便宜的粉色包装的应该是1块一袋，也许区域不同价格不一吧，但是一定要买最便宜的，只有这种对湿疹才最见效。</t>
  </si>
  <si>
    <t xml:space="preserve">怀孕8月，肚子微微疼痛，像痛经是为什么有时有一点点痛，隐隐约约的 </t>
  </si>
  <si>
    <t>不要紧张！这是怀孕八个来月胎动的正常现象，是许多孕妇常有的情况。这时宜多注意休息（经常平卧），并适当增添营养。每天坚持散散步（20分钟左右），保持心情愉快，切勿动怒、生气。这样有利于小宝宝的晚期发育成长。</t>
  </si>
  <si>
    <t xml:space="preserve">帮帮我30分你拿走!我喜欢一个女孩但是她有男朋友,每次我告诉她我 </t>
  </si>
  <si>
    <t>兄弟,你有机会啦!-----这是肯定的!帮你分析一下:首先,她让你先做朋友,这证明她对你感觉良好,否则连做朋友都没机会(毕竟她现在已经有男朋友所以你要耐得心来).其二,她一再的称赞你,欣赏你的风度,而在说她所谓的现在的男友爱吃醋,没风度,太小氯.其三,她男友生气走了,你劝她去追,但她没去,这证明她的芳心正在向你这边倾倒.其四,你天天接她放学,这个很重要也很关键.相信终有一天你会感动她,融化她的心,她会接受你的爱!到那时,别说你现在的仅是挖墙角啦,就是万里长城都可照挖不误,呵...呵....</t>
  </si>
  <si>
    <t xml:space="preserve">一片豪情,一片柔情是什么意思? </t>
  </si>
  <si>
    <t>也许是坚强和温柔的结合吧，现实点就是人不但要承担起家里所有的责任，还要对每个人都好，在外是个强人，在家是个体贴的人。</t>
  </si>
  <si>
    <t xml:space="preserve">我儿子两岁9个月，近两个月来一直咳嗽，主要是早晚咳嗽，中药西药都? </t>
  </si>
  <si>
    <t>可以确定的告诉你，是支气管炎，病状就是入睡或醒来咳嗽，白天反而不咳。再未弄清病因的情况下，建议尽快带他去医院疹疗，否则严重的话会发展为哮喘。小儿咽炎，这个中草药的治疗更加显著一些，西药的副作用较大，对小儿的健康有影响，并且容易复发，对周围的环境反映较强，比如吸二手烟，空气的温差大，或刺激性的气味及食物如辣椒等，都会导致复发。还有一种可能就是肺热，也可以吃中药调理，家长不必惊慌。中草药，熬制的汤药的治疗会更加显著。</t>
  </si>
  <si>
    <t xml:space="preserve">清泉老师请进:请帮忙看下000712..已经跌破30均线了,是否? </t>
  </si>
  <si>
    <t>观望一下.暂持有.</t>
  </si>
  <si>
    <t xml:space="preserve">赵蕊蕊该哭了!女排后面形势怎么样?????中国2:3输给美国队了 </t>
  </si>
  <si>
    <t>理解你的心情，作为中国人，我们都希望中国女排勇夺第一，但是我认为：中国女排的崛起绝对不是靠某一个人的，赵蕊蕊今晚的表现大家是有目共睹的，姑娘们已经尽力，不应该苛求，我可以看出来中国女排肩负了很大的压力。相对来说，美国女排确实有实力，这一点是客观事实，中国队的路还很长！但是，有一点应该指出：郎平滚出中国！作为中国一手培养出来的队员，为了一己之私，其实就是多赚点钱而站在中国队的对面，郎平的素质可想而知，有什么面目见中国？郎平应该以死谢罪！！！</t>
  </si>
  <si>
    <t xml:space="preserve">大家都知道吗？23日动车追尾事故发生，当旅客准备逃生时，他们发现 </t>
  </si>
  <si>
    <t>上善若水，厚德载物。谢谢善姐，我会让更多人知道的。</t>
  </si>
  <si>
    <t xml:space="preserve">１８个月的孩子半夜总醒来，然后大哭，是怎么回事情？ </t>
  </si>
  <si>
    <t>到医院医生都说让补钙,其实我们即使不断的补钙这种情况还是会有,这是小儿夜惊,中药一般认为和小儿积滞有关系,我的孩子这种情况很严重,很长时间都没解决,后来我给她吃了一阵"抱龙丸"有效,后来又吃过一种叫"金童玉儿"的中药非常好,这种药范围比较广,即消食导滞又去火镇惊,比较好使,这们这的药店卖19.8一盒,你试试看好使不.</t>
  </si>
  <si>
    <t xml:space="preserve">“特洛伊木马”是什么？ </t>
  </si>
  <si>
    <t>　　“特洛伊木马”（trojan horse）简称“木马”，据说这个名称来源于希腊神话《木马屠城记》。古希腊有大军围攻特洛伊城，久久无法攻下。于是有人献计制造一只高二丈的大木马，假装作战马神，让士兵藏匿于巨大的木马中，大部队假装撤退而将木马摈弃于特洛伊城下。城中得知解围的消息后，遂将“木马”作为奇异的战利品拖入城内，全城饮酒狂欢。到午夜时分，全城军民尽入梦乡，匿于木马中的将士开秘门游绳而下，开启城门及四处纵火，城外伏兵涌入，部队里应外合，焚屠特洛伊城。后世称这只大木马为“特洛伊木马”。    如今黑客程序借用其名，有“一经潜入，后患无穷”之意。 　　完整的木马程序一般由两个部份组成：一个是服务器程序，一个是控制器程序。“中了木马”就是指安装了木马的服务器程序，若你的被安装了服务器程序，则拥有控制器程序的人就可以通过网络控制你的电脑、为所欲为，这时你电脑上的各种文件、程序，以及在你电脑上使用的帐号、密码就无安全可言了。 　　木马程序不能算是一种病毒，但越来越多的新版的杀毒软件，已开始可以查杀一些木马了，所以也有不少人称木马程序为黑客病毒。</t>
  </si>
  <si>
    <t xml:space="preserve">什么是通货膨胀?谢谢 </t>
  </si>
  <si>
    <t>通货膨胀是一个价格持续上升的过程，也等于说，是一个货币价值持续贬值的过程.由于在市场经济模型中，名义价格是恒定不变的，那就意味着货币的持续贬值.通货膨胀是物价水平普遍而持续的上升。按照通货膨胀的严重程度，可以将其分为三类： 第一，爬行的通货膨胀，又称温和的通货膨胀，其特点是通货膨胀率低而且比较稳定。 第二，加速的通货膨胀，又称奔驰的通货膨胀，其特点是通货膨胀率较高（一般在两位数以上），而且还在加剧。 第三，超速通货膨胀，又称恶性通货膨胀，其特点是通货膨胀率非常高（标准是每月通货膨胀率在50％以上）而且完全失去了控制。 另外还有一种受抑制的通货膨胀，又称隐蔽的通货膨胀。这种通货膨胀是指经济中存在着通货膨胀的压力，但由于政府实施了严格的价格管制与配给制，通货膨胀并没有发生。一旦解除价格管制并取消配给制，就会发生较严重的通货膨胀。 （2）通货膨胀率的计算。 衡量通货膨胀的指标是物价指数。用物价指数计算通货膨胀率的公式是：预期物价指数－基期物价指数/基期物价指数 通货膨胀越快则股市收益越高,因为通货膨胀代表货币贬值,而确是代表表你拥有的的实物! 在通膨胀情况下，政府一般会采取诸如控制和减少财政支出，实行紧缩货币政策，这就会提高市场利率水平，从而使股票价格下降。另外，在通货膨胀情况下，企业经理和投资者不能明确地知道眼前盈利究竟是多少，更难预料将来盈利水平。他们无法判断与物价有关的设备、原材料、工资等各项成本的上涨情况。而且，企业利润也会因为通货膨胀下按名义收入征税的制度而极大减少甚至消失殆尽。因此，通货膨胀引起的企业利润的不稳定，会使新投资裹足不前。 需要指出的是，分析通货膨胀对股票行市的影响，应该区分不同的通货膨胀水平。 一般认为，通货膨胀率很低（如5％以内）时，危害并不大且对股票价格还有推动作用。因为，通货膨胀主要是因为货币供应量增多造成的。货币供应量增多，开始时一般能刺激生产，增加公司利润，从而增加可分派股息。股息的增加会使股票更具吸引力，于是股票价格将上涨。当通货膨胀率较高且持续到一定阶段时，经济发展和物价的前景就不可捉摸，整个经济形势会变得很不稳定。这时，一方面企业的发展会变得飘忽不定，企业利润前景不明，影响新投资注入。另一方面，政府会提高利率水平，从而使股价下降。这两方面因素的共同作用下，股价水平将显著下降。</t>
  </si>
  <si>
    <t xml:space="preserve">名字叫做牛，不会拉犁头，说它力气小，背着房子走。（打一动物） </t>
  </si>
  <si>
    <t>蜗牛。。。。。。。。。。。。</t>
  </si>
  <si>
    <t xml:space="preserve">哺乳期可以吃燕窝么?可以怎么吃? </t>
  </si>
  <si>
    <t xml:space="preserve">产后的妇女，要缓解哺育孩子的劳累、恢复生产前窈窕的身姿、恢复妊娠纹及抑制产后色素沉着，此外为保证产生乳汁的充分营养，燕窝是最佳的天然滋补食品，如林青霞产后就吃燕窝田鸡饭补身，名主持吴小莉此时听月婆（香港有专门指导女性坐月子的老妈妈）指导补鲫鱼燕窝。这个周期对自己更为重要，此时调理得好可以去除一些顽症痼疾，为今后的身体打下一个扎实的健康基础。建议每次干燕窝每次3-5克，每天一次食用。早晚空腹食用均可。 食用燕窝最简单的食法是将3-5克浸发炖制好的巢工厂印尼燕窝或20-30克巢工厂即食燕窝放入牛奶、豆浆、粥、蜂蜜、藕粉中食用。从怀孕前3个月起食用，每天或隔天一次。 白燕窝鲫鱼汤。此汤历来滋补催奶，香港凤凰卫视名主持吴小莉怀孕后就由月婆（香港有专门科学指导女性坐月子的老妈妈）指导补鲫鱼燕窝。选用的巢工厂燕角是金丝燕用来固定燕窝两端部份，是燕窝的“承重梁”，浓厚爽口有嚼头，所需炖煮时间较长，是燕窝营养最丰富的部份。适合产后营养的补充和吸收。 原料：:鲫鱼一条、姜3片、巢工厂白燕角一盒（先浸8-12小时）、小葱一棵(切碎)、油、盐。 制作： 锅里放猪油，烧热后，用铲推开，放鲫鱼略煎一下，煎到鱼肉变色后，倒入2碗水。碗就是盛鱼汤的碗。放入姜。盖锅盖，放2碗水，大火煮沸后改小火炖1小时1刻钟，放入巢工厂白燕角再炖45分钟，调入适量盐，再炖2分钟就可以起锅了。最后撒上葱花。 </t>
  </si>
  <si>
    <t xml:space="preserve">我ＱＱ号被盗了该怎么办？求求大家快点给我答复我ＱＱ号被盗了号码是 </t>
  </si>
  <si>
    <t xml:space="preserve">会员和靓号用户请看：　　通过重设QQ密码：1、 手机开通QQ加油站服务后，您就可以用手机发送短信的方式重设QQ密码（被重设密码的QQ号码必须是与该手机绑定的）短信内容：16#证件号码（被重设密码的QQ号码里的密码保护里的证件号码），发送到1700（移动）或9777（联通），服务器将重新设置该QQ号码的密码并将密码通过短信的形式发到您的手机上。2、 通过Q币卡、Q币、声讯电话、Vnet帐号等开通的会员号码，需要先补开“QQ加油站”之后才能使用以上指令使用手机重设QQ密码。• QQ行用户请看：　　1、手机开通QQ行服务后，您就可用手机发送短信的方式重设QQ密码（被重设密码的QQ号码必须是用该手机申请的）。 短信内容：MM_QQ号码，发送到1700（移动）或9777（联通），服务器将重新设置该QQ号码的密码并将密码通过短信的形式发到您的手机上。　　2、通过Q币卡或声讯Q币申请到的QQ行号码，需要先补开“QQ行手机功能”之后才能使用以上指令使用手机重设QQ密码。 • 网站重设QQ密码（所有类型的QQ号码）请看： 　　当您的QQ可能因密码遗忘或被盗等缘故无法正常使用时请您首先使用“号码申诉”（  </t>
  </si>
  <si>
    <t xml:space="preserve">这一单要是中了奖金肯定不低，晒实图很少买数字彩，看看运气咋样 </t>
  </si>
  <si>
    <t>排列五吗 是不是内部号呢 哈</t>
  </si>
  <si>
    <t xml:space="preserve">什么时候再开新区，要电信的RT </t>
  </si>
  <si>
    <t>楼主多关注一下官网、论坛的开服信息吧，这个只有官方说了才会有的，小道消息都没用- -</t>
  </si>
  <si>
    <t xml:space="preserve">文件怎样加密？我想把照片存在单位的电脑里，可我不想被别人看到，请 </t>
  </si>
  <si>
    <t>更安全的办法1\申请一个126的邮箱,把照片打包上传邮箱,2G呀,几乎可以装2000张照片2\把照片压缩成加密的压缩文件.</t>
  </si>
  <si>
    <t xml:space="preserve">不能说的秘密中的secret是什么曲子？具体说说是那个音乐家创作 </t>
  </si>
  <si>
    <t xml:space="preserve">电影的配乐都由杰伦负责。我想除了斗琴中用的是肖邦的曲子外，剩下的都由杰伦打造。你可以去这个网页看一下对原声带的介绍。中间有一句话是：“21首周杰伦和泰国配乐大师Terdsak Janpan联手炮制的电影配乐” </t>
  </si>
  <si>
    <t xml:space="preserve">狗改不了吃屎所以的狗都喜欢吃大便吗所以的狗都喜欢吃大便吗 </t>
  </si>
  <si>
    <t xml:space="preserve">就动物天性来说，有照顾过小狗、小猫甚至小孩的人都知道，刚出生的小动物不会自己大小便，必须依靠母亲一边舔食一边大小便，这除了可以保持环境清洁外，更可以防止味道外泄，避免引来其它动物的捕猎，以保护自身安全，因此，只要狗狗觉得有威胁感时，常会吃掉自己的粪便以增加安全感。此外，狗狗本身是以超级嗅觉来觅食，并以咬食的方式来检视这些东西能不能吃，所以，有些狗狗会把屎这种有味道、又可以吃掉的东西定义为食物。　　若从行为反应来说，饲主对狗狗施予不正确的训练，极易让狗狗产生错误的反应。最常见的是当饲主看到狗狗在不该大便的地方乱大便时，常会拉住狗狗的头、强压它的鼻子去闻大便，再对狗狗一番斥责甚至殴打，饲主以为这样的动作是告诉狗狗不可以乱大便；但对狗狗而言却可能是主人进门、看到大便、生气、抓住他、结局是被怒骂或殴打，换作我是狗狗，也会认为唯一能避免被骂或被打的方法，就是湮灭证据---吃掉自己的便便。　　有些畜主在狗狗排完便时，会因环境卫生而急着想清掉便便，但因为动作太急躁，让狗狗误以为饲主想抢走它的＂宝物＂，或认为这是一场，导致狗狗为了和主人竞争＂便便＂而抢先吃掉。　　人们看见狗狗吃大便时的反应，让狗狗有＂备受瞩目的感觉＂，因此，有的狗狗为了想成为焦点、或引起主人注意，采取这种方式来达到目的；不过也有狗狗纯粹因为无聊到极点，想找一些乐子，所以用这种方法来排遣寂寞，最容易发生在长期关在笼子内的狗狗身上。　　有的狗狗，则是因为生理反应导致此种行为，特别是当狗狗消化吸收功能出问题时，排出的便便会含有大量的蛋白质、碳水化合物等养份，鼻子灵敏的狗狗会认为它的便便是食物而将它吃掉。另外，若狗狗有严重的肠胃寄生虫也会影响肠胃的吸收，使得养分吸收不完全，使得便便含有大量的营养，狗狗则当然会其视为食物。　　若是狗狗营养不均衡，则可能在饥不择食的情况下，出现吃大便的行为。有些饲主因听从狗贩或他人建议，一天只喂食狗狗一餐，或对狗狗进行限食动作，使狗狗因饥饿而吃便便，而若因食物中缺乏纤维、盐类、钴或磷等微量元素，造成狗狗无法某些养份不足，只好回收自己的便便来获取养份。　　狗狗吃便便，也有可能是内科疾病造成，大部分都与消化道消化吸收功能有关，例如胰脏外分泌不足、消化道寄生虫、肠道细菌过度生长、肠炎等。另外像是胰脏炎、腹膜炎及胃炎等引起的慢性腹痛，或是甲状腺机能亢进、肾上腺机能亢进、糖尿病等所引起的饮食行为异常，也有可能造成狗狗吃大便。 </t>
  </si>
  <si>
    <t xml:space="preserve">免费翻译的网址没？请问免费网上翻译的网址是多少呀？是在线翻译英译 </t>
  </si>
  <si>
    <t xml:space="preserve"> 金山的</t>
  </si>
  <si>
    <t xml:space="preserve">篮球盛宴开吃！菜真多呀！等收米篮球盛宴开吃！菜真多呀 </t>
  </si>
  <si>
    <t>看好你啊！喝酒去喽。</t>
  </si>
  <si>
    <t xml:space="preserve">５０的爪子，大家给估个价技能＋５，加比杀％２０，反击％２３，伤害 </t>
  </si>
  <si>
    <t>技能＋５，加比杀％２０，反击％２３，伤害＋３８０，改３，力用力的伤害太低,必还行反一般,改3,JN5一般,除非改到5,不然伤害太低还没人会要哦.建议售价就是还是给你个成本价150W吧,6颗石头都是100W左右了.但是绝对不能再高了哈,不然肯定不好卖出去的.本人出价客观现实`~~~~~~~~~~~~~~~~~~~~~~~~~~~~~~~</t>
  </si>
  <si>
    <t xml:space="preserve">奖牌怎么获得具体方法 </t>
  </si>
  <si>
    <t>在赛道中，有这样几个条件，符合了才能获得奖牌：1.获得“奖牌”道具。2.通过了终点。懂了么？</t>
  </si>
  <si>
    <t xml:space="preserve">我妈肠梗堵手术后不便怎么办急！~~我妈肠梗堵手术后切肠子20CM </t>
  </si>
  <si>
    <t>你好，一般肠梗堵手术后都会出现以年症状，但如果症状很明显的话，有可能是手术术后的后遗证，建意可到正规的大医院去复查下，相看术后恢复的情况，另外在饮食上也要特别注意，一定要以清淡为主，忌辛辣刺激、油腻等食物。祝早日康复！</t>
  </si>
  <si>
    <t xml:space="preserve">老虎宝宝问题1.进化后的虎王资质和小老虎的资质有关系么？2.小老 </t>
  </si>
  <si>
    <t>进化后的召唤兽资质是进化前召唤兽资质的1/6+进化后召唤兽应有随即资质(例如虎王在自身资质范围内随即生成+小老虎1/6).小老虎建议全力,进化后有两种选择:1.攻宠,加点全力或者4力1体2.血宠,虎王进化后血资(一般在1.7以上)和耐资(一般在2.0左右)均比较高,建议加点3体2耐,2力2体1耐等.相关召唤兽详细介绍请查阅 希望您满意我的回答,如有问题欢迎再次提问或发站内消息.</t>
  </si>
  <si>
    <t xml:space="preserve">法师的属性怎么加，不是技能点 </t>
  </si>
  <si>
    <t>看你怎么玩了，只刷怪就全智力；装备好而且喜欢打架就全加体质，如果装备特别好就适当加一点精神</t>
  </si>
  <si>
    <t xml:space="preserve">脏燥是什么病晚上11点睡，能睡着，半夜不知几点醒来，无法入睡。喝 </t>
  </si>
  <si>
    <t xml:space="preserve">    脏躁表现：精神恍惚，常悲伤欲哭，不能自主，心中烦乱，睡眠不安，甚则言行失常，呵欠频作，舌淡红苔少，脉细微数（大致等于西医的“神经衰弱”）。常用治疗方剂为《甘麦大枣汤》。</t>
  </si>
  <si>
    <t xml:space="preserve">空间两条直线空间四边形ABCD中，E.F.G.H分别是AB.BC </t>
  </si>
  <si>
    <t>∵F,G分别是BC,CD的中点，∴FG∥=BD/2,同理，EH∥=BD/2.∴FG∥=EH,∴四边形EFGH是平行四边形。∴EG^2+FH^2=2(EF^2+FG^2)=(AC^2+BD^2)/2=[(AC+BD)^2-2AC*BD]/2=(a^2-2b)/2.</t>
  </si>
  <si>
    <t xml:space="preserve">万有引力飞船沿半径为R的圆周绕地球运动,其周期为T,如果飞船要返 </t>
  </si>
  <si>
    <t>由题意画图可知，A点B点比在椭圆的长轴的两个顶点处，椭圆是对称的，飞船走过的路径是椭圆的一半，时间当然也就是周期的一半喽。我给你画个图吧。</t>
  </si>
  <si>
    <t xml:space="preserve">一共才考了63.3分，惨呀！！申论的评卷标准到底是什么呀？ </t>
  </si>
  <si>
    <t xml:space="preserve">《申论》考试主要考查考生的阅读理解能力、综合分析能力、提出和解决问题能力及文字表达能力。要求考生认真阅读给出的材料，通过对材料的分析、概括、提炼、加工，按要求进行作答。　　《申论》考试由四部分组成：辨析、概括、对策、议论。　　1．辨析：根据试卷给出资料，罗列若干陈述，要求考生判断其中错误的陈述，并以不超过200字的篇幅，简要说明理由。　　2．概括：要求考生在仔细阅读试卷给出的材料后，以不超过200字的篇幅，概括出材料反映的主要内容。　　3．对策：要求考生从政府制定政策或者具体行政工作解决问题的角度，就材料中所反映的问题，提出对策建议，篇幅不超过300字。　　4、议论：　　要求考生充分利用给定的材料，切中主要问题，全面阐明、论证自己的见解，对材料中涉及的问题提出切实可行的对策方案。　　《申论》的答题要求联系实际、观点鲜明、措施合理、条理清楚、语言简练流畅。 </t>
  </si>
  <si>
    <t xml:space="preserve">浅表性胃炎怎么治？我帮朋友问？胃的两端发炎，经常觉得好象有股气， </t>
  </si>
  <si>
    <t xml:space="preserve">喝蜂蜜水可治浅表性胃炎诊断我患了浅表性胃炎，吃东西稍不注意就难受。我朋友说他得过胃病，没吃药，坚持喝蜂蜜水治好了病。我抱着试试看的心情，坚持了一个多月，果真也好了。方法是每天早上起床后，用开水冲兑一杯蜂蜜水(蜂蜜量和水量可根据自己饮水习惯掌握)空腹饮下，活动一个多小时再吃早饭。我现在仍坚持每天喝一杯，渐渐代替了饮茶的习惯，原先的经常上火、便秘也都好了。 慢性浅表性胃炎患者怎样调养 总原则：无刺激性，含低纤维质，易于消化，具有足够营养的饮食；少食多餐；进餐时要放松，保持心情愉快。1、消除病因。彻底治疗急性胃炎；戒烟戒酒；避免有刺激性的食品和药物；治疗口腔慢性感染，饮食规律等。2、多吃软食。食用易于消化的食品，尽量减少对胃粘膜的刺激，细嚼慢咽，让牙齿把食物完全磨碎使食物能与胃液充分混合。免用生冷、酸辣和硬质食品。少食多餐，粗粮细做。胃病患者可食5次饭，示范举例如下早餐：大米粥50克，花卷50克，煮鸡蛋1个，酱豆腐1块。加餐一：牛奶300克加糖10克，饼干15克。午餐：大米软饭100克，馏鱼片100克，菠菜鸡蛋汤。加餐二：豆浆300克加白糖10克，蛋糕25克。晚餐：大米粥50克，发糕50克，肉末炒土豆泥150克。3、如有营养不良或贫血，应多给蛋类、多食新鲜蔬菜和动物肝脏、肾脏等。4、胃酸过多者，应禁用浓缩肉汤及酸性食品，以免引起胃酸分泌更多，可用牛奶、菜泥、淀粉、面包等，味要清淡，少盐。5、胃酸过少者可给浓肉汤、肉汁，以刺激胃酸的分泌，帮助消化，促进食欲。 </t>
  </si>
  <si>
    <t xml:space="preserve">我在禁地九不回挂机,一个小时12万,谁还有更好的挂外面的脚本.我 </t>
  </si>
  <si>
    <t>一个小时12万左右,应该很不错了在装备和路线上再下下功夫</t>
  </si>
  <si>
    <t xml:space="preserve">请推荐几部美国西部题材的电影 </t>
  </si>
  <si>
    <t>最伟大的西部片：塞尔乔*莱奥内的&lt;西部往事/狂沙十万里&gt;,&lt;镖客三部曲&gt;，萨姆*派金法的&lt;日落黄沙&gt;,&lt;灼热的马鞍&gt;,&lt;毫勇七蛟龙&gt;,&lt;与狼共舞&gt;,&lt;关山飞渡&gt;,&lt;决战犹马镇&gt;(1957),&lt;女贼金丝猫&gt;(简*芳达),&lt;壮志千秋&gt;(1931奥斯卡最佳影片),&lt;糊涂劫车案&gt;,&lt;飞燕金枪&gt;(歌舞片),&lt;热血男儿&gt;(1939),&lt;蛇江风云&gt;(1952),&lt;龙虎盟&gt;,&lt;要塞风云&gt;(`1948),&lt;荡寇志&gt;,&lt;小巨人&gt;(达斯汀*霍夫曼),&lt;双虎屠龙&gt;,&lt;OK镇大决战&gt;,&lt;野狼&gt;(保罗*纽曼)，&lt;黑天鹅&gt;(1950)……</t>
  </si>
  <si>
    <t xml:space="preserve">为什么冬天就会冷? </t>
  </si>
  <si>
    <t>冬天我们这儿阳光接受的少，所以就冷了</t>
  </si>
  <si>
    <t xml:space="preserve">我的U盘突然变成无法识别的USB设备,我里面有很多东西呀,怎么办? </t>
  </si>
  <si>
    <t xml:space="preserve">    首先可以将该盘换到别的机器上，看使用是否正常，正常即排除损坏的可能。仍然出现这样的提示则说明U盘的电路基本正常，而只是跟电脑通信方面有故障，而对于通信方面有以下几点要检查：　　（1）U盘接口电路，此电路没有什么特别元件就是两根数据线D+ D-，所以在检查此电路时只要测量数据线到主控之间的线路是否正常即可，一般都在数据线与主控电路之间会串接两个小阻值的电阻，以起到保护的作用，所以要检查这两个电阻的阻值是否正常。　　（2）时钟电路，因U盘与电脑进行通信要在一定的频率下进行，如果U盘的工作频率和电脑不能同步，那么系统就会认为这是一个“无法识别的设备”了。这时就要换晶振了。而实际维修中真的有很多晶振损坏的实例！　　（3）主控，如果上述两点检查都正常，那就可以判断主控损坏了。    检查后硬件没问题，则是软件方面的问题。在Windows XP+SP1操作系统下，有些USB2.0 设备的确常常出现工作不稳定的问题， 可以试试安装设备自带的USB2.0 驱动程序。    如果仍无效，可以在主板BIOS 设定中，将USB 接口强行设置为USB1.1传输速率。因为有可能是电脑的USB口有的是1.1的，有的是2.0的。有些U盘或移动硬盘不支持2.0的USB口。所以就在电脑中找不到这个设备。换一个1.1的USB口就可以找到设备了。</t>
  </si>
  <si>
    <t xml:space="preserve">天将问题比如说我现在134..做完3轮昆仑天将任务...到135 </t>
  </si>
  <si>
    <t>当然可以啊~继续接啊~经验不错吧，3次就升级了哦~继续加油吧~祝你好运~谢谢</t>
  </si>
  <si>
    <t xml:space="preserve">我的宝宝8个月大了,在前两三个月,我在他的后颈窝皮下发现两个小疙? </t>
  </si>
  <si>
    <t>不知是不是这个小包不太硬，我女儿小的时候在耳后也有一个小包，不硬，到医院医生说是淋巴结，说是小孩子小的时候在发烧以后就会有，长大了自己会慢慢被吸收的，没事。</t>
  </si>
  <si>
    <t xml:space="preserve">在脉冲电路中应选择什么样的三极管 </t>
  </si>
  <si>
    <t>一般用开关管，比如国产管小功率管3DK4，中功率管3DK8，大功率管3DK12等。以上都是些老型号，具体的，可查一下手册，选择你所要的功率、开关速度、耐压等参数。在要求不太高的电路中，也可以使用9012、9013、9018等系列外国普通管。有的时候使用国产普通的低频管、高频管也能组装出挺好的电路来。如用3AX31,3AD6就能做一台很好的医用脉冲电疗机。这要看你对电路的理解了。</t>
  </si>
  <si>
    <t xml:space="preserve">请问一下，我的平板电脑怎么会酱紫？总是这个画面 </t>
  </si>
  <si>
    <t>先检查电源，然后看有没有明显的摔伤之类。最后看看是不是中毒了，如果检查不出来问题就只能拿去维修了，希望对你有帮助麻烦好评，谢谢</t>
  </si>
  <si>
    <t xml:space="preserve">谁知道功法的技能怎么激活啊小弟不太会玩谁知道法师的技能怎么才能激 </t>
  </si>
  <si>
    <t>法师分自然.和生命.你如果想当加血职业就加点生命.想当功机法师冲级得到的五点加自然上.加上自然后点技能里边就是你要所学的所有技能,主要看想使用技能的加点数是多少来加的比如无敌什么什么魔法,要求自然加10点那么你在自然上加10点在去技能框里技能右出现一个小加号你点加号就可以激活技能托下来就可以使用了生命也是一样的加点要加生命上</t>
  </si>
  <si>
    <t xml:space="preserve">内地人如何在澳门存钱第一次过澳门的时候我用100元从玩电子轮盘开 </t>
  </si>
  <si>
    <t>除非你和某银行、某分行经理熟悉,而他们也了解你,这样的话有可能获酌情处理。银行是防洗黑钱最重要领域之一,当然有一套防洗黑钱的规则要让工作人员遵循。据我所知,内地人在港澳只要持有效通行证或护照之有效身份证明文件便可以开户,开户后存入现金是有金额上的限制。我讲一个方法供你参考:去赌场将120万现金换成筹码,然后小注地玩二天,之后再将筹码再换回现金,换取现金时要求赌场给抬头写有你姓名的划线支票,因为户口存入支票是不受金额多少限制的,而且支票本身就俱证明作用。支票抬头俱上你姓名再加以划线,是预防万一半路上被人截劫,抢去支票提去现金。</t>
  </si>
  <si>
    <t xml:space="preserve">北京公务员不招外地的是吧?看不懂它上面说的话列!一、参加考试人员 </t>
  </si>
  <si>
    <t>第一条意思是一定是北京人第二条的意思是在北京上大学的外地本科及以上的大学生(2006年应届毕业)</t>
  </si>
  <si>
    <t xml:space="preserve">哪里能买到最便宜的胎盘素啊？ </t>
  </si>
  <si>
    <t>最便宜的不一定是最好的，建议你还是去正规地方买吧，要不然吃了无效，还不如不买。</t>
  </si>
  <si>
    <t xml:space="preserve">仙剑98（正版）那里可以下到仙剑奇侠传98柔情版DOS的 </t>
  </si>
  <si>
    <t>仙剑98柔情版：  （包括仙剑98动画，可直接下载）这个网址，绝对能下！ 本题回答认真程度：80%</t>
  </si>
  <si>
    <t xml:space="preserve">交换了意见会谈各说各的，没有达成协议； </t>
  </si>
  <si>
    <t>说明还需要再好好谈谈继续谈吧反正咱们有的是时间</t>
  </si>
  <si>
    <t xml:space="preserve">《花样男子2》共有几集?还有就是,单集的剧情介绍谁知道? </t>
  </si>
  <si>
    <t>大概是11集，因为日本还没有播完，所以剧情还不知道，现在网上到了第七集</t>
  </si>
  <si>
    <t xml:space="preserve">如何下载游戏客户端及游戏大厅？ </t>
  </si>
  <si>
    <t xml:space="preserve">您可以登录我们的官方网站，进入 </t>
  </si>
  <si>
    <t xml:space="preserve">20多年的桂花树想卖？家里有棵20多年（大约25年）的金桂树，因 </t>
  </si>
  <si>
    <t>25年的桂花树,要不是拆迁,无地方移栽,一定舍不得出卖.希望能让大家观赏到这棵树的图片也好.以便商谈购买,价格,运输等事宜!</t>
  </si>
  <si>
    <t xml:space="preserve">泰坦尼克号3D看完了什么感受 </t>
  </si>
  <si>
    <t>场面宏大，因为剧情早已知晓，没有什么感慨了。</t>
  </si>
  <si>
    <t xml:space="preserve">有新服装修改器的进我刚弄了个新的服装修改器但新披风怎么换不了啊很 </t>
  </si>
  <si>
    <t>苍天的补丁没有放到游戏文件里，自己去下载，然后解压，把里面的la文件夹放到游戏\LoadData\0006\od\la文件夹里。</t>
  </si>
  <si>
    <t xml:space="preserve">怎样才能知道自己用的操作系统是盗版或是正版？我买的是品牌机，但不 </t>
  </si>
  <si>
    <t>是不是XP?是XP的话当初买的时候有没有配一份XP的宣传册之类的东西,上面有CDKEY,如果没有的话多半是盗版</t>
  </si>
  <si>
    <t xml:space="preserve">求教高手：如何做一个成功的职业经理人 </t>
  </si>
  <si>
    <t xml:space="preserve">每一个优秀的经理都有各自成功的环境，良好的品质是基础，销售、管理知识是保证，融洽的人际关系也很重要。一个优秀的经理还必须在实际工作中有效地运用这些知识，获得良好的业绩。结合这些年自己的实际工作和成长经历，笔者总结了经理的三层境界：第一层是“做”经理；第二层是“坐”经理；第三层是“作”经理。“做”经理是要求经理人身先士卒，带领大家一起做工作：“坐”经理是指坐在经理这个位置的人，仅仅会做业务是不行的，还要能够坐下来，学会管理自己的部门：“作”经理是要求经理人成为员工的“主心骨”。作为一个区域、领域的领导人，经理应在公司和个人发展的不同时期应扮演不同的角色，追求一个比一个更理想的境界。这些追求修炼了自身，提高了自身，同时也会为自己服务的企业创造良好的业绩。应该说明的是笔者这几年是沿着这个轨迹走过来的，但并非事先规划好的，本文是回过头来对几年经理人生涯的感悟，所以我把它写出来，与大家分享，为那些正在经理位置上努力工作的人提供一点思考的方向。　　“做”经理是经理人的第一层境界　　一个新经理人，他必须具有较强的专业知识，有能力解决业务中的实际问题；一个新经理人，他必须尽快地获得自己下属的认同，亲历亲为、身先士卒是最有效地手段。特别是在新开辟的市场，由于员工的数量、水平都较低，经理自己做业务有不得以而为之的原因，但是经理自己主动开拓市场，既可以快速赢得市场空间，又可以起到带徒弟的作用，为公司今后的发展做好准备。这个阶段的经理首要的是能“做”，会“做”，肯“做”。　　笔者早年在深圳的一家公司做销售，97年只身到南京筹办分公司，从买第一张桌子，招第一个员工开始，像“工蜂”一样一点一滴地将公司办了起来。分公司下半年开业时，员工的水平还很有限，很多业务如：谈单、送货、安装、培训、收款等工作都亲自完成。那年10月销售特别好，我带着司机装了一车的机器，到苏北谈单、送货、安装，2天就将所有的机器卖掉。回程时，我和司机轮流开了一通宵的车，车开到家就坏了，但是徐州、安徽砀山　　等地又等着签单、安装。我让司机回去睡觉，自己到朋友的公司借了一辆车，装上机器，下午叫上司机又上路了。砀山做完最后一笔业务已是夜晚，我们没有忘记给员工买了一车梨子，回来才发现被卖梨人骗了，中间夹带了很多又破又小的苹果。分发梨子时，员工没有一个抱怨，还悄悄地将最大的梨子装了一大箱送到我的家里。吃梨时，我发现这些梨子特别甜。　　早期，笔者感受最深的是埋头苦干，但是仅仅如此是不够的，带领下属一起做才是最重要的。通过OJT（on the job training），开展传帮带，亲自示范，提高员工的水平，规范员工行为，解放自己，为自己赢得更多的时间和精力。新任经理人往往拥有较高的技术、业务水平，不能狭隘地将这些知识和技能藏起来，以显示自己的过人之处。经理人必须将自己的知识和技能传授给自己的下属，不用担心自己的下属超过自己。只有整体水平提高，分公司才能得到更好的业绩。　　经理人的第二层境界是“坐”经理　　经理人多数都是从销售、服务等具体业务工作成长起来的，有着较强的业务能力，但往往缺乏管理知识和经验，因此，学一点，掌握一点领导的艺术，才能真正“坐”稳经理的位置。有些经理人喜欢自己做业务，享受其中的成就感，但长此以往是难以成长为一名好的经理的。光埋头苦干的领导，不是好领导，也不可能做好领导工作，一个经理人要能够“坐”下来，理清区域市场的发展思路，制定相应的管理制度，设计销售组织、配备好人员，通过有效的激励保证全体员工努力工作，确保部门实现预定的目标。　　随着分公司的不断发展，员工不断扩充，笔者感到必须转移自己的工作重心。虽然还在一线，虽然还亲历亲为，但是中心工作已经不再是做具体的业务，而是管理好分公司、领导好员工。员工多了，我们按照业务流程和业务种类划分了4个部门：直销部、技术服务部、代理商促进部以及管理部，并逐步建立起一支中层管理队伍。有了这些部门，还要配套各种管理制度。（早年总部管理对分公司是比较粗放的，分公司管理制度要自己去制定。）我们按照分公司的实际运作需要，制定了相关的员工管理，业务管理，业绩考核等制度。这些制度的执行，使得分公司的管理水平上了一个台阶，在全国分公司系统中也小有名气。于是兄弟分公司纷纷效仿我们的管理制度，后来还闹了一个笑话，在某分公司的管理制度中赫然写着：“本制度的解释权在南京分公司” .　　有效地激励员工是一个经理人逐渐成熟的标志，“管人”是经理人的重要工作，也是“坐”稳经理位置的重要环节。高压下的经理人最容易犯的错误是不能有效的激励员工，人际关系紧张。刚做经理时，笔者由于经验不足，在“管人”上出了很多失误。对员工的管理突出一个“严”字，一旦员工违背了自己的意愿就大发雷霆，分公司经常听到训斥的声音，员工的势气很低落。有些很有培养前途的员工，在自己悉心指导下流失了。通过反思和学习，笔者知道了发脾气是不能解决问题的，必须通过正确的激励和引导员工，必须及时地肯定和表扬员工，于是脾气没有了，态度和蔼了，员工有什么话也敢对我说了。分公司的氛围融洽了，员工的流失率降低了，进步的速度也加快了。　　经理人“作”为一个“头”，要成为一个部门的精神支柱，这是第三层境界　　这是一个经理人的最高境界。因为他的存在，组织成员有了安全感；因为他的存在，组织有了发展方向；因为他的存在，组织永葆青春活力，不断进步；因为他的存在，组织凝聚成为一个具有强大战斗力的集体……　　“胆大心细、敢做敢为”是一个经理人必须具备的品质，只有这样他才能成为员工的主心骨。99年，笔者所在的公司重组，从代理商变为了厂商，公司的战略也发生了变化，原来单一追求利润的做法变为了组织市场、长期经营市场。根据总部的安排，我们对江苏、安徽市场重新做了规划，大力整理市场。当时全国最大的经销商就在江苏，占据分公司业务的40％左右，但它同时也是“代用品”的集散中心，在市场上不断与分公司发生冲突。对于这样的经销商，公司有两种不同的意见，一种是担心销量下降，主张以稳定为主；另一种是以分公司为首的，主张坚决予以改造。在取得总部领导的支持后，我们提出了很多优惠条件限时让该经销商进行调整。在一切努力未果后，我们也掌握了它的渠道销售，在巨大的压力下，果断地取消这家与公司发展方向不一致的经销商的合作关系，从而一举改变了苏皖市场状况，规范了市场运作，渠道成员的积极性大增，分公司销售业绩连续几年攀升，获得了同行的赞誉。　　经理人要严于律己，为人师表，成为公司的一面旗子。经理人“作”为一名师长，必须带出一支优秀的的员工队伍，特别是一支优秀的干部队伍。新任的经理人由于资历的问题，一般都会很自律，但是随着业绩的改善、资历的增长，诱惑也不断增加，经理人能够持续约束自己就很困难，于是会降低对自己要求，甚至发生内部腐败等行为。经理人必须一贯地自律，通过言传身教培养人才，用严谨的作风去感召人才，用宽广的胸怀去笼络人才，建立一支梯形的员工队伍。宽广的胸怀是培养人才的关键，“宽以待人”，“用人长，抑其短”，才能将那些有个性的人才调整好，将其个人的职业生涯规划纳入到公司发展的轨道中，成为公司的有用之才。通过几年的精心培养，南京分公司为总部输送了一批优秀的人才，目前在分公司经理位置上的就有3人（占全国家分公司经理的10％）；在全国各部门、其他分支机构的达十几人。　　学习能力是一个经理人持续发展的动力，经理人应培养自己的学习能力，同时带动全体员工学习，营造一个健康向上的氛围。通过学习，我改变了坏脾气；通过学习，我懂得任何管理；通过学习，我更加明确了如何把握市场……2001年，南京分公司业务达到了7000万元，成为全国最大的分公司。管理这样一个分公司是很繁忙的，笔者毅然决定报考南京大学MBA，工作和学习两不误。进考场的前一天笔者参加了一个重要活动，晚上11点才飞回南京，第一场考英语时还不断调整情绪，幸运的是自己通过了联考，如愿以偿的进入南大攻读MBA——自己的第二个硕士学位，其中的酸、甜、苦、辣只有自己知道。此事在分公司引起了轰动，激发了分公司员工的求知欲，不少员工报名参加了各种培训班，学习风气在分公司蔚然成风。　　当然，我是幸运的，幸运地遇到了好员工；幸运地遇到了好领导；幸运地遇到了扩展的市场环境，幸运地抓住了这个机会……一个经理人要做一个好的职业经理人，必须随时做好准备抓住这些机会，他必须不断地提升自己，将个人的发展规划融入到公司的发展轨道上，将个人的发展建立在公司、部门发展的基础之上。一个经理人，他应该沿着“做”经理；到“坐”经理；再到“作”经理，循序渐进，提高自己的能力，提高自己的领导力，建立自己的领导风格，成为一个职业化的经理人，塑造自己的职业经理人生涯。  出处：网易商业报道     </t>
  </si>
  <si>
    <t xml:space="preserve">新婚去哪里度假旅游比较好？我马上就要结婚了，商量和妻子旅游结婚， </t>
  </si>
  <si>
    <t>建议去云南，桂林那边转转，空气清新，亲近大自然，如果生个小宝宝可能也更聪明哦，呵呵</t>
  </si>
  <si>
    <t xml:space="preserve">给宝宝取个好名字我家宝宝是个男孩，现在还没取名字，想请大家给宝宝 </t>
  </si>
  <si>
    <t>给宝宝取个好名字 ,黄炜晶.</t>
  </si>
  <si>
    <t xml:space="preserve">电脑怎么自录音？用电脑播放VCD光碟（不接音箱），把声卡的输出口 </t>
  </si>
  <si>
    <t>在开始菜单里选程序,附件,娱乐,录音机,就可以了,点击红圈,然后说话,说完后点正方形,试听点三角形,可以在文件选保存,就可以了</t>
  </si>
  <si>
    <t xml:space="preserve">街头篮球怎么卡喇叭？卡过喇叭的?回答一下，谢谢了！～秒发的那种。 </t>
  </si>
  <si>
    <t>回答：懿嘉 级别：大师 3月2日 21:48 其实很简单吗~你会双开就行了~ 不双开也可以~只不过自己看不到而已。 你可以双开，一个号去坏频道，一个号去好频道，去坏频道的去发喇叭，大家都知道，坏频道是看不到喇叭的，但是如果你发了，那就真发出去了，在好频道的那位就能看到自己发的喇叭喽~这样的话，在线上就可以无限得发喇叭啦。但是要提醒的是，当你下线了，你发的喇叭超过你本有的喇叭后，你号上的喇叭就会消失。失重前一个版本，用这个方法，下线之后喇叭也不会消失。 你可以在年三十的时候，你号不下线，买10个VIP喇叭去刷，刷到2008，哈哈。 只要不下线，就可以无限得发喇叭哦！ 所以说首先你要找到坏频道！！然后要有喇叭，比如你有15个喇叭你刷了喇叭（可以刷N个）但是刷了以后你的15个喇叭也会消失 参考文献：懿嘉的回答 回答</t>
  </si>
  <si>
    <t xml:space="preserve">C蛋制作卷轴哪里有掉啊？急啊！~3种蛋的制作卷，求哪位知道的指点 </t>
  </si>
  <si>
    <t>好象猎人村子附近的怪掉~</t>
  </si>
  <si>
    <t xml:space="preserve">我社区号开不了我社区改密码太长了``空格改的时候够```大概20 </t>
  </si>
  <si>
    <t>用你申请时候的资料改社区密码!注意!!千万别和游戏密码一样哦</t>
  </si>
  <si>
    <t xml:space="preserve">长安和西安，哪个更好听？我觉得长安好听。 </t>
  </si>
  <si>
    <t>嗯，俺也觉得长安好听西安，西安，归西了就安全了咯……哈哈……</t>
  </si>
  <si>
    <t xml:space="preserve">西安航空旅游学院到西安市欧亚路1号西安欧亚学院怎么走 </t>
  </si>
  <si>
    <t>线路1：910路 → 地铁2号线 → 162路约2小时20分钟/29.3公里乘坐910路，在南门下车(27站)步行至永宁门(约240米)乘坐地铁2号线，在会展中心下车(5站)步行至会展中心(约20米)乘坐162路，在欧亚学院东门下车(6站)步行至西安市欧亚路1号西安欧亚学院(约890米)</t>
  </si>
  <si>
    <t xml:space="preserve">求优化大师注册码我的注册申请码是152934谁能告诉我个注册码啊 </t>
  </si>
  <si>
    <t>674B3E82-B3B6E232-9BFE2967-45EAA8AA或3B0406BF-3630C4CD-D9694219-07B39FDF如果成功注册，优化大师启动页面会出现该软件使用权属于某人，打开软件后，页面最上面“未注册”三字消失。注册步骤：1、点击注册2、填上注册名（随便填）3、点击页面右边申请机器码（你已经获取：152934）4、填上我给你的注册码：优化大师注册机有两种，我提供的你如果第一个不行，试第二个，肯定有一个行5、注册即可</t>
  </si>
  <si>
    <t xml:space="preserve">请教时常区5当白狗价格，数据如下37级5当白狗，2敏3魔，要15 </t>
  </si>
  <si>
    <t>绝对不值，你叫他去抢银行好了，这种垃圾宠都要1卡</t>
  </si>
  <si>
    <t>女尸身上插匕首</t>
  </si>
  <si>
    <t>“女尸身上插匕首”，谜面不太美啊，哈哈！随便猜一个字吧：妮</t>
  </si>
  <si>
    <t xml:space="preserve">请问，广州的和谐医院能治关节疼痛吗？本人因为是上周打篮球不小心弄 </t>
  </si>
  <si>
    <t>楼主最好去专业的骨科医院检查下，在广州可以去广州和谐医院看看，那骨科很不错。这种疾病不能忽视，一般越早治疗效果越好，病情严重且迁延过久到时候中医保守治疗效果就差，严重的患者几乎丧失劳动力甚至瘫痪。</t>
  </si>
  <si>
    <t xml:space="preserve">雷必斯用后多久能见效果？本人想长鬓角，不知用雷必斯可不可长出来， </t>
  </si>
  <si>
    <t>我长胡须用了2瓶雷必斯，现在长得很浓密了，像你的这种情况使用雷必斯肯定要比我使用起效快，你还有胡须基础，一般是在20~30天就可以看点效果了，雷必斯使用也没有什么要特别注意的，就是涂抹。</t>
  </si>
  <si>
    <t xml:space="preserve">哪座山峰被称为“天下齐秀”？ </t>
  </si>
  <si>
    <t xml:space="preserve"> 雁荡山被称为“天下齐秀”</t>
  </si>
  <si>
    <t xml:space="preserve">网通为什么特别卡啊?不带队还好带队就卡的走不了 </t>
  </si>
  <si>
    <t>可能是你的网速慢了 人多的时候就容易卡 游戏方也有责任 开了好多的服务器了 钱是赚了 但是我们玩的越来越苦闷了</t>
  </si>
  <si>
    <t xml:space="preserve">2008年内蒙教师职称评定结果&amp;nbsp;&amp;nbsp; </t>
  </si>
  <si>
    <t xml:space="preserve">内蒙古招生考试网( </t>
  </si>
  <si>
    <t xml:space="preserve">什么车最长？ </t>
  </si>
  <si>
    <t>塞车</t>
  </si>
  <si>
    <t xml:space="preserve">如何延缓更年期？更年期是指卵巢功能从旺盛状态逐渐衰退到完全消失的 </t>
  </si>
  <si>
    <t>注意饮食和休息、参加体育锻炼</t>
  </si>
  <si>
    <t xml:space="preserve">小腿得了静脉曲张怎么办？小腿静脉曲张怎么治疗？武警北京市总队医院? </t>
  </si>
  <si>
    <t>静脉曲张只是外在表现，血管突起，其实静脉曲张根本原因就是血管内瓣膜出现问题，不管先天的还是后天造成的，最后导致血液反流，王英辉专家指出瓣膜这损坏是一个物理的行的改变，能彻底治愈静脉曲张的只有手术，但是你也可以选择手术的方式，手术分为传统手术和微创手术~</t>
  </si>
  <si>
    <t xml:space="preserve">帮忙填下面的成语珠窗()户药()飞龙()筑饭牛 </t>
  </si>
  <si>
    <t>药( )飞龙  药店飞龙珠窗( )户  珠窗网户( )筑饭牛  版筑饭牛</t>
  </si>
  <si>
    <t xml:space="preserve">我该怎么做好呢?我究竟该怎么做好呢?我现在在和一个比我大10岁的 </t>
  </si>
  <si>
    <t>哈哈﹐小心他哦﹐最好離他遠點﹐你只是他獵艷的?ο螬o他要交朋友?缓退昙o相仿的 吧</t>
  </si>
  <si>
    <t xml:space="preserve">住建委主要管哪几个部门？除了住建局，规划局归它管吗？ </t>
  </si>
  <si>
    <t>规划局也归它管的！</t>
  </si>
  <si>
    <t xml:space="preserve">荷兰２队对荷兰１队我给荷兰２队加油，他们打的比荷兰１队更有侵略性 </t>
  </si>
  <si>
    <t>顶!!!楼主!!!俄罗斯有冠军相!!!</t>
  </si>
  <si>
    <t xml:space="preserve">我想做蒸菜叶,怎样做才能保持绿色,让它不变色.我非常喜欢吃饭店做 </t>
  </si>
  <si>
    <t>蒸的火候不好掌握,用90度的水烫一下就是翠绿的!</t>
  </si>
  <si>
    <t xml:space="preserve">从小孩生下来两个多月后，小孩就由婆婆带的，但是婆婆有肝硬化请问对? </t>
  </si>
  <si>
    <t>别让你婆婆带孩子了，肝不好的人需要多休息，多补养。而且对孩子也不好。</t>
  </si>
  <si>
    <t xml:space="preserve">"读"和"念"的区别? </t>
  </si>
  <si>
    <t xml:space="preserve">区别不大，但还是有的。    读表示用心去读。如:读书，读报    念，不太用心。如：小和尚念经，有口无心。    还有，念是出声的；而读分为默读和朗读，其中默读是不出声的。明白？           </t>
  </si>
  <si>
    <t xml:space="preserve">阜新为啥叫"阜新"? </t>
  </si>
  <si>
    <t>取自物阜民丰,焕然一新</t>
  </si>
  <si>
    <t xml:space="preserve">你会说百分之几的谎言？一个有趣的统计发现有的女人为自己买的衣服、 </t>
  </si>
  <si>
    <t>给父母买的一般只报零头，可是还会被埋怨买的贵</t>
  </si>
  <si>
    <t xml:space="preserve">如何用食谱去火吃什么样的蔬菜可以去或 </t>
  </si>
  <si>
    <t>一、喝莲子汤去心火 　　表现症状：分虚实两种，虚火表现为低热、盗汗、心烦、口干等；实火表现为反复、口干、小便短赤、心烦易怒等。 食疗法：莲子30克(不去莲心)，桅子15克(用纱布包扎)，加冰糖适量，水煎，吃莲子喝汤。 　　二、吃猪肝可去肺火 　　表现症状：干咳无痰或痰少而粘、潮热盗汗、手足心热、失眠、舌红。 食疗法：猪肝1付，菊花30克(用纱布包好)，共煮至肝熟，吃肝喝汤。 　　三、喝绿豆粥去胃火 　　表现症状：分虚实两种，虚火表现为轻微咳嗽、饮食量少、便秘、腹胀、舌红、少苔；实火表现为上腹不适、口干口苦、大便干硬。 食疗法：石膏粉30克，粳米、绿豆各适量，先用水煎煮石膏，然后过滤去渣，取其清液，再加入粳米、绿豆煮粥食之。 　　四、喝梨水去肝火 　　表现症状：头痛、头晕、耳鸣、眼干、口苦口臭、两肋胀痛。 食疗法：川贝母10克捣碎成末，梨2个，削皮切块，加冰糖适量，清水适量炖服。 　　五、吃猪腰去肾火 　　表现症状：头晕目眩、耳鸣耳聋、腰脊酸软、潮热盗汗、五心烦躁。 食疗法：猪腰2只，枸杞子、山萸肉各15克，共放入砂锅内煮至猪腰子熟，吃猪腰子喝汤。 雪梨水鱼窝 　　原料： 　　雪梨4个，水鱼300克，南杏仁50克，葱白、姜、龙眼肉、果皮各少许。 　　做法： 　　1、将水鱼放血，杀好洗干净，用大热水去潺，再斩件，以少许盐、果皮及姜丝略腌。 　　2、雪梨去皮及芯，同南杏、葱、姜、果皮、龙眼肉及清水煲30分钟。 　　3、放入水鱼件煲8分钟至水鱼刚熟，盛碟，汤以少盐调味即成。 　　贴士： 　　水鱼可找店主代切，买后必须将白色膏状脂肪除去，以去腥味；水鱼必须拖水才可使用；水鱼煲得久都不会变老，但熟透就行了，最好不要煲得太久；雪梨要拣重的，用时要去皮去芯，汤水便不会酸涩。</t>
  </si>
  <si>
    <t xml:space="preserve">请有经验的妈妈告诉我.听说生小孩子很疼,我快生了,我很紧张,我很 </t>
  </si>
  <si>
    <t>我家的宝宝今年已经2岁半了,是顺产的,当时我怕疼,也不想自己生的,可医生说我可以,我也就打消了这个念头,当时的情景历历在目,开始是几分钟的宫缩痛到后来1分钟,再到推进产房时的无依无靠,但这时脑子里想的只是宝宝快出来,一次不行两次,用尽我最后的力气,终于宝宝出来了,听见孩子的哭声,就连医生给我缝针我真的已经感觉不到痛了,这点点的痛又怎样?这可能算是母爱的力量吧,所以如果你的宝宝不是很大,而你身体没问题的话,何不体验一下真正做母亲的感受呢.身边的朋友知道我是顺产的,都用很敬佩的眼光看着我说你好历害喔!这个时候自己也会觉得很自豪喔!废话说了一大堆,决定权在你自己手里,顺其自然,轻松面对,祝你轻松生产!</t>
  </si>
  <si>
    <t xml:space="preserve">弟弟今年上高二,觉得自己一无事处,不想读书了!弟弟今年上高二了! </t>
  </si>
  <si>
    <t xml:space="preserve">     从此文所叙述弟弟的目前困惑来看，我谈点个人看法：      您弟弟是个要强的学生，但处于自己的学习下降，又知道自己不如别人，开始因“自卑”而又无可奈何。      他“学习一直不错，到了初三以后，就一直下滑！”      初中和高中阶段是学生在学习打基础的阶段，同时这个年龄段的学生敏感，开始学习更多的思索，也开始产生更多的“欲望”，和周围的同龄人开始对比，比家庭环境、比自己在别人眼里的地位，比谁比谁怎样？其实他们更多的是比学习成绩，别看嘴上不说。    虽然他在自卑，但仍在后悔“发觉自己早些年顾着学习了，从来都没有什么爱好，就算有了，别人都是从小学起，他现在才开始，什么都比别人差.....  ”说明他很要强，并不服输。    可见，他仍处于矛盾之中，一边后悔，懊恼，一边又“自卑”。    怎么办？    还是劝他鼓励他继续学习，学！总比不学要强的多！如果现在因为不如别人就放弃学业，过几年他还要后悔！所以要学！有的说，上了大学怎么样？也不好找工作！但是，我们说，你没学历，没本事更不好找工作！     是学习的年龄，就要专心学习，什么年龄段就做什么年龄段的事情。该学习不去学习，反而或者去打工挣钱，或者过早的去接触情感的事情等都不可取。其实打工也挣不到你所想象的钱。谈恋爱也谈不好。失去了学习的机会，等真的过后再学，也更吃力了，真的去找工作了，更找不到。真的到找对象的年龄了，反而总也不理想。这些，都是现实……应该认识到。      还要告诉他，人外有人，天外有天，无论你走到哪里，都有比你强的人，要针对自己的情况去努力才好。      总之，还是劝他学下去！鼓励！批评！督促！关心！关注！为了让他以后不再后悔，要让他坚持学下去！  引用： </t>
  </si>
  <si>
    <t xml:space="preserve">发生雪灾地区所处温度带 </t>
  </si>
  <si>
    <t>基本是亚热带，亚热带平时不怎么下雪，所以平时没有防冻设施，才称灾，北方每年都下雪，有防冻设施，所以就不算灾了。</t>
  </si>
  <si>
    <t xml:space="preserve">十一国庆出游人数预计有多少？ </t>
  </si>
  <si>
    <t>今年十一黄金周国内出游人数预计达2.1亿人次</t>
  </si>
  <si>
    <t xml:space="preserve">有谁可以直接告诉我QQ游戏连连看的外挂网址吗？ </t>
  </si>
  <si>
    <t xml:space="preserve">我这里有一个: 下载后.登陆的密码是本网站的网址.也就是( </t>
  </si>
  <si>
    <t xml:space="preserve">我怀孕了想打胎!我怀孕了,想打胎!才一个月,用药流可以吗?哪种比 </t>
  </si>
  <si>
    <t xml:space="preserve">药物流产是指口服一种叫做RU486的药物，使胚胎组织排出，达到终止妊娠的目的。目前主要用于终止7周以内的宫内妊娠，成功率约在90%-95%。 　　这是一种新型的内分泌药物，又名米非司酮。用这种药物能引起流产的道理很简单，因为女性怀孕后，身体里会产生一种激素孕酮，孕酮是维持妊娠的必要因素。RU486服用后，它能与身体里的孕酮受体结合，使身体里孕酮的活动能力下降。身体内一旦缺少维持妊娠所必要的孕酮，就会引起流产。当然怀孕天数越少，效果也就越好。RU486口服药一般与前列腺素药物合用，这样可以大大提高完全流产的效果。因为前列腺素能使妊娠子宫发生强烈的收缩，从而帮助子宫内妊娠组织的全部排出。 药物流产的优点 1、孕药物流产是一种安全、便捷、少创伤、无痛的新型非手术终止早孕的途径。 2、避免手术流产，无需进入宫腔，感染机会明显减少。 3、如果流产失败，再手术清宫的痛苦也比人工流产轻。 4、完成药物流产需3--4天，期间可正常工作。 药物流产适应症 1、病人停经必须在45天以内，经B超和尿液妊娠试验为阳性，确诊宫内孕49~56天内无禁忌症的自愿要求使用药流的健康妇女。 2、负压吸宫术有困难或有危险的早孕妇女，如产后、近期剖宫产、近期人工流产术、连续多次人工流产、子宫位置不正常、生殖道畸形、有子宫穿孔史、有盆腔脊柱肢体畸形而不能采取膀胱截石位者等。 3、适合于对手术流产有顾虑或恐惧的妇女。 药物流产禁忌症 　　1、米非司酮药物禁忌：内分泌疾病、慢性疾病如肝或肾功能异常、各种良性或恶性肿瘤、血液病或血栓性疾病、高血压等。 2、前列腺素药物禁忌：心脏病、青光眼、哮喘、胃肠功能紊乱和过敏体质者。 3、带有宫内节育器、可疑宫外孕或宫内孕不明确者。 4、近3个月内接受过糖皮质激素治疗的病人。　　 5、服药后不能及时去就诊者，以免发生紧急情况延误治疗。 6、吸烟每日超过10支日或嗜酒者。 7、病人有子宫畸形（如双子宫、残角子宫）、未婚青年、剖宫产手术半年以内的妇女，要在医生检查后才能确定是否可以药物流产。 流产药物的服用 1、术前必须由医生经HCG和B超诊断确诊为49~56天内宫内孕者。 2、医生详细交待服药方法、药物疗效及可能出现的副作用，孕妇同意后方可用药米非司酮150～200毫克，顿服或分次于３天内服完。 3、服用RU486，每天2次，每次1片，连服3天。饭前1小时服药，两次服药间隔11小时。早上8时服第一粒药，9时进餐，晚上7时服第2粒药，连服3天。 4、医生会于服药三天后在阴道内放入一粒前列腺素药剂，或口服米索前列醇600微克。由于前列腺素促进肠蠕动和子宫收缩，可以促使妊娠组织的排出，使流产进行得完全，减少妊娠物残留的发生。 5、在医院中观察６小时，注意血压、脉搏、药物副作用，检查胎囊排出时间、大小和出血量。如排出胎囊前后有活动性出血、或姚流不全者，可给宫缩剂或手术清宫。 6、观察６小时后如胎囊仍未排出，出血不多，按医生规定加药或回家随诊。在家中排出组织，须完整保存并带给医生察看。 药物流产的注意事项 药流虽有不少优点，但并非象坐在家里嚼口香糖一样简单。除药物本身有一定局限外，病人的选择与药物的规范使用都有医学上的要求。倘若使用不当，轻者达不到流产的目的，重者可能令服药者大出血乃至生命危险。抗早孕药物其实另有一个药名叫“催经止孕药”，其目的在于当意外受孕者月经超过几天不来，趁它“立足未稳”，立即服药催促月经来潮，从而达到止孕的目的。然大多数人都是先经检查证实怀孕在身后，方想到是否选择药流，但此时“木已成舟”，药流为时已晚。 　　妇产科专家告诫：药流不能擅自在家悄悄进行，科学的方法是去医院先检查，后规范用药，用药后最好能住院观察。专家们建议，若一旦选定了药物流产，以下两点必须牢记： ⑴早确诊早用药，一般在孕45天以内效果好。 ⑵要到有急诊处理、刮宫条件和输血输液条件的医院进行药流，并在医生的指导下用药，多加观察，以防不测。 药物流产后注意事项： 1．组织物排出后需在医院留察１小时。若阴道流血不多可以回家休息。一周到医院进行B超检查。 2、流产后２周内适当休息，吃富有营养食物，不做重体力劳动。 3、注意会阴清洁，阴道流血未净时禁盆浴及性生活。 4、流产后的最初２～３天，阴道流血量一般相当于月经量或略多于月经量，若阴道流血量很多或持续不净要及时就诊。 5、未见组织物排出者用药后观察1周，期间大、小便时应注意有无组织物排出。每周送尿作妊娠试验检查。 6、流产后可能很快恢复排卵，应采取避孕措施，以免再次妊娠。 药物流产具有一定的适应性，并非所有孕妇都可以毫无顾忌地做药流，特别是多次做过人流者，再进行药流显然是不合适的。 　　已经进行过人流的孕妇，子宫内膜曾经遭受过机械性刺激，其光滑度受到影响，常常导致发育不良，胎盘粘连等，这与手术操作不当发生子宫内膜表面上皮的重建困难，腺上皮不能再生，间质出现纤维化及玻璃样改变或钙化有关。 　　多次人流还有可能引起子宫内膜的感染，严重者使子宫内膜不再增殖而发生炎性萎缩。这些都是给再次采用药物流产带来极大的麻烦。做人流次数越多，发生药物不完全流产的比例也就越高，而不完全流产将对女性的健康造成很大的危害。 　　在临床中经常见到药物流产不灵的现象。这些服药者多半埋怨甚至怀疑药物有问题，实际上这是与其自身的具体情况有直接联系。药物流产有著严格的指征，并非随便可以服用的。禁忌症就包括经常进行人流术者。 　　曾经做过人流术的女性，进行药流前最好先咨询医生，并遵从医生的意见。 </t>
  </si>
  <si>
    <t xml:space="preserve">山河老师买新股票问题大盘涨稳了吗？现在适合买新股票吗？谢谢 </t>
  </si>
  <si>
    <t>企稳与否不敢断言，但下跌空间不大，还会有调整确认，暂观望。</t>
  </si>
  <si>
    <t xml:space="preserve">&lt;汉宫秋&gt;"写景写情,当行出色."表现了汉文帝怎样的感情?这段曲 </t>
  </si>
  <si>
    <t>马致远《汉宫秋》主题辨析&lt;汉宫秋&gt;的主题非政治,亦非爱情.它是借历史悲剧写人生迷惘,表现了自古以来备受尊重、前程远大、自命不凡的中原儒生,在元代被打入备受歧视和践踏的社会底层,失去了他们赖以生存的精神家园而感到困惑、痛苦、绝望的情绪. 希望你满意!</t>
  </si>
  <si>
    <t xml:space="preserve">宝宝营养吸收不了长不胖长不高怎么办就是营养吸收不了 </t>
  </si>
  <si>
    <t>买些钙片和健胃消食的</t>
  </si>
  <si>
    <t xml:space="preserve">哪里可以下载免费的卡巴斯基的中文版杀毒软件呢？ </t>
  </si>
  <si>
    <t>1.这里有卡巴斯基各版本和他们的key（授权文件、激活码） 使用时分清楚KAV、KIS、5.0、6.0、7.02.卡巴现在打击盗版网络上提供的授权文件一般都用不了几天就会被列入黑名单；上面有永久免费使用卡巴的方法：你可以参照执行这个方法的好处是不需要卸载、安装，而且不需要重新升级病毒库</t>
  </si>
  <si>
    <t xml:space="preserve">存10000银行3个月利息是多少钱? </t>
  </si>
  <si>
    <t xml:space="preserve">    你的问题说的不是很清楚。    一般税后利息=10000*1.80%/4*80%=36.00(元),存三个月定期利息是45元，扣除利息税，实得利息36元。</t>
  </si>
  <si>
    <t xml:space="preserve">现在什么最好转钱？投资在一万元左右~~随便什么都可以？但是要有8 </t>
  </si>
  <si>
    <t>现在股票市场一片大好，基金、外汇宝、中行黄金宝都是不错的选择。回报在7％左右</t>
  </si>
  <si>
    <t xml:space="preserve">请问注射破伤风抗毒素后，效果能维持多久？一般被铁器划伤或者割破后 </t>
  </si>
  <si>
    <t>破伤风抗毒素保护期限视其伤口情况只有约3——14天。医生处方并且指导用药。小的刺伤一般不必注射，除非该微生物可能存在并且感染给人。即使注射，也首选破伤风免疫球蛋白。精制破伤风抗毒素 (Purified Tetanus Antitoxin，TAT)　[预防疾病]破伤风[制剂]精制破伤风抗毒素(精破抗)液体制剂为无色或淡黄色澄明液体，久置可析出少量能摇散的沉淀。冻干制剂为白色或乳白色疏松体，加定量注射用水后呈无色或淡黄色澄明液体。规格：预防用1500IU／支；治疗用lO0001U／支；[使用对象]1．已出现破伤风或其可疑症状时，应在进行处理及其他疗法的同时，及时使用抗毒素治疗。2．开放性外伤(特别是创口深、污染严重者)有感染破伤风的危险时进行预防：凡已接受过破伤风类毒素免疫注射者，应在受伤后再注射1针类毒素加强免疫，不必注射抗毒素；未接受过类毒素免疫或免疫史不清楚者，须注射抗毒素预防，但也应同时开始类毒素预防注射，以获得持久免疫。[使用方法]1．剂量预防：1次皮下或肌内注射1500-3000IU。儿童和成人相同，伤势严重者可增加用量1-2倍。经5-6日，如破伤风危险未消除，应重复注射。治疗：第1次肌内或静脉注射50000-2000001U，儿童与成人用量相同。以后视病情决定注射量与间隔时间。同时还可将适量抗毒素注射于伤白周围的组织中。新生儿破伤风，24小时内分次或1次肌内或静脉注射20000-1000001U。2．注射部位：皮下注射应在上臂三角肌附着处。若同时注射类毒素时，注射部位须分开。肌内注射应在上臂三角肌中部或臀大肌外上l/4处。只有经过皮下或肌内注射未发生异常反应者，方可作静脉注射。静脉注射应缓慢，开始每分钟不超过1m1，以后每分钟亦不宜超过4m1。一次静脉注射不应超过40ml。儿童每公斤体重不应超过0.8m1。亦可将抗毒素加葡萄糖注射液或氯化钠注射液等输液中静脉点滴。静脉注射前应将安瓿在温水中加温至接近体温，注射中如发生异常反应，应立即停止。[禁忌]凡本人及其直系亲属曾有支气管哮喘、枯草热、湿疹或血管神经性水肿等病史，或对某种物质过敏，或本人过去曾注射过马血清制剂者，均须特别提防过敏反应的发生。[反应]1．过敏休克：可在注射中或注射后数分钟或数十分钟内突然发生。患者突然表现沉郁或烦燥、脸色苍白或潮红、胸闷或气喘、出冷汗、恶心或腹痛、脉搏细速、血压下降；重者神志昏迷或虚脱，如不及时抢救，可以迅速死亡。轻者注射肾上腺素后即可缓解；重者须输液输氧，使用升压药物维持血压，并使用抗过敏药物及肾上腺皮质激素等进行抢救。2．血清病：主要症状为荨麻疹、发烧、淋巴结肿大、局部浮肿，偶有蛋白尿、呕吐、关节痛，注射部位可出现红斑、搔痒及水肿。一般在注射后7-14天发病，称为迟缓型。亦有在注射后2-4天发病，称为加速型。可进行对症疗法，如抗组织胺药物或钙剂等。一般数日或十数日即可痊愈。[效果]给思者注射抗毒素使机体内短时间获得被动免疫力，达到预防和治疗破伤风。但其效果与以下三个方面的因素有密切关系。1．注射时间：抗毒素只能中和血液中游离的毒素，若毒素已与组织细胞结合，尽管尚未发展到出现临床症状，也不能被抗毒素中和。故无论预防或治疗时必须尽早给药。2．给药剂量：机体内一定量的抗毒素与毒素第一次接触时，将被最大限度的结合，以后随次数的增加，结合数量逐渐下降。故第一次注射时必须给予足够剂量(单位)的抗毒素。3．重复注射：由于抗毒素系用马血清制备，在人体内的半衰期短，在血中维持有效浓度的时间约1-2周。若重复注射抗毒素，患者对异体蛋白的敏感性增强，可加速对异体蛋白的破坏，血中抗毒素可迅速消失，故注射次数越多效果越差。[注意事项]1. 每次注射时须保存详细记录，包括姓名、性别、年龄、住址、注射次数、上次注射的反应、本次过敏试验结果及注射后反应情况，所用抗毒素生产单位及批号。2．注射用具及注射部位应严格消毒。最好使用一次性注射器或专用注射器。3．使用前详细询患者的既往过敏史和本人及直系亲属的过敏性疾病等情况。4．使用前必须做过敏试验。过敏试验：用氯化钠注射液将抗毒素稀释lO倍(0.1m1抗毒素加O.9ml氯化钠注射液)在前臂掌侧皮内注射O.05m1，观察30分钟。注射部位无明显反应者，即为阴性，可在严格观察下直接注射抗毒素。如注射局部出现皮丘增大、红肿、浸润，特别是形似伪足或有痒感者，为阳性反应，必须用脱敏法进行注射。如注射局部反应特别严重或除局部反应外伴全身症状反应，如荨麻疹、鼻咽刺痒、喷嚏等，则为强阳性反应，应尽量避免使用抗毒素。如必须使用时，则应用脱敏注射，并做好一切准备，一但发生过敏性休克，立即抢救。无过敏史或过敏试验阴性反应者，也有发生过敏性休克的可能。为慎重起见，可先注射小量于皮下进行试验，观察30分钟，无异常反应，再将全量注射于皮下或肌内。脱敏注射法：在一般情况下，可用氯化钠注射液将抗毒素稀释10倍，分小量数次作皮下注射，每次注射后观察30分钟。第1次可注射10倍稀释的抗毒素0.2m1，观察无紫绀、气喘或显著呼吸短促、脉搏加速时，即可注射第2次0.4m1。如仍无反应，则可注射第3次0.8m1。如仍无反应，可将安瓿中未稀释的抗毒素全量作皮下或肌内注射。有过敏史或过敏试验强阳性者，应将第1次注射量和以后的递增量适当减少，分多次注射，以免发生剧烈反应。门诊病人注射抗毒素后；须观察至少30分钟，方可离去。</t>
  </si>
  <si>
    <t xml:space="preserve">如何重命名cpp源文件进入C++后不能直接在FileView下对 </t>
  </si>
  <si>
    <t>你得先说明你使用的是什么编译器或者IDE。如果在其中不可重命名的话关闭程序然后再外部操作之后再进入开发环境（你所谓的“进入C++”）就行了。</t>
  </si>
  <si>
    <t xml:space="preserve">弹道导弹跟普通的导弹有什么区别? </t>
  </si>
  <si>
    <t>导弹是在火箭发动机的推动下飞行，靠惯性自由滑行的导弹。整个弹道分为两个阶段：主动段和被动段。在主动段，导弹在发动机的推力作用下获得一定的速度；在被动段，导弹以发动机关机后给定的速度和飞行高度做惯性飞行。弹道导弹的主要特点是：导弹无弹翼，沿着一条预先确定的飞行轨迹飞行，通常采用垂直发射，弹体和弹头之间采用分离式结构。导弹能否准确攻击地面各种固定目标，主要是由制导系统实现。其制导方式有无线电指令制导、惯性制导、惯性加星光制导等。弹道导弹有多种分类方法：按作战使用分，有战略弹道导弹和战术弹道导弹；按射程分，有洲际、远程、中程和近程弹道导弹；按结构分，有单级和多级弹道导弹；按推进剂分，有液体和固体推进剂弹道导弹等。世界上首次用于实战的德国V-2导弹，是一种地地弹道导弹，射程为320千米，命中精度4-8千米。现在弹道导弹，如美国“民兵－Ⅲ”弹道导弹，射程达13000千米，命中精度为185米。 一般的导弹是用来击中具体的目标,而弹道导弹更多的是是一种威慑的武器,拥有弹道导弹就意味着可以远距离攻击敌对国,同时拥有弹道导弹和核武器就意味可以可以对敌国进行陆基核打击.</t>
  </si>
  <si>
    <t xml:space="preserve">寻找网通服务器我是个新手,请教高人给指点下,那个是网通服务器,进 </t>
  </si>
  <si>
    <t>极度深寒就是网通区了！！！</t>
  </si>
  <si>
    <t xml:space="preserve">假眼（打一成语）。 </t>
  </si>
  <si>
    <t xml:space="preserve">目不转睛                             </t>
  </si>
  <si>
    <t xml:space="preserve">我的电脑屏幕显示的有些虚,字有时好象是双影,怎么能调清楚了呀, </t>
  </si>
  <si>
    <t xml:space="preserve">有这种问题的在使用的时候可以发现图像明显模糊。这种问题一般是由于显示器内部电路问题导致的，也有可能是显示器受潮而导致的。首先，你可以自己尝试排出解决，通过调节显示器的OSD选项，最好是回复到RECALL（出厂状态）状态来检查故障是否消失。对于液晶显示器，需按一下auto config按钮；显示器的参数是否调得过高或过低（如H/V-MOIRE，这是不能通过RECALL来恢复的）；显示器各按钮可否调整，调整范围是否偏移显示器的规格要求；另外，以下的检查应在软件最小系统下进行 检查显示器/卡的驱动： A. 显示器/卡的驱动程序是否与显示设备匹配、版本是否恰当； B. 显示器的驱动是否正确，如果有厂家提供的驱动程序，最好使用厂家的驱动； C. 是否加载了合适的Direct X驱动（包括主板驱动）； D. 如果系统中装有Direct X驱动，可用其提供的Dxdiag.exe命令检查显示系统是否有故障。该程序还可用来对声卡设备进行检查。 显示属性、资源的检查： A. 在设备管理器中检查是否有其它设备与显示卡有资源冲突的情况，如有，先去除这些冲突的设备； B. 显示属性的设置是否恰当（如：不正确的监示器类型、刷新速率、分辨率和颜色深度等，会引起重影、模糊、花屏、抖动、甚至黑屏的现象）； 操作系统配置与应用检查： A. 系统中的一些配置文件（如：System.ini文件）中的设置是否恰当； B. 显示卡的技术规格或显示驱动的功能是否支持应用的需要； C. 是否存在其它软、硬件冲突。 硬件检查： A. 当显示调整正常后，应逐个添加其它部件，以检查是何部件引起显示不正常； B. 通过更换不同型号的显示卡或显示器，检查是否存在它们之间的匹配问题； C. 通过更换相应的硬件检查是否由于硬件故障引起显示不正常（建议的更换顺序为：显示卡、内存、主板）。 如果问题依然存在，建议送到专业维修部门就修理。 祝你好运 </t>
  </si>
  <si>
    <t xml:space="preserve">属于八大工业国的有？其中有美国，意大利，还有哪六国？ </t>
  </si>
  <si>
    <t>世界八大工业国：美国、日本、德国、意大利、法国、加拿大、英国、俄罗斯。</t>
  </si>
  <si>
    <t xml:space="preserve">宝宝头发又稀又黄，是缺乏微量元素的表现吗？宝宝出生的时候头发很好 </t>
  </si>
  <si>
    <t>缺锌的宝宝头发会又稀又黄，但头发又稀又黄并不代表一定是缺锌，也有父母的遗传。建议到医院做一个微量元数的检查。</t>
  </si>
  <si>
    <t xml:space="preserve">如何上网学习word的使用技巧？刚开始使用word，有很多使用上 </t>
  </si>
  <si>
    <t xml:space="preserve">洪恩在线上也有很多电脑学习的教程， </t>
  </si>
  <si>
    <t xml:space="preserve">上海哪里治疗牛皮癣病比较权威 </t>
  </si>
  <si>
    <t>你好，牛皮癣发病的原因和机制尚未弄清，但概括起来可以认为，该病的发生与遗传、病毒或细菌感染、患者的内分泌功能失调、代谢障碍、自身免疫功能紊乱和精神创伤等因素有关。治疗后能达到临床上治愈，治疗加防治，医患合作。建议到正规的皮肤科医院治疗。牛皮癣是一种易复发的疾病，传统单一的药物治疗是很难达到临床彻底治愈，有些患者用药就减轻停药就加重，所以建议患者治疗一定要进行科学、规范的综合性治疗，才能达到标本兼治、愈后不易复发的目的。建议到正规医院诊治。你好，牛皮癣属于难治性疾病！到现在还没有任何一种方法能根治牛皮癣！建议患者到正规专业的皮肤科医院诊治，查明病因对症治疗。</t>
  </si>
  <si>
    <t xml:space="preserve">美利达勇士的前避震效果怎么样? </t>
  </si>
  <si>
    <t>lgxuhang:你好!如果是说我的感觉的话,我觉得比民用车的要好,但比公爵的要差.如果你只是玩减震的话,还是买公爵比较好</t>
  </si>
  <si>
    <t xml:space="preserve">用过薇姿的人请进来看一下吧。我前一个月买了薇姿的控油洗面奶和控油 </t>
  </si>
  <si>
    <t>我认为薇姿的产品并不像广告宣传的那么好,前不久我买了一个每日晒后修护乳液里面含有好多酒精特别刺鼻涂在皮肤上油腻腻的而且皮肤有刺痛的感觉,气味刺鼻差点流眼泪.而且很贵168元真上当.我在也不买薇姿的产品了.</t>
  </si>
  <si>
    <t xml:space="preserve">饭量特别大的人正常吗？我23岁，吃饭速度一直比较块，现在饭量也加 </t>
  </si>
  <si>
    <t>体质有关，有人吃得多不长肉，有人吃得少老长膘。。。 还有习惯有关，我就是高三期间，为了赶时间养成吃饭超快的习惯。。。唉。。。。</t>
  </si>
  <si>
    <t xml:space="preserve">谁帮我点评下吕布观点最好个性一点 </t>
  </si>
  <si>
    <t>呵呵~看来老兄你也是很喜欢个性啊~呵呵，。先说“猛”可以说他是三国时期中与随唐中的“李元霸”一样第一猛将，从“三英战吕布”到“丁原”的拉锯战，（勇猛在古代的战乱的时代确实是件好事。）再后来就是“董卓”。都是勇猛无比的~许诸等人也是望而生畏。“谋”就是是想3岁小孩子一样，没有点意识。就象《》中的南海恶神一样说自己“没用，光有那么大的脑袋。”如果他听了谋士的话~结果不会是这样。也许他会“风光”更长的时间，但是没有听别人的意见，自己头脑有问题，怎么能不“吊”在象“纣王一样的”摘星楼上呢？在者就是人有点自我反省的能力，这个是他难能可贵的，在被捆以后，经常以酒淫为生活，别人怎么说没怎么劝都不听，结果是自己看出自己不成人行 了。才下令全部不准喝酒。难得！这个是的亮点。再者“是英雄有爱美人的风格”（自己的感觉，本故事层属虚构啊呵呵）爱上“貂禅”。很有男人味！性格上面的高傲！不过如果没有这样的资本，也是想高傲也不行的，这个同意~~他，就是现在的生活一样~~“有钱行万里路。无钱滚垃圾推；”好了不说~~~好象没有几句与历史是真的哈~都是自己想的多。</t>
  </si>
  <si>
    <t xml:space="preserve">做过仙人就职的进下我做到和一个柜架说话拿心写镜，但是怎么说话也得 </t>
  </si>
  <si>
    <t xml:space="preserve">之前作的有问题吧和法兰城的冒险者旅馆内的冒险野郎马克盖对话选"是"购买情报，一共要三次（花费300G）并获得[桃源乡之桃种] 接著到库鲁克斯岛的瀑布(406.341)进入前往桃源乡仙人家  （注）冒险野郎所提供最后一段需花费1000Ｇ的情报并不需要听取！桃源乡之桃种无法交易，丢弃消失，在任务中请勿随意丢弃，否则可能导致任务无法完成当时我做的时候这里没看清楚 要听情报前2个 第3个不需要 不知道你做了吗  做了话再检查前面的把 </t>
  </si>
  <si>
    <t xml:space="preserve">社会医疗保险缴多少年，和养老一样是十五年吗原来在公司上班，统一参 </t>
  </si>
  <si>
    <t>与养老保险不同，社会基本医疗保险在达到退休年龄时一定要缴够男25-30年，女20-25年（地区不同，规定有别），才可以在退休以后继续享受社会基本医疗保险待遇。如果在达到退休年龄时，未能达到规定的医疗保险缴费年限，按现行规定，可以在退休前一次性补足医疗保险的缴费年限。 医疗保险的缴费，不仅积累着你的缴费年限，也是你的日常健康的基本保障，在发生健康风险时，生病医疗会得到医疗保险的帮助。你现在虽然属于自由职业人员，最好还是坚持医疗保险缴费，拥有健康保障是你安心工作、幸福生活的前提。</t>
  </si>
  <si>
    <t xml:space="preserve">国民党军队中有哪些抗日英雄？以此纪念为国捐躯的勇士们…… </t>
  </si>
  <si>
    <t>国民党抗战十大名将 我们要以历史和客观的眼光看待抗战时期的国民党军队。那时国军里也曾涌现出了一批抗日英烈，最有代表性的十大抗日名将依次是：1、张自忠 2、李宗仁 3、杜聿明 4、孙立人 5、薛岳 6、卫立煌 7、傅作义 8、戴安澜 9、张灵甫10、王耀武。 --------------------------------------------------------------------------张自忠：第一名将。第33集团军总司令。张自忠当选第一名将首先是由战绩决定的，他曾在台儿庄战役中重创日寇坂垣师团，获得临沂大捷；收复枣阳桐柏，获得鄂北大捷；还获得过襄东大捷，被老百姓称为活关公。同时还因为他是抗战时期牺牲的我军最高将领（李家钰牺牲得晚于张）。但最主要的，是因为人们对张自忠悲剧经历的同情，这样一位正直的、人格高尚的爱国者却曾被误认为汉奸而人人喊打，简直是奇耻大辱。最后张自忠为这件耻辱主动选择了牺牲，以生命的代价表达自己的清白（其做法不禁使我联想起曾热播过的《》中的乔峰之死）。真正是悲剧英雄。 --------------------------------------------------------------------------李宗仁：第二名将。第五战区司令长官。李宗仁有点类似中共抗日名将第二名的林彪，先打出里程碑的一战，然后销声匿迹。台儿庄战役共歼敌两万余人，是抗战开始后中国军队在正面战场上取得的第一次战役规模的大捷，而且对手是日本的王牌师团，在国际上也被称为"是日本建立现代化军队以来遭受的第一场引人注目的大惨败"。台儿庄战役后，李虽然又参加了武汉、随枣、豫南等会战，但没出什么彩。后来，干脆被蒋介石高吊了起来，和冯玉祥、李济深等一样，位高权轻。不过，只凭台儿庄一战，李宗仁也可以无愧于抗日名将的称号。--------------------------------------------------------------------------杜聿明：第三名将。第5军军长。参加过古北口长城抗战和八一三淞沪抗战。以桂南会战中取得昆仑关大捷而一举成名。虽然有人认为这次胜利的一个很重要因素，是5军作为中国第一个机械化部队，火力强于日军，但对手毕竟是号称日本钢军的坂垣师团中村旅团（薛岳万家岭战役面对的则是一个二流师团）。42年杜聿明作为远征军副司令出征缅甸，虽然戴安澜在东瓜获胜，孙立人在仁安羌也大败日军，但最终远征军还是失败了。对于这段历史，众说纷纭，功过是非很难说清，因为有些战略决策不经过亲自实践，很难判断对错。个人感觉，现在网上对杜聿明有些神化。 --------------------------------------------------------------------------孙立人：第四名将。新1军军长。抗战八年，孙立人在国内除了参加过淞沪会战外，基本上没打过仗，他的功勋主要是在缅甸建立的。尤其是远征军第一次入缅作战时，他在仁安羌一战中，以少胜多，大败日军，救出了7000多英军和记者，蒋介石、罗斯福、英王乔治都给他授勋章，由此声名大振。他的得票排在第四我想也缘于此。不过，我并不认为英国人的命比中国人的命更值钱。我欣赏孙立人的是他对日本俘虏的态度，对那些曾沾满中国人鲜血的禽兽，尽管成了俘虏也照样格杀勿论，此举大快人心。孙立人排名略显靠前。--------------------------------------------------------------------------薛岳：第五名将。第九战区司令长官。薛岳从抗战爆发到抗战胜利是连年征战，功勋累累，被称为歼敌最多的将领，仅四次长沙会战就歼灭日军十余万。但使他名声显赫、排名靠前的主要还是万家岭大捷，此战全歼日军一个师团，是抗战八年绝无仅有的。叶挺盛赞此战与平型关、台儿庄三足鼎立。有人称薛岳为中国抗日第一战将，就数量而言，薛岳是受之无愧的。不过，薛岳虽军事上成就显著，但治理湖南却颇遭物议，为了谋取暴利，他把湖南大米走私广东，结果使湖南百姓在丰收之年饿死无数，百姓编民谣骂他。--------------------------------------------------------------------------卫立煌：第六名将。第二战区副司令长官。卫立煌排第六基本上是合适的。抗战时他指挥的最著名的是忻口战役，该战役对日军进行了沉重打击，歼敌数万，如果不是刘峙在河北大溃退，使得娘子关门户大开，也许会取得忻口大捷也未可知。但忻口战役毕竟是个不败而败的战役。43年卫立煌担任第二次远征军司令长官时远征缅甸，取得的才是名副其实的胜仗，该战消灭了盘踞缅甸的日军，打通了滇缅公路，成果辉煌。卫立煌是蒋介石的五虎将之一，但其他四将都是空有其名，只有卫是名副其实的虎将，但恰恰是这员虎将最不为蒋信任。--------------------------------------------------------------------------傅作义：第七名将。第八战区副司令长官。国军在北方最著名的抗日将领。33年就参加了长城抗战，36年又大败进犯绥远的日军和蒙奸德王的伪军部队，取得了百灵庙大捷。七七事变后，参加了平型关战役、忻口战役、太原保卫战等。40年，傅作义又歼灭日军和王英的伪军数千人，收复五原城，取得了五原大捷，这是全国抗战以来国民党军队第一次收复失地的战役，影响很大。林彪在平型关战斗后的总结中曾表示了对晋绥军的不屑，晋绥军的战斗力也的确一般，但傅作义显然是晋绥军中的一个异数。 --------------------------------------------------------------------------戴安澜：第八名将。第5军200师长。曾参加过古北口长城抗战、台儿庄大战等。在昆仑关战役中，率部与日寇浴血奋战，直至身负重伤才下战场。1942年作为远征军先头部队赴缅甸作战，在著名的东瓜保卫战中，率孤军与数倍于己之敌作战，击毙日寇5000余人，在国内外引起巨大反响。后又率200师收复棠吉。因上级指挥失误，远征军被迫撤退回国，途中被日军伏击，戴安澜负伤不治，壮烈牺牲。戴安澜与杜聿明的关系颇似张灵甫与王耀武的关系，两位长官的结局相同，两位同为抗日名将的下属结局却大相径庭，令人感慨不已。--------------------------------------------------------------------------王耀武：第九名将。第74军长。37年参加淞沪会战、南京保卫战。38年参加武汉会战中的万家岭战役。39年参加南昌会战、第一次长沙会战。41年指挥74军参加上高会战，重创日寇，被誉为抗日铁军。后参加第二次、第三次长沙会战，浙赣会战，鄂西会战，常德会战，长衡会战。45年指挥了国军抗战中的最后一次会战－－湘西雪峰山会战。从抗战之初到抗战结束，王耀武年年对日作战，几乎是无役不予，而且战绩颇佳。王耀武精明强干、头脑清晰，被中共高级将领称为国民党内少有的几个明白人之一。 --------------------------------------------------------------------------张灵甫：第十名将。第74军58师长。张灵甫曾三次闻名，一次是抗战前因杀妻而闻名，再一次是作为解放战争时被我军击毙的为数不多的国军高级将领而闻名（蒋介石曾尊张灵甫为民国第一烈士）。这都不是什么光彩的事。张灵甫一生最光彩的是在重伤，消灭日寇数以千计，对万家岭大捷的取得起了至关重要的作用。事后，郭沫若专门派田汉编剧，歌颂德安大捷，张灵甫在剧中以真名出现，一时间闻名天下。投票之初，张灵甫曾排在第四位，现在掉到第十，这个位置基本上是合适的。 --------------------------------------------------------------------------在反法西斯胜利60周年之际.向每一个抗战英烈和无数战士致敬!</t>
  </si>
  <si>
    <t xml:space="preserve">问价。谢谢请问风+4强火弱幻影的大手镯值多少啊？ </t>
  </si>
  <si>
    <t>风4强火属性不错  你转3G了吗？3G的这中东西很少。 3G=1.5E  3=1E左右</t>
  </si>
  <si>
    <t xml:space="preserve">走的很远，想要回城怎么办？只能原路返回？ </t>
  </si>
  <si>
    <t>快速回城ALT+Q，返回大厅，然后选择重新开始队伍，就回到你记录的城市了。</t>
  </si>
  <si>
    <t xml:space="preserve">私营合伙企业注销需要什么资料? </t>
  </si>
  <si>
    <t>缴清税款，支付应付给工人的工资，清偿债权债务，在工商、税务申请注销</t>
  </si>
  <si>
    <t xml:space="preserve">问价4F1Q的龙鳞披风在青干玄上能卖多少? </t>
  </si>
  <si>
    <t>我觉得3500+  5000万可能没人买 你摆摊卖</t>
  </si>
  <si>
    <t xml:space="preserve">最近瞌睡多不知最近怎么回事，总觉得睡不醒，晚上九点半十点睡，一觉 </t>
  </si>
  <si>
    <t>体质弱；加强体育锻炼，注意饮食和休息</t>
  </si>
  <si>
    <t xml:space="preserve">这个雪女怎么卖呢？19的雪女，技能是这样的19挖矿辅助，18神力 </t>
  </si>
  <si>
    <t>5-8J  再多卖不掉不信可以试一下</t>
  </si>
  <si>
    <t xml:space="preserve">绿色的羽绒服配什么样的裤子 </t>
  </si>
  <si>
    <t>深色的裤子都ok.</t>
  </si>
  <si>
    <t xml:space="preserve">为什么有的人爱着爱着就变心了？为什么有的人爱着爱着就变心了，移情 </t>
  </si>
  <si>
    <t>有些人就是喜新厌旧,尤其是男人.新鲜感过了,搂着新欢,什么过去的美好都能被他抹杀.如果是遇到了喜新厌旧的人,楼主早点离开岂不更好,长痛不如短痛.不要为值得的人伤心.即使伤心,也要学着努力忘记过去,勇敢的继续上路,找寻值得爱的人.时间是最好的良药,试着放下,再过些时间,你最终会离开这已散场的电影.</t>
  </si>
  <si>
    <t xml:space="preserve">如何断掉奶瘾女儿马上10个月了，一直是混合喂养，现在奶粉、辅食吃 </t>
  </si>
  <si>
    <t xml:space="preserve">人奶可以给带来免疫力，多种维生素和营养。很多宝宝一旦断奶后会容易生病，因为暂时缺小人奶的免疫力，又未能从辅食中摄取应有的营养，所以会易生病。 那么断奶前最好选择在秋季（天气没有太热的时候也可以），夏季宝宝的食欲会差，加上没有人奶吃，更难谈得上身体会摄入足够的营养了。 一定要选择宝宝没有感冒、发热的时候。精神的时候，宝宝断奶会比较易适应。 断奶时，最好要准备奶粉，晚上如果真的要喝人奶就给他喝奶粉，真的不喝奶粉，必要时开水也要顶上，但一定要坚持不能给人奶喝呵，不能因为宝宝哭闹心软又再给人奶喝，要不然就前功尽废。 真的哭着要喝人奶，白天就分散宝宝的注意力，在习惯吃奶的时间多陪她玩，喂一些辅食，那么最好能有家人抱开，一旦抱开 ，宝宝闻不到妈妈的奶味就不会太想喝人奶了。只要习惯一两天改变了他第天吃人奶的惯性时间，宝宝就会忘记吃人奶的惯性时间，多坚持几天，人奶就很快断掉。 最基本的是在断奶前宝宝一定要已添加辅食了，这样才能补充断人奶后的营养缺失，续步来添加辅食，以辅食为主，反正甜酸苦辣的味道都要让宝宝尝试过，让宝宝知道原来吃的东西还是有很多味道的，不是单纯人奶的甜味，这样宝宝慢慢适应，就会容易断奶。 多吃山楂、麦芽、猪肝、豆豉这些食物会阻碍奶的排出。   </t>
  </si>
  <si>
    <t xml:space="preserve">《能不能》恋爱——我我喜欢与女孩子在一起做各种各样的活动，在这个 </t>
  </si>
  <si>
    <t>青春期的幻想就像童话,单纯而又美好.如果是学生,就应该以学业为主.</t>
  </si>
  <si>
    <t xml:space="preserve">为什么我的博客打开后是“尚无内容”？我也遇到同样问题！ </t>
  </si>
  <si>
    <t xml:space="preserve">博客临时故障，用新浪各种服务的用户越来越多，最近有几次系统的升级和调整，因此在登陆高峰时，由于网络繁忙，服务器有时会出现一些不可预知问题。耐心等待，很快会恢复的。 </t>
  </si>
  <si>
    <t xml:space="preserve">火影忍者人物研究看到火影动画145了,有点问题没有看懂,想请教下 </t>
  </si>
  <si>
    <t>我觉的三代火影才是最强的，一个村里最厉害的忍者才能称为影，而火影的世界观里面，最强的忍者应该是火影，风影，水影，雾影……，但是三代火影的徒弟大蛇丸能够杀死风影说明了，三代是名师出高徒，我个人认为三代是火影里面最强的，三代火影以一打三，而且这三个人还是定尖高手，大蛇丸，一代，二代火影！如果不是年龄问题，肯定可以以一打三！由于现在对晓这个组织还不是很了解，所以我现在还是认为三代火影是最强的！</t>
  </si>
  <si>
    <t xml:space="preserve">北京护国寺、东寺隆福寺的历史和文化? </t>
  </si>
  <si>
    <t xml:space="preserve"> 护国寺是北京八大寺庙之一，始建于元代。原为元丞相?克?官邸，初名崇国寺（北寺）。明宣德四年（29年）更名为大隆善寺。明成化八年（1472年）赐名为大隆善护国寺。清康熙六十一年（1722年），蒙古王公贝勒修缮此寺，为圣祖祝寿，曾对寺庙大加修缮，名护国寺，又称西寺，与东寺隆福寺相呼应。    寺坐北朝南，规模宏大。中轴线上依次为山门三间，单檐歇山，简瓦顶，石门额书“大隆善护国寺”；第二层殿为金刚殿；第三层殿为天王殿；第四层殿为延寿殿，东配殿曰文殊殿，西配殿曰秘密殿；；第五层殿为崇寿殿，东配殿为曰伽蓝殿，西配殿曰无量殿；第六层殿为千佛殿，东配殿曰大悲殿，西配殿曰地藏殿；垂花门后为第七层殿是护法殿；第八层殿为功德殿；第九层楼菩萨面阔三间。垂花门处有横道相隔形成前后两部分。今仅存金刚殿和西北角的廊房（此次部分被焚毁）以及垂花门后一层殿，寺原有石碑多已无存。过去每月初七、初八，护国寺有庙市。护国寺金刚殿定为北京市重点保护文物。隆福寺座落在东四北大街西，始建于明代景泰三年（1425年），清雍正九年重修。隆福寺在明代是京城唯一的番（喇嘛）、禅（和尚）同驻的寺院，清代成为完全的喇嘛庙。　　隆福寺曾是朝廷的香火院之一，成为京师著名的大庙会。因座落在东城，与护国寺相对，俗称“东庙”。清代，旧历每月逢一、二、九、十开庙，1930年改用阳历一、二、九、十开庙。每逢庙会，人流如潮，附近王府居住的贵族、东交民巷使馆区的外国人、贫苦市民和近郊农民都来赶庙会。在这里可以买到各式各样的土特产品，可以吃到多种北京地方风味小吃，可以看到北京的民间戏曲。《北京竹枝词》中说，当年庙会全盛时期“一日能消百万钱”。</t>
  </si>
  <si>
    <t xml:space="preserve">基金是越肥越跑不动,股票是不是买的人越多越涨? </t>
  </si>
  <si>
    <t xml:space="preserve">基金是越肥越跑不动这一点是不能一概而论的。股指期货即将推出。这段时期，基金都在抢筹做大自己。为股指期货推出后做准备。做大后有更大的话语权这一点在今后股市博弈中好处是很明显的。如果仍抱住“基金是越肥越跑不动”这个观点选基金，也许不太合适。今后选基金要着重 1。业绩优秀的，2。近期迅速变大的，3。基金公司整体规模大的。举例说明一下。比如博时主题，50-60亿的基金迅速变成了188亿多。它业绩出色，博时基金目前规模是最大的。还有华夏红利，华夏优势，都在近期变成230亿以上基金。业绩非常好。当然南方绩优也符合条件。但我一般不推荐出过丑闻的基金公司。 </t>
  </si>
  <si>
    <t xml:space="preserve">清早起来一边脸大一边脸小是什么病，白天就没事了，大概有两年了 </t>
  </si>
  <si>
    <t>往大的那边睡，用小的那边嚼东西。呵呵。如果你是女孩子，可以留披肩发，把一边脸遮盖住，别人轻易发现不了的。</t>
  </si>
  <si>
    <t xml:space="preserve">我打算要小孩了，可是我的阴道口天生小，我很害怕生孩子时会很痛？我 </t>
  </si>
  <si>
    <t>你可以剖腹产的，不要顺产就好了呀！你有炎症的话最好治疗好了再怀孕，到好一点的正规的医院，有炎症选择剖腹产是不会影响小孩的，如是顺产是有点影响的！祝你早日好孕哦！</t>
  </si>
  <si>
    <t xml:space="preserve">用固定电话购买了充值卡，未记清卡号怎么办？我用固定电话购买了充值 </t>
  </si>
  <si>
    <t xml:space="preserve">您好!您可以请客服帮您查询,将您的购卡电话,拨打时间等详细信息,发邮件或致电客服,我们会立即回复您.客服联系方式 全国统一客服电话：95105670 （早9点 - 晚6点）客服邮箱：pay@     </t>
  </si>
  <si>
    <t xml:space="preserve">东莞工作服有一朋友介绍说东莞森达工作服技术专业,经验丰富.让我选 </t>
  </si>
  <si>
    <t>描述不太清楚。您是买工作服还是学技术？无论怎么样，工作服不是高科技，当然如果您爱好制衣行业，您去学也是可以的。</t>
  </si>
  <si>
    <t xml:space="preserve">打架好吗高手请进本人现在心情很不好不知用打架能否解决呀 </t>
  </si>
  <si>
    <t>好像不行我上一次打架就是和女朋友生气然后出去坐车找茬和人家吵架然后动手把人家打倒他脸上都是血等他起来我才发现原来他脚上有残疾就靠着一个三轮摩托糊口自己的不开心不应该转嫁到别人身上那次以后我为自己感到羞耻再也不会那样了！</t>
  </si>
  <si>
    <t xml:space="preserve">勇哥哥! </t>
  </si>
  <si>
    <t>勇闯天涯008——静美阔步前进的最大后盾！</t>
  </si>
  <si>
    <t xml:space="preserve">压力表常见的量程范围是什么？压力表的量程有都有多大的 </t>
  </si>
  <si>
    <t>一般都是使用Mpa（兆帕）相当于10个大气压。但也有些进口的产品的压力表使用其它标准，例如德国就使用bar（约为0.98个大气压）。</t>
  </si>
  <si>
    <t xml:space="preserve">请问楼房门牌号编制有哪些规定、规则呢？ </t>
  </si>
  <si>
    <t xml:space="preserve">每个地区都有自己的门牌、楼牌管理办法及条例或暂行办法，你可以查查当地的相关条例。比如：内蒙古自治区门牌、楼牌管理暂行办法　【颁布单位】 内蒙古自治区人民政府办公厅 　　【颁布日期】 19981015 　　【实施日期】 19981001 　　【章名】 第一章 总 则 　　第一条 为适应自治区经济和社会发展的需要，实现门牌、楼牌管理的规范化，依据国务院《地名管理条例》等法规和政策的规定，结合我区实际，制定本办法。 　　第二条 本办法适用于我区城市、城镇、农村及集中定居牧区的门牌、楼牌的设置和管理。 　　第三条 门牌、楼牌的设置，必须以地名主管部门颁布的标准地名为依据，符合规划，编排合理，整齐美观，方便群众，便于管理。 　　第四条 本办法由自治区各级公安机关负责组织实施，有关部门应积极配合。 　　【章名】 第二章 门牌、楼牌的规格、式样和颜色 　　第五条 门牌、楼牌应按统一规格、式样和材料制作。 　　（一）门牌、楼牌均采用仿宋体字，少数民族聚居比较集中的地区，必须用蒙汉两种文字。 　　（二）门牌分大小两种，均为长方形，红底白字白边。其规格如下： 　　大牌３５厘米×２５厘米；小牌１２．４厘米×８．４厘米；旁门、后门门牌１０．５厘米×５．５厘米；临时门牌１２．４厘米×８．４厘米。 　　（三）楼牌均为长方形，蓝底白字（号码部分为白底红号）白边，分大小两种，大牌１１０×６０厘米，小牌９９厘米×５５厘米。 　　（四）大型高层建筑物的门牌，可采用长方形（３５厘米×２５厘米）黑色字的黄铜牌或其它与建筑物相称的门牌。城市、城镇门楼牌制作采用铝牌镀反光膜工艺。农村地区可选择成本较低的普通铝版或搪瓷。 　　【章名】 第三章 门牌、楼牌的编号 　　第六条 门牌、楼牌按街路巷统一编号，不得重号。街路巷两侧均有房屋、有门户的其顺序按街巷走向，从东到西、从南到北、左单右双延伸进行编排；仅一侧有房屋、有门户的门牌编号不分单双，按自然顺序编排；不通行的胡同，不分方向，一律由入口向里，左单右双编排。地形复杂的农村、牧区及偏远山区，可依照环境从自然村主要进口处按顺序编号。 　　第七条 规划新建区内的新建房屋，参照规划方案编号，在空地或待拆迁的旧房地段，酌留空号备用，待新房建成后补编，规划新建区以外的街路巷或规划新建区范围内旧房翻新、扩建或改建的，沿用原号。 　　第八条 现有楼房或院落之间新建房屋，增开新门的，按其前号的增号（甲×乙×丙×……）编排。 　　第九条 门牌编号原则 　　（一）楼群围建院墙并设有大门的，以院墙的大门为单位编门牌号，院内楼房由楼房管理单位自行编号。 　　（二）无院落的排房，以排为单位编门牌号。 　　（三）街路巷两侧不宜安装楼牌的低层小楼房，以门为单位编号。 　　（四）一个院落（房屋）编设一个正门门牌，一院（房屋）多门的，视其具体情况确定一个正门，其余的编旁门或后门门牌。旁门，后门门牌的街路巷名称、号码，应与正门门牌相一致。 　　（五）地下防空设施（不含楼房地下室）用于生产经营并形成出入门的，编正门门牌。 　　（六）大街两侧经批准新建、改建的临时性铺面房编临时门牌。 　　第十条 楼房编号原则 　　（一）一栋楼编一个楼号。 　　（二）住宅楼楼门由东向西或由北向南顺序编门号。楼与楼之间不得连续编门号，门内各套房间分层编户号，户号采取三位数（一层为１０１，１０２……，二层为２０１，２０２……以此类推）。 　　【章名】 第四章 门牌、楼牌的安装位置 　　第十一条 门牌、楼牌的安装位置 　　（一）小门牌安装在门框的左上角。门框上不便安装的，可安装在门左侧墙上，距地面２米左右。 　　（二）大门牌和大型高层建筑物的门牌，安装在门左侧墙上，距地面２米左右。 　　（三）楼牌安装在楼房临街面右上方的窗与墙面之间。楼牌号的高度约４至５米，一条街路或一个居住小区的楼牌，应尽量安装在同一水平线上。 　　【章名】 第五章 门牌、楼牌的管理 　　第十二条 地级城市城区近郊区门牌、楼牌号的编号、制作、安装、维修和管理由市公安局负责；其它旗县（市、区）由当地公安局负责。自治区公安厅对全区门牌、楼牌制作安装管理工作实施监督管理。制作安装门牌、楼牌应收取工本费，收费标准由自治区公安厅商自治区物价局核定。 　　第十三条 设置或变更门牌、楼牌，由房屋产权、管理权单位或个人向当地公安派出所申请。 　　成街路，成牌新建、改建的居住区，建设单位应在工程动工前向市公安局及所在地的公安局（分局）提供编制门牌、楼牌用的建筑总平面图。 　　第十四条 市、区、旗县的地名主管机关，在颁布新地名和批准地名变更时，应在颁布或批准的三十日内通知当地公安机关。有些街道及住宅区名称虽未经当地政府统一命名，凡符合有关文件规定的，可保留原名；不符合有关文件规定的，予以更名（即先标准化地名，后编门牌号）。 　　第十五条 公安机关应加强对门牌、楼牌的巡视和管理，保持门牌、楼牌号准确、清楚、完整。 　　第十六条 门牌、楼牌是公益设施，受法律保护。除主管部门外，任何单位或个人不得擅自变更或移动。损坏门牌、楼牌的，要负责赔偿。私自设置、变更、移动、毁坏、盗窃门牌、楼牌号，由公安机关依照《中华人民共和国治安管理处罚条例》予以处罚。 　　【章名】 第六章 附 则 　　第十七条 本办法实施前安装的门牌、楼牌，如规格、式样、颜色不符合本办法的规定，原则上应予更换；如果安装时间不长或经济能力承担不起，可暂缓更换。 　　第十八条 本办法由自治区公安厅负责解释。 　　第十九条 本办法自１９９８年１０月１日起施行。 </t>
  </si>
  <si>
    <t xml:space="preserve">哪种兼职比较好本人办公室工作，每天8小时上班不知业余时间做点什么 </t>
  </si>
  <si>
    <t>你的兼职一定是你的专业强项才好体现你的价值和预期收益</t>
  </si>
  <si>
    <t xml:space="preserve">如何挽回我的爱人我们是在网上认识的,我们有着相同的世界观,人生观 </t>
  </si>
  <si>
    <t>我觉得你的女友是个很优秀的女孩,至少是个非常重感情的女孩.对于曾经的爱还依然这样执著,只是她对前男友还没有彻底绝望.出现了这样的事情,你更应该多对她好,给她温暖,让她开心,当然了,五年的感情不是一句话说没就没的,你可以和她换位思考,只要你能更好的善对她,理解她,呵护她,相信她最终还是会明白你的苦心的,更很快的回到你的身边.祝愉快!</t>
  </si>
  <si>
    <t xml:space="preserve">FS传送门在哪学的，各主城的学习NPC在哪有谁知道，我知道雷庭崖? </t>
  </si>
  <si>
    <t>奥格瑞玛的在精神谷，地图显示 ^func^140^sc_cval^1,Ogrimmar,%E7%B4%A2%E4%B9%8C.html幽暗城的在魔法区，地图显示 ^func^140^sc_cval^2,Undercity,%E8%8E%B1%E5%85%8B%E6%96%AF%E9%A1%BF%C2%B7%E8%8E%AB%E6%B3%B0%E5%A7%86.html</t>
  </si>
  <si>
    <t xml:space="preserve">人的学历和说话语气有关吗？ </t>
  </si>
  <si>
    <t>多多少少总是有的吧。人的说话语气要看什么环境和情况。学历很重要，但我认为人品更是要紧。你说呢？</t>
  </si>
  <si>
    <t xml:space="preserve">怎么调入北京户口?我是外地人,大学毕业后来北京工作,现在在一家软 </t>
  </si>
  <si>
    <t>嫁一名营级军官，户口马上可以调进北京</t>
  </si>
  <si>
    <t xml:space="preserve">钢笔书法写钢笔字的时候是手的哪部分的力，才能写好，写直？如果有什 </t>
  </si>
  <si>
    <t xml:space="preserve">楼上所说的，全是些皮毛的东西，根本没有切中本质，没任何意义其实字的好坏，最大的决定作用是腕力，正如书圣王羲之所说，要经常锻炼手腕的力量，才能写出刚劲有力的字，你可以在现实中做个调查，天生体弱的人，字必定写的十分糟糕，如果一个人身体强健，肌肉发展潜力好，那么可以练出好字。这里的肌肉潜力，不是指身体的健壮程度，而是指在同样的锻炼下，肌肉能够提高的幅度 另外，还有就是写字时手腕的用力程度，如果性格坚毅，写字时很用力，往往可以练出很好的书法，如果一个人性格软弱，写字时好像怕划破纸张一样，写出的字也往往跟面条一样无力难看 </t>
  </si>
  <si>
    <t xml:space="preserve">为什么我一喝水就头痛,或晕以前不怎么喝水(因为嘴不干.所以我嘴不 </t>
  </si>
  <si>
    <t>您好,人身70%是由水份组成的,不管口干与否都要进行水份的补充,不干的时候也要喝几口,您喝的是热水还是温水?尽量让水凉后变温再喝,再有,您能确定头晕和喝水有关吗?头部做手术和喝水的关系应该不大,如果长期以往,建议去医院检查</t>
  </si>
  <si>
    <t xml:space="preserve">请问变通的台式机硬盘是否有120G的?RT.谢谢大家回答.祝春节 </t>
  </si>
  <si>
    <t xml:space="preserve">春节快乐目前在普通的台式机上有120g的硬盘，具体查看： </t>
  </si>
  <si>
    <t xml:space="preserve">公司拖欠保险未签合同本人在2006年到该公司上班试用期过后一直没 </t>
  </si>
  <si>
    <t>1、公司违反劳动法规，你可以随时辞职，无须办理书面辞职手续，更不需要提前通知用人单位。2、到北京所在区劳动部门申请劳动仲裁。3、仲裁请求：补缴养老、医疗、工伤、失业等社会保险；支付11个月的双倍工资；4个月工资的经济补偿金。</t>
  </si>
  <si>
    <t xml:space="preserve">我读会计，去哪个国家留学好 </t>
  </si>
  <si>
    <t>英国和加拿大比较好吧</t>
  </si>
  <si>
    <t xml:space="preserve">怎样辨别洗发水的真伪?在网上买了一瓶海飞丝洗发水，750毫升才2? </t>
  </si>
  <si>
    <t>一看 真洗发水的包装瓶瓶身光滑，字迹清晰，而假洗发水的包装瓶一般比较粗糙，颜色发黄，小字印得模糊。如果是透明包装，真洗发水看上去晶莹透亮，假洗发水则显混浊。 二闻 打开瓶盖一闻，真洗发水香味清新纯正，假洗发水也有香味，但是香味刺鼻，给人不舒适的感觉。 三搓 真洗发水比较粘稠，用手指尖在洗发水里一点，然后轻轻搓动，真洗发水能扯出很多丝而不断，而假洗发水粘性差，有些呈冻状，拉不出丝。</t>
  </si>
  <si>
    <t xml:space="preserve">新手任务问题我做新手任务，让取五根犀牛角找武器练造师造犀角杖，但 </t>
  </si>
  <si>
    <t>呵呵，很简单的物品兰里有5个牛角--点锻造师你看下面的框框，数量后面有个加号“+”，一直点，点到头（好像是5，记不清了）在点最下面的确定---哦了</t>
  </si>
  <si>
    <t xml:space="preserve">求一幅油画名字！一幅油画，好想是法国的，蓝天，几朵白云，下面是斜 </t>
  </si>
  <si>
    <t>朋友你好，我建议你将那张法国油画上传上来，这样大家肯定能给你一个正确的答案的，一副美丽的油画是无法用语言来表达的，不是吗？并且那个时期的这样的画非常多。否则只能象一楼的朋友那样给你瞎猜了。。我非常想帮助你，朋友。。</t>
  </si>
  <si>
    <t xml:space="preserve">请问，responsibility和duty有什么区别？ </t>
  </si>
  <si>
    <t>duty \"义务，责任，职责\"强调由于道德、伦理、规定等而产生对自己及他人乃至社会的义务或责任，还指在工作中应尽的责任（常用复数）。The delivery on confidential letters was a duty that he never relegated to anybody else. 他从未把投递机密信件的责任推给任何其他人。The first thing to do is to acquaint yourself with your new duties and colleagues.第一件要做的事情就是熟悉你的新职务和同事。 responsibility \"责任\"一般由于法律，职业或道德等要求而必须尽的责任，而且含有要对后果负责任的意思The manufactures disclaim all responsibility for damage caused by misuse. 使用不当而造成的损坏，生产厂家不负任何责任。I will lend you my camera if you will assume full responsibility for it.如果你能负完全责任，我愿把照相机借给你。</t>
  </si>
  <si>
    <t xml:space="preserve">5D僵尸估价.31.3能卖多少钱 </t>
  </si>
  <si>
    <t>你这个什么都掉，5的。要是冲下可能不掉敏。这个改即使掉1攻也可以加纯攻，或者纯敏。要是卖的话，也不是很便宜的，怎么也要30W到40W左右。</t>
  </si>
  <si>
    <t xml:space="preserve">请问我在哪能找到Neromagic的显卡驱动?我的显卡是Nero </t>
  </si>
  <si>
    <t xml:space="preserve">你可以到这个网址看看下来试试 </t>
  </si>
  <si>
    <t xml:space="preserve">+3石头是不是要40级才有效果. </t>
  </si>
  <si>
    <t>+3石头有二种一种是20级的是20~39级的精英怪掉的带*号的怪~还有一种是40以上的普通怪掉的精英掉+5的石头</t>
  </si>
  <si>
    <t xml:space="preserve">求瑞星自动升级杀毒软件2008版本！不要注册的，谢谢 </t>
  </si>
  <si>
    <t xml:space="preserve">瑞星2008自动安装包(正式版) ：  安装 序列号：080K3M-02050U-G0PVSC-AJE200  ID:6A94GZSK6F4R  升级：瑞星升级宝宝 For瑞星2008 1.03┊无限升级杀毒和防火墙┊简体中文绿色免费版 </t>
  </si>
  <si>
    <t xml:space="preserve">神偷奶爸会出3吗？？？？？？？ </t>
  </si>
  <si>
    <t>目前还没有关于这方面的准确消息，外国的电影都是看票房，只要票房好，就算现出的感觉像是圆满结局一样，但是为了赚钱，肯定会有投资人接着拍的。但第三部质量是好是坏就不能肯定了。希望我的回答对您有所帮助，记得给我好评！~</t>
  </si>
  <si>
    <t xml:space="preserve">怎么摆脱她的阴影？她是我的初恋曾为我付出很多！我现在快要结婚了但 </t>
  </si>
  <si>
    <t xml:space="preserve">"她只是说等我后她才考虑我说的话"意思是如果你和别人结婚她才会彻底死心。我觉得你前女友很坚强懂事，能爱你11年那说明她这辈子要定你了！你，和她，为了爱耗尽了自己的青春，最后却被所谓的舆论而撕裂。你，很孝顺，为了社会舆论，为了维护父母在家乡的尊严和脸面，丢弃了一辈子的幸福。。我明白你真的很痛苦，你流泪是内疚还是舍不得她？你真的是为了结婚而结婚，完成任务，以后你们三个人都会痛苦。。可能你会麻木的活。。为什么？在你们农村舆论真的可以左右一个人的命运吗？？？这在今天的上海绝对办不到，如果是我我绝对不同意，太迂腐了，父债子还的年代早已过去，为什么把这无所谓的枷锁套住自己的幸福。你前女友太可怜了，你也太可怜了，中国的传统父辈们受的封建思想毒害太深刻他们不理解儿女的心。。两句闲话就毁了一个人一辈子的幸福。。一个人活着为了什么。。什么才是该追求的。。看了网上那各式各样的折腾的撕心裂肺的求助，我。。沉重！一切由你决定！放弃她，就发个请贴给她 5；要她，就抛开一切愚昧思想，回头。人是为自己而活的，走自己的路，管别人说什么呢，嗤之以鼻！【【】】补充：这篇文章建议你看一下，希望会给你带来一些想法 </t>
  </si>
  <si>
    <t xml:space="preserve">浴室柜做台上盆好还是台下盆好？我买了个科勒的台下盆和龙头，准备让 </t>
  </si>
  <si>
    <t>当然是台下盆好了，干净呀！有了水，用手一胡噜，就都进了盆里台上盆时间长了，盆四周存的都是黑泥，刷都不好刷多难看再多说一句，如果条件允许的话，浴室柜能做多长就做多长最好是一面墙的，再装个一面墙的大镜子漂亮！我家就是这样的这是标准的美国式浴室式样！想把我家的浴室照片给你看看，可是传不上来，作罢了。。。。。</t>
  </si>
  <si>
    <t xml:space="preserve">港口泉州港能不能在2010年实现亿港的目标 </t>
  </si>
  <si>
    <t>你这个问题得中央政府给你回答了!不过我的老家 泉 港 好象现在码头已经很大!</t>
  </si>
  <si>
    <t xml:space="preserve">买基金场内场外是什么意思，请教了。 </t>
  </si>
  <si>
    <t xml:space="preserve">所谓场就是指市场，基金场内购买是指在证券公司开户后，通过证券公司交易软件购买封闭式基金、ETF或者LOF基金；基金场外购买是指通过银行柜台、网银、证券公司柜台、基金公司网站等渠道购买基金。 基金场内购买和场外购买的区别： 1、交易渠道不同。场内购买基金是在证券公司开户后，通过证券公司交易软件进行交易；而场外购买基金是通过银行柜台、网银、证券公司柜台、基金公司网站等渠道交易。 2、 交易对象不同。场内能购买的基金是LOF基金、ETF基金和封闭式基金，场内基金不能做定投,不能进行转换；而场外可以购买全部开放式基金，包括LOF基金和部分ETF基金，场外基金大多数可以做定投和进行转换。 3、交易费率不同。场内买入或卖出单向交易费率最高不超过0.3%；而场外申购费率一般为0.6%～1.5%，赎回费率一般为0.5%。 4、到帐时间不同。场内基金购买后T+1个工作日可卖出，资金T+1个工作日到账；场外基金申购后T+2个工作日可赎回，资金T+1个工作日到账。 5、交易价格不同。场内购买是按股票交易方式进行，根据供求关系，以适时撮合价交易，价格在交易日的不同交易时间是不同的；场外申购是未知价，以净值为价格进行交易，每天只有一个价。 6、分红方式不同。场内购买基金的分红方式只有现金分红；场外购买基金的分红方式有现金分红和红利再投资两种分红方式。 </t>
  </si>
  <si>
    <t xml:space="preserve">四十多了哪里可以打到丝线？现在低级打怪都不爆材料了~哪里还可以打 </t>
  </si>
  <si>
    <t>丝线打行尸类的怪出，比如英雄冢里的骨头们出，不过爆率就算是99%，如果你RP不好，也会落到那1%里……40级以后的怪基本不出了，不过你这时应该打狼、獒之类的怪出皮革或者打食人花出合成油了，虽然几率不高，但毕竟还能边升级边打材料，如果你选择去打丝线……说实话，还不如花钱去地摊上买点算了</t>
  </si>
  <si>
    <t xml:space="preserve">关于GHOST备份我想问一下，如何备份才能是下次系统恢复的时候我 </t>
  </si>
  <si>
    <t>是这样的。 你如果现在用GHOST备份,将现在的系统压缩成备份文件存档,那么以后你用这个存档文件恢复时就现在现在系统的样子,你现在能用的软件(只要不是安装到系统盘外的)都可以用，现在在系统盘里的文件也都会随着一起备份,都可以还原出来.但如果你现在备份完毕后,明天你又装了新软件,但你恢复时还用今天备份这个文件恢复,那么明天安装的新软件就不会出现,而出现的系统跟今天备份时是一模一样的.</t>
  </si>
  <si>
    <t xml:space="preserve">我的狗狗老是在屋里随地大小便,请问如何教它在指定的地方 </t>
  </si>
  <si>
    <t xml:space="preserve">每天早上晚上定时溜狗.它就会懂得它每天都有机会出去.这样,它就会把便便拉到户外.因为,狗狗也不喜欢自已的住处臭哄哄地.另外,请出去的时候带上报纸什么的.清理掉它的便便. </t>
  </si>
  <si>
    <t xml:space="preserve">SOSSOS!.....在线等｀今天洗了2只宠,大家帮忙给算下~ </t>
  </si>
  <si>
    <t>完美是`5D的...不好说掉什么.因为没有BP= =根据综合可能性`大概是~稳掉1血`1功`1防  那2点随机掉在`血功敏防上..巨龙我怎么就是算不出来.......= =</t>
  </si>
  <si>
    <t xml:space="preserve">泌尿系统问题小便很黄我最近早上那泡尿都很黄而且前阵子很骚,最近有 </t>
  </si>
  <si>
    <t xml:space="preserve">    新鲜正常尿液呈淡黄色至深黄色，其颜色深浅与尿量有关。尿的颜色来自尿色素，它是尿胆素原或尿胆素与一种多肽结合而成的物质，尿胆素是胆红素的代谢产物。尿液放置后，因尿胆素原被氧化为尿胆素，使尿色加深。此外，尿中尚有尿卟啉、核黄素、尿红素等色素存在。 你的情况正常,不要多虑!   </t>
  </si>
  <si>
    <t xml:space="preserve">盗贼怎么用剑啊?我买的单手剑怎么用不了啊???只能用匕首???? </t>
  </si>
  <si>
    <t>找武器大师,你可以问大城的卫兵,他会告诉你大城武器大师的位置的.</t>
  </si>
  <si>
    <t xml:space="preserve">想购一笔记本电脑价格在4000左右笔记本电脑价格在4000左右， </t>
  </si>
  <si>
    <t>联想G460就不错，我刚买的，2G内存500G硬盘独立显卡、、、、我看你可以考虑一下，现在电脑很多牌子最好买品牌的电脑有全国联保，像华硕、惠普、都可以。只要你喜欢就行了。    谢谢</t>
  </si>
  <si>
    <t xml:space="preserve">如何设置博文？现在我想把博文设置成每一篇都部分显示在界面上，请问 </t>
  </si>
  <si>
    <t>登录博客选页面设置，稍等出现设置、隐藏，选设置，在显示方式选择“全文显示”或“摘要显示”按确定即可（设置左面有上下箭头标志）。</t>
  </si>
  <si>
    <t xml:space="preserve">茎州指的是哪里 </t>
  </si>
  <si>
    <t>是现在的苏州</t>
  </si>
  <si>
    <t xml:space="preserve">cncs色彩是什么cncs色彩是做什么的？ </t>
  </si>
  <si>
    <t xml:space="preserve">      CNCS是由中国纺织信息中心联合国际国内顶级色彩专家和机构，经多年精心调研而开发的色彩体系，力求为设计师和相关机构提供当前最权威、最时尚的色彩信息和色彩管理解决方案。     作为国家标准，CNCS色彩体系科学严谨，简洁实用。每个色彩均有唯一的七位数字编码，色彩按色相、明度、彩度三属性变化编排，清晰反映各色彩间关系，符合你对色彩的直观认识，助你构建清晰的色彩空间观。      CNCS色样的色相细分达160个，明度跨度从15－90，开放式的彩度可以包容未来新技术可能达到的新彩度，如此确保你的色彩应用不断扩展。CNCS色立体如图所示。      作为中国国家标准和中国纺织行业标准，CNCS色彩体系已开发了具有世界一流水平的系列色彩工具——CNCS时尚色卡。CNCS精选十年来的国内外流行色彩近千种，并根据市场需求和变化，不断更新色彩体系，在第一时间发布色彩前沿趋势。      CNCS时尚色卡是针对服装设计师、纺织服装企业和科研教育机构的色彩指导工具，已于2007年正式面市。包括四种产品：CNCS时尚色卡、CNCS时尚色卡（套装）、CNCS时尚色卡（手册）、CNCS时尚色卡（色票），满足设计师不同工作场景的使用需求。</t>
  </si>
  <si>
    <t xml:space="preserve">联机至更新服问题 </t>
  </si>
  <si>
    <t xml:space="preserve">每周2 9点-11点服务器更新 </t>
  </si>
  <si>
    <t xml:space="preserve">电脑开机后出现一行字"加载C:\PROGRA~1\3721\HE? </t>
  </si>
  <si>
    <t>开始-运行-输入“msconfig”-启动-找到3721-去掉前面的小钩钩。 当然你也可以修复，手动在注册表去掉键值： 从开始-&gt;运行， 输入 regedit 打开窗口上，点菜单栏文件，导出命名先备份一次你的注册表。 然后点击编辑-&gt;查看 输入 helper.dll 把找到的键值删除 按F3继续，直到完成。 重启就应该没有了。</t>
  </si>
  <si>
    <t xml:space="preserve">足球垫球技巧垫球技巧 </t>
  </si>
  <si>
    <t>颠球不好短时间练好，都是在踢球的过程中培养出球感的。 如果专门训练的话那可以先从脚弓像踢毽子一样找找感觉把。熟悉后用脚背正面，放松，脚不要绷直不然容易脚尖碰上把球勾向自己，球颠起来落下到膝盖附近在出脚不要急。刚开始人很容易不自觉前倾，注意调整重心。每次出脚力度尽量一次注意节奏，其实也不是很难得，刚开始通常都是几下就落地了，到后面感觉出来了就颠的顺了。</t>
  </si>
  <si>
    <t>我猜CCTV</t>
  </si>
  <si>
    <t>CTV-5 NBA新赛季转播计划(北京时间)播出日期           转播场次             直播时间11.2(周三)        小牛VS太阳            11:3011.3(周四)        国王VS火箭            09:3011.5(周六)        骑士VS马刺            09:0011.6(周日)        马刺VS小牛            09:3011.8(周二)        篮网VS热火            08:3011.9(周三)        魔术VS火箭            09:3011.11(周五)       火箭VS热火            09:0011.12(周六)       活塞VS开拓者          11:3011.13(周日)       火箭VS篮网            11:30(录播)11.15(周二)       公牛VS勇士            11:3011.16(周三)       火箭VS森林狼          09:0011.19(周六)       活塞VS火箭            10:3011.20(周日)       马刺VS76人            08:0011.22(周二)       马刺VS国王            11:0011.23(周三)       火箭VS小牛            09:3011.26(周六)       火箭VS灰熊            09:0011.27(周日)       热火VS魔术            08:0011.29(周二)       尼克斯VS热火          08:3011.30(周三)       老鹰VS火箭            09:3012.3(周六)        掘金VS太阳            10:0012.4(周日)        灰熊VS火箭            09:3012.6(周二)        小牛VS公牛            09:3012.7(周三)        凯尔特人VS火箭        09:3012.10(周六)       小牛VS灰熊            09:0012.11(周日)       国王VS超音速          11:0012.13(周二)       湖人VS小牛            09:3012.14(周三)       国王VS森林狼          09:0012.17(周六)       热火VS76人            08:0012.18(周日)       火箭VS快艇            10:00(录播)12.20(周二)       骑才VS超音速          11:0012.21(周三)       超音速VS太阳          10:0012.24(周六)       火箭VS掘金            10:0012.26(周一)       马刺VS活塞            13:3012.27(周二)       掘金VS勇士            11:3012.28(周三)       爵士VS火箭            09:3012.31(周六)       凯尔特人VS国王        11:00</t>
  </si>
  <si>
    <t xml:space="preserve">我不明白真枪真炮或红/蓝军是怎么军演?经常看到国内外军队进行军事 </t>
  </si>
  <si>
    <t>演习分很多种，我国的演习大至有实兵演习、司令部演习、兵棋推演等等，近年来推广计算机摸拟演习，也算是兵棋推演的一种升级。实兵演习是除了实战外最能检验军队战斗力的一种考核方式。在我军参演部队通常要提前进行一段适应性训练，针对演习课目完成相应训练后，才有参加演习的资格。演习中通常分为红军、蓝军，边境防御演习多以红军守、蓝军进攻为主，濒海演习多以红军进攻，蓝军坚守为主。（具体原因请楼主自己想想就明白了）。演习中红、蓝军设有司令部，由上级指挥部门派出演习导演组，由导演组设定演习情况，红军、蓝军根据设定的演习课目进行实兵演练。演习中投入的装备都是现役装备，步兵轻型武器一般配发空包弹（只需要在枪口加装一个装置），空包弹可以形象的模拟出武器发射的光、声、烟尘，但只要人没有站在枪口一米以内距离，空包弹一般不会造成人员伤亡。重型装备实弹射击如：火炮覆盖、坦克、强击机等演练课目都是真实的，但攻击的范围内一般没有人员。参加演习的军队按照规定的时间完成演习课目，一般不会造成人员、装备的损失，这也是大家通常说演习象演戏的重要原因之一。现阶段还有一种实兵演习的方法，在装备上安装激光装置，发射的激光对人眼是安全的，同样人员和装备上也安装有激光接受装置，被激光照射后，根据命中的部位冒出相应的烟雾，由导演部的成员判定装备、人员被击毁（击沉）或是战损退出战场。演习过程中，例如红军的海军向登陆地域实施火力覆盖，演习导演组根据火力密度、范围、防御一方的防守态势等因素计算出蓝军相应的损失，当装备、兵员损失达到……时，判定蓝军失去战斗力，退出战场，或是损失达多少数量，相应退出同比例的人员、装备。演习不一定是以人员、装备的损失来确定演习的成败。如两栖登陆演习，只要红军能登陆上岸，巩固登陆场，达成战役目标，损失没有超过标准，都能被演习导演组评定为胜利。近年来我军成立了外军摸拟部队，演习己更加贴近于实战。</t>
  </si>
  <si>
    <t>女属狗和男属羊的生什么属相的宝宝好？我是1982</t>
  </si>
  <si>
    <t>只要宝宝健康，属什么都好！祝你好运。</t>
  </si>
  <si>
    <t xml:space="preserve">我比我女朋友小一岁，怎样能让我成熟一点在一起一个月了，她老说象在 </t>
  </si>
  <si>
    <t>你还在思考如何让女朋友觉得你成熟 如何通过让自己成熟讨得她欢心的时候 证明你还是不成熟 即便大家给了你妥善的方法 也只是一种伪成熟 是经不起风浪考验的 到了关键时候你还是会表现出你稚嫩的一面 当你不把心思放在这 而是放在你的学习工作上 在闲暇的时候 在你女朋友需要帮助需要你的时候挺身而出 你也许就比你现在要成熟的多了 成熟不是用来讨好别人的东西</t>
  </si>
  <si>
    <t xml:space="preserve">股票问题科技板块哪些股票好,希望各位师傅能帮个忙, </t>
  </si>
  <si>
    <t>000777如何？</t>
  </si>
  <si>
    <t xml:space="preserve">我最近想练一白精灵战士,请问个位大虾,一转什么好,2转有是什么厉? </t>
  </si>
  <si>
    <t>我个人很喜欢拉,因为精灵好看啊,而且到了后期很吃香,剑诗的技能要到了49级学会猎者之歌才能出头，算是个大器晚成的职业，他在各种方面都是很不错的，总的来说是个半辅助职业，他的辅助攻防兼备，防御类的多些，跟先知状态不重叠，有剑诗在的队伍攻防都有很大提高，是出外练级最受欢迎的职业之一。</t>
  </si>
  <si>
    <t>已知函数F（X）=（AX+1）/（X+2）在区间（</t>
  </si>
  <si>
    <t>已知函数F（X）=（AX+1）/（X+2）在区间（-2，+∞）上是增函数，试求实数A的取值范围 f(x)=(ax+1)/(x+2)不妨设x1＞x2＞-2因为f(x)在(-2,+∞)上为增函数则，f(x1)-f(x2)=(ax1+1)/(x1+2)-(ax2+1)/(x2+2)=[(ax1+1)(x2+2)-(ax2+1)(x1+2)]/[(x1+2)(x2+2)]=[(ax1x2+2ax1+x2+2)-(ax1x2+x1+2ax2+2)]/[(x1+2)(x2+2)]=[(2a-1)(x1-x2)]/[(x1+2)(x2+2)]＞0上式中，x1-x2＞0，(x1+2)(x2+2)＞0所以，2a-1＞0所以，a＞1/2</t>
  </si>
  <si>
    <t xml:space="preserve">他每次都要我和他去开房,我和他这种关系叫什么?偷情吗```我真不? </t>
  </si>
  <si>
    <t>当然赶紧离开了！不能觉得自己现在年轻想做什么做什么吧，还是要有责任感吧？不要再迷恋这种感觉了。对你没有好处。这种问题想都不要想，撤出来吧。不要再往下陷了。对自己负责，对你的男友负责啊！自己的人生掌握在自己手里。</t>
  </si>
  <si>
    <t xml:space="preserve">旋转的天使（看图说话）之五十六今天最后一题，祝大家晚安、新的一天 </t>
  </si>
  <si>
    <t xml:space="preserve">    问题不大.这种5.8毫米小口径轻机枪的后座力不太大.而且轻机枪一定是点射而不是连续发射的.</t>
  </si>
  <si>
    <t xml:space="preserve">有关保险问题我在农业银行买了保险给退保了，工作人员说是叫保险公司 </t>
  </si>
  <si>
    <t>可以直接到保险公司办理退保手续带上存折身份证就可以了犹豫期退保不收任何费用.还是建议你找位专业代理人帮你.</t>
  </si>
  <si>
    <t xml:space="preserve">我总是开心不起来，受到一点点挫折就没好心情了，怎么办？ </t>
  </si>
  <si>
    <t>予人快乐予己快乐。个人认为，缓解心情的最佳途径是：学会善待他人，善待自己。。。　　放轻松，抱着乐观的心态，想的再多还是要去面对，不如就该吃吃，该睡睡，不必再自己给自己添加多余的负担了。。。大道理我不懂，我只知道心病还需心药医，为了关心我的人善待自己才最重要。。。。太容易的人生就没多大意思了。 珍惜自己的每一天，要始终相信每一个明天都会更好.... .... ....</t>
  </si>
  <si>
    <t xml:space="preserve">大成300年跟踪误差达4%吗?这对长期投资是不是一种不稳定因素?? </t>
  </si>
  <si>
    <t>在正常市场情况下，该基金日均跟踪偏离度的绝对值不超过0.35％，年跟踪误差不超过4％对应到收益上，沪深300指数基金，都追踪沪深300指数的收益率。其它基金还有跑赢指数、跑输指数之说。更大因素在市场，应注意到这个指标是在“正常市场情况下”，股市甚麽叫“正常市场”？废话一句！熊市、牛市、震荡市、牛皮市，都是正常市场，这个指标不是一种不稳定因素，它没多大影响。基金的操作踩对了市场的脉，包括选股、时点，那才是对基金业绩的最大影响。</t>
  </si>
  <si>
    <t xml:space="preserve">只有三人来上学（古龙小说人物）制谜太麻烦。转些我在其他地方猜过的 </t>
  </si>
  <si>
    <t>吴兴</t>
  </si>
  <si>
    <t xml:space="preserve">银行转账单位的基本户能向个人信用卡内划款吗 </t>
  </si>
  <si>
    <t>单位的款不能向个人的信用卡上直接汇款.你单位是基本户,可用支票先提现金出来,再存入个人信用卡上.但如果是五万元(含)以上的,需提供那个卡人的身份证(人行规定).</t>
  </si>
  <si>
    <t xml:space="preserve">成年女性阴道在月经后的第几天最湿润?为什么有的女性阴道总是很干涩 </t>
  </si>
  <si>
    <t>月经后7~8天排卵期比较湿润。就是白带增多，但这个和性兴奋时分泌爱液不是一回事。</t>
  </si>
  <si>
    <t xml:space="preserve">婆媳关系该怎样处理 </t>
  </si>
  <si>
    <t>少见面，见面时投其所好，少告状。</t>
  </si>
  <si>
    <t xml:space="preserve">一只翅膀的飞机还能飞？下面的这个报道你认为是真的吗？以军战机遇险? </t>
  </si>
  <si>
    <t>实际上是真的前面各位仅仅是从简陋且原始的物理层面进行分析的其实美军早已把电子控制加入他们的战斗机了换句话说，当你往后拉摇杆的时候 其实只是在告诉计算机你要拉升飞机，然后计算机根据这个指令控制机身各部位完成你的动作。当一个机翼掉落后，计算机依旧会控制各部位调整来解决失去一半升力和升力不平衡，控制力不均等情况。换句话说，让飞机保持平衡的是计算机而不是人。事实上，当F-117在试飞的时候，机翼折了飞行员都不知道。就是因为电子控制的原因——计算机调整各部位来执行你普通巡航的动作。当然 F-15远比F-117原始，所以电子设备也不完善，所以那名飞行员的控制力的确然人佩服。但是以色列和老美的关系不言而喻 所以不排除这F-15换新电子设备的可能，毕竟老美连A-10这种古老的飞机都换了新电子设备了。但如果仅仅是原始F-15标配甚至是出口简化版的电子系统的话，那真实性就有待商榷了。</t>
  </si>
  <si>
    <t xml:space="preserve">为什么我的帐号绑了手机还被盗我的帐号明明绑了手机了，结果还是被盗 </t>
  </si>
  <si>
    <t>帐号绑了手机还被盗也是可能的现在盗号的厉害上有政策下有对策</t>
  </si>
  <si>
    <t xml:space="preserve">什么是权证，它和和股票有什么区别，看K线图也是通过看股票分析权证? </t>
  </si>
  <si>
    <t>分析权证也可以看K线的。权证可分为认购权证和认沽权证。买入认购权证的投资者,是相关标的未来上涨才能获利,而买入认沽权证的投资者,则只有标的股票未来股价下跌时才能赚钱。就行使状况而言,权证亦分为欧式和美式权证。美式权证允许持有人在股证上市日至到期日期间任何时间均可行使其权利,而欧式权证的持有人只可以在到期日当日行使其权利,欧式股权证为香港最常见的权证类别。无论是认购权证或者认沽权证,它们都包含有有以下主要特性：一是杠杆效应。二是具有时效性。权证具有时间价值,并且时间价值会随着权证到期日的趋近而降低。三是权证的持有者与股票的持有者享有不同权利。权证的持有者不是上市公司的股东,所以权证持有者不享有股东的基本权利例如投票权,参与分红等权利。四是投资收益的特殊性。对权证而言,如果投资者对标的股价的判断正确,将获得较大收益.简单的说认沽权证的操作和股票刚好是相反的，看多股票时要卖出认沽权证，看空股票时反而要买入认沽权证。不过由于权证现在是个新生事物，刚开始走势可能会有些不太正常的地方。由于权证的特殊性分险要比股票大的多，你最好是少量参与。权证是T+0交易方式，当天可以进行多次的买卖。网上也是可以做的，但要先去证券公司开通网上交易和权证交易。</t>
  </si>
  <si>
    <t xml:space="preserve">决要的问题东方大侠请进一下我是道武想修个幻影秘籍就是不知道怎么贴 </t>
  </si>
  <si>
    <t>幻影秘籍是以主动内功攻击为主，不要贴主动外功的诀要（道武也没有主动外功的诀要）。幻影秘籍贴的诀要一般是：武当剑法  内功攻击 x=30%概率击退目标3格 太清剑气 内功攻击 间隔时间缩短x=4s 太乙三清剑  内功攻击 招1触发概率提高x=10%如果有条件可以考虑炙阳剑气  内功攻击 提高发招速度x=25% 请尝试先搜索问题，如果没有找到您要找的答案之后，再提问！如果提问的话，找到您需要的答案之后请您尽快登陆到个人中心结贴！如果对我的回答还有问题可以PM我，PM的时候顺便把帖地址带上！复制偶东西之人！请把格式也复制了！也要针对问题，不要盲目复制别人东西！</t>
  </si>
  <si>
    <t xml:space="preserve">肛表(体温计)除了测量体温,还有什么功能? </t>
  </si>
  <si>
    <t>便秘的时候可以用来疏通肛门,直肠.促进排便.</t>
  </si>
  <si>
    <t xml:space="preserve">孕妇可以喝红糖水吗孕妇感冒了可以喝红糖水吗 </t>
  </si>
  <si>
    <t>可以喝，红糖水还可以补血呢。</t>
  </si>
  <si>
    <t xml:space="preserve">转升后最高到多少级？转升以后从15级练最高练到多少级啊？ </t>
  </si>
  <si>
    <t>先从15练到90级，然后要选择仙、魔、佛中的一个门派进行修炼，再次达到150</t>
  </si>
  <si>
    <t xml:space="preserve">二氧化碳有毒吗？同上… </t>
  </si>
  <si>
    <t>当然是没有的啦……</t>
  </si>
  <si>
    <t xml:space="preserve">七厘米线式清毒丸排出来的东西是什么我使用七厘米线式清毒丸排出来白 </t>
  </si>
  <si>
    <t>哥们,再提交一次吧,看到的不会,会的看不到了.我感觉你的问题应该去医院检查一下.</t>
  </si>
  <si>
    <t xml:space="preserve">请问一下，这句话怎么翻译比较合适?我一个差劲的梦生活,为这一个世 </t>
  </si>
  <si>
    <t>I had a bad dreamy life, for I've lost my confidence in this terrible worldI had thought my dream might've been a safe, yet it has hurt me much moreSubtly I feel the rottening wounds spreading in meEverything's been broken, including my decaying fall.感觉你的原文还是有很多问题，但是还是做了以上的翻译，供你参考了。</t>
  </si>
  <si>
    <t xml:space="preserve">58F问题。如今，开服快2月了。很多人都是贵族了。经常在游戏里看 </t>
  </si>
  <si>
    <t xml:space="preserve">  楼主提出了一个很普遍也是大家都很关注的关于网游黑社会的问题。这个问题只有运营商和游戏开发商才能解决。解决的方法很简单：只要把狩猎这些BOSS（包括掉BOSS首饰的BOSS）的方式改为副本形式就可以了。  运营商之所以不改，可能是出于经营利益上的考虑。毕竟，工作室（特别是规模比较大的工作室）也是游戏中的大客户。  但是，对于任何收费网游运营商来说，如果不能很好地解决游戏公平性的问题，再好的游戏也难以吸引到大量的玩家。</t>
  </si>
  <si>
    <t xml:space="preserve">我好自卑，我有焦虑，人群恐惧症，和人沟通有很大的障碍，还有自杀的? </t>
  </si>
  <si>
    <t>你需要与家人交流,更关键的是你需要找到抑郁的根源.就像你会在网上向别人交流你内心的苦痛一样,可以找心理医生,也可以通过网上交流来排解.希望你能迎接崭新的未来.</t>
  </si>
  <si>
    <t xml:space="preserve">请问这是什么果实？这可不是香瓜哈！叶子类似葡萄的叶子。 </t>
  </si>
  <si>
    <t>是瓜蒌啦！瓜形、叶形都吻合：</t>
  </si>
  <si>
    <t xml:space="preserve">一道数学题有一座抛物线形拱桥，当桥拱顶点距水面6m高时，桥下水面 </t>
  </si>
  <si>
    <t>解：（1）取AB的中点O作为坐标原点建立直角坐标系，那么A点的坐标为（－10，0），B点的坐标为（10，0），顶点C的坐标为（0，6），设抛物线的解析式为：Y=A（X+10）（X-10），代入C点坐标得：A=-6/75，故所抛物线的解析式为：Y=-6/75X²+8（2）当水位上升到水面宽为10m时.就达到了警戒线.即X=5时，水面达到警戒线，Y=6，水位以每时0.2m的速度上升，故T=6÷0.2=30小时答：略。</t>
  </si>
  <si>
    <t xml:space="preserve">小孩打惊颤是怎么回事? </t>
  </si>
  <si>
    <t>受到惊吓的自然反应</t>
  </si>
  <si>
    <t xml:space="preserve">宝宝为什么老要趴下五个月了，会自己侧翻，会自己趴下，本来是好事， </t>
  </si>
  <si>
    <t>呵呵，看来这样的宝宝还真不少。我家的宝宝也这样，7个月了，就是不喜欢坐着，喜欢趴着、爬、站着。</t>
  </si>
  <si>
    <t xml:space="preserve">热恋的标志是什么？ </t>
  </si>
  <si>
    <t>时时刻刻想着对方，想和他（她）在一起；讲什么都有话题；她说什么都感兴趣；为了她，可以改变自己的习惯；神魂颠倒；不在一起时，想她想得发呆；莫名其妙的发笑等等奇怪的举动。</t>
  </si>
  <si>
    <t xml:space="preserve">我妈常吃水泡饭,她55了,有没有什么坏处? </t>
  </si>
  <si>
    <t>只是饭不喝水，是没什么事，喝太多水，对胃不好。</t>
  </si>
  <si>
    <t xml:space="preserve">怎样获得各种技巧？如统治技巧…… </t>
  </si>
  <si>
    <t>你先要技能点，可以通过贸易获得，出售零件，打人占城等，在文化学院里，有个皇冠一样的就是统治术了，一个人可以有九个级统治，</t>
  </si>
  <si>
    <t xml:space="preserve">现在15：31分了~~为什么天堂还不能进？？？？真当我们钱多是不? </t>
  </si>
  <si>
    <t xml:space="preserve">虽然游戏设定可以使用王码五笔，但是不太好用。这里有网友提供的一种方法，试验觉得还是满好用哦。　　您可以通过修改注册表实现五笔输入。以五笔++为例：　　先装五笔++。再在控制面板里找语言区域设置选项。在语言里&gt;&gt;详细信息&gt;&gt;安装微软拼音3.0　　然后点开始&gt;运行&gt;输入regedit　　依次　　HKEY_LOCAL_MACHINE&gt;&gt;SYSTEM&gt;&gt;CurrentControlset&gt;&gt;Control&gt;&gt;Keyboard Layouts&gt;&gt;E00E0804　　右边的IME File双击。弹出来的地方改成Wbjju.IME　　按F5刷新一下。-。-就好了。 </t>
  </si>
  <si>
    <t xml:space="preserve">请你来改改下面这段话有哪个标点符号哪个字或者哪个词用得不对，欢迎 </t>
  </si>
  <si>
    <t xml:space="preserve">要是我们家有一辆车那该多好呀！要是有了车,我上学和平时出去玩就可以坐车了；妈妈上班也方便了；爸爸也可以开自己的车了，再也不用坐人家的那些破车了。 </t>
  </si>
  <si>
    <t xml:space="preserve">感冒喉咙痛怎么办如果不发烧，多喝水就能解决问题，用药千万别用抗生 </t>
  </si>
  <si>
    <t xml:space="preserve">中医生清热解毒的中草药 5-8天可以治愈! 你可以到同仁堂等老字号药店买清热解毒的中草药 中成药，也可以买 再林 西药冲剂来用。效果比较好。 去医院到中医生治疗,清热解毒的中草药, 5-8天可以治愈! </t>
  </si>
  <si>
    <t xml:space="preserve">找志同道合的人！！！！不喜欢搞群刚申请了一个QQ专门为足彩而用有 </t>
  </si>
  <si>
    <t>你又系广东仔啊！呵呵</t>
  </si>
  <si>
    <t xml:space="preserve">贵阳学美甲哪里好？ </t>
  </si>
  <si>
    <t>贺加贝美甲学校就不错啊，学习环境好、干净、整洁，很有时尚的味道，如果一个学校的环境都不时尚，你还指望他教你时尚的技术吗？</t>
  </si>
  <si>
    <t xml:space="preserve">4选1，哪一个？我要买1年的车：海盗船车胶鞋车太空PXT尖锋PR </t>
  </si>
  <si>
    <t>海盗船车是最好的道具车 功能是会更快的挤破水弹 蚊子的攻击胶鞋车就是倒着开 也是道具车PXT把红气喷的时间延长到了7秒 不过集气要难了点尖锋PRO 我看有熊猫后也只能是陪衬了 可悲啊......</t>
  </si>
  <si>
    <t xml:space="preserve">为什么"一起来找茬"游戏我每次进都提示"有其他程序在运行"而进不? </t>
  </si>
  <si>
    <t>把已安装好的“一起来找茬”完全卸载，再重新下载安装一次，安装时要和其它游戏使用不同的文件夹。你试一下吧，应该没问题的了。</t>
  </si>
  <si>
    <t xml:space="preserve">传教问题,小分送上想练个传教，高手指点一下怎么加点、学什么技能、 </t>
  </si>
  <si>
    <t>首先洁净必须学，这是以后PK打王必备的技能，选学单恢。然后3补7绝，练级时可以学个强冰（风用）或者单石（方用）。其他魔反攻反什么的随便。选学个乘骑PK用。加点魔至少100点，敏至少100点，其他都血。宠强烈建议用改僵，加攻敏血都可以，很实用，又可以护卫，攻也不低，也可以弄个水龙护卫。然后再有一只红鬼PK时骑上，就完美了。</t>
  </si>
  <si>
    <t xml:space="preserve">大家觉得迈克尔杰克逊的舞蹈可以用伟大形容吗？我很喜欢MJ，大家可 </t>
  </si>
  <si>
    <t>你好！一代舞蹈大家迈克尔.杰克逊的舞蹈可称得上舞蹈骄子。他的基本步以太空滑步、僵尸步、机械步见长。迈克尔.杰克逊的成果是天才和实践的统一，并非一日之功。街舞的基本步多为太空滑步、僵尸步、机械舞。锁舞、霹雳等。迈克尔.杰克逊的舞蹈就是街舞的一部分。只是其基本功扎实，编排套路、国情、民情不同罢了。霹雳也是街舞的一种，单手倒立是需要非常扎实的功夫的，只是迈克尔并不喜欢或者说外国佬根本没有中国功夫的根底。街舞是一种模仿性极强的健身舞蹈，时代不同、国情不同，其套路也不尽相同。将中国功夫融入一体，更具有可观赏性。</t>
  </si>
  <si>
    <t xml:space="preserve">3区和7区是不是又挂了,进不去啊?如题. </t>
  </si>
  <si>
    <t>正常 不必大惊小怪 不过我可以进耶...</t>
  </si>
  <si>
    <t xml:space="preserve">是内在美重要还是外在美重要怎样看待一个人的美 </t>
  </si>
  <si>
    <t>都重要。在公司，家庭，同事之间要有内在美。要实在，不要耍小聪明；出门，社交，礼仪要有外表美，不修边幅胡子拉茬是对朋友的不尊重。</t>
  </si>
  <si>
    <t xml:space="preserve">求教，在看美股的一些财报时，总是看到运营利润这个名词，请问运营利? </t>
  </si>
  <si>
    <t>应该是没有区别的，两个单词都是指美股报表里的“Operating Profit”。营收扣除成本后是毛利，毛利扣除运营费用（研发、市场、管理）后就是运营利润\营业利润。</t>
  </si>
  <si>
    <t xml:space="preserve">请教网络游戏高手一个问题谢谢。。。听说是边玩儿游戏边赚钱的。我请 </t>
  </si>
  <si>
    <t>　　我个人经验，只作参考。　　1、卖给同城或同地的玩家（能直接交易，即安全又保障），或自己交易或在网吧请管理员帮忙叫卖。　　2、异地交易　　首先建立一个银行帐号，方便打款（开通网银最好，便于淘宝或其它网交易）。　　a、在游戏中建立自己的诚信度（前提是你要有良好的出发点），可先从低值物品卖起（先给别人东西，再收钱。等玩家都了解你后就可以先钱后物品）。　　b、在淘宝网上开店，但一样需要诚信度，方法楼上有介绍。　　c、如果自身网页设计ＯＫ，那自己搞个论坛或网站，当然成本要高些，但可以集合很多玩家，自己也可以从网站中赚钱。　　d、中介交易方式，就是找一个中介人（前提是网吧或别的公司给你担宝，如果双方都有担宝最好），给买家提供真实的信息，这样对买卖双方都有好处。　　综合上述方法，如果条件允许按照法律程序走，（当然所卖物品价值较高1000元以上，其实签个合同也不花多少事，被骗打官司也不亏嘛），双方签定一个合同是最好不过的。</t>
  </si>
  <si>
    <t xml:space="preserve">青山刚昌还有什么好的作品? </t>
  </si>
  <si>
    <t>代 表 作 品　　●《青山刚昌短篇集》（1册全，包含处女作《约定》) 　　●《狂想曲》（1册全）　　●《城市风云儿》（26册全） 　　●《魔术快斗》（最近因忙于画柯南而没时间去管?e的事，所以怪道KID休载，只出了3册待续中）　　●《名侦探柯南》（30册待续中） 　　介 绍 他画的漫画应该属于少年漫画类，?热菸萝坝殖渎庖澹怨闶艽笾诘幕队ㄔ谌毡臼帐勇势母撸诎泊锍渥髌分幸渤鱿止缡幽谌菔强履系那榭觯?因此虽然作品不多，却各个广受欢迎。也许是因为青山大人是学西洋画出身，所以他笔下的人都比较唯美飘逸一些，常常都有着一双令“小燕子”也望尘莫及的秋水大眼，（台湾漫画评论家曾戏称为“拳头似的大眼”）以及九尾狐都艳羡不已的尖鼻子。在人物造型的设定方面，无论是从长相、衣着、语言来看，都是比较西方化一些的。这从他的作品中也可以看出。《柯南》故事情节的编排也不局限于传统的日本推理模式之中，那些精彩的街头追逐场面，以及稀奇古怪的“发明”，到是很有些“日版007”的味道呢！青山刚昌人物介绍　　姓 名 青山刚昌（Gosho Aoyama） 　　出 生 地 鸟取县 （在一集中出现过这个地名，属于县集城市，印象中是这样）　　出 生 年 月1963年6月21日 　　血 型 B型血（注意注意：生日、血型与黑羽快斗一样） 　　发 展 概 述　　●毕业于日本大学艺术学部油画专业。 　　●1986年以「约定」入选第19界小学馆新人漫画大奖，并以该作品正式出道。　　●1992年曾以《城市风云儿》（共26卷）获得过小学馆1993年第38回漫画赏－－儿童漫画部门奖 　　●目前在少年SUNDAY周刊上连载「名侦探柯南」颇受好评。　　学 名 他被喻为「良心派漫画家」 　　调 配 不能和葡萄干混调，他讨厌吃葡萄干。 　　特 点 自画像是个各种死法的凤梨头，在每本柯南中，都会画上一种死法！另外他在漫画的最后一页每集都会介绍一位侦探。　小 秘 密：　　●青山家所经营的是加油站。　　●家中共有四个兄弟。青山老师排行老二。　　●小时候，四个兄弟常组成少年侦探队，到处去探险…（柯南的少年侦探队由来！？小鬼头）。　　●国小时，迷上了福尔摩斯。第一篇读到的作品是《血字的研究》，而至今最喜欢的一篇是《跳舞的人形》。（跳舞的人形大家应该都会有印象吧？那是在柯南里面一集有出现，还作为了重要的证据。）　　●也因为受到福尔摩斯的影响，特别喜好理化方面的学科。（难怪在他的作品里面不时会出现些奇怪的东西，什么TTX药剂。总之很合情合理，从他的作品中也很容易看出来）　　●小学毕业作文当中，对于自己未来的期望，是希望当一名侦探漫画的作家（结果还真的实现了！厉害）。　　●从小学四年级到高中二年级都是剑道社的成员。（??～看不出来-_-不过在他的漫画中会提到些，显露出些端倪）　　●承上，青山老师因此特别喜欢剑客。尤其是黑泽明导演作品当中的「桩三十郎」。（黑泽明也是在下最喜欢的导演之一）　　●第一次开始接触漫画，是在大学时代，加入了漫研社时的事。　　●学生时代，也特别迷摔角。最喜欢的摔角选手是史坦．汉森。（摔角？不清楚，别看日本人个头不大，喜欢的都是些。。。）　　●首次担任助手一职，是做大学漫研社的学长阿部丰的助手（别怀疑，就是赤鬼村事件的凶手）。　　●首次投稿漫画作品，也是受阿部丰学长的鼓励，投稿至小学馆。　　●投稿了两次，在第三篇作品《约定》的投稿当中，受到了小学馆的青睐，正式入选。　　●第一次登上电视的作品，是《剑勇传说》吗！？答错了，是电视动画『?????』的背景。（青山老师曾做过电视动画背景描绘师）　　●最大兴趣是观看职业棒球赛转播。（而且他是巨人队的球迷，这个大家应该都晓得）　　●足球也是相当喜欢。最喜欢的球员是巴西队的巴吉欧。　　●最喜欢的食物是咖哩饭。　　●最喜欢的饮料三得利的乌龙茶，家中冰箱常常都可以看到这个，还曾被青山老师誉为人类史上最大发明。（三得利的乌龙茶实在不知道哪里好喝。。倒。。）　　●最讨厌的食物是葡萄干跟纳豆。（没几个日本人喜欢吃纳豆，纳豆存在的意义实在令人质疑，不过我倒不是很排斥）　　●最喜欢的漫画作品是《鲁邦三世》跟《GUNDAM》。　　●最喜欢的漫画家是安达充老师、千叶弥彻老师。（千叶老师不太熟悉啊！但是安达充老师我也灰长喜欢的，他的H2、棒球英豪。。太多了，总之他就是日本漫界运动画风的先驱啊！夸张了）　　●自己所奉为男英雄的是长岛茂雄。女英雄则是鲁邦三世里面的峰不二子。</t>
  </si>
  <si>
    <t xml:space="preserve">剁椒鱼怎样做 </t>
  </si>
  <si>
    <t>1、 用蚝油把鱼全部抹均匀(这样的鱼做出来味道很鲜 ）　　2、 放料酒，放一点盐，放点白醋（解腥）(PS:不要放太多,本身剁辣椒会有点咸)。 　　3、 把姜片葱节放在鱼的下面，鱼肚中放两个香菇。鱼身均匀的撒上鸡精。再放一层剁辣椒。 　　4、 进蒸锅，水开后蒸8分钟关火，不揭盖虚蒸5分钟。 　5、之后放一层葱花.油烧热. 淋到鱼上就大功告成</t>
  </si>
  <si>
    <t>踩油门,有异响在踩油门时,大根转速在1800</t>
  </si>
  <si>
    <t xml:space="preserve">    下次提问题说的饿在具体点。   多少公里是在行使当中还是静止状态1.6还是1.8。   建议检查货更换一下油泵试试。</t>
  </si>
  <si>
    <t xml:space="preserve">我要怎么样才能知道我的男朋友不在喜欢我了呢？我和我的男朋友现在已 </t>
  </si>
  <si>
    <t>保持女人应有的矜持！！！不管有多爱他也不要告诉他。要相信男人对自己送上门来的女人是不会很好的珍惜的。还有不要轻易献身于他，已经有了的话就立即遏止。对他忽冷忽热忽远忽近。不要让他觉得离开他你就在想他。做到以上几点你就不会被人耍了哦。他不再喜欢你的话他会疏远你不想和你说话连看都懒得看的。你会从他眼神里察觉的。</t>
  </si>
  <si>
    <t xml:space="preserve">湖南人为什麽叫江西人为：老表？一看族谱，还真迷惑，我们这里很多姓 </t>
  </si>
  <si>
    <t>江西人把老乡叫老表，就像我们见当地人都叫老乡一样。所以人们就把江西人叫江西老表。是泛泛的称呼，没和哪里人有渊源</t>
  </si>
  <si>
    <t xml:space="preserve">如果提高国民的整体素质? </t>
  </si>
  <si>
    <t>那得要靠几代人的努力啊,最关键最首要的还是抓教育,不只是学校里的狭义教育而是社会范围的广义教育</t>
  </si>
  <si>
    <t xml:space="preserve">针灸减肥怎么样？ </t>
  </si>
  <si>
    <t>调整机体内分泌 针灸是通过传统的中医针灸方法，针灸身体相关穴位，达到调整机体内分泌的作用，而最终实现减肥。 ● 针灸减肥的优势有很多，它无痛感，疗效显著又无须饱尝其他减肥方式可能带来的痛苦。 ● 有些女孩追求快速减肥，而不惜机体受到损伤，采用吃减肥药、过度节食、过强的体育运动，控制每日的饮水量等错误的做法来进行减肥，让我们来看看这些减肥方法到底有哪些弊端：  吃减肥药 腹泻利尿虽然减轻体重较快，但减去的都是水分，随着水分的丢失，体内电解质也随之造成紊乱，还易并发代谢性酸中毒，对减肥者来讲，可以说是有百害而无一利； 过度节食 节食不但不能持久，而且易出现酮症酸中毒，出现疲乏无力，恶心呕吐等症状； 过强的运动 易消耗葡萄糖，不利于脂肪代谢，对减肥徒劳无益； 控制饮水量 造成机体脱水，不但对脂肪代谢不利，还增加了肝肾负担，使代谢过程中的废物不能及时排出体外，引起机体自身的中毒反应。 ● 而针灸减肥就不存在以上这些问题，所以这些快速减肥方法都是不可取的。我们提倡稳速的健康减肥。针灸减肥更安全、可靠，对人体无任何损害，是一种安全的减肥方式。</t>
  </si>
  <si>
    <t xml:space="preserve">名侦探柯南要到什么时候完结 </t>
  </si>
  <si>
    <t>嘿嘿！《名侦探柯南》的漫画家青山刚昌于2012年6月，接受采访时回应了网上关于“名侦探柯南将在100卷内完结”的传言。青山刚昌表示：“也许会继续画下去也许不会，但整个故事的结局已经定下了。”但问及关于黑暗组织的头目究竟是男是女这一问题时，青山刚昌表示：“暂时不能透露，但可以提示的是，这个黑暗组织的头目已经以全名的形式在漫画中登场了”。对于“组织头目是漫画已出现全名的人物”，青山其实早在2006年1月接受《朝日新闻》采访时已经透露了。</t>
  </si>
  <si>
    <t xml:space="preserve">甲乙两人分别从AB两地同时出发，在AB间不断行驶，甲每小时20千? </t>
  </si>
  <si>
    <t>甲速20，乙速50，那么他们第一次相遇时，甲走的路程占全程的2／7，乙走的路程占全程的5／7这样算下来，他们第8次相遇时，甲走(2×8)／7=16／7，乙走了(5×8)／7=40／7∴这个相遇点距离乙的出发地：40÷7=35.....5-----5／7处-----------------------------------------------他们第18次相遇时，甲走了(2×18)／7=36／7,乙走了(5×18)／7=90／7∴这个相遇点距离乙的出发地：90÷7=14......6-----6／7处而两处相差仅仅6／7-5／7=1／7，却有60㎞∴全程7×60=420㎞</t>
  </si>
  <si>
    <t xml:space="preserve">寒月之辉几级能接任务《诛仙》那个可以领寒月之辉的任务几级可以接？ </t>
  </si>
  <si>
    <t xml:space="preserve">15级以后就可以接了 </t>
  </si>
  <si>
    <t xml:space="preserve">哪里有杰拓平板电脑的刷机包 </t>
  </si>
  <si>
    <t>http://padbbs.zol.com.cn/1/240_68.html这个牌子比较难找，你上他们官网下载应该有的</t>
  </si>
  <si>
    <t xml:space="preserve">中奖。。。中奖。。。 </t>
  </si>
  <si>
    <t>无可挑剔！绝佳好单！</t>
  </si>
  <si>
    <t xml:space="preserve">30多岁的下岗女工想再就业，参加哪些培训比较容易找工作？ </t>
  </si>
  <si>
    <t>要是以前有什么基础的话可以去加深学习。可以去考个房地产经纪人的证书。关键还是要有关系才好找工作。</t>
  </si>
  <si>
    <t xml:space="preserve">什么是物联网？ </t>
  </si>
  <si>
    <t>什么是物联网概念　　物联网，指的是将各种信息传感设备，如射频识别(RFID)装置、红外感应器、全球定位系统、激光扫描器等种种装置与结合起来而形成的一 个巨大网络。其中非常重要的技术是RFID电子标签技术。以简单RFID系统为基础，结合已有的网络技术、数据库技术、中间件技术等，构筑一个由大量联网 的阅读器和无数移动的标签组成的，比Internet更为庞大的物联网成为RFID技术发展的趋势。物联网用途广泛，遍及智能交通、环境保护、政府工作、 公共安全、平安家居、智能消防、工业监测、老人护理、个人健康等多个领域。预计物联网是继计算机、互联网与移动通信网之后的又一次信息产业浪潮。有专家预 测10年内物联网就可能大规模普及，这一技术将会发展成为一个上万亿元规模的高科技市场。奥巴马就职后,美国政府提出了智慧地球的概念,物联网(IOT，InternetofThings)就是这些所谓智慧型基础设施中间的一个概念。国内称之为传感网,这是继计算机、互联网与移动通信网之后的又一次信息产业浪潮。此前,中国移动总裁王建宙在8月24日在台湾访问时的一次演讲中,也提及“物联网”概念,并系统阐释了物联网对人类生活的重大影响。南京邮电大学校长、博士生导师杨震教授说，世界上的万事万物，小到手表、钥匙，大到汽车、楼房，只要嵌入一个微型感应芯片，把它变得智能化，这个物体就可以“自动开口说话”。再借助无线网络技术，人们就可以和物体“对话”，物体和物体之间也能“交流”，这就是物联网。“如果物联网再搭上互联网这个桥梁，在世界任何一个地方我们都可以即时获取万事万物的信息。可以这么说，物联网加上互联网等于智慧地球。”物联网用途广泛，可运用于城市公共安全、工业安全生产、环境监控、智能交通、智能家居、公共卫生、健康监测等多个领域，让人们享受到更加安全轻松的生活。举几个例子来说吧，从成都开车到重庆，上车后，只要设置好目的地便可随意睡觉、看电影，车载系统会通过路面接收到的信号智能行驶；不住在医院，只要通过一个小小的仪器，医生就能24小时监控病人的体温、血压、脉搏；下班了，只要用手机发出一个指令，家里的电饭煲就会自动加热做饭，空调开始降温……这不是科幻电影中的场景，通过“物联网”的逐步实现和提升，每个人的生活都将向此靠拢。所谓物联网，在中国也称为传感网，指的是将各种信息传感设备与互联网结合起来而形成的一个巨大网络。具体来说,物联网是指各类传感器和现有的互联网相互衔接的一个新技术。通过安装信息传感设备，如射频识别（RFID）装置、红外感应器、全球定位系统、激光扫描器等，将所有的物品都与网络连接在一起，方便识别和管理。电视、洗衣机、空调甚至自行车、门锁和血压计上都能使用。从应用角度来看，与物联网密切相关并可能受益的领域主要包括二维码和RFID、传感器以及TD-SCDMA与SIM卡。</t>
  </si>
  <si>
    <t xml:space="preserve">【今夜欧联首推】【对阵】：埃因霍VS哥本哈【亚盘】：半球/一球【 </t>
  </si>
  <si>
    <t>单3稳过  比分2比0</t>
  </si>
  <si>
    <t xml:space="preserve">蛋炒饭怎样做才会更香? </t>
  </si>
  <si>
    <t>一、皇家蛋　　主料：大米饭一碗，鸡蛋两个。 　　配料：油、盐、葱花、花椒面等。 　　做法：先将鸡蛋两个打好搅均，放入油锅里炒熟，然后放入大米饭混合炒。米饭热透后放入盐少许，葱花半把，花椒面少许，然后就可以出锅了。 　　关键：1，饭要东北大米，南方大米不行。要把饭蒸好，没有蒸好的饭是做不出好的蛋炒饭的。2，油要多一点，以做出来的米粒油汪汪的感觉为宜。3，葱花要后放。4，鸡蛋一定要搅拌均匀，在搅拌的过程中千万不要放水。炒蛋的时候要把蛋炒碎，絮状为佳。5，火候要以300-500度为宜。 　　二、扬州蛋炒饭   　 扬州蛋炒饭 米饭粒粒松散鲜香，软硬有度。配料多种多样，鲜韧爽滑，香润可口。    　原料：上白籼米饭1500克，鸡蛋8只，水发海参50克，熟鸡脯肉50克，熟精火腿50克，熟鸡肫2只，河虾仁75克，水发冬菇25克，熟净笋25克，青豆25克，猪精肉50克，水发干贝25克，葱末15克，干淀粉5克，精盐8克，鸡清汤150克，绍酒5克，精炼油150克。　    制法：1、将海参、鸡肉、火腿、肫、冬菇、笋、猪净肉均切成小丁。虾仁加盐，干淀粉上浆。鸡蛋打入碗内，加盐3克，葱花5克，搅匀待用。2、炒锅上火，放入精炼油，待油五成热时，放入虾仁划油至熟，捞出。再倒入海参丁、鸡肉丁、肫丁、火腿丁、冬菇丁、笋丁、猪精肉丁，略炒，加绍酒、精盐、鸡清汤烧沸，略煮，倒入熟虾仁烧沸后倒入碗内，成什锦浇头。3、炒锅复上火，放入精炼油，倒入鸡蛋搂炒。炒至桂花状时，加入熟米饭同炒。炒匀炒透后，将精盐、葱末、“什锦浇头”和青豆入锅，与饭炒匀，起锅分装在碗内即成。    　扬州蛋炒饭讲究煮饭，要求“颗颗分明，入口软糯”，做到“四要”：一要米好，宜香粳，不宜糙籼或糯米；二要善淘，以无砂、壳、稗，水清为宜；三要善用火工，沸水下米，先武火煮至米涨伸腰，改文火使饭逐渐干汤，再焖片刻，饭米呈光泽即成熟，熟后略焖，离火，用勺饭打散成颗粒状，不使并结；四要相水，放的不宜多，也不宜少，燥湿得宜。    　炒饭做法有二，一是先将蛋放在油锅内炒好，盛起，再在油锅内炒饭，待饭炒透后加入炒熟鸡蛋拌炒匀，装碗而成。另一法则是先炒饭，待米饭炒匀炒透后，加入搅匀的鸡蛋，继续翻炒，炒透至香，使饭粒皆包蛋，饭无团，蛋无饼块，便为最佳。　　三、香肠蛋炒饭　　材料：香肠两条，包心菜6叶，鸡蛋2个，沙拉油3大匙，葱1根，白饭3碗，调味料和香菜少许，盐和胡椒及味精少许。 　　作法：1.香肠切成小块，包心菜也切成小块。 2.烧热油锅，放油3大匙，将打匀之蛋汁淋下，快速铲转，约7分熟左右即可。 3.把饭、香肠、葱花放入锅中，用锅铲背一边搅开饭团一边翻炒，再入调味料。 4.最后把包心菜下锅，轻轻翻炒，待炒软即可。 　　四、火腿蛋炒饭 　　材料：白饭2小碗，洋火腿少许，豌豆仁和胡萝卜及玉米少许，鸡蛋1个，葱末1大匙，盐1茶匙半，味精0.5茶匙，胡椒1小匙。 　　作法：1.羊火腿切丁，胡萝卜也去皮切丁，将豌豆仁、胡萝卜、玉米粒一起放入滚水中川烫过后取出；鸡蛋打散再入锅中快速炒至七分熟。 2.加白饭、火腿丁、胡萝卜丁、豌豆仁、玉米粒，炒匀后加入调味料，淋上葱末拌匀即可。</t>
  </si>
  <si>
    <t xml:space="preserve">＜＜百年的新娘＞＞是在周日晚三点播，还是在周日早三点播。 </t>
  </si>
  <si>
    <t>周日晚上播放！</t>
  </si>
  <si>
    <t xml:space="preserve">急求戒酒方法老公爱喝酒,每喝必醉,欲寻一种戒酒良方 </t>
  </si>
  <si>
    <t>帮助家里人戒酒的方法 除非有些时候(比如严重的事故)导致了医学上的紧急状态的话，酗酒的人是不会被迫地接受戒酒帮助，但是也不必刻意的造成一场严重的车祸来劝说您的家人戒酒。许多酗酒治疗专家提出了以下几种方法帮助戒酒. 1.不要把所有的酒藏起来。 家庭成员经常找些借口试图把酒藏起来避免家人酗酒。不要这样做，要让他们亲身体会到酗酒造成的不良后果. 2.把握劝说戒酒的最佳时机。 和酗酒者交谈的最佳时机是在饮酒相关问题刚刚提出后（比如一场激烈的家庭争论或一场事故后）。选择一个他或她冷静的时候，您可以有机会私下交谈。 3.特殊关照。 告诉您家庭成员很为他或她的饮酒问题担心。必要时使用些饮酒引起危害的例子，包括最新发生的一些事件。 4.讲述结果。 向饮酒者解释如果他或她没有寻求戒酒帮助，您会怎么办-----不是责备，而是要实施些措施避免出现他或她的问题，比如拒绝出席一些提供酒精的社会活动，走出家门远离酒精。不要做些没有考虑好的过激行为。 5.寻求帮助。 事先搜集您社区内关于戒酒治疗方面的信息。如果他或她需求帮助，立即打电话预约治疗顾问。建议首次参加一个治疗项目时要陪着一块去。 6.动员朋友。 如果家庭成员仍然拒绝获得帮助，让一位朋友用上述谈话方式和他或她谈谈。刚刚战胜酗酒的朋友或许很有说服力，但是任何有同情心和随和的人可能有助。不止一个人，不止一次的去和交谈，通常很有必要的，可以逐渐使酗酒者自愿去寻求帮助。 7.寻求联合力量。 在一个医疗护理专业机构的帮助下，一些家庭和他们的亲戚朋友组成一个小组联合起来克服酗酒。这种方法的实施仅仅在有经验的专业机构的指导下进行。 8.获取支持。 记住你不孤独是很重要的。支持一些社区提供的组织，这些组织帮助家庭成员认识到他们不仅为个人的饮酒问题负责。 酗酒治疗适于许多人。但是就像一些慢性疾病，治疗起来有不同的结果。一些人停止了饮酒且努力克制自己，其他人则经过一段静止期后又开始饮酒了。对于治疗来说，一点是清楚的，一个人放弃酗酒时间越长，他或她保持清醒头脑的可能性越大。戒酒良方酒逢知己千杯少,但喝酒过度就会伤身!给酒瘾太大的兄弟一些建议:1. 了解有关酒的知识，从思想上认识到嗜酒的危害，下决心戒酒。 2. 长期嗜酒者，可以从减量、减次数开始。每天喝两次的，减为一次，由每天饮，改为二、三天饮一次， 再减为平曰不饮，过礼拜天再饮；或定为逢年过节，亲朋相聚时饮，平时不喝。 3. 由喝烈性酒，改为饮果子酒，啤酒或小香槟酒。 4. 不把酒瓶放在眼前，把酒锁在柜子里，接待客人时再拿出来。 5. 开始戒酒的时候，决心要大，家里人可实行经济措施，家里不存酒，也不买酒，坚持一段时间就会收效。 6. 分散注意力。当想喝酒的时候，马上吃饭、喝茶，或找人谈天、下棋、或出外走走，做些活动， 过几分钟“酒瘾”即可过去。</t>
  </si>
  <si>
    <t xml:space="preserve">她喊我表哥，她姥姥和我姥爷是亲兄妹。我和她可以结婚吗？我们真的很? </t>
  </si>
  <si>
    <t>从血缘和法律上讲，你们出“五服”了，是可以结婚的。虽然是近亲，不过在法律允许之内。别说现在是自由恋爱时代了，就是以前的封建社会表哥表妹，才子佳人结婚的不也多的是么！至于说对下一代人的影响，只要你们俩祖辈的没有什么遗传病就没多大问题，爱情有时候就是要担一定的风险的！彩虹总是出现在雨过天晴啊！你既然起名叫“情圣新人类”，你既然喜欢自己的表妹，那就拿出你的勇气和魄力来，大胆的去爱吧！我支持你！</t>
  </si>
  <si>
    <t xml:space="preserve">HUB的中文名称是什么？ </t>
  </si>
  <si>
    <t xml:space="preserve"> HUB的中文名称叫做以太网集线器，其基本工作原理是广播技术（broadcast），也就是HUB从任何一个端口收到一个Ethernet信息包后，它都将此Ethernet信息包广播到其它所有端口，HUB不记忆哪一个MAC地址挂在哪一个端口。接在HUB端口上的网卡NIC根据信息包所要求的功能执行相应动作，这是由网络层layer 3之上控制的。</t>
  </si>
  <si>
    <t xml:space="preserve">求:做心电图多少钱啊?谢谢了! </t>
  </si>
  <si>
    <t>看医院等级.一般几经元到几十元</t>
  </si>
  <si>
    <t xml:space="preserve">为什么现在的女生把约会男方付钱变成天经第一的了.为什么现在的女生 </t>
  </si>
  <si>
    <t>我觉得男女约会的话，男友付钱我也觉得没什么？我不明白你在不平什么？我可否将此举理解为，你是在计较着，自己的血汗钱！我不明白的是，你是否真的喜欢她？这么几个钱也在那计较，那你也就没有资格站在这里谈感情问题了！两个人约会，并非说一定要男方付钱，但女方却可以从男人付钱的眼神中看出这个男人是否小气，而且很多时候，女人会认为，男人投资得越多，就越说明他在乎我，他是爱我的！难道你不希望她这么认为吗？那你就趁早告诉她，我们分手吧？或者你很向往过小白脸的生活，出路都是女人付钱，但这只会在老女人身上应验，建议你考虑下！如果你既希望对方漂亮，又希望对方有钱，又希望她舍得在你身上花钱，建议你好好打扮一下自己，或许很快就有人会看上你了！玩笑话下！两个人相处不能靠钱来衡量的，彼此的心才最重要！或许你可能在对方身上找不到安全感，所以才会提出这样的疑惑，又或者你并不是真正意义上的爱她，所以你才会计较这些细节！看清自己，摸清彼此的心，才是你当前最应该解决的！</t>
  </si>
  <si>
    <t xml:space="preserve">从通胀角度剖析A股走势(时寒冰)这篇算是对昨天《从国际博弈剖析A </t>
  </si>
  <si>
    <t>有为管理层涂脂抹粉之嫌！</t>
  </si>
  <si>
    <t xml:space="preserve">新手会计做账，请推荐几本有用的书我们公司是工业企业，我是新手，这 </t>
  </si>
  <si>
    <t>　　如果是新手，最好找一本＜基础会计＞来看看，书店有很多，最好买初级职称用的，我见过，很好。而且会计实务类的书籍一般是以工业企业为例来编制的，完全能满足你的需求。    我们公司是工业企业，我是新手，这个月就要做账了，行不行啊？    其实会计做账不难，我原来是学理工的，后来改的财会，没什么问题，你要有信心，一定行的。</t>
  </si>
  <si>
    <t xml:space="preserve">昨天去墓地。。。。望着不断扩大的墓地，我在想如此发展，能持续多久? </t>
  </si>
  <si>
    <t>骨灰的主要成分是磷酸钙，对土壤和海洋没有危害。那点骨灰，全世界一年产生的量也不如黄河带入大海的泥沙多；同时，骨灰还是植物很好的肥料，所以，不论海葬还是树葬，都是很好的方式。</t>
  </si>
  <si>
    <t xml:space="preserve">家常汤在家里，用最普通的材料，能做些什么汤，怎么做呀？谢谢！！！ </t>
  </si>
  <si>
    <t xml:space="preserve">太多太多了.萝卜排骨汤,西红柿蛋汤,用鸡蛋，菠菜，粉丝做家常蛋汤.虾皮萝卜汤...竹笋香菇汤 材料：香菇25克，竹笋15克，金针110克，清汤300克。做法： 　　将香菇切丝，姜切丝，金针打结，竹笋切丝。将竹笋，姜丝放在汤锅中加适量清水煮15分钟，再放香菇，金针煮5分钟放精盐，味精即可。金针紫菜丝瓜汤 金针菜25克，紫菜15克，丝瓜100克。将上3味放入锅内，加水适量，共煮成汤，加花生油及少许鱼肝油露煮熟即可食用（以清淡为佳）。每日1次。鸡蛋豆腐汤 原料：豆腐，鸡蛋，青菜（白菜或菠菜），金针菇，胡萝卜丝，盐，香油。 制法： ①青菜洗净切块，豆腐切小块，鸡蛋液打散备用。 ②煮开一锅水，将豆腐、金针菇、胡萝卜丝加入，水开后，将蛋液缓慢倒入，再将青菜放入，放盐，熄火后淋上香油。 番茄牛肉汤 主料:牛肉500千克.葱头2个. 辅料:蒜2-3瓣.番茄酱10克或者西红柿100克,大米0.5杯,酸李子0.5杯. 制法:1.选用牛排肉.洗净切成小块放入锅中,加冷水煮,去浮沫. 2.肉煮1.5--2小时后,放入洋葱片和蒜末,大米.酸李子.盐,胡椒,继续煮30分钟. 3.西红柿用素油或汤上浮油稍炒一下,待汤煮好前5--10分钟放入汤中,上桌时撒上香菜末或茴香. 牛肉粉丝汤：牛肉500克，洗净后切块放在锅里加生姜、葱、料酒等调料，加水四碗及少量盐煮烂后，可加粉丝及香菜，味道鲜口   白菜肉丝汤材料：猪肉，白菜，葱，姜丝。调味料：酱油，鸡精，胡椒粉，香油，盐。制法猪肉白菜切丝，锅内油烧热，爆香葱，姜，再下肉丝翻炒，加水烧开放白菜丝，白菜煮熟，放调味料即可。特点可加些香菜末，口味更好。排骨冬瓜汤材料：排骨，冬瓜。调味料：盐，鸡精，胡椒粉。制法（1）排骨剁小块，用温水煮开，去血汤，冬瓜去皮去籽，切成和排骨一样大小的块，入开水汆一下捞出。（2）锅内放水，入排骨煮开后，用小火炖烂，排骨煮到八成熟时，将冬瓜放入汤内同煮，加适量盐，鸡精，胡椒粉即可。特点冬瓜和排骨要分开汆汤，才能维持彼此原有的味道。海鲜冬瓜汤材料：冬瓜，虾仁，火腿，葱。调味料：盐，鸡精，胡椒粉。制法（1）冬瓜切块，虾仁泡软，火腿切薄片。（2）锅内油烧热放下冬瓜，虾仁煸炒，加水煮至冬瓜软烂，放入火腿，葱花，调味料即可。菠菜蛋汤材料：鸡蛋，菠菜，胡萝卜，水发木耳。调味料：猪油，料酒，精盐，鸡精。制法（1）鸡蛋打散，菠菜，胡萝卜，木耳切片。（2）煎鸡蛋，取出，切碎。（3）胡萝卜，木耳，鸡蛋和水煮至待汤白，撤菠菜，加调味料即可。白菜肉丸汤原料:猪肉、白菜心各250克，水发木耳50克，鸡蛋1个。胡椒面、鸡精各少许，盐、淀粉各适量。制法（1）猪肉剁碎，与鸡蛋、淀粉、盐搅拌均匀，做成丸子入滚水中汆烫，捞出备用。（2）白菜心洗净煮熟，加入肉丸、木耳、调味料烧滚后盛起，淋上香油即可百岁羹 原料：荠菜250克、盐、味精、麻油适量。 制法：清水煮沸，投入经去根、洗净的荠菜，右手挟筷，不停地将荠菜挟起、抖散，落水，待水继续沸起，淋麻油数滴即可连荠菜带汤水起锅入碗，再加盐和味精拌匀即可享用。 碧涧羹原料：水芹300克、盐、味精、麻油适量。 制法：水芹去根洗净，切成段，以半汤碗清水煮沸约3分钟，加盐、味精、淋麻油数滴即可起锅入席。 奶汤鲫鱼原料：鲫鱼500克1尾，猪油1匙，白胡椒粉1匙、花椒粉半匙、葱花、姜末和酒适量。 制法：鲫鱼净处理后以猪油两面煎黄，下清水半汤碗，煮沸到汤色奶白，加酒、姜末，胡椒粉和花椒粉后再煮片刻，撒葱花后起锅。 雪菜豆腐汤 原料：豆腐200克，雪里蕻100克，精盐、葱花、味精适量，色拉油50克。 制法：豆腐下沸水中稍焯后切为1厘米见方的小丁，雪里蕻洗净切丁。锅上旺火烧热，放入葱花煸炒，炒至出香味后放适量水，待水沸后放入雪里蕻、豆腐丁，改小火炖一刻钟，加精盐、味精即可食之。甩袖汤【所属菜系】东北菜【特点】色鲜艳，味鲜美，菜样多，是经济实惠的家常汤菜。【原料】主料肥瘦熟猪肉50克，鸡蛋1个。辅料水发木耳10克，水发玉兰片25克，菠菜50克，胡萝卜5克，水淀粉，酱油，精盐，味精，花椒水，绍酒。肉汤，香油。【制作过程】1、把熟肉切成丝。菠菜择洗净切成小段。木耳切成小块。玉兰片，胡萝卜都切成丝。鸡蛋打在碗内用筷子搅匀。2、勺内添汤，汤烧开后把肉丝、菠菜，玉兰片，胡萝卜，木耳都放入汤内，加酱油、花椒水、味精，绍酒，汤再开时用水淀粉勾米汤芡，随后将碗内的鸡蛋甩在汤内，撇去浮沫，加点香油，出勺装碗即成。 四川家常酸辣汤     基本材料：豆腐30克，熟鸡肉（或火腿）、冬菇、熟瘦猪肉丝、水发海参、水发鱿鱼各15克，鸡蛋1个，淀粉25克，葱花3克，酱油10克，猪油30克，味精、胡椒粉各1克，香醋6克，精盐5克，鸡汤750克。　　：    1、将豆腐、冬菇、海参、鱿鱼分别切成细丝，同熟肉丝、熟鸡丝放入锅内，加鸡汤、精盐、味精、酱油，用旺火烧至沸滚，再放湿淀粉勾芡后，改小火加打散的鸡蛋；    2、将胡椒粉、醋、葱花及少许猪油放入汤碗内。在锅内蛋花浮起时即改旺火，至肉丝滚起，冲入汤碗内即可。 鸡丝汤【原料】 鸡脯肉７５克，火腿１５克，冬菇１５克，鸡蛋一个（只用蛋清）、淀粉２０克，精盐３克，胡椒粉５克、清汤３７５克【制作过程】１、将鸡脯肉切成细丝，放入用蛋清、干淀粉调的蛋糊内搅拌一下，然后放到滚水内稍烫一下，取出放在汤碗内；２、将火腿、冬菇分别切成细丝，连同清汤倒入锅内，加盐、胡椒粉，用旺火烧至汤沸后，冲入装肉丝的汤碗内即可。 </t>
  </si>
  <si>
    <t xml:space="preserve">大家好,我有一个很急的问题,麻烦大家进来看一下?我是12服的,我 </t>
  </si>
  <si>
    <t xml:space="preserve"> 可以这样告诉你。装备添加的属性点数．在升级的时候并不能提高涨血量的．这也是我个人的经验。所以没必要带什么体质项链．　涨血量不在于装备的．在本身确实的属性．　　很早以前有体制短剑．很多人在升级的时候都会佩带。但效果并不很明显．不能说服人．但这个习俗已经流传下来．．　　所以．　本人觉得没必要．．．完全在天意．</t>
  </si>
  <si>
    <t xml:space="preserve">王巧,现在是王巧明天晚上你就知道是什么了已经告诉你了。王巧,现在? </t>
  </si>
  <si>
    <t>不知道你是GG还是MM啊！你知道王巧是什么？</t>
  </si>
  <si>
    <t xml:space="preserve">帮忙看下100绿土锤子多少钱？图暂时先改4掉主了以后在去改5改5 </t>
  </si>
  <si>
    <t>你NB。很不错的一把锤子了！改4粉的满伤更汗.粉满伤的武器老区都在最少600RMB了，绿的也不错.如果改5的话建议卖700到800RMB.</t>
  </si>
  <si>
    <t xml:space="preserve">关于诺基亚7260的PC套件我在网上下载的PC套件,无法打开,是 </t>
  </si>
  <si>
    <t>你下载的PC套件程序本身有问题，手机可以用数据线也可以和手机互传数据，这也是最好的方法，可能需要安装相应的驱动程序</t>
  </si>
  <si>
    <t xml:space="preserve">哪个高手知道6区什么时候开~电信还是网通~传说是东北真假?谢啦 </t>
  </si>
  <si>
    <t>谣传年前开6区网通并更新1.9。。。但暴雪是跳票大学毕业的，9c应该也是在跳票大学就读。。。</t>
  </si>
  <si>
    <t xml:space="preserve">请问抓过星菇的,1级点那里是什么怪?多少级?一般出几只? </t>
  </si>
  <si>
    <t>妖草和星菇,在45级左右~~~~星菇好解决,妖草会发魔法.带水晶的话要带风地就行了.这东西有时运气不好3个多小时都不出一只1的.要耐心啊^-^</t>
  </si>
  <si>
    <t xml:space="preserve">我测下来的结果是中度缺水，我想自己带护肤品去美容院做脸，我应该带? </t>
  </si>
  <si>
    <t>带上补水精华，配合滋润度高的面霜，其实在家里面也可以自己做，定期做保湿面膜就好。</t>
  </si>
  <si>
    <t xml:space="preserve">竞彩小中4串1有图有真相已经连续中了2次了。上次3串199倍中了 </t>
  </si>
  <si>
    <t>看来你好运来了，绝杀让你激动了吧- -</t>
  </si>
  <si>
    <t xml:space="preserve">一面锦旗要多少钱？在济南。工商所的消费者协会替我挽回了580元的 </t>
  </si>
  <si>
    <t>100-200之间都很不错。就看你是喜欢小一点的还是喜欢精一点的。很漂亮的。当天就可以取。</t>
  </si>
  <si>
    <t xml:space="preserve">请问新老手绑定任务现在还有吗? </t>
  </si>
  <si>
    <t>可以非洲能够肯定的告诉你:那任务早关了@起码关了大半年了.那NPC竟然还在.过不久就有人来问这个个问题.SE创造了又一拖泥带水纪录.怀疑他们和千年王八有关系中...</t>
  </si>
  <si>
    <t xml:space="preserve">洗节气门后怠速不稳有个骐达车在清洗节气门后怠速忽高忽低，车行驶3 </t>
  </si>
  <si>
    <t>需要进行一下初始设置</t>
  </si>
  <si>
    <t xml:space="preserve">为什么男人出轨了都死不承认？ </t>
  </si>
  <si>
    <t>男人都想两头兼顾，吃着碗里的，看着锅里的。他不承认，说明他还想要这个家，维系这个家。另一方面说明，他还要维持现状，家里红旗不倒，外面彩旗飘飘！不要太纵容他，给他点苦头，或厉害！但也因人因事,如果还想一起过日子，就不要把他逼到死角！如果不想过，那就来点厉害的！</t>
  </si>
  <si>
    <t xml:space="preserve">请问市面上把彩图印在T恤上的所用相关工具是些什么?就是想自己印制 </t>
  </si>
  <si>
    <t>自己用小的器具印，通常效果不会很好。贴图背面都会有胶，通常是用蒸汽熨斗在温度很高的情况下将贴图烫到衣服上去，但是往往温度掌握不好，使得贴图很容易就可以被揭下来或者把衣服烫花，衣服会变得很难看哦。如果实在想在家DIY,建议用带钻烫图，自己烫比较容易成功，普通熨斗就可以做到了。</t>
  </si>
  <si>
    <t xml:space="preserve">CPU配主板intelE7200配何主板好? </t>
  </si>
  <si>
    <t>配  微星:P43No3-F 最佳  799元再送你一个显卡配置:影驰9600GT中将板 750元建议到电脑分类问问.</t>
  </si>
  <si>
    <t xml:space="preserve">基因诱导抗病毒免疫综合疗法能去疣吗？ </t>
  </si>
  <si>
    <t>“基因诱导抗病毒免疫综合疗法”疗法，彻底治疗尖锐湿疣，杜绝反复发作。帮助患者摆脱疾病困扰。“基因诱导抗病毒免疫综合疗法”在治疗期间与传统疗法有本质差别，治疗先要通过高精密设备检查，确诊尖锐湿疣，确定病损程度和病变情况，分辨病毒亚型，并将病毒的所有信息储存，然后在治疗启动后进行精确诱导杀灭。同时根据病毒的特性和生理，在基因靶向细胞疗法的操作下，进行接种治疗，并对特殊情况者给予直接的治疗，从而全方位，多层次的保障治疗效果。</t>
  </si>
  <si>
    <t xml:space="preserve">我的BLOG现在用控制面板会导致程序没响应可能是我加的背景音乐有 </t>
  </si>
  <si>
    <t xml:space="preserve">你好，随着新浪博客新用户的逐渐增多，必须要经常的升级维护。出现一些意想不到的问题属于正常现象，部分用户会受到影响 。1*搜索blog时遇到的问题；点击了很多的blog地址然后都出现新页面错误提示，例如：你搜索的用户不存在，或是网页已过期，建议您用其他方法搜索等等……2*登陆blog时遇到的问题；错误提示，例如：无法到服务器，密码错误，验证码错误等等……，3*登陆blog后遇到的问题；即便进入了blog内，一些特效设置有时也会暂时性的无法显示，包括图片（出现红叉）、特效flash的url链接不上、无法显示评论和留言板块里的内容等等……，还会出现点击察看文章或其他内容时也出现错误提示：无法显示该网页，对不起，您访问的文章不存在或者已被作者删除等等一系列的出错提示。不过一些老的blog用户对此现象早就习惯了， 因为这对博客是不会造成其他不利影响的， 顶多是一时半会儿的事情，耐心的等等就好了， 也许是今天也许是明天 ，就又恢复了，内容是不会丢失或改变的，别着急， 会好的。祝你好运. </t>
  </si>
  <si>
    <t xml:space="preserve">怎么判断一个是否是性老手？我想知道男人做多了是会怎么样，一个晚上? </t>
  </si>
  <si>
    <t>一般认为，阴茎颜色很深说明他曾有频繁的性活动，另外，看他的表现也能知道，老手会很熟练地进行前戏，讨女生欢心。能连续做几次，不一定是老手，因为这只说明他的性能力而不是性经验。</t>
  </si>
  <si>
    <t xml:space="preserve">将两种溶液混合未发生化学反映,所得的溶液PH值等于3,则原来两种? </t>
  </si>
  <si>
    <t>将两种溶液混合未发生化学反映,所得的溶液PH值等于3,则原来两种溶液的PH值可能是：CA  2和10一酸性，一碱性，是应该能反应的。PH值可以能是3，（如果不完全反映）但是属于反应了呀， B 2和3 两个酸性溶液混合，不反应，但是浓度变小，PH值应在2和3 之间，不会是3C 2和7 酸性的溶液和中性溶液混合不反应，则因为稀释，PH值可以增到3.所以这个是答案D 7和10碱性和中性溶液混合不反应，所以PH在7和10之间，</t>
  </si>
  <si>
    <t xml:space="preserve">足球前锋的256任9有图大家最好防切尔西个1，我上期错利物蒲01 </t>
  </si>
  <si>
    <t xml:space="preserve">中规中矩，有希望，希望别出冷门！ </t>
  </si>
  <si>
    <t xml:space="preserve">曾经让你掉过眼泪的电影或电视是哪部片子你还记得吗？ </t>
  </si>
  <si>
    <t>“世上只有妈妈好”的那个片子和蓝色生死恋！</t>
  </si>
  <si>
    <t>初三数学已知关于X的不等式组：X</t>
  </si>
  <si>
    <t>(-4, -3]X-a&gt;=0 =&gt; X&gt;=a3-2X&gt;-1 =&gt; X&lt;2又知X的整数解有5个，所以X=1,0,-1,-2,-3所以有-3&gt;=a&gt;-4</t>
  </si>
  <si>
    <t xml:space="preserve">急求请问有谁知道工商管理专业要上哪些专业课程. </t>
  </si>
  <si>
    <t>你好！专业课程设置如下：管理学、管理信息系统、统计学、会计学、宏观（微观）经济学、财务管理、市场营销、经济法、经营管理、人力资源管理、企业战略管理以及实习等等。注：课程设置因学校不同而各异，但主要课程大同小异。祝你学习进步！</t>
  </si>
  <si>
    <t xml:space="preserve">下列各组物质中，熔点由低到高的是A.HF、HCl、HBrB.Na? </t>
  </si>
  <si>
    <t>F、Cl、Br同一主族，半径逐渐增大，则其氢化物的熔点逐渐降低所以，A不对同理，C不对D中，干冰是固体的CO2，其熔点低于0摄氏度；石英为SiO2，其熔点非常高。所以正确顺序是：干冰＜烧碱＜石英——答案：B</t>
  </si>
  <si>
    <t xml:space="preserve">我是23级的战士,在做伏魔任务中的版权杀18个熊怪的任务,怎么做? </t>
  </si>
  <si>
    <t>小退再上就可以了</t>
  </si>
  <si>
    <t xml:space="preserve">中国的四大佛山是哪里？中国四大佛山分别是哪四座山？分别是哪位菩萨 </t>
  </si>
  <si>
    <t>安徽九华山相传为地藏王菩萨道场四川峨眉山相传为 普贤菩萨道场浙江普陀山相传为 南海观世音菩萨道场山西省五台山相传为 文殊菩萨道场</t>
  </si>
  <si>
    <t xml:space="preserve">小心勒芒坑害南锡众所周知，南锡与马赛欧冠资格的争夺已到了白热化的 </t>
  </si>
  <si>
    <t>小心勒芒保送南锡上联盟杯............</t>
  </si>
  <si>
    <t xml:space="preserve">广西可以做人工授精的医院在哪里? </t>
  </si>
  <si>
    <t>患者如果不去正规的医院接受人工授精的话，就可能发生以下副作用1、流血及损伤。一些操作人员的进行人工授精的操作方式欠佳或是操作的手法较为粗暴会给女性造成一些如宫颈管损伤、子宫内膜流血类的伤害，另外，使用的器械不当或者是过于简陋也可能造成这类的损伤及流血。2、受到感染。进行人工授精可能会带来一些如附件炎、盆腔炎类的疾病，这主要是由于受精所采用的精液不能保持绝对的无菌以及一些手术操作不当带入细菌，从而使女性受到细菌感染而引发炎症。3、对未来子女造成影响。人工授精可能会造成两名或以上的妇女接受同一份精液的受精，这就导致在将来可能出现某些在血缘关系上属于同父异母的男女兄妹相结合，造成遗传性的危害。4、下腹疼痛、子宫内膜异位。如果人工授精时注入精液的速度过快以及数量过多，会造成下腹疼痛。如过快及过量注入宫颈内精液会导致宫颈压力过大而造成宫痉挛性收缩，出现下腹腹痉挛性疼痛。再如过量的把精液注入子宫腔可能使精液从输卵管流入腹腔而造成下腹激发性的疼痛。　看人工授精医院哪家好?想要进行人工授精的话，我们选择一家正规的医院是首先要做的事情，这样子才能避免人工授精带来的伤害。正规的医院不仅能帮助我们治疗不孕不育还能帮助我们减小其对我们的身体的伤害，希望通过人工授精大家都能早日拥有自己的宝宝。只有正规的医院，才有资质做这项治疗，这对于效果与手术者的安全都是一种保障。因此，在医院的选择上，大家一定要慎重。</t>
  </si>
  <si>
    <t xml:space="preserve">特别想吃包子就是自己不会做外面的肉包子肉又不好。包子怎么做好吃？? </t>
  </si>
  <si>
    <t>我也特别爱吃肉包子，告诉你具体的做法，希望能帮到你，满意请好评哦特点：包子与豆浆搭配向来是经典快手早餐，肉包的肉馅鲜美，营养丰富，可多做一些放在冰箱里速冻，早上弄热了即可吃了。自己用豆浆机打磨的醇香双料豆浆，营养更丰富。肉包子的做法如下：功效：补钙铁锌硒原料：肉糜；鸡蛋；面粉；步骤与做法：1、肉糜+鸡蛋+葱花+姜末+盐+糖+老抽+鸡精沿一个方向搅拌均匀；2、面粉中倒入酵母溶液，用筷子顺一个方向搅成絮状；3、面团中加入橄榄油，往展开面团倒油，把四脚向中心折起，重新揉成面团；4、发酵至原来体积的2到3倍，揪成小剂子,擀成面片包肉馅； 5、包成包子的样子，水开了隔水蒸15分钟后不要揭开锅盖虚蒸3分钟即可。6、注意事项1：肉糜在加入调料搅拌的时候沿一个方向搅拌才能出劲，如果喜欢嫩一点的可以在搅拌的过程中分次加少许冷开水后继续搅拌至肉把水分全部吸收；7、注意事项2：面团和成形后加入少许色拉油(推荐无味的油，花生油可免则免了)以包油的方式揉成面团，等待发酵；茴香馅肉包的做法浏览：355|更新：2012-12-28 12:08 1 2 3 4 5 6 7分步阅读我家老公偏爱茴香馅的面食，那天看到有新鲜的茴香卖，就给他做成了包子，因为晚上的光线不好，没有拍照，第二天再拍，这包子都快干了，哈哈。食材 食谱热量：3470(大卡)主料发酵面团 适量 茴香 适量方法/步骤肉馅加鸡蛋、酱油、料酒、胡椒粉搅打上劲。茴香洗净切碎，加入油、盐与肉馅拌在一起。发酵好的面团分成小剂，擀成面皮。加入肉馅。包成包子。入蒸锅，大火蒸十五分钟，关火后停五分钟出锅即可。END注意事项切好的茴香先拌入油，可避免出水。【肉馅做法】： 1、先把姜，洋葱，蒜头用磨泥器磨成泥后，加入1汤匙的水，用筛子挤出大约2大匙的汁， 把姜葱蒜末留起待用。 2、把鸡肉或猪肉成切薄片，用腌料1～10捉麻5分钟，或直至汁液被肉片充分吸干后，盖起腌1个小时以上。注：你也可以选择在腌肉前，先把1/4茶匙（1g）的小苏打或嫩肉精或木瓜酵素溶在1汤匙的水内，加入肉片内捉麻一两分钟把肉片打嫩后，才开始加调味料等等腌制的程序。 3、在等待中种面团发酵将近完毕（第75分钟）的时候，用1～2大匙的油炒香姜葱蒜末至金黄飘香后，加入香菇片炒一炒，下1茶匙的酱油拌均后熄火。 4、把炒香的香菇片拌入腌好的鲜肉片内，加入麻油后仔细拌匀，要用之前再拌一拌，然后分成8～10份。 5、如果有荸荠， 可以切些荸荠粒下去拌炒，增添口感的层次。 【蒸包子手法】： 1、把剂子壓扁，包入1份餡。包緊。 2、墊包子紙，排在蒸籠裡，盖好，把笼子置放在溫暖處（炉灶旁）20～60分钟至包子胀大双倍大后才开始上锅蒸。注意：要等蒸鍋内的水燒大滾后，上笼， 看到盖子开始冒出水蒸汽后就转中大火， 继续蒸15分钟即可。注意蒸笼盖子要盖好，别漏气。</t>
  </si>
  <si>
    <t xml:space="preserve">都市异能小说男主有异能还很拽的 </t>
  </si>
  <si>
    <t xml:space="preserve">都市异能：《天生神匠》《纸神》《逐月传说》《冷面人生》 《躲艳记》 《艳遇谅解备忘录》 《花开堪折》《貌似纯洁》 《笔冢随录》 《第七脑域》《兽战天下》  《现代强者录》《邪主》 《人间冰器》 《中国龙组》 《异体》 邪气凛然骗艳记神墓 最强猎人人间冰器 无限魔化  </t>
  </si>
  <si>
    <t xml:space="preserve">会计英语求翻译，求高手~求人性化翻译9.Whatistheyea </t>
  </si>
  <si>
    <t>9. 在永续盘存制 (Perpetual System)中要结算期初存货（beginning inventory），该用哪一项年终调整分录（year-end entry）？A. 收益汇总库存（Income Summary Inventory）B. 库存收益汇总（Inventory Income summary）C. 上述任何一项，这取决于在（会计）期间内的库存是增加或减少。D. 无需作任何调整分录。10. 下列哪一项表述是正确的？A. 对库存的内部控制（internal control），职责分工并非是的重要的一环。B. 永续盘存制(Perpetual System)适用于​​单位成本较低（low-unit-cost）的库存。C. 每年实地盘点库存是必需的，不论使用的库存系统类型。D. 以上表述都正确。</t>
  </si>
  <si>
    <t xml:space="preserve">养2万只柴鸡一年可以挣到多少钱？前景可观不？ </t>
  </si>
  <si>
    <t>家中万贯带毛的不算不好说也许利润可观也许鸡价暴跌也许鸡瘟赔精光</t>
  </si>
  <si>
    <t xml:space="preserve">民族唱法和原生态唱法的区别是什么？ </t>
  </si>
  <si>
    <t>原生态是出自民间，没有经过专业的修饰，也没有固定唱法。而民歌是比较专业的音乐唱法，他有固定的发音位置和发音方法！</t>
  </si>
  <si>
    <t xml:space="preserve">AFP是什么病？ </t>
  </si>
  <si>
    <t xml:space="preserve">AFP甲型胎儿蛋白。这是检测肝癌的肿瘤标记。但医生们指出，没有一种肿瘤标记能兼顾百分之百的特异性及敏感度，因此不能大意，要结合采用其他方法。  </t>
  </si>
  <si>
    <t xml:space="preserve">解梦啦梦到一只小鸟飞进我的窗子。我为了抓住这只鸟，趁这只鸟不注意 </t>
  </si>
  <si>
    <t>您就是那个雌鸟啊，想和雄鸟一起飞走。但他飞走了，您飞不了。您的心掉下来，摔碎了。虽然您现在象“一般人”一样生活，但是您心里期望着爱情和自由的飞翔。您试啊试啊，现在的您心里有一个自己很害怕的想法，就是您可能再也找不到爱情，再也不能飞，只能“泯然众人矣”。可是您知道吗？从您的描述中看出，您是个文雅聪慧，心思周密，善解人意的女孩。请您相信自己，相信善有善报。在困难的时期耐心地等待，从各方面提升自己，总有太阳升起，梦想成真的那一天的。</t>
  </si>
  <si>
    <t xml:space="preserve">去德国大使馆办理去慕尼黑的探亲访友签证费劲吗？ </t>
  </si>
  <si>
    <t>学校要给大使馆出一张证明，说明你现在正在那个学校在读，而你在你申请去德国的那段期间里你是可以不用上课去德国的，就是要说明一下你申请的那段时间你在放假或是请假了这样。不用学校特意说明“同意”，只是证明你那段时间有空去。</t>
  </si>
  <si>
    <t xml:space="preserve">面对中考压力自己怎么调节？不知道怎么回事，以前的我一门心思学习， </t>
  </si>
  <si>
    <t xml:space="preserve">     这位同学你好，我是一名初三毕业班的班主任，而且是一名英语老师。很高兴为你解忧。     这位同学，看了你的描述后，首先，我觉得你是一个很有上进心的女同学，面对学习，也采取了很多方法，可是学习是一个累积的过程，面对中考，每个人都或多或少有些压力，但是，在考前一定要调整好心态，做好充分的准备，这样才能取得优异的成绩。    其次，学习要有计划性。本学期要做好自己各门课的复习计划，自己督催自己按时完成计划。另外，各位老师都会在后面的几个月里讲解一些关于往年的一些中考典型题，这时你要做好记录，课后分析，总结。    心情可以调节，现在你最需要的是冷静，你的时间，就是你成功的本钱，现在本钱越少，成功的机会就越低，如果，你心里还是很难受的话，想想快乐的事，就会好起来，考试平常心对待，才能考出好成绩啊！    我想，这些道理你都懂，真正要帮你走出困境的人，还是你自己，你说是吧！    学习是灯，努力是油，要是灯亮，必须加油啊！祝你早日成功！心想事成，美梦成真，百事可乐！</t>
  </si>
  <si>
    <t xml:space="preserve">不知道怎么才好我这八年来一直是做出口贸易的,这阵子失业了在深圳. </t>
  </si>
  <si>
    <t xml:space="preserve">     如果生活需要的话，就去看看吧，这就是个未知数，而学车是知道结果的，时间上再去调整下。。。。     对明天充满希望生活会变的更精彩。。。。。。。^_^ </t>
  </si>
  <si>
    <t xml:space="preserve">男性病的问题，请专家解答，急！我有一朋友18岁，自从成熟的时候就 </t>
  </si>
  <si>
    <t xml:space="preserve">    你好,我是上海一家3级甲等的泌尿男性科副主任医生,如果相信我,那么我来回答你的问题.    我不会洋洋万言,也不会抄书上的东西来哄你,因为我没有那么空,也不想让你的眼睛太累.你的问题其实很简单,你那位朋友内裤上的东西应该不是阴囊来源的,肯定是尿道来源的,因为如果阴囊有炎性分泌物,那阴囊上应该有红;肿;热;痛等表现.而尿道经常会有点粘液分泌的,可以使尿道保持润滑,粘液有2个来源:1.尿道球腺分泌.2.少量的前列腺液.这是正常的现象,所以,叫你的朋友不必太在意.    建议你问问你的朋友:白天和晚上有不同吗?如果白天不怎么湿,而晚上这个现象比较明显,那就对了,因为白天经常排尿,尿道分泌物被冲洗掉了,而晚上一般不排尿,分泌物积聚在尿道内,到了一定的量时就会流出来,所以,内裤经常会有点潮.    当然,你的朋友分泌物的量有点多,建议到正规医院检查,排除前列腺炎.很便宜的,以我们医院为例,只要5圆钱,值得!但千万别到不正规的地方检查,以免被骗.    如果需要我帮助,请 的qq: ,我会把我的e-mail和电话告诉你的,当然,最好你是上海的,那就可以直接来我门诊检查了.    希望我的回答能对你有所帮助,那我就满意了,因为解除别人的顾虑是我的职责所在.:)</t>
  </si>
  <si>
    <t xml:space="preserve">求经典灾难片下载地址1.《海神号》(Poseidon)导演：沃尔 </t>
  </si>
  <si>
    <t xml:space="preserve">  帐号/密:test</t>
  </si>
  <si>
    <t xml:space="preserve">广东人讲的是闽南话吗？闽南话的普及范围？ </t>
  </si>
  <si>
    <t>闽南语系主要是我们厦漳泉和台湾，还有新加坡东南亚一些地方，广东潮汕地区也比较接近，但是风格不一样，所以其实文化相差也很大。而且广东人主要讲的有粤语 客家话 潮州话.</t>
  </si>
  <si>
    <t xml:space="preserve">有关单相思的诗句有那些大家帮忙说说啊，谢谢了。 </t>
  </si>
  <si>
    <t xml:space="preserve">落花已作风前舞，流水依旧只东去。无情不似多情苦，一寸还成千万缕。天涯海角有穷时，只有相思无尽处。我本将心向明月，奈何明月照沟渠漠漠轻寒上小楼,晓音无赖似穷愁.淡烟流水画屏幽. 自在飞花皆似梦,无边私语细如愁.宝帘闲挂小银钩.　 相见欢 林花谢了春红，太匆匆，无奈朝来寒雨晚来风。 胭脂泪，相留醉，几时重？自是人生长恨水长东！ 　 虞美人 春花秋月何时了,往事知多少.小楼昨夜又东风,故国不堪回首月明中. 雕栏玉砌应犹在,只是朱颜改.问君能有几多愁,恰似一江春水向东流. 崔护《题都城南庄》  去年今日此门中，人面桃花相映红。  人面不知何处去，桃花依旧笑春风。 </t>
  </si>
  <si>
    <t xml:space="preserve">我是大专二年级在读,想考初级会计师,可以吗?我现在就开始考注会行? </t>
  </si>
  <si>
    <t>首先，你要先有会计上岗证，这是一个前提条件，那么你就可以考初级证书，如果你想考中级的话是不可以的，考中级的话是要大专或以上的学历才可以考，而你现在大专并没有出来，就没有办法考中级，只能考初级了。祝你能考成功，记住，我记得最近就好象可以报名了。别错过了报名时间啊。</t>
  </si>
  <si>
    <t xml:space="preserve">忍者怎么加点？学什么技能？题：忍者怎么加点？学什么技能 </t>
  </si>
  <si>
    <t>忍者加点：防60点，满敏，剩下的加血　　理由：小防：可以提高血的质量，据说也能提高发动扬言的可能性　　高血：除了少数bt任务，作用挺明显，遭到无数重创还能屹立不到，给队友扔瓶子，pk中能坚持　　满敏：不用说了，全是为了命中(据说暗杀和命中还是挂钩的)　　技能：暗杀--是忍者都要学　　扬言--忍者唯一可以+高闪的技能(除外)　　4抗(石，睡，混，毒)--前3抗不说了，既然是血牛，抗毒必不可少　　洁净--可以到4，虽然比不上传教到6，但也已经是面积性的了　　单恢--比4级单补实际，尤其体现在单p　　功反--对付高功职业　　魔反--对付法师　　还有，我看到很多文章都提到忍者要学调教，很不明白，毕竟忍者pk带宠的几率比血防忍暗杀的几率还要低(至少北一狮子的忍者很少带宠去pk)　　武器：8紫龙斧--提高攻击　　8骑8a枪--提高命中(辅助暗杀)　　龙剑--攻击介于斧与枪之间，并且修正值方面+闪，命中，敏</t>
  </si>
  <si>
    <t xml:space="preserve">怎么查看自己上传的资料？？？自己上传的资料，自己查看也是需要分数 </t>
  </si>
  <si>
    <t>如果你设置下载扣分，也会扣分的，但扣的分是给你自己的。</t>
  </si>
  <si>
    <t xml:space="preserve">在EXCEL中输入时间如何在EXCEL中输入体育比赛时间，如1分 </t>
  </si>
  <si>
    <t>设置单元格格式－自定义－在里面输入：[m]分s.00秒单元格输入时，按以下格式输入  1:12.57得到的结果是：1分12.57秒如果想得到1分12秒.57，自定义格式为 [m]分s秒.00</t>
  </si>
  <si>
    <t xml:space="preserve">我的睡眠不好，每晚睡觉都要两三个小时才睡的着，就算睡着了也不会睡? </t>
  </si>
  <si>
    <t>教你克服失眠的十个高招！一、不要补觉：如果你在夜里醒来过了15分钟还不能重新入睡，那就打开收音机听听广播，等有了睡意再关掉广播。记住：不管你在夜里睡得好不好都要在第二天早上按时起床，即便是周末也不能试图补补觉，因为这种做法对克服失眠症没有任何帮助。二、不要养成赖床的习惯：你只有真的感到困了时再上床睡觉，如果你在床上躺了15分钟还不能入眠，那就起来做些单调而轻松的事情，譬如：看看书、织织毛线、看看或者看一下家庭帐本。切记：不要做让自己激动的事情。有了困意就上床，到了床上又不困了的话就再起来做上述的事情，直到上了床能够很快入睡。要养成每天都准时起床的习惯。三、睡觉之前要使心平静下来：有些人一天到晚都很忙，到了晚上躺在床上才想起来要把白天所发生的事情细想一遍。这么做的结果当然不利于睡眠。正确的方法是在睡觉前的一两小时抽出十几分钟集中精力把白天的事情想一想，做出该如何处理问题的决定，之后将第二天要做的工作简单地做个计划。这种方法可以帮助你减少烦恼、放松大脑，使你能够一上床就很快入眠。四、睡前不喝咖啡不抽烟：咖啡、可口可乐和巧克力都含有使人兴奋的咖啡因，因此睡觉之前不要喝、吃这些东西。此外抽烟也容易使人兴奋，因此一定要改掉睡觉之前抽烟的习惯。五、睡前不饮酒：一些人为了放松自己喜欢睡觉之前喝点酒，以为这样可以帮助睡眠，其实这是错误的。要知道酒精抑制了你的中枢神经，也破坏了你的睡眠，过几个小时后，由于酒精的刺激你还会醒来感到头痛。长期下去对你的健康有百害而无一利。六、睡前吃点东西：睡觉前一两个小时吃一片面包和一个水果，或者喝一杯牛奶。但是不要吃太甜的东西，因为甜品容易使人紧张。七、养成睡前停止思考的习惯：睡觉之前，听听曲调委婉、节奏舒缓的音乐，或者学会倾听大自然的声音，如：雨声、虫鸣等等。倾听大自然的方法开始做起来会有些困难，不过只要坚持下去就能学会。有两个简单的方法：1、放慢呼吸、想象一下你吸进的气是如何从体内呼出的，这一练习可以在白天做，时间长了晚上做就可以帮助你的睡眠。2、当你想起不愉快的事情时，你要努力尽快想些轻松、愉快的事情冲淡这些不快。八、晚间散步：长期患失眠症的人也可以在晚间散散步，地点最好选择居家附近，距离不要太长。散步可以放松肌肉，使身体发热(不是发烧)，通常当体温降下来时，人也就会感到困乏想睡觉。九、睡前做爱：对于许多人来说，睡前做爱可以使身体完全放松，也能提高睡眠的质量。如果有些人对性行为感到不安或紧张就不必使用这一方法。十、睡前洗个热水澡：人在入睡时体温低，而白天体温是最高的，根据这个理论，人在睡觉前两三个小时洗个热水澡可以帮助睡眠，因为洗澡能将体温升高，等到了你的睡觉时间，你的体温也就降了下来。</t>
  </si>
  <si>
    <t xml:space="preserve">乌龟和兔子赛跑谁快 </t>
  </si>
  <si>
    <t>在正常的情况下，龟和兔子是不会自己跑完全程的，就算跑完了，不是兔子赢就是龟赢.</t>
  </si>
  <si>
    <t xml:space="preserve">求直线度在龙门导轨磨削床上磨削一台床身导轨，其导轨长度为1900 </t>
  </si>
  <si>
    <t>被磨床身导轨的垂直平面直线度误差t=(0.02/6000)x1900=0.0063mm</t>
  </si>
  <si>
    <t xml:space="preserve">青岛在哪?在什么省？有什么著名的学校？特产是什么？ </t>
  </si>
  <si>
    <t>青岛在山东省，著名学校有：江苏路小学、八大关小学。特产是高粮饴、青岛啤酒……</t>
  </si>
  <si>
    <t xml:space="preserve">怀孕了可以喝一点点红酒吗？我怀孕62天了。今天晚上有应酬，估计会 </t>
  </si>
  <si>
    <t>不主张摄入刺激性及酒精性饮料，包括红酒。孕早期是胎儿各器官形成的重要?r期，這?r候重要的是保證營養的均衡。而红酒含有氨基酸、维生素、醇类、有机酸等多种营养物质，适当地饮用，可促进胃肠的吸收、消化，增进食欲，促进新陈代谢。像你一次喝一小口、?尚】??是?ι眢w有好?的，但一定要??，絕不能?常或一次性喝太多，出去做客或???隨?r提醒自己，?榱????的健康，尽量少喝或者不喝哦。还有，，操作时其周围可存在电磁辐射，包括X射线、紫外线、可见光、红外线和特高频、高频、中频及极低频电磁场，也有静电场。但它们发射的强度都很微弱，远低于我国及国际现行卫生标准要求的数值。　　北京大学生育健康研究所10年的追踪调查显示，电脑的电磁辐射量对人体包括孕妇在内都是安全的，对精子、卵子、受精卵、胚胎、胎儿也是安全的。现实生活中，个别电脑操作人员发生流产或生出畸形胎儿是偶然现象，不能因此给电脑“定罪”。        所以不必对这个问题太过紧张，实在担心的话可以穿件防辐射的衣服或围裙，适当减少一下在电脑前的时间就可以喽。记住：愉快放松的心情对宝宝的健康也很重要哦。祝宝宝健康！</t>
  </si>
  <si>
    <t xml:space="preserve">P3有请神来常委罗马狼　自由主义金子0分017/348/369批 </t>
  </si>
  <si>
    <t>s</t>
  </si>
  <si>
    <t xml:space="preserve">为什么总说密码不正确？最近几天打开QQ，总提示跟上次输入的密码不 </t>
  </si>
  <si>
    <t>你的QQ不是中木马就是被盗了，如果有申请密码保护的话用密码保护找回来，如果没有申请的话上腾讯填写申诉表，你的答案正确的话一般5分钟内就可以把你的QQ找回来了</t>
  </si>
  <si>
    <t xml:space="preserve">怎么才能抓冤灵呢!我每次只会把她打死????谁能告诉我,急~~~? </t>
  </si>
  <si>
    <t>^_^ 还好我记得这个任务你走到义庄里面，等个10秒钟左右 就有任务对话框出来了。给我分好不好？PS:义庄在地图的右边，按“m”大地图上有标明的！</t>
  </si>
  <si>
    <t xml:space="preserve">BT怎么用啊?我下载一个比特精灵(BitSpirit)V3.2. </t>
  </si>
  <si>
    <t>大开比特精灵，在右下角有相关的bt网站，到里面找一部电影下载，开始下载之后，再打开“对方种子市场”，这里面可能就有你要的的电影了。</t>
  </si>
  <si>
    <t xml:space="preserve">山地自行车:公路自行车在公路上踩山地自行车好吗??对山地自行车有 </t>
  </si>
  <si>
    <t>在山地骑公路车对车有伤害，但是山地车在公路上骑没有。只不过山地车相比之下要沉重一些。</t>
  </si>
  <si>
    <t xml:space="preserve">垃圾食品有哪些据说垃圾食品对人的身体健康十分不利 </t>
  </si>
  <si>
    <t>主要是再加工食品“饼干、面包、饮料、油炸等等</t>
  </si>
  <si>
    <t xml:space="preserve">生产有机肥要生产许可证吗我经销的有机肥被扣，质检部门向我要厂家的 </t>
  </si>
  <si>
    <t>不论是什么产品都是必须要有生产许可证的。而且还要按照相关的标准生产。</t>
  </si>
  <si>
    <t xml:space="preserve">ISO18000是指什么标准?与ISO14000有什么区别?谢谢? </t>
  </si>
  <si>
    <t>ISO18000是职业安全卫生管理体系国际标准.ISO14001是环境管理体系国际标准.</t>
  </si>
  <si>
    <t>谁有sweetbox</t>
  </si>
  <si>
    <t>I never really tri to be positive I'm too damn busy being negative So focused on what I get I never understand what it means to live You know we all love to just complain But maybe we should try to rearrange There's always someone who's got it worse than you My life is?My life is so cool, my life is so cool Oh yeah, from a different point of view My life is... My life is so cool, my life is so cool Oh yeah, from a different point of view We're all so busy trying to get ahead Got a pillow of fears when we go to bed We're never satisfied The grass is greener on the other side So distracted with our jealousy Forget it's in our hands to stop the agony Will you ever be content on your side of the fence? My life is?My life is so cool, my life is so cool Oh yeah, from a different point of view My life is?My life is so cool, my life is so cool Oh yeah, from a different point of view Maybe you're the guy who needs a second chance Maybe you're the girl who's never asked to dance Maybe you're a lonely soul A single mother scared and all alone Gotta remember we live what we choose It's not what you say, it's what you do And the life you want is the life you have to make My life is My life is so cool, my life is so cool Oh yeah, from a different point of view My life is?My life is so cool, my life is so cool Oh yeah, from a different point of view</t>
  </si>
  <si>
    <t xml:space="preserve">六年级数学一个长方体,如果高增加2厘米,就成为一个正方体,而且表 </t>
  </si>
  <si>
    <t>底面周长=56/2=28厘米底面边长=28/4=7厘米长方体的体积=7*7*（7-2）=245立方厘米</t>
  </si>
  <si>
    <t>地球科学在洋中脊钻透地壳{6</t>
  </si>
  <si>
    <t>？？？？？？你这个想法怎么得来的啊！！！问题是那条管子能做得出来吗？  = =！！！任何理论都是要通过验证的。....地幔对流理论也不能解释全部现象，对于地球这个庞大的物体，我们不可能完全的制造出一个模拟实体进行完完全全有效的实验。所以这一切都得通过实践证明。....可这能办到吗？？？</t>
  </si>
  <si>
    <t xml:space="preserve">球员体力的问题！！！！在比赛中球员的体力条会逐渐减少但是体力减少 </t>
  </si>
  <si>
    <t>有影响``我拿罗本作比喻`满体力的时候带球速度相当快`但是体力发红甚至没有时`连吉尔伯托都可以最上`所以说体力对速度的影响最大`除此之外`体力不支`动作做不完`做不全`变形`此外射门`带球`穿球等方面均有影响`整体能力都会有相应的下降``所以说当某名球员体力不支时`要尽快作出调整`以免伤了大局`即使是顶尖球员也不例外``这是我的建议``望采纳``</t>
  </si>
  <si>
    <t xml:space="preserve">根据下面例句的表达特点，仿写三个结构相同、语意连贯的句子例句：太 </t>
  </si>
  <si>
    <t>太阳无语, 却放射出光辉; 高山无语, 却体现出巍峨; 大地无语, 却战士出广博; 青春无语, 却焕发春活力 鲜花无语, 却散发出芬芳; 春雨无语, 却滋润着大地。</t>
  </si>
  <si>
    <t xml:space="preserve">加洲梦幻歌词翻译歌词如下californiadreamingal </t>
  </si>
  <si>
    <t>alifornia Dreaming ——《加州之梦》/《加洲的回忆》词/曲:the papas the mamasall the leaves are brown 所有离开都是罪（树叶转黄） and the sky is grey 天空是灰色的 （天空灰蓝）i've been for a walk.我散着步. on a winter's day 在这冬日里 i'd be safe and warm 我会觉得安全和温暖 if i was in l.a. 就象在加洲 california dreaming 加洲的回忆 on such a winter's day 在这冬日里 stopped into a church 停在教堂门前 i passed along the way 我孤独一个人 well i got down on my knees 我跪了下来.and i pretend to pray 并假装祈祷.you know the preacher likes the cold你知道神父喜欢寒冷. he knows i'm gonna stay 可他知道我会留下来 california dreaming 加洲的回忆 on such a winter's day 在这冬日里 all the leaves are brown 所有离开都是罪（树叶转黄） and the sky is grey 天空是灰色的 （天空灰蓝）i've been for a walk.我得出去走一走 (我散着步)on a winter's day 在这冬日里 if i didn't tell her.如果不是告诉了她. i could leave today.我今天就会离去. california dreaming 加洲的回忆 on such a winter's day 在这冬日里</t>
  </si>
  <si>
    <t xml:space="preserve">两场球的比分，个人感觉诺科平2:2热刺3:04:1 </t>
  </si>
  <si>
    <t>北雪平2比0。</t>
  </si>
  <si>
    <t xml:space="preserve">用黑白打印的优惠券能不能用就是简单的把优惠券打印，能在麦当劳餐厅 </t>
  </si>
  <si>
    <t>网上打印的餐厅优惠卷，当然可以用，不管是黑白还是彩色。要注意有效期啊。</t>
  </si>
  <si>
    <t xml:space="preserve">1986年9月23日凌晨1点多快2点了是什么星座？ </t>
  </si>
  <si>
    <t xml:space="preserve">1986年9月23日凌晨1点多快2点了是：天秤座。查看生日秘密：9月23日 突破者    9月23日出生的人，穷尽毕生之力都在颠覆一种叫作“限制”的玩意儿。他们并非打从娘胎里就带有这种豁达的个性，相反地，是历经不断地挣扎、克服肉体或形式上的困难后，才达到这种境界。通常，这些挣扎都进行是非常剧烈，而且，就算已经五关、斩六将了，也还是得继续挣扎。因此，对他们来说，就像是一连串的“火焰大挑战”，必须依次闯关、各个击破。从这个角度来看，我们可封他们为：精神战士。 今天出生的人如果发展得好，就能靠自己的奋斗结果来造福周围的人，正所谓“一人得道，鸡犬升天”，不防就拿这点来当作克服逆境的胜利标志。话说回来，如果发展得不那么好，恐怕就会陷溺在人格冲突的泥沼里，无法自拔，而这通常是他们内在自我在作崇的结果。这个时候，他们往往会挑起许多毫无益处的麻烦。演变到这个地步时，最好先暂时退出这种激烈的生活战斗，养精蓄锐一番，一来让脑袋清醒些，二来也可以将充沛的精力，放在真正有意义的事情上面。 虽然他们有着“愚公移山”的坚强意志力，但只要一遇到沮丧或低潮时，可就毫无生气可言。他们并不是懒惰或迟钝，只是没办法装出兴致勃勃的样子，况且，如果真的提不起劲来，他们宁可什么都不做，总比做出一堆烂成绩来得好。 今天出生的人容易受各种事物所吸引。不论是精神、情绪或肉体导向的人，都属于“行动至上者”，对他们为说，语言只是达到目的方法，行动才是一切。老实说，他们大多不善辞令，与人沟通时总是实话实说，有时候甚至连言语表达也干脆省了。就“口才便给”的标准来说，他们的表达属于简单明了、不废话的风格，但用词尚称文雅。他们格外有异性缘，尽管深深在初次见面时故意“装酷”，或拒人于千里之外，却还是别具魅力；不过，可别误以为他们是在吊人胃口（尤其是在性的方面）。在大部分的时间里，他们都选择先工作，后享乐。他们也不喜欢聊天打牌。不管是哪一种形象的人，都很少有真正的朋友，所以，与其企图亲近他们，还不如远远地欣赏他们为妙。换个角度来看，今天出生的人容易犯孤芳自赏、好高骛远的毛病，只顾大目标而忽略个人的事务，因此与“志大才疏”特别有缘。 幸运数字和守护星 9月23日出生的人会受到数字5（2＋3＝5）和水星的影响。水星意谓着思想、沟通和变化的敏捷度。由于秋分的交点受到水星（处女座的主宰行星）和金星（天秤座的主宰行星）的双重影响，所以今天出生的人同时拥有创造力、理想主义和魅力等特质。另外，因为数字5影响，他们迟早会发现自己经常反应过度，而且喜欢改变主意和物质环境，成为一种惯性。不过，好在他们复原的速度很快，就算是遇上晴天霹雳，也很少能在他们身上留下永久的伤痕。而23这个数字，因为常和“机遇”相连结，所以也强化了他们活跃与善普的一面。健康 今天出生的人务必要与酒和毒品（包括尼古丁和咖啡因）保持距离，因为他们在沮丧时，有依赖这些物品成瘾的倾向。短期或长期食用健康食品、素食、蛋乳类或水果类，甚至短期间的禁食，都有助于净化身体。运动则可刺激食欲、促进循环。此外，今天出生的人也必须注意因为饮食失调或保养不当所引起的肝、肾、胃和小肠方面的疾病。 建议 学会处理情绪低潮期是你最重要的课题。这种时候不妨尽量做些行得通的事，或者至少做些不会闯祸的事。同时，也要准备好迎接生活里的各种挑战，因为：准备就绪就是关键。  </t>
  </si>
  <si>
    <t xml:space="preserve">32级火妖带什么宠物好？还有风妖，水妖和土妖呢？我练的是火妖，才 </t>
  </si>
  <si>
    <t>火妖带狐狸风妖带圣伯那土妖带小猎犬水妖带兔子具体原因是因为白妖有弱化属性的魔法,可以降低怪的相对属性防御,水妖在火山带兔子放了弱化属性后可以秒杀火高伦,你想想看狐狸火属性火箭攻击,圣狗风属性风刃攻击,小猎犬土属性岩牢攻击,兔子水属性冰锥攻击</t>
  </si>
  <si>
    <t xml:space="preserve">谁开红包开出好东西了！！不知道你们都开出什么了。反正我是开出了个 </t>
  </si>
  <si>
    <t>很郁闷  衣服槽都没的小号开出吉他...</t>
  </si>
  <si>
    <t xml:space="preserve">我想买眼霜送给妈妈，请推荐一下什么牌子的好呢？我妈妈47了，平时 </t>
  </si>
  <si>
    <t>眼霜的使用至少要从18岁开始，只是在不同的年龄段不同状态的眼部肌肤，需选择不同作用的眼霜。一般来说，18-22岁，可以选择透明?ㄗ吹难鬯饫嗖返闹饕饔檬鞘婊貉鄄科＠停柿坎钩渌郑纾簂ancome的水分舒缓眼霜，bio的活泉水分?ㄑ鬯?23-27岁，可以根据之前的护理情况，选择质地较轻薄的乳状眼霜，这类产品主要作用除了舒缓补水，还有预防或改善眼袋和黑眼圈，排毒等作用，如：bio的排毒眼霜，HR的VC眼霜；28-33岁，基本上可以选择质地较厚的乳状眼霜，这类眼霜除了拥有以上作用外，主要作用是滋养眼部肌肤，预防改善干纹预防表情纹，如：EL的ANR，HR的骨胶元眼霜；33岁开始，可以选择霜状的眼霜，这类眼霜的主要作用就是提高眼部肌肤自身的活力，防皱抗皱，如Guerlain的高科技眼霜，sisley的抗皱眼霜。当然，每个人必须根据自己的眼部肌肤的确切情况，对症使用。</t>
  </si>
  <si>
    <t xml:space="preserve">问道什么时候开新区啊问道网通什么时候会在开新区啊?一般多久开一个 </t>
  </si>
  <si>
    <t>1、问道网通什么时候会在开新区啊?答：估计要下个月的14号或21号。2、一般多久开一个新区?答：问道一般情况下是：一个月开二个电信区，一个网通区。网通区一般是每月中旬开放。（下面是我上官网找的网通区开服时间表6月——10月的）6月13日网通新服“寻仙问道”冲新服大赛，16万元大奖等着你 7月18日网通新服"泰山北斗"冲新服大赛，16万大奖等着你 8月15日网通新服“风云际会”冲新服大赛 16万元大奖等着你 9月5日网通新服“龙腾盛世”冲新服大赛，16万大奖等着你 10月17日网通新服“秋水长天”冲新服大赛，16万大奖等着你 3、冲100AA道具24小时,到100级大约要多少钱? 充1000RMB能冲到前10名吗?答：这个问题我没办法回答你，因为我是那种不喜欢冲新区的人。正确来说，应该是现在不喜欢冲新区才对。玩问道二年多了，觉得有点累了。</t>
  </si>
  <si>
    <t xml:space="preserve">氮的化合价是多少啊 </t>
  </si>
  <si>
    <t xml:space="preserve">氮的化合价：-3 0 +1 +2 +3 +4 +5见： </t>
  </si>
  <si>
    <t xml:space="preserve">都进来人人都有机会拿分我是乱点的反正是不玩拉 </t>
  </si>
  <si>
    <t>怎么了你！？</t>
  </si>
  <si>
    <t xml:space="preserve">孩子青春期都会有叛逆现象吗？向@上濒成长教育机构提问：是否每一个 </t>
  </si>
  <si>
    <t>并不是每一个孩子在青春期都会出现叛逆现象。青春期之前的准备能够有效降低叛逆现象出现的几率和程度。比如说：在青春期之前父母就能够给到孩子独立的空间、足够的尊重，帮助孩子有效地协调生理与心理发展的失衡，帮助孩子形成对事物的有效看法和态度，初步形成有效的世界观等。</t>
  </si>
  <si>
    <t xml:space="preserve">帮我加下联盟暗夜精灵贼的天赋我想练个,专门能潜入敌军内部不被发现 </t>
  </si>
  <si>
    <t>楼上的两个是猪啊，连楼主的要求也不看的？简单的说，楼主要的天赋是高爆发，高生存。用21 8 22的天赋是最好的，其次是31 8 12。21 8 22就是刺杀里出到冷血，战斗里加满强化背刺，敏锐里加到伺机待发。31 8 12：刺杀加满封印命运，加到精力，其他的和21 8 22的一样！</t>
  </si>
  <si>
    <t xml:space="preserve">有谁知道培训小吃技术的地方不？我哥想学个技术做小生意。 </t>
  </si>
  <si>
    <t>我还真知道有那么一家，就是不知道你学的人家那有没？叫个西安美食汇，关键人家是专门做陕西小吃培训的，他们那儿汇聚的全都是陕西小吃，什么凉皮肉夹馍呀，牛羊肉泡馍呀，陕西的裤带面啥的，还有就是一些咱在街边经常吃的那些小吃，我几个伙计都是在那学的！</t>
  </si>
  <si>
    <t xml:space="preserve">蓝牙耳机辐射小还是有线耳机辐射小？ </t>
  </si>
  <si>
    <t>有线耳机耳机辐射基本为0,因为他只是一条导线吧了.但蓝牙耳机因为它要有无线发射和接收,还是存在极微的辐射.</t>
  </si>
  <si>
    <t xml:space="preserve">化学要证明而氧化锰是氯酸钾分解的催化剂,需要进行的三个实验步骤: </t>
  </si>
  <si>
    <t>定义入手..1.比较有无二氧化锰时,KClO3分解速率是否相同2.参加过反应的MnO2,反应结束后质量是否保持不变3.参加过反应的二氧化锰的物理性质,化学性质是否不变(说白了就是检验MnO2是不是依旧是MnO2)</t>
  </si>
  <si>
    <t xml:space="preserve">买多大尺寸的液晶电视。。。我后面背景是4.2米宽，1.4米高。买 </t>
  </si>
  <si>
    <t>要以人与电视机的观看距离来定：　距离(米)　　屏幕对角线(英寸)　　2.5　　　　　　　40　　2.7　　　　　　　42　　3.0　　　　　　　47　　3.3　　　　　　　52放两台，同时看那不就互相干扰了吗？不同时看就没有必要放两台。</t>
  </si>
  <si>
    <t xml:space="preserve">屏幕一般要多大？最近，我买了一部新的电脑回来，是联想的！屏幕分辨 </t>
  </si>
  <si>
    <t>1024*768如果你的显示器使用数字接口70HZ如果是模拟接口放在60就可以了！LCD显示器有别于CRT显示器，刷新频率过高会影响使用寿命，这也是为什么大多数笔记本刷新率都是60HZ而且不能调节的原因!还有建议你关闭显示器的屏保功能，屏保是为了防止CRT长时间固定显示同一内容电子长时间打击造成偏色的，LCD不存在这一问题而且开启屏保有损寿命！</t>
  </si>
  <si>
    <t xml:space="preserve">贵阳贵开路新世纪幼儿园怎么样，有人知道吗？ </t>
  </si>
  <si>
    <t>新世纪幼儿园不大 孩子们做操要到园外的小公园 要是我就选择实验幼儿园『如果我的回答对您有帮助，请点击下面的“有用”，谢谢，您的采纳是对我莫大的支持。』</t>
  </si>
  <si>
    <t xml:space="preserve">BT种子怎么发布？服务器地址、发布者网址应怎么填写？ </t>
  </si>
  <si>
    <t>我们都希望种子多一点，那么就要从自己做起。在下载完的时候，不要关闭BT窗口，就自动成为种子。或者在别人需要的时候，打开“.torrent”文件，按照下载的步骤，做一遍，当然不是重新下载，BT就会分析原来已经下载过的文件，分析完毕，就开始提供上传，成为种子。BT 种子发布和上传说明 １、首先，下载CompleteDir（制作.torrent的程序）:　　  ２、安装CompleteDir。从开始菜单里启动CompleteDir, 或者去Program Files/Completedir把双击completedirgui.exe。３、点select选取你要发布的文件所在的目录。如果你想将一个子目录里的内容按一个文件来发布，比如说王菲的《胡思乱想》专辑，假设目录虽在位置为： “C:\王菲\王菲-胡思乱想\“， directory to bulid里就填： "C:\王菲"　　如果要发布王菲的单曲，就把 胡思乱想.mp3 放到 “C:\王菲” 里。　　注意：制作时 "C:\王菲"　里所有文件和目录都会被扫描，所以只把要发布的放进去就可以了。　　注意，一般用ＢＴ发布的东西在150M - 1G之间会比较有效率。４、 announce URL 里填写tracker服务器的地址， 大家可以填本站的tracker服务器地址：　　在那里填入： :6969/announce ;（自己加的）或  :6969/announce ;都可以　　第三行piece size用缺省的就可以了。５、点击make，开始制作.torrent文件了，一个.torrent约20-50k。1GB的内容可能需要2分钟左右的时间。任务完成后，可以结束completedir程序。此时.torrent文件已经制作成功。６、目标目录下出现了.torrent文件。在本站资源发布和分享讨论区发贴，并将.torrent上传，其他人就可以用BT去下载了。７、此时，还需要你提供一个发放源，请你自己双击上的.torrent文件（或是网页上的），然后自动跳出一个对话框让你选择路径，此时不能把路径搞混，应该选择你刚选的文件源（如同续传或reseed），将BT下载文件/目录指向你刚才共享的那里。再经过2分钟左右的时间核算成功看到提示Finish后，不关闭这个窗口就正式作了种子提供上传服务了 （感谢你咯）。PS：这里要看清楚~最主要8、注意，发布共享的人最好配置好防火墙对外开端口，以便其他在防火墙内的用户可以访问。但是，如果即使你无法开端口（比如一部分内网用户），也是可以发布的。</t>
  </si>
  <si>
    <t xml:space="preserve">一句老俗言俗话说:人有三急.除了(内急)另外两急是个啥玩意? </t>
  </si>
  <si>
    <t xml:space="preserve">有两种说法,一说是人一生必须要的,“内急,性急,心急”——内急,即上厕所急。性急,即结婚入洞房急。心急,即老婆在里面生孩子你在外面等急。二说就是人一天必须要的,即“尿急,屎急,屁急... </t>
  </si>
  <si>
    <t xml:space="preserve">请教平衡枪的问题我是新手，现在29级，想练平衡枪，现在力量88， </t>
  </si>
  <si>
    <t xml:space="preserve">仅供参考.不知道能否！这两把枪不怎么好用。的确，这两把枪的出现只是出于对游戏的一种平衡而出现的。 杀伤力小，精度差，这是它们差的一个关键之处。不过优点也有。如：便宜，射速快，上弹快，声音小。 用法：你在平移时，要5发5发的打，那才有用。 所以准星的放大速度比较快。为了避免所以就按着子弹不放。那是错误的。因为它的子弹会向上飘。并且向上飘的子弹只有5.6颗，其他的子弹都从两边去了。决定了它们不是打头阵的选择。它只有在中期后才能发挥最大的作用。中后期的时候，敌人的以所剩无几。子弹也快消耗得差不多了！手雷也早已炸完了！所以这正是发挥射速快；声音小的特点的时候了。一定要冷静。现在要做的就是叫敌人靠近你，躲起来更好。如果你是勇猛型那就上吧！当他离你很近的时候。就要做好准备。先估计对敌人胸口上，然后突然冲出去对它攻击。该打的时候你就要用力多打。 </t>
  </si>
  <si>
    <t xml:space="preserve">谁能告诉我水宝宝是喷雾好用还是霜好用啊？求解答。。。 </t>
  </si>
  <si>
    <t>水宝宝还是用防晒乳液好，乳液状的防晒效果最好，喷雾其实是适合补擦防晒用品比较方便而设计的。若觉得回答的不够，可以继续追问；若觉得我的回答有用，请给我个好评哦~~~</t>
  </si>
  <si>
    <t xml:space="preserve">什么是IFM？什么是国际财务管理师？就业前景如何？ </t>
  </si>
  <si>
    <t>　　财务管理师，是掌握并运用国际财务管理的专家，是全球企业，特别是中国企业的稀缺人才，特别是在公司国际性融资、合并、上市及收购等方面，国际财务管理师都会起到举足轻重的作用。   国际财务管理师的就业前景非常好。  随着大陆经济逐步融入全球一体化的经济体系中，财务管理的国际接轨问题日益突出，为此需要培养和造就一大批通晓国际惯例、能够适应全球化市场环境变化的国际型财务管理人才。但是，目前这种高级财务管理人员还严重缺乏，而很多企业、金融机构对于高级财务管理人才的需求量明显增加。这就是为什么至今在外资企业仍有大量外籍财务管理人员，以及近几年国内大、中型企业集团不惜天价年薪从海外聘请高级财务管理人员的原因。　　“国际财务管理师”（IFM）是国际财经管理专业领域的一套职业资格认证体系，是由国际管理会计师协会（IMAA）创建并在全球推行的，在欧美具有广泛的影响力。IFM年薪丰厚，已成为最受欢迎的职业之一，实践证明，取得IFM资格对于财务专业人员顺利进入优秀的组织、建立高尚的执业信誉、获得优越的职业发展机会具有极大的帮助。 　　通过IFM认证考试的学员，可获得由国际管理会计师协会（IMAA）颁发的国际财务管理师（IFM）国际证书，成为IMAA会员。IFM证书由正本（英文）和副本（中文）组成，国际管理会计师协会（IMAA）颁发，是具有国际专业资格的国际专业认证证书；同时加贴中国劳动和社会保障部注册标志，与中国国家职业资格证书具有同等的效力，并纳入中国国家职业资格证书统一管理体系。 　　IFM证书的重要价值体现在：第一，证明持证者具备国际权威认可的职业资质，同时表明其胜任现代财务管理实际工作的经验和能力水平；第二，证明持证者符合国际接轨的专业标准，同时表明其掌握现代财务管理原理和知识的程度。毫无疑问，取得IFM资格对于财务专业人员顺利进入优秀的组织、建立高尚的执业信誉、获得优越的职业发展机会具有极大的帮助。 　　IFM证书分为两个等级：国际财务管理师(International Finance Manager，IFM)和高级国际财务管理师(Senior International Finance Manager，SIFM)。</t>
  </si>
  <si>
    <t xml:space="preserve">乌鸡蛋要比普通的鸡蛋有营养吗，价格是多少啊。 </t>
  </si>
  <si>
    <t>绿壳乌鸡蛋具有不同于其它蛋品的营养结构和含量。对人身健康有益的微量元素锌、硒、碘、钙等高于其它鸡蛋；15种氨基酸和维生素高于普通家鸡和普通乌鸡；还体现低脂肪，低血脂、低胆固醇的特性。它蛋黄大，蛋白嫩，蛋清稠，蛋品纯正，香气益人，青绿色的蛋壳犹如防伪标识，让人一见身价不凡。研究表明，绿壳乌鸡蛋蛋黄中的β球蛋白和γ球蛋白高，这在临床应用上与提高免疫能力相一致。这点说明，绿壳乌鸡蛋、乌鸡肉制品对于调节人体营养结构，促进内分秘和生理平衡，达到防病健身的作用是其它蛋品肉类所不及的。你说营养高不高</t>
  </si>
  <si>
    <t xml:space="preserve">p图!~~!加上飚车标志就行了!~~1其他尽管发挥1``1不好意 </t>
  </si>
  <si>
    <t xml:space="preserve">100分的话别人还要看心情的 </t>
  </si>
  <si>
    <t xml:space="preserve">儿子快十二个月了半夜老是哭这是怎么了 </t>
  </si>
  <si>
    <t>排除身体不适，引起宝宝夜醒、夜哭常见原因有：环境太冷或太热；尿布太紧或尿湿了；睡前进食太多或太少；睡前太兴奋或紧张；白天睡眠时间过长，日夜颠倒；宝宝经常由父母抱着、拍着或摇着入睡；因出牙而疼痛等，妈妈可以具体分析，给予正确的护理，及时满足宝宝的需求即可。请给我一个好评哦 谢谢啦 我想是孩子在白天的时候吓着了，而且在你宝宝睡觉前不要给她玩的太激烈，要不是，她睡觉的时候就会哭闹。这是我在观察我孩子一段时间所得出的结论。有时候宝宝在白天哭闹，或是发脾气了，虽然妈妈当时安抚了他，但是宝宝已经有他自己的思想了，所以晚上他也会做梦，梦见的就是他白天的“不愉快”，所以啊！你在确定宝宝没有缺乏微量元素的情况下，你就不要太担心了。我家宝宝现在也八个月了，前段时间半夜里也是这样一闹就是1—2小时，一般我给他喂奶，他就不闹了，如果还闹就抱抱他，为了宝宝，只有辛苦自己了！我觉得只要宝宝不是缺钙等身体问题闹夜都没关系，象老人讲得一样，小孩子就是狗三天猫三天的，过些日子又会变过来。我家宝宝现在夜里又不闹了，一夜就醒一次，喝饱奶就OK继续睡他的大头觉，我也能美美的睡好觉了。</t>
  </si>
  <si>
    <t xml:space="preserve">流产后的第一个月月经量过多上个月初做了一次药流，后做了清宫，现在 </t>
  </si>
  <si>
    <t>如无其它不适,就是正常的,一般一两个月就正常了</t>
  </si>
  <si>
    <t xml:space="preserve">如何学好厨师学炒菜该自学些什么，如何去学。 </t>
  </si>
  <si>
    <t>先得了解一些食物的本性例如那两合用会中毒。或着串味。诸如此类的知识。再者要学刀功。刀功是炒菜的基本功。随后就是炒了。要掌握火候。再者就是调味。这可不是一天两天练出来的。得直至一横。</t>
  </si>
  <si>
    <t xml:space="preserve">本周六的奖金估计多少啊》？利物浦vs阿森纳博尔顿vs谢菲联31查 </t>
  </si>
  <si>
    <t>呵呵，所谓的冷门都没出来，保本有困难啊</t>
  </si>
  <si>
    <t xml:space="preserve">写的合同需要去公正处公正吗？只带着单方得合同去法院可以起诉吗？ </t>
  </si>
  <si>
    <t>合同公证是采取自愿原则，一般的合同是不需要公证都可以发生法律效力的，只有特定的合同如人身关系等或者当事人在合同中约定的，才属于必须公证的合同。至于起诉问题，则需要合同、当事人的基本资料及其他相关凭证如送货单、收货单等</t>
  </si>
  <si>
    <t xml:space="preserve">跪求好心人帮帮我吧，给您下跪了！我姥爷患了胰腺癌，身体非常虚弱， </t>
  </si>
  <si>
    <t>建议你带老爷去吉林省【天泽【堂肿【瘤治【疗康【复中心去看看，我叔叔就是在那治的，效果太神奇了，他的肺癌已经三年了，现在完全没有转移，精神非常好，不知道你们是哪里人，但是远点也是值得的，真是救命的希望啊。</t>
  </si>
  <si>
    <t xml:space="preserve">魅魅翘勉什么意思 </t>
  </si>
  <si>
    <t>应该是魑魅魍魉吧？</t>
  </si>
  <si>
    <t xml:space="preserve">急需帮助！！！！！首先收一下我们家的情况：私房住宅，房产证上的户 </t>
  </si>
  <si>
    <t>如果发票资料给他了，他是否能去房屋管理局更改户主姓名？还会有其他影响吗？我们应该在法律许可范围内保障自己的权利？-----------房管局的房屋登记行为在行政法上叫“行政确认行为”。行政确认行为是对民事权利的确认，在各方利害关系当事人均无异议，并且有充分证据，经过审查的情况下，房管局完全可以对房屋登记更正。但是如果各利害关系当事人对民事权利的状态存在争议的情况下，任何一方当事人单方面申请更正房屋登记，房管部门都不会受理的。因为房管局没有权力介入民事权利争议，只有在无争议状态下的确认权力。如果你爷爷拿走了发票，去房管局要求变更登记，也是不可能的。他必须拿这套发票去法院诉讼，请求法院确认房屋归他所有，才可能实现目的。目前最简单的方法：就是把发票保管好。如果你爷爷要诉讼的话，那真是家庭悲剧没办法避免，就要尽量证明钱是你们自己出的。可以结合收入情况来证明。</t>
  </si>
  <si>
    <t xml:space="preserve">新胜达可以二手车置换吗 </t>
  </si>
  <si>
    <t>可以！</t>
  </si>
  <si>
    <t xml:space="preserve">网络游戏为什么会有那么大的吸引力？我有个同事，非常喜欢玩网络游戏 </t>
  </si>
  <si>
    <t>我曾经看过一篇文章,里面说到,人们在里面游戏,其实是有意无意地在追求虚无的成功感和荣誉感虚拟的世界,也会给人遐想的空间,可以自由发挥.想怎么玩就怎么玩.这对于目前工作和学习压力大的人来说,无疑是个很好放松的地方</t>
  </si>
  <si>
    <t xml:space="preserve">怎样可以直接在网页登陆我得通过邮箱才能登陆到博客，我想直接在登录 </t>
  </si>
  <si>
    <t>如何登陆新版博客:新版博客的登录处在整个页面的右上角，最顶端就是登录处了。</t>
  </si>
  <si>
    <t xml:space="preserve">都市2046哪个职业PK厉害点。玩过的老手指教一下.. </t>
  </si>
  <si>
    <t>我玩过台服跟港服,都是敏弓厉害.当然PK也需要点技巧</t>
  </si>
  <si>
    <t xml:space="preserve">我要买台电脑不知道买电脑需要带哪些东西??这是我自己第一次去买电 </t>
  </si>
  <si>
    <t>带钱，带个老鸟就可以了（知底细的哦，不知道底细的会串通黑你钱的）</t>
  </si>
  <si>
    <t xml:space="preserve">刚出生的婴儿眼睛黄是什么原因？有什么解决办法？ </t>
  </si>
  <si>
    <t xml:space="preserve">新生儿由于尿二苷二磷酸葡萄糖醛酸基转移酶的量以及活性不足，从血红蛋白中来的胆红素不能及时有效的形成结合胆红素 而出现血中游离胆红素增高 而出现皮肤巩膜黄染 一般来说这是新生儿的一种生理现象 随着婴儿的成长 黄疸将在1-2周能自然消退 如果由于母乳，新生儿容学病等原因 黄疸指数高于临界值 或 在该自然消退的时间没有消退 或 消退后又出现黄疸 在这种情况下 应该及时去医院进行治疗 一种最简单而有效的方法是行蓝光治疗 也就是所谓的光疗 他的优越性在与，并没有明显的降低血清胆红素，而是使循环中10-20%胆红素转化为水解的异构体，使其比原有亲脂性的胆红素IX-α不易通过血脑屏障如果失治或家属掉以轻心 那么有可能血中的胆红素进入大脑 形成新生儿高胆红素脑病 初期表现为嗜睡拒乳 哭闹 后来表现为 惊厥 抽搐等 一旦出现这些症状 大脑已形成不可逆转的损害 多多少少会留小后遗症 对小儿未来的一生造成非常不利的影响希望解答能够让你满意 </t>
  </si>
  <si>
    <t xml:space="preserve">我的男朋友很爱我，可是他也对我承认过他也曾深爱过另一个女孩子，每? </t>
  </si>
  <si>
    <t>其实男人呢是有些怀旧的，失去的永远都是美好的，我觉得你没有必要去生气，现在他不是在你身边吗？好好珍惜他，他是个重感情的男人。</t>
  </si>
  <si>
    <t xml:space="preserve">母鸡真的没有生殖器吗?阴道与肛门合一? </t>
  </si>
  <si>
    <t>拜托,禽类都是单孔生殖生物,排泄道与产殖道同一孔出.可以说成是阴道与肛门合一...</t>
  </si>
  <si>
    <t xml:space="preserve">什么植物产氧量最高?想在实验室里种一些产氧量高的花草，室内不能通 </t>
  </si>
  <si>
    <t>植物只能在有光的情况下产氧，如果需要在封闭空间内只利用植物来达到换气的目的的话，在睡眠的时候是不可行的，因为这个时候植物反而会消耗氧气。 具有较柔软的松叶的观赏性松比较合适，因为这种盆栽生命力强，耐旱。 还可以使用芦荟、吊兰、君子兰、仙人掌（球）。</t>
  </si>
  <si>
    <t xml:space="preserve">诛仙印象第5期的背景音乐哪里有下载的?? </t>
  </si>
  <si>
    <t>你去百度.土豆找看看吧.....</t>
  </si>
  <si>
    <t xml:space="preserve">关于法师瞬移！！！我每次用完瞬移再往前走就卡一下！这正常么？ </t>
  </si>
  <si>
    <t>有可能是网速的问题，只要不掉线就已经很好了。有的玩家网速不够只要使用瞬间移动技能就掉线。对于奇迹世界来说已经很正常了。</t>
  </si>
  <si>
    <t xml:space="preserve">怎么才算是爱上一个女生呢？ </t>
  </si>
  <si>
    <t xml:space="preserve">确定爱上人的七个特性: 1.就算再忙也会想起他 2.你喜欢和他单独相处 3.当你们在一起时你会假装不注意他,但他离开你的视线时你又会急着找他 4.当他受伤生病你会关心他 5.当他和别人要好你会吃醋 6.当他把脸贴近你时你会脸红,心跳加速 7.当你看到他开心时你也会扬起一丝笑意 当你看完这回答时心里会想到谁呢?那么很肯定你已经爱上他-她。爱情来临，你会变得幼稚，简单。就是你无缘由的去牵挂一个人，牵挂他吃的好不好，睡得好不好，关心她心情好不好，不挂别人怎麽说他的坏话，可在你心里他就是完美无瑕。他喜欢的你也学着关注喜欢，愿意每天看到他，看见他和别的异性在一起会生气会妒忌，希望他的眼里只有你的存在。幸福不会时时等着你，爱你的和你爱的人不是随时可以出现，请你学会珍惜。 </t>
  </si>
  <si>
    <t xml:space="preserve">怎样祛痘痘快些？ </t>
  </si>
  <si>
    <t>我也患过严重的痘痘(痤疮)又称青春痘，算是久病成良医吧现在好了，不过留下了些瘢痕给你点建议吧1.不要挤和针刺（会留下疤痕），不挑以后疤痕会少很多2.饮食。油腻、高糖辛辣的食物不能吃,每天早晚用温水洗脸3.用药，急性炎症期要输液，以控制炎症我当时看了很多医生（本人也是医生，牙医），每个医生开的方子都不同我认为 中医没效果我觉得用硼酸溶液湿敷+维胺脂维E乳膏+维胺脂胶囊(第一种大一点的医院才有，后两种大药房有售，可看过说明，再行购买)这个组合治好了我的痘痘4.冬季防冻,要有充足的睡眠，注意休息5.不要乱用化妆品（包括洗面奶、香皂等）和相信偏方，不要见到个方子就想试一试6.建议你到大一点的医院皮肤科看一看，听听医生的建议希望我的回答能对你有帮助！同是得过痤疮的人，我很理解你的痛苦有疑问可以继续问我，一定知无不言，言无不尽 ≈风过无痕≈，为您解答，希望能够给您帮助，同时也希望您能采纳，谢谢 本人原创，如有雷同，纯属他人复制！</t>
  </si>
  <si>
    <t xml:space="preserve">请问大家：有没有集体婚礼的消息啊我想参加今年下半年的集体婚礼，在 </t>
  </si>
  <si>
    <t xml:space="preserve">去这看看吧： 2008年6月2日第七届“相约云南，爱在丽江”集体婚礼     2008年7月5日第十八届青岛“海之恋”集体婚礼     2008年8月8日中国好望角2008婚庆盛典     2008年10月1日北京长城集体婚礼     2008年10月10日“久久同心”——意大利、法国集体婚  </t>
  </si>
  <si>
    <t xml:space="preserve">我是新手.想買基金現有2000元的存款,想買基金????買那只好 </t>
  </si>
  <si>
    <t>可以选择嘉实增长或嘉实成长,下半年以来业绩表现比较突出,且抗跌能力比较强,这几年来,业绩表现比较稳健,可以利用农行卡上嘉实基金公司网站直销,申购费率为0.6%.(不用开通农行网银,只需要申请一个电子支付卡就可以了.)中行有代销,申购费率为1.5%.</t>
  </si>
  <si>
    <t xml:space="preserve">请问为什么分区上出现文件名为“vod_cache_data”的文? </t>
  </si>
  <si>
    <t>系统文件，没有隐藏吧</t>
  </si>
  <si>
    <t xml:space="preserve">为什幺我的motoE6不能超频?a...什幺的十月新包,以前也不 </t>
  </si>
  <si>
    <t>怎么一定要超呢？超了很多问题的！</t>
  </si>
  <si>
    <t xml:space="preserve">完美国际同一个账号的元宝换区还可以在其他区用吗》我想问问我在完美 </t>
  </si>
  <si>
    <t>不能……要不在充元宝的时候还让你选择哪区干嘛……充在哪区，就只能在哪区用了……</t>
  </si>
  <si>
    <t xml:space="preserve">魔毛毛最好学那些技能!由于仙魔的技能都比较费钱和元,有的用处不大 </t>
  </si>
  <si>
    <t>哇咔咔~~看到我们魔MM一族啦.复活一定要学,不掉经验.雷链-30%金防,五音自己法攻不会降低,五色自己不减速,至于灵助,虽然学了,但使用的次数不多阿.魔静心一定要学,回300蓝,魔海纳10秒提升100%物理防御,魔玄静,永不消耗元气.魔MM技能你能学一定要都学了.龙卷,羽箭最常用,学.魔醍醐用来给自己+元的</t>
  </si>
  <si>
    <t xml:space="preserve">蔡老师，请您看看我的儿子的情况。我儿子出生于公历2002年12月 </t>
  </si>
  <si>
    <t>性蔡的真无聊这方面的专家充其量是个骗子迷信！！！同意我的观点的请支持我！</t>
  </si>
  <si>
    <t xml:space="preserve">英国为什么分了三个区为什么英国分了苏格兰.英格兰.威尔士三个部分 </t>
  </si>
  <si>
    <t>资料转载：英国包括大不列颠(英格兰、威尔士和苏格兰〉和北爱尔兰,是欧洲共同体12个成员国之一。它的全称是大不列颠及北爱尔兰联合王国。 英国是由不列颠群岛中大部分岛屿组成的，其中第一大岛是大不列颠,第二大岛上有北爱尔兰和爱尔兰共和国。苏格兰西部沿海有一个叫做赫布里底的大群岛。苏格兰本土的东北沿海有奥克尼群岛和萨得兰群岛。上述这些群岛都与本土有行政上的关系,但爱尔兰海上的马恩岛以及大不列颠与法国之间的海峡群岛则基本上自治,不是联合王国的组成部分。 英国的面积大约为242500平方公里(93600平方英里),从南部海岸到苏格兰的最北部差不多将近1000公里（约600英里），横向最宽处差不多将近500公里（约300英里）。 "Britain"这个词起源于希腊和拉丁词,而最终可能追溯到凯尔特语。尽管用"史前时期"这一尺度来衡量时,凯尔特人也是稍后才来到不列颠群岛的(在此之前的那些文明就已创造了诸如埃夫伯里巨石建筑遗址和圆形巨石阵这样的著名历史遗迹),但是有关英国历史的文字记载毕竟还是从讲述凯尔特人开始的。"凯尔特"这个词语相当普遍地经常用来区分不列颠群岛的早期居民和后来的盎格鲁-撒克逊人侵者。 罗马人的统治从公元43年起延续了300多年。在罗马人于408年最后撤走之前,该岛开始遭到来自北欧的盎格鲁人、撒克逊人和朱特人的侵扰,经历了一段日趋混乱的时期。"England"这个词正是从"Angles"而来的。在此后的两个世纪中,侵扰逐步变成了定居,并建立了许多小王国。不列颠人在如今的威尔士和康沃尔地区独立生存下去。这些小王国中出现了力量较强称霸全国的王国,先是在北方(诺森布里亚王国),然后在中部（麦西亚王国）,最后在南方(西撒克斯王国)。但是，来自斯堪的纳维亚的北欧海盗接着入侵英国并定居下来，尽管在10世纪时西撒克斯王朝曾击败过入侵的丹麦人并一度称霸英格兰的广大区域。 1066年发生了对英格兰的最后一次成功入侵。诺曼底的威廉公爵在黑斯廷斯战役中击败了英国人,来自法国的诺曼人和其他人来此定居。在随后的3个世纪中,成为贵族的语言,法律结构受到了英吉利海峡彼岸所通行的那一套的影响,社会结构在某种程度上也受到了影响。 威尔士虽然常常处于英格兰人的势力范围之内,但一直是凯尔特人的堡垒。然而在1282年卢埃林王子阵亡之后,爱德华一世发动了一场战役并取得胜利,把威尔士置于英格兰的统治之下。威尔士人的民族情绪继续高涨,15世纪初由欧文·格林德领导的起义便说明了这一点。1536年和1542年的联合法令把英格兰与威尔士在行政、政治和法律上统为一体。 当初住在苏格兰的大多是皮克特人。公元6世纪,来自爱尔兰的苏格兰人在如今的阿盖尔地区定居。洛锡安住着英格兰人,而威尔士不列颠人则继续北上来到斯特拉思克莱德。9世纪时,苏格兰各地区联合起来抵御北欧海盗。在整个中世纪,英格兰当时强大的君主国一直威胁着苏格兰的独立。 英格兰与苏格兰最终的联合表明,当时宗教上的差异比之以往的民族仇视更加至关紧要。在英格兰,伊丽莎白一世于1603年由苏格兰詹姆斯六世(英格兰詹姆斯一世)继位。即使如此，英格兰和苏格兰除了在奥利弗·克伦威尔统治时一度被强行联合在一起,在17世纪它们一直是相互独立的。到1707年,由于意识到更紧密的政治和经济联合会带来益处，双方同意建立一个单一的大不列颠议会。苏格兰仍然保留自己的司法制度和宗教社区。但是在乔治一世和乔治二世这两位汉诺威王室新教徒统治期间,英格兰和苏格兰之间的关系紧张起来,詹姆斯二世党人发动过两次叛乱,试图恢复信奉天主教的斯图亚特王室。 爱尔兰在公元前就出现了许多王国,但爱尔兰并没有能免受北欧海盗的侵犯,到公元10世纪时竟成了北欧海盗的一统天下。 1169年英格兰的亨利二世发动对爱尔兰的入侵。英格兰籍教皇阿德里安四世授予亨利二世最高统治者的权力,因为他急于想使爱尔兰教会完全顺从罗马。爱尔兰大部分地区都落到了盎格鲁—诺曼权贵手中，但是在中世纪英格兰几乎没有在此直接行使管辖权。 都铎王朝的几位君主干预爱尔兰的倾向要强烈得多。在伊丽莎白一世统治时期,对爱尔兰造反者发动过一系列战役。'抵抗运动主要集中在北部的乌尔斯特省,1607年由于抵抗运动失败以及领导人出逃,乌尔斯特变成了来自苏格兰和英格兰的移民聚居地区。 由于英国内战(1642~1652),爱尔兰又爆发了多次起义,但都被克伦威尔镇压下去。1688年詹姆斯二世被废黯之后,英格兰与爱尔兰之间的战争更是不断。18世纪大部分都是脆弱的和平时期。18世纪末,英国政府为谋求稳定作出了多方努力。1782年,爱尔兰议会(建立于中世纪)获得立法自主权；在宪法上与大不到颠的唯一纽带是王国政府。然而,该议会仅仅代表少数盎格鲁-爱尔兰特权阶层,天主教徒被排斥在外。1798年发生了一次起义,但没有成功；1801年,爱尔兰与大不列颠联合为一体。 虽然1916年都柏林民族起义者的起义遭到了镇压,但是在第一次世界大战未期,一股称为爱尔兰共和军的游击力量开始对英国当局采取军事行动。1920年通过的爱尔兰政府法案规定要成立两个地方自治议会,一个设在都柏林,另一个设在贝尔法斯特。该法案于1921年在北爱尔兰实施,乌尔斯特省9个郡中有6个接受了它们自己的议会,同时在英国议会中仍享有席位,并服从英国议会的最高管辖权。但是,爱尔兰共和军继续在南部为争取脱离英国当局赢得独立而战斗。1921年6月签订了停战协定之后,根据同年12月缔结的英—爱条约建立于爱尔兰自由邦,1949年该自由邦成为爱尔兰共和国。 海峡群岛和马恩岛虽不属于联合王国,但与联合王国有着特殊的关系。海峡群岛在10世纪和11世纪时曾是诺曼底公国的一部分。马恩岛在1266年以前名义上一直由挪威行使主权,到1765年最终才直接由王国政府管辖。今天,海峡群岛和马恩岛都有各自的立法机构和法律制度,英国政府则负责那里的防卫和国际关系事务。 大约距今九千年以前，不列颠诸岛与欧洲大陆还是连成一体的，那里居住着 中石器时代的地中海人和阿尔卑斯人。约五千年前，伊比利亚人自地中海地区西 迁，是首批从大陆渡海过来的，征服了原有的居民。这次征服必定十分野蛮悲 惨，使我们已经找不到任何中石器人的痕迹了。著名文化古迹索尔兹伯里平原上 的怪石圈，就是伊比利亚人留下来的。是为第一次换血。 到了约两千五百年以前，有凯尔特人自今天德国南部一路砍杀过来，先后占 领了今日法兰西、西班牙、葡萄牙、意大利等地，接着又越海占据了不列颠诸 岛，残酷屠戮伊比利亚人。是为第二次换血。 自公元一世纪中叶，罗马帝国对不列颠进行了长达四百年的殖民统治。政 府、法律和商业都使用拉丁语，只剩下乡下人才说凯尔特话。铺石的公路自此四 通八达，繁荣城镇星罗棋布，罗马人还带来了基督教，其文化、习俗、生活用品 也大量渗入，整个社会生活都罗马化了。直到五世纪初老家起火，他们才开始撤 离。这是第一次被殖民地化。 前门去狼，后门进虎。紧接着于五世纪中叶，原居住在西北欧的三个日耳曼 野蛮部族——盎格鲁、撒克逊和朱特人横渡北海，所谓“条顿人的征服”，（严 格地讲，可以说是四次引狼入室。因为罗马军团撤离以后，软弱的不列颠暴露于 北方野蛮苏格兰人同皮克人的侵扰之下。据说首先是一位凯尔特部族领袖，主动 邀请朱特人前来协办国防的；而朱特人见有隙可乘，后来才反客为主，并引发盎 格鲁及撒克逊人也来大举入侵。）耗时一百五十年。秦始皇焚书坑儒？小菜一 碟！日耳曼人把凯尔特整个一个民族的成年男子几乎打杀干净啦（第三次换 血）！他们这些刽子手构成了今天英吉利民族的主体。自然，残留的妇孺免不了 繁衍生息，于是一代又一代的混血种横空出世。 金庸历史小说非常有趣，其耐看不亚于斯蒂文森。然而，若按照小说中那些 仁人志士伸张正义、替天行道的血性脾气，非得要报伊比利亚人同凯尔特人，还 有中石器人的血海深仇，将那些屠夫的孽种——今日的英国人，杀个精光不可！ 历三四百年七国共存（类春秋战国）的局面，迟到九世纪初，延伸至十一世 纪初，日耳曼野蛮人终于从自身各个部族纷乱称雄之中名义上得到统一，演绎出 英国统治世系的第一个朝代——撒克逊系。 就在撒克逊系统御国家的同时，九至十一世纪，来自北欧的维京海盗——其 中主要是丹麦人，大规模入侵英国。他们除了在英格兰东北部建立“丹麦区”， 进行直接赤裸裸的统治之外，以后又向南方扩张。到十一世纪上半叶，虽说不断 受到盎格鲁撒克逊人的反抗，仍有三十年之久，整个英格兰都已置于了丹麦国王 卡纽特统治之下——此三十年即英国朝廷的第二系，丹麦系。前后历三百年，语 言、文化、司法、度量衡……无不受到深深的影响。屈辱的殖民地史，居然列入 了国祚的正统。 十一世纪中叶卡纽特帝国瓦解以后，政权重归撒克逊人的手中，是谓西撒克 逊系。但是新王爱德华之母却是个诺曼底人（所谓诺曼底人本来也不是诺曼底的 人，而是原居住于北欧的诺曼人，于九世纪南徙至今法国西北部、由于他们到来 才称做诺曼底的地方，安顿了下来。操法语，与法国同化了。当时受封于国王的 公爵，其领地叫公国，伯爵的叫伯国。十世纪初建立了诺曼底公国，为法国封建 诸侯中最强大的；名份上为法王属下，实际有相当的独立性），国王本人是个半 撒克逊半诺曼底的杂种，他自幼在诺曼底长大，长期流亡于兹，三十八岁才回 国。即位以后便大量起用诺曼底人，还跟其表弟诺曼底公爵结为联盟，以抗衡国 内的贵族，并使法语成为社会上层主要的交流工具。可谓里通外国、引狼入室之 先声。 一○六六年，那位表弟诺曼底公爵威廉，根据表哥生前有让他继位之愿望， 率兵五千乘舰队入侵英国，打败并杀死了新王哈罗德。英国大主教于西敏寺为之 加冕，凭着圣经将英格兰交付与之，不久他便携着一批归顺的大主教、王孙贵 族，返回诺曼底去也。胜利的法国人几年以内不断焚毁村庄，杀戮平民，掠夺英 国贵族的土地以犒赏亲属及随从，统治上层换成了诺曼人的天下，新贵族取代了 盎格鲁撒克逊的老贵族，诺曼底——法兰西语和诺曼——法兰西法律成了英格兰 宫廷、英格兰贵族的语言和法律。教会也由法国来的意大利籍大主教接管了。然 而，正是这位建立了诺曼底王朝的外国殖民君主同他的世子（继位者）们，于司 法制度、兴建教堂乃至形成上议院、文化……等等方面诸多建树，即是说从世俗 （硬件）同灵魂（软件）两个方面，为社会公正奠定了基础，开创了不朽的盛世 基业，很有一点汉武帝的气象哩！原先盎格鲁撒克逊时期每个人只有一个单名， 现今这样名字后边尾以姓氏，也是模仿他们法国贵族来的，这便是第三次殖民地 化。自此以后，再也没有外族跨海入侵、成立霸业的情事了。君主世袭制度也是 从威廉肇始，故被英国人大捧特捧为“征服者威廉”，几乎被当成我们的尧舜禹 汤（真是一群厚颜无耻的亡国奴）！ 说起尧舜禹汤，要提一下英国朝代递嬗的历史，那是迟到九世纪之初，自撒 克逊国王埃格伯特开端的；较之我国西周共和，要晚上一千六百多年。一千二百 年以来划为三个系、九代王朝，九朝当中还夹着一个共和政体。三系前边已经交 代过了，第一代王朝便是这位威廉一世所建立。近一百年以后，安茹（法国地 名）伯爵亨利二世（威廉一世的重外孙，又是一个外国人）跑到英国来，创建了 安茹（又名金雀花）王朝——试设想一下，中国历史上若在北京建立一个约克 （英地名）王朝或普瓦提埃（法地名）王朝，敝国上邦的文人们会不出来文饰一 番，听由它赤裸裸洋名字刺激自己的自尊心吗？两朝共历三个半世纪之久，其中 很长一段时间英国都是在法国国王的指挥棒下，让法国人或其后裔黄袍加身，君 临英土。他们既是英国的一国之主，又在法国享有大片封地，作为法国藩镇，法 王的附庸，其实心里只把英国当成一块殖民地，诺曼底才是他们的老巢，他们的 根。一世以下有七位帝君，他们对英国只是遥领而已，大部分时间仍旧都呆在诺 曼底的，其第六位在位十年，居留英国还不及一年哩。你看清兵入关，满人主宰 天下以后，表现比他们还要好一些。尽管如此，英国人不去卧薪尝胆，不去做伯 夷叔齐，偏还要把亨利二世这个法国拐子，也看作他们历史上最伟大的君王之 一！直到十三世纪初法王将诺曼底收了回去，英国的君主这才慢慢地，开始一心 一意作个名副其实的英国国王了。又过了将近两百年，朝廷重行回复到英国血统 手中，开始了兰开斯特王朝。不过这一回殖民地亡国奴的滋味还要有得尝，又经 历了大半个世纪，下一个约克王朝的第一任国王开始，才可以娶英国女子——而 非法国女子，为王后；再又到建立都铎王朝的国王手上，英语才取代法语成为官 方语言。到十八世纪的三十年代在法庭上才废止法语使用英语。 剩下来还有两次值得一提。第一回在一六八九年，中国的吴三桂刚刚于十年 前闭上眼睛，英国大多数宗教徒出于强烈反对天主教国王掌政，不顾不久前荷兰 海军驶入泰晤士河奇袭英皇家舰艇的国耻（1666年6月，荷兰海军迅雷不及掩耳 冲入泰晤士河，炮毁英国舰只无数，王家船坞付诸一炬，尤为奇耻大辱者海军旗 舰“皇家查尔斯号”竟被虏走。炮声隆隆，伦敦震撼，实实在在预演了一场珍珠 港事变），请求国王的女儿玛丽同她的丈夫、荷兰统治者威廉（威廉不仅是国王 的女婿，还是他的亲外甥）前来承继王位。于是女儿偕同女婿率军登陆英国，打 得老豆跟老岳丈落荒而逃（当时玛丽的胞妹安，以及她的丹麦丈夫，倒向姐姐、 姐夫一边，也背叛了老爹及泰山。后来安继威廉三世为女王，这个忤逆不孝的女 人恶有善报，极富政声）。群臣请命：“玛丽女王，威廉摄政，如何？”“不 干！”于是这位既有德国也有英国血统的荷兰杂种威廉三世，英国话都说不好 的，堂而皇之地坐上了龙椅（玛丽为王后）。中国人要质问：伦理焉在，仁义何 存？简直岂有此理！可是，沿袭至今虚君实相的民主政治体制——议会高于国 王、平民院高于贵族院——正是此时确立，两党制格局也自兹形成；还有大败法 王路易十四、成就英第一帝国等等功业。因此，英国人把这次不怎么流血的外戚 入侵、大家都当亡国奴，十分自豪地称之为“光荣革命”，看得比中国人心目中 的唐宗宋祖，还要高出许多头哩。 第二回是在二十五年以后，安女王仙逝无嗣，同样出于英国国教对天主教的 排斥，遵照国会法案，举国迎接女王的表兄弟、德国番佬、汉诺威公爵乔治登 基，称乔治一世。根本不会说英语，又在德国土生土长的他（其太子，后来继位 的国王也一样），开始了史书上倒数第二个王朝，那又是一个以外国地名命名的 王朝！此王朝繁演了一百多年，传到了维多利亚。哗，这位十八岁少女直到白发 苍苍八十二岁老太太，金銮殿上龙椅一坐就是六十四年，比咱们康熙老皇帝还要 长哇！可这个维多利亚不也是个杂种吗，原来她的母亲本是德意志一个小公国的 寡妇，后来嫁到了英国王室。女王从小就在日耳曼人的教养下长大，母语说德 语，英语一辈子也说得不地道。登基三年后又嫁给她所狂热崇拜的一位母系的表 弟——不消说，那是个纯种日耳曼，狼子野心、非我族类无疑的喽！此后更加封 亲王，倚之为左右手，批阅公文，干预朝政，（呜呼，大权旁落，一至于斯！） 然而天哪，正是这一对野夫妇，文治武功，创造出英国历史上最辉煌的黄金时 代！中国的中山路、中山堂、中山大、中山医科大……已经够多的啦，而以她维 多利亚命名的，更遍及英、加、澳、亚、非诸多地域，还要多得多啊。英国人拿 胜利、勇气、恒心、真理、母性、正义、科学与文艺、和平与进步……几乎所有 想得到的颂辞，都奉献给了她，亲王也同样地世世代代倍受尊崇。你们瞧这个国 民有多贱！其实，维多利亚的意义不仅限于英国。十八世纪，世界文明的重心在 巴黎；十九世纪三十年代以后，即进入维多利亚时代，世界文明的重心到了伦 敦。 以上这一类故事并不仅限于英国。我们知道古代日耳曼本是一个游牧民族， 精壮男子去外边打仗，不断夺取新的土地，然后整个部落，男女老少，不断地易 地迁居。他们极其重视荣誉，而这种荣誉是建立在比狠斗勇上边，认为掠夺、流 血得来的财物，远比诚实劳动——流汗得来的光荣。所以打仗——掠夺，便成了 生活的至高目的。为了抢劫不惜杀身成仁，舍生取义，血流成河，何等的悲壮！ 公元前一○二年，二十万条顿人于今法国马赛附近几乎全数被歼，死尸之多，居 民不得不用白骨去砌葡萄园的藩篱。次年另一支日耳曼人在意大利北部牺牲更为 惨烈，不单男人个个战死不屈，妇女们也成群先杀死自己的孩子，然后自刎。而 欧洲人脉管中涌动着的，正是古罗马人（也是好战的种族）和古日耳曼人的血 液！由此我们得知，如同汉民族这样死守着东亚一大片腹地，老子说“夫唯兵者 不详之器”，墨子主张“非攻”，勤勤恳恳地从事农耕；三千年来各种民族成份 无太大变动地延续了下来，虽足堪自豪，却并非世界人类史的唯一模式。 固然，王室皇族之间跨国互通嫁娶在欧洲的历史中据有特殊的地位，甚至曾 经与民族国家之逐步形成同步进行，这一点本来同中国不大相同。即便是如此， 从以上我们仍然可以得知，英国人是把宗教信仰、经济、政治的现实利益，以及 实际政绩，看得高于抽象的民族感情的。所以像汉族这样，将对民族的忠贞当作 超乎一切最高的价值标准，不惜掷头颅洒热血，赴汤蹈火；譬如从明末无数忠义 之士壮烈殉国，清初到处反清复明，直闹到秋瑾，乃至孙中山还要靠黑社会排满 起家，并不是人类文明史惟一的模式。</t>
  </si>
  <si>
    <t xml:space="preserve">麻烦玩机械的高手们请进来！！本人现在想玩个机械兵，想了解清楚技能 </t>
  </si>
  <si>
    <t>(1)极光护盾是加抵挡率的(每当出现OCK时就是成功抵挡怪物的一次攻击那么它此次攻击是不会伤你1滴血的),1级加2%的抵挡率,持续40秒,10级加11%的抵挡率,持续85秒.如果在带个极品穹苍盾再用1海4冰1水合成后就是23%+3%抵挡率,在加上10级极光护盾11%,那么你的抵挡率就是37%,也就是怪攻击你时会有37%的几率攻击不到你.防御电波是加躲避的,而且一旦出现BLOCK(成功抵挡住怪的一次攻击)后,就会引用火花电场的攻击力来电击怪一次(所以电击怪的攻击力的大小完全取决于你火花电场攻击力的大小).1级防御电波加8躲避,攻击时引用火花电场攻击力的30%,持续时间是56秒,10级加80躲避,引用火花电场攻击力的138%,持续时间110秒.用以上2个技能都对盾牌的抵挡率有着相当高的要求,抵挡率越高越好,建议使用1海4冰1水(加0.6F和4%的抵挡率)合成,如果是锻造的话+8也只不过加1.6F和4%的抵挡率,而且+8要虎石水晶石,价格都很高,锻造过程中还有可能会失败,所以锻造难道相当大,建议用以上合成公式(1海4冰1水)直接合成(只要公式对,100%成功).极光护盾完全是一个防御型技能,而极光护盾是带有攻击色彩的,而且前提是要求火花电场达到10级,不然就没什么攻击力了,所以要深造极光护盾的话,要合理安排属性点,不然属性点不够用.(2)40级之前就用灵光,到40学了金属后就用金属.(注:金属的防御是建立在灵光上的,金属只是加躲避的,灵光越高,那么爆金属的防也就越高)所以建议先灵光升到10级,至于金属,升级升上去只是加躲避和爆一次金属的持续时间的长短,升金属本身并不加防御的,要防御就升灵光,然后仍就爆金属,这样你就能同时拥有灵光的防御力和金属的躲避了. 每升1级灵光,那么在爆金属的时候防御力也会对应上升1点(比如说1级灵光,在爆金属时是50F,那么10级灵光再爆金属时就变59F了).1级金属增加6%的躲避,持续时间50秒,10级金属增加38%的躲避,持续 104秒.(注:爆金属的前提是你身上一定穿的是机特铠甲,不然爆不出了,而爆灵光护体就没有任何要求.)(3)改良专家是暂时性的,而优化专家是永久性的.改良专家1级增加最大攻击力15%(注:是最大攻击力,也就是说和最小攻击力无关,举个例子吧,比如你现在攻击力是50-100,那么爆1级的改良专家后你的攻击力就边成50-115了),持续时间是60秒.10级改良专家增加最大攻击力60%,持续时间160秒.优化专家1级提高攻击力5%(注:是最大最小攻都提高5%,比如说你现在攻击力是100-200,那么你学好1级的优化专家后攻击力就变成105-210了),10级提高攻击力29%.改良专家,金属重甲以及灵光护体,灵光飞扬这4者都不可以同时使用,一次只能用4个中的1个.</t>
  </si>
  <si>
    <t xml:space="preserve">如果说巴基斯坦同美国的关系“铁”，但他又同意中国在其境内修建所谓? </t>
  </si>
  <si>
    <t xml:space="preserve">    中国同巴基斯坦是地区形势和战略利益驱使下建立的久经考验的友好关系，这种关系不是同盟却恰似同盟。    中国自建国开始，逐步被世界各国接受和承认。巴就是最先同我国建交的国家之一，但两国的友谊达到战略级别是在74年巴促使中美建交开始的，自那以后，中国为了回应巴在中国最需要帮助的时候帮助了中国，一直以各种方式主动或应巴方要求尽力帮助而毫不吝啬。这其中就以装备较为突出，比如当中国刚刚研制出的新式装备，只要巴愿意，中国就会以毫无利润的友谊价卖给巴方，枭龙战机虽为中巴合制，但巴只出钱，技术都为中国的，在此情况下，中国愿意与巴共享技术成果。最近在中国的努力下使印巴两国一起成为上合组织观察员，也是给予巴对印度的对话空间。随着中国经济技术和国家综合能力的提高，中国又开始帮助巴建设国内基础设施，以提高巴经济建设能力。而巴基斯坦为了保持同中国的友好关系，历尽艰辛，先是印度对巴的压力一直持续不断，接着美国又对其实施了很长时间的制裁，使巴蒙受经济损失，需要指出的是，74年美国曾经因为巴促成中美建交，给予了巴基斯坦一定的帮助（包括授予一批F-16战机），然而随着前苏联的解体，美国战略重心渐渐移向亚洲，在巴拒绝同美国一起截止中国那一刻起，美国开始制裁巴基斯坦。    可见美国只是在利用巴和巴的地理条件，而中国既是为了曾经受到的帮助，也是为了彼此共同的战略利益。所以中巴是唇齿级的联盟（不是同盟，胜似同盟）关系。置于美国授予巴F--16战机，既是美国战略手段，也是不得已的商业利益关系，因为中国的歼10战机一旦大量生产，巴迟早会得到，而且是成本价，美国愿意以低于中国歼10授价的价格卖吗（F--16无论在性能或成本，都无法同歼10比较）？另外，美国卖F-16给巴，一方面是挑起印巴之间的冲突或军备竞赛从而渔利，一方面是还巴基斯坦帮助其进行反恐战争和抓捕拉登的人情（真是不要脸，卖也得有诚意才行，卖破烂是诚意吗？）。所以巴美之间是利用关系。毕竟巴国小力微需要帮助，他们也看到了中国人的历史（抗美援朝）和诚意（与巴共享国防能力、无私帮助建设基础设施等），这种关系由于经受了考验，将一直持续下去！！</t>
  </si>
  <si>
    <t xml:space="preserve">清泉老师请进!请老师帮忙分析一下600151和000930目前下 </t>
  </si>
  <si>
    <t>600151 逢高控制仓位.000930 谨慎持有.</t>
  </si>
  <si>
    <t xml:space="preserve">清泉老师：000635英力特越买越套，该如何操作啊？急。 </t>
  </si>
  <si>
    <t>控制仓位.</t>
  </si>
  <si>
    <t xml:space="preserve">家电以旧换新规则中对于旧电脑是如何规定的呢？上海地区？ </t>
  </si>
  <si>
    <t>废旧不论，零部件完整，为保护隐私硬盘允许拆下</t>
  </si>
  <si>
    <t xml:space="preserve">急求安慰！！！和他认识这半年时间，一直都在无条件的对他好；可他说 </t>
  </si>
  <si>
    <t>你想要怎么样的安慰呢。事实上，你是非常清楚地知道世界上能帮到你的只有你自己。28，一个比较尴尬的关口，你的每一个决定都说不定会决定你往后的生活的。其实这个问题一点也不难解决。你现在只有两个选择，一就是跟他好好聊聊，让他给你一个承诺，计划一个未来。二是彻底跟他分手，重新过美好的生活。第一点呢，我觉得是不太现实了，我不了解他为人，但有一点我是比较确定的，就是连他自己对你们的未来也不是充满信心的，因为他说他说我该找一个要我可以停靠的港湾！说我对他的好，他会记得． 也就是说，他是不能甚至不打算给你将来哪怕明天。问下自己，你想要什么样的生活，想清楚了，就行动吧。记得，没有短暂的美好，只有美好的短暂。给自己打气吧。</t>
  </si>
  <si>
    <t xml:space="preserve">请教，怎么可以让厨房充满艺术气息啊我最近在帮朋友的新家设计厨房装 </t>
  </si>
  <si>
    <t>其实橱柜选择很关键的，因为一般都是装修的时候选择好，一用好多年的。我推荐科勒，首先他家的产品很注重设计感，尤其是今年刚推出的艺术橱柜系列，颜色多样，还有很多知名艺术家的智慧创作，水墨和抽象风格非常能提升家居品质，另外他家还有春季促销活动，买指定产品还能赠送，非常超值，还能参加艺术之旅，并能把自己的祝福文字刻在橱柜拉手上，真的是给消费者很多新鲜与惊喜，有兴趣的去看看吧~</t>
  </si>
  <si>
    <t xml:space="preserve">好人心回答下。。。。有谁知道国庆期间的家具优惠的相关信息的？？？ </t>
  </si>
  <si>
    <t>吉盛伟邦家具村国庆有一个“家年华”，折扣挺多了。</t>
  </si>
  <si>
    <t xml:space="preserve">有没有什么能够延长性生活时间有效方法? </t>
  </si>
  <si>
    <t>男性如何延长性的时间？男性如何延长性生活的时间？插入时间阴茎插入阴道，最后射精的时间。显然，男方坚持的时间越长，女方达到高潮的可能性就越大。最终射精都是因为龟头受到强烈的刺激(一般是压迫)后而发生的。做爱很投入时，意念都会集中在龟头上。 插入时间阴茎插入阴道，最后射精的时间。一般有多长时间呢？调查证明，一般都在30分钟以内。 显然，男方坚持的时间越长，女方达到高潮的可性就越大。那么怎样延长性交的时间呢？问题的关键其实是降低龟头的敏感度。龟头是男性的第一性敏感区。 最终射精都是因为龟头受到强烈的刺激(一般是压迫)后而发生的。如果能降低龟头的敏感性，射精就会被延迟。这里介绍以下几种方法： 1.分散注意力法 做爱很投入时，意念都会集中在龟头上。男性甚至有自己全部身体进入女性的感觉。这时，如果想着其它东西的内容。就会暂时缓解射精的冲动。 2.机械压迫法 药店里一般都有类似的药膏买。涂在龟头上，可以降低龟头的敏感性。但这种东西是否会对女性有伤害？很难说。毕竟是一种药物，而且要进入阴道。另外，就是戴上避孕套。一般这样比直接做爱时间要长。虽然有人说，戴上避孕套做爱好比穿着雨衣洗澡。 3.增强体质 一般体质较好的人做爱时间要长些。所以根本上说要锻炼身体，并且注意营养。有人说吃三鞭之类的东西很管用，也许有点用。但实际在心理上的作用比在生理上的作用大。综合体质的提高才是根本。 4.加强锻炼 做爱的确是种艺术。而且是两个人的艺术。好比：双人滑冰。讲究的是配合。实践证明，女性善于引导的话，男性可适当延长性交时间，并且女子可获得足够的性满足。所以，对那些做爱不得法的男子，那些总早泄又没有生理疾病的男子，找一个有经验的女子加以辅导，未尝不是一个好办法。 男性如何延长性生活的时间？ 摘要:&gt;&gt; 专题 &gt;&gt; 两性 &gt;&gt; 性技巧 &gt;&gt; 男性如何延长性生活的时间？男性如何延长性生活的时间？插入时间阴茎插入阴道，最后射精的时间。显然，男方坚持的时间越长，女方达到高潮的可能性就越大。最终射精都是因为龟头受到强烈的刺激(一般是压迫)后而发生的。做爱很投入时，意念都会集中在龟头上。 插入时间阴茎插入阴道，最后射精的时间。一般有多长时间呢？调查证明，一般都在30分钟以内。 显然，男方坚持的时间越长，女方达到高潮的可性就越大。那么怎样延长性交的时间呢？问题的关键其实是降低龟头的敏感度。龟头是男性的第一性敏感区。 最终射精都是因为龟头受到强烈的刺激(一般是压迫)后而发生的。如果能降低龟头的敏感性，射精就会被延迟。这里介绍以下几种方法： 1.分散注意力法 做爱很投入时，意念都会集中在龟头上。男性甚至有自己全部身体进入女性的感觉。这时，如果想着其它东西的内容。就会暂时缓解射精的冲动。 2.机械压迫法 药店里一般都有类似的药膏买。涂在龟头上，可以降低龟头的敏感性。但这种东西是否会对女性有伤害？很难说。毕竟是一种药物，而且要进入阴道。另外，就是戴上避孕套。一般这样比直接做爱时间要长。虽然有人说，戴上避孕套做爱好比穿着雨衣洗澡。 3.增强体质 一般体质较好的人做爱时间要长些。所以根本上说要锻炼身体，并且注意营养。有人说吃三鞭之类的东西很管用，也许有点用。但实际在心理上的作用比在生理上的作用大。综合体质的提高才是根本。 4.加强锻炼 做爱的确是种艺术。而且是两个人的艺术。好比：双人滑冰。讲究的是配合。实践证明，女性善于引导的话，男性可适当延长性交时间，并且女子可获得足够的性满足。所以，对那些做爱不得法的男子，那些总早泄又没有生理疾病的男子，找一个有经验的女子加以辅导，未尝不是一个好办法 男性如何延长性生活的时间 药店里一般都有类似的药膏买。涂在龟头上，可以降低龟头的敏感性。但这种东西是否会对女性有伤害？很难说。毕竟是一种药物，而且要进入阴道。另外，就是戴上避孕套。一般这样比直接做爱时间要长。</t>
  </si>
  <si>
    <t xml:space="preserve">有个迷语大家帮猜猜看何车无轮.何猪无嘴.何驴无毛.何屋无门.何书 </t>
  </si>
  <si>
    <t>不会，估计骂你是猪吧。</t>
  </si>
  <si>
    <t xml:space="preserve">会计跟出纳工作流程老师，我想问你一些关于会计跟出纳工作上的传递问 </t>
  </si>
  <si>
    <t>1、出纳根据报销的各种票据定期编制记账凭证。（1）如果单位业务量多，可以每天编制记账凭证；如果工作量不多，可以几天编制一次记账凭证。具体作凭证时间，由自己掌握。（2）如果出纳不会做分录，可以把记账凭证的日期、编号、摘要、附件张数、现金（或银行存款）科目金额等相关内容填写好，其他科目再由会计填写。2、会计对编制的记账凭证进行审核，审核无误后，出纳根据记账凭证登记现金日记帐和银行存款日记账。会计根据记账凭证登记明细账。3、月末结帐后，会计将总帐上现金科目、银行存款科目月末余额，与出纳现金日记账、银行存款日记账月末余额进行核对，做到总帐与日记账相符。</t>
  </si>
  <si>
    <t xml:space="preserve">采矿技能问题！！采矿100左右后怎么冲啊？我现在只能买铜矿和锡来 </t>
  </si>
  <si>
    <t>你去荒芜之地看看吧，那里银矿比较多。你这个阶段要么采银矿，要么就得耐着性子刷锡矿了。我意思是那里银矿“相对”的多一些，再说银矿也不至于像你说的那么少，你去AH看看银矿一组多少钱,没有那么夸张嘛</t>
  </si>
  <si>
    <t xml:space="preserve">淘宝开店，望指导我想在淘宝开一家店，卖女装。。有几个问题NO.1 </t>
  </si>
  <si>
    <t>1.淘宝没信誉，别人都搜不到你的店铺，就是找到了。看你没信誉，谁敢买你的东西，所以说虚拟是提升信誉最快的，几分钟就完成一笔交易，我建议你虚拟和衣服一起做，一边卖衣服，一边提升信誉2.开店其实也简单，但是也有些细节问题要注意，最好找个行家教你，少走很多弯路3.顺利的话，怎么也的3-5天，2天我不敢说，毕竟实名认证都要1-2天的时间望采纳，不懂可以直接联系我，可能我的名字，我教你，我就是虚拟和衣服一起做的</t>
  </si>
  <si>
    <t xml:space="preserve">2013款三菱翼神哪款车型性价比最高？ </t>
  </si>
  <si>
    <t>不好说哦，各有各的爱好，像最低的时尚版1.8L 手动睿智型—10.98万，最便宜，自己想改装神马的也可以。2.0L CVT旗舰型的就比较省事，要是对动力要求不大，只改装外包围之类的，就比较省事了。</t>
  </si>
  <si>
    <t xml:space="preserve">第一次海湾战争联军（多国部队）总指挥是谁？ </t>
  </si>
  <si>
    <t>施瓦茨科夫</t>
  </si>
  <si>
    <t xml:space="preserve">爱问资料上传要审核多久才能通过？ </t>
  </si>
  <si>
    <t>有时很快，一小时之内；有时牛步，7天，10天，都有可能。最糟糕的是：你久等了，审核没过，就静悄悄的不见了。</t>
  </si>
  <si>
    <t xml:space="preserve">怎么合成钢，铁 </t>
  </si>
  <si>
    <t>去首都买合成配方，去矿场打矿。最后去合成室合成就行了。如果做学了“合成加成”。成功率100%。</t>
  </si>
  <si>
    <t xml:space="preserve">在英语常用词汇中，各类词的数量比例大概是多少呢？在英语常用词汇中 </t>
  </si>
  <si>
    <t>拿四级词汇来说形容词 900  18%副词   250   5%介词   50    1%动词   1280 （vi 380 ，vt900）26%名词   2700   54%     其余的是连词和感叹词 这个在单词中并不是很多。常用单词中可能跟上面所说的四级词汇有一点出入。</t>
  </si>
  <si>
    <t xml:space="preserve">为什么第五套人民币没2圆的？听说第五套人民币已经取消了2圆了。为 </t>
  </si>
  <si>
    <t xml:space="preserve">    在第五套人民币中，2元和2角的两种面额已经被取消。这是因为：    一方面2元、2角作为小额货币的作用逐渐弱化；    另一方面，10元面额的货币逐渐承担起找零的角色，客观上需要介于50元10元之间面额的纸币。    所以，与第四套人民币相比，第五套人民币减少了2元和2角两种面额，新增加了面额20元的纸币。 </t>
  </si>
  <si>
    <t xml:space="preserve">世界上最珍贵的是什么谁能用理由说服我 </t>
  </si>
  <si>
    <t>是情。亲情、友情、爱情都很珍贵。如果没有情，世界就会变得黯淡、没有颜色，一切都是乏味的。</t>
  </si>
  <si>
    <t xml:space="preserve">600031、600838、600588怎么走？ </t>
  </si>
  <si>
    <t xml:space="preserve">    这三只股票.中期持有.应该友好的回报.600031是庄股</t>
  </si>
  <si>
    <t xml:space="preserve">水浒Q传好玩么水浒Q传玩的人多么。有外挂么？不砸钱可玩么？令什么 </t>
  </si>
  <si>
    <t>，人很多。有外挂，要RMB。不砸钱可以。什么职业都好。有RMB（人民币）才是王道！另外介绍介绍职业：各有各的好处：你喜欢攻击型的就选剑客和武师，你喜欢法秒就选术师，你喜欢封人就选道士，你喜欢肉盾补血就选医师．武师：武师是一个自立的职业，他们个性不羁爱好打斗，拥有超强的攻击力和敏捷，出拳以快、狠、准著称。优势在于出拳的命中率高，并可使用技能发出华丽的组合技击连续攻击以及爆击，只要一出手绝对一击毙命。拥有的能力越强存在的弱点就越致命，武师的弱点在于血少，这使得他们自身的生存能力较弱，因此再孤傲的武师都需要他人的协助。剑客：在战场中成长的剑客，艰苦的环境锻炼出他们强健的身体和坚忍的耐力，经历过血雨腥风在生死线上徘徊过的他们对于名利富贵都已经淡然处之。现在的剑客就有如看淡名利富贵的隐世高人，平日他们只是稳扎稳打的修炼能力，不好出风头也不喜欢与人争执，但这并不代表他们就好欺负，“不求天下无敌，但求无人能欺”这是每一个剑客的宗旨。术士：他们是一群身体孱弱但却有着最高魔法伤害能力的人，经过多年的修炼而超脱了肉身的限制，因而具备了呼风唤雨的能耐。一名伟大的术士能够挥舞起手中的权杖操纵着威力无穷的灵气进行攻击，毁灭围的一切，给予对手致命的伤害。他们还能用法术同时伤害多个目标。优势在于他们可怕的高魔法攻击技能；劣势在于体质虚弱，物理防御和HP值低。道士：道士这个职业是由一帮天资聪颖的奇人异士组成的，他们拥有非比寻常的力量，并且在攻击和防御的能力上的发展也比较平衡。最重要的是他们拥有许多的玄门法术，这些玄术异能虽然不能直接给对手造成伤害，但却能够让对手陷入各种异常状态，能够消减对手的能力。医师：医师是最受欢迎的辅助职业，他们使用的武器是神奇的葫芦，能够运用各种增益法术给队友最大的辅助。高级的医师甚至能够运用神奇的法术复活战斗中牺牲的队友。如果你是拥有“救死扶伤”这种伟大理念的人，那你一定要选择当个医师。医师生性和平，不爱与人争斗，但千万不要因此以为医师是好欺负的。他们的优势在于回复能力强，HP较高，并且抗咒术；劣势在于攻击力低。武师80级以前加点：4力量1敏捷。80级以后加点：3敏捷2力量或3力量2敏捷剑客80级以前加点：3力量2体质。80级以后加点：4力量1体质术师80级以前加点：4心力1体质。80级以后加点：5心力道士80级以前加点：4力量1敏捷。80级以后加点：5敏捷或4敏捷1心力医师加点：永远5体质完毕，希望采纳！O(∩_∩)O哈哈~</t>
  </si>
  <si>
    <t xml:space="preserve">带环超过两个月是不是就不容易脱落了我是１月份上了环，是＂爱母环＂ </t>
  </si>
  <si>
    <t>有关资料统计，年轻的育龄，放置节育环避孕者达85％以上。但脱环以及带环怀孕率也较高，达14％以上。因此，如何防止节育环的脱落，是十分重要的问题。据统计，73％以上的节育环脱落发生在放环后第一年里，而其中前三个月内脱环者又占40％以上。节育环脱落的原因有下列几种：一、初次放环，子宫对节育环敏感发生收缩，会将环排出。二、操作者技术水平不熟练，环未放到宫底。三、受术者本身的条件不适应放环，如宫口过松，宫颈重度糜烂，子宫畸形，如纵隔子宫、双角子宫、单角子宫等，均易脱环及带环怀孕。四、与节育环的材料、重量、形状、型号大小、质地等因素有关。如金属单环就比中央带有塑料支架的塑料环或混合环及宫型环易脱落；环的型号偏大会刺激子宫收缩，使节育环位置下移、脱落，反之环的型号偏小，也易带环怀孕或脱落。五、哺乳期放环者。停止哺乳后，子宫恢复原状，而节育环相对较小，易造成脱落或怀孕。六、节育环异位。节育环偏离宫腔，嵌入子宫肌层或进入腹腔，失去作用导致避孕失败。此外，放环后月经量过多、经期干重活等原因，也可导致节育环脱落。防止节育环脱落最主要的方法是定期复查，在放环后一个月、三个月、半年各复查一次。以后每半年复查一次，通过B超、X线透视或探环仪，检查节育环在宫腔内的位置。对于有过两次以上脱环史者，最好采用宫腔测量仪，仔细测量宫腔的深度和宽度，重新选择更适宜的型号或类型。经验表明：放置金属单环失败（指脱落与受孕）1～2次者，更换宫型节育环或T型带铜丝节育环，其失败率可明显下降。</t>
  </si>
  <si>
    <t xml:space="preserve">燃气热水器，买万和燃气热水器怎么样，比美的好吗？买款燃气热水器， </t>
  </si>
  <si>
    <t>万和燃气热水器没有用过，建议你买美的燃气热水器。美的燃气热水器，热效率高、加热速度快、温度调节稳定、可多人连续使用，拥有一批固定的消费者。冬天在厨房里就可以随时来热水，方便；水温恒定，购置费用便宜。一般家庭，使用8升的燃气热水器就够了</t>
  </si>
  <si>
    <t xml:space="preserve">记忆力减退、精力很差、反应变慢，是肾亏的表现吗？24男的，工作状 </t>
  </si>
  <si>
    <t>情况像是未老先衰，原因需要深入检查。可参考以下几点——七情太过。所说七情（忧思喜怒悲惊恐）中的忧伤对人体刺激后所引起的衰老征象。可见，长期的精神刺激或突然受到剧烈的精神创伤，超过人体生理活动所能调节的范围，就会引起体内阴阳气血失调、脏腑经络的功能紊乱，从而导致疾病的发生，促进衰老的来临。疾病损伤。患病后，可加重阴阳平衡失调，加重气血精神脏腑的亏损，甚至导致气散精竭神去，阴阳离决。疾病是导致或加速衰老的原因之一。长期睡眠不足，对健康有很大损害。其损害，首先表现在神经系统过度疲劳，以至可能发生神经衰弱、体力和脑力劳动效率降低、精力不足、记忆力减退、头晕脑胀、眼花耳鸣、全身乏力等症状，轻者可以恢复，严重者还影响心血管系统、呼吸系统、消化系统的功能，进而导致器质性病变或早衰。缺乏运动。“生命在于运动。”事实证明，运动可以提高身体新陈代谢，使各器官充满活力，尤其是对心血管系统，更是极为有益，从而推迟各器官的衰老改变。祖国医学亦认为“动则不衰”。“流水不腐，户枢不蠹，动也。形气亦然，形不动则精不流，精不流则气郁。”说明运动的益处，并从形、气的关系上，明确指出了不运动的危害。非常明显，这在说明一个道理：动则身健，不动则体衰。饮食不节。人们必须注意节制饮食，否则会导致早衰。“多食之人有五患，一者大便数，二者小便数，三者扰睡眠，四者身重不堪修养，五者多患食不消化。”凡此皆说明了饮食不节，可损脏腑，诸病丛生，折寿损命。所以，《寿世保元》强调指出：“食唯半饱无兼味，酒至三分莫过频。”妄作妄为。是指错误的生活方式，它包括范围很广，如劳伤过度等。房劳过度之所以引起早衰，是因为交接多则伤筋，施泻多则伤精。而肝主筋，肾主藏精，性生活不节就会损伤肝肾，在中医的抗衰老理论中，保精护肾是一项非常重要的基本措施。吸烟嗜酒。抽烟还能诱发各种疾病，如心肌梗塞、肺癌、胃溃疡等，甚至到全身各器官均可受害。嗜酒过度亦可导致衰老，过量饮酒可引起急、慢性酒精中毒，对人体损害极大。</t>
  </si>
  <si>
    <t xml:space="preserve">什么时候开新服务器? </t>
  </si>
  <si>
    <t>你是说７区吗？不知道估计要等１.１２了把</t>
  </si>
  <si>
    <t xml:space="preserve">离婚后我能分到哪些财产？我在婚前买了一套房子，在公正处做了婚前财 </t>
  </si>
  <si>
    <t>1、关于你的房子：（1）你婚前房子是你的婚前个人财产，卖后的房款也是你的个人财产，但你把钱买了2套按揭房：这2套房写的两人名字，就是共同财产了，而且产权已经登记为各50%，如离婚，他有权分一半。（2）“要如何补救才能让我从新证明借我朋友的那10万属我的婚前财产”： 你这10万元很明显是你的婚前个人财产，虽然借条上写了夫妻两人的名字，也不要紧，朋友最近不是要还吗？让朋友赶快还，然后收回借条原件销毁：没有证据，你老公凭什么说这10万是共同财产？如果朋友也知道这钱是你的婚前个人财产，离婚时你老公如果还说借出去的钱是共同财产，还可以让朋友给你作证。没事的。2、关于他的房子：（1）如果要房：就是他的婚前个人财产，如果离婚你当然无权要求分割房屋产权，但可以要求分割房子以后增值部分的一半。（2）“如果他以后母亲过世，我能分到他和他母亲的吗？”：如果你们不离婚，他母亲过世后，房子中属于他母亲的一半成为他母亲的遗产，如果他母亲有遗嘱给谁就按遗嘱处理，如果没有遗嘱：由他爸爸、他和其他兄弟姐妹、他姥姥姥爷（如果他母亲去世时还在的话）共同继承：但绝对没有你什么事。　这房中属于你老公的另一半：如果你们离婚你无权分，如果最终他“走”在你前面，你可以和他的其他继承人共同继承一份。3、“现在的房子是不是写的谁的名字就是他的产权，不需要夫妻的另一方签字就能卖？ ”：（1）如果是婚前个人财产，是这样。（2）如果是婚后取得的夫妻共同财产：不是这样，即使只写了一方名字，也是夫妻共同财产、卖房时没有另一方的签字买卖应是无效。4、“他的房子拆迁，如果他选择要钱，如果我让他不买二手房，用来还按揭，以后离婚能不能做为共同的财产”：用来按你们现在的2套房的按揭吗？不管如何用这钱，也改变不了是他个人财产的性质，仍然不是夫妻共同财产。5、“我现在想不通的是，我对这个家没有二心，把婚前公正了的房子都卖了，我想这是一般女人都做不到的。而他以拆迁房是他家的财产为由，拒写我的名字。我现在对我的婚姻都没什么信心了”：（1） 其实不是“法律不外人情”，很多时候是“法不容情”，法律如果能与人情协调一致，这世界就天下太平了。（2）你做了“不是一般女人能做到的”事，不能就此要求他也做出“一般男人都做不到的事”，人和人不能全一样的，人心换人心，需要时间、需要认知。（3）既然是心甘情愿的付出，就说明你爱他爱得深，没有得到应有的回报就生气、就报复，也不太合适、不太有风度、不太有水平吧？当然，大男人都没有风度、没有水平，再让一个小女人有风度、有水平好像不公平，可是当初你是自己甘愿付出的，那就不要有怨言，以后有点分寸就好，期待他以后能感悟到你的付出吧。6、一点建议：（1）关于借出去的10万元钱：可以不必太担心。（2）关于补救：如果他拒绝在他的房上写你的名字，你也可以要求他协助你去房管局变更你那2套房子的产权登记：变为你自己的名字、并公证那是你的婚前个人财产，他总要讲理吧：他的婚前个人财产自己要，一个大男人有什么脸面把你的婚前个人财产占有？（3）他拆迁的房子：我觉得你最好让他要房，那房只能写他一人的名字：将来他有不测你还可以多分点份额；如果要钱他再去买可就要写上他母亲了，那时他母亲可要占去这房的一半了。7、朋友，看你这题总有些心里不是滋味：《婚姻法》规定夫妻可以约定财产所有制、规定一方的婚前个人永远是一方财产，是为了让家庭财产关系更合理、让家庭关系更和谐，如果总是在婚姻关系存续期间纠缠这些事，再好的感情也会受伤害的，可你不计较、他会计较，我最近看多了这类事，自己也很迷茫，不知道如果破解。只想说一句：不能随意就动用这个武器让感情受伤、让婚姻变味。</t>
  </si>
  <si>
    <t xml:space="preserve">什么叫多元化 </t>
  </si>
  <si>
    <t>　　多元化的意思就是：一个事物的其他几个方面表现方式。　　例如：政治多元化、企业多元化、男女关系多元化、家庭多元化、艺术多元化、价值多元化、战略多元化、文化多元化、休闲多元化、成功多元化、摇滚多元化.....</t>
  </si>
  <si>
    <t xml:space="preserve">北京车要去外地年检怎么办理？要什么手续？ </t>
  </si>
  <si>
    <t>如果车辆长期在外地需要在外地验车需要到车管所开具委托证明凭证明到车辆使用地进行年检</t>
  </si>
  <si>
    <t xml:space="preserve">商业企业可以不交营业税吗?看到一家商业企业没有缴纳营业税,它是所 </t>
  </si>
  <si>
    <t xml:space="preserve">    首先应该区别流转税与所得税。增值税、营业税都属于流转税，你所说商业企业不知道具体业务内容是什么。交纳什么税应该以业务实质来判断，而不是以企业名称来判断，因此你所说商业企业是缴纳增值税还是营业税应该看其业务内容。    其次，流转税并不因为它不是查账征收而免征。对于核定征收的情况在征管法中是有明确规定的。    综上，由于你所说的具体情况还不是很清楚，也只能先如此回答了。</t>
  </si>
  <si>
    <t xml:space="preserve">2级火雨和3级火墙哪个厉害,火雨的杀伤力比火墙高多少火雨的攻击范? </t>
  </si>
  <si>
    <t>火雨是面攻击的,应该就是火墙的加强版,范围大些:3*3,攻击当然强多了.火墙的攻击范围２＊２!火雨中其实就包含了火墙!我感觉2级的火雨也要比3级火墙杀伤力要大!就好象1级狂龙升过3级电的道理一样!!而且火雨是高级魔法师的技能,使用起来,感觉身份倍增啊!呵呵!!!!</t>
  </si>
  <si>
    <t xml:space="preserve">求一个MP3免费下载网想找歌曲比较全，音质比较好的MP3免费下载 </t>
  </si>
  <si>
    <t>手机下载的我就不知道了，互联网的就多了，百度、酷狗、酷我音乐盒等等等等…我就经常用上述三个网站下载mp3</t>
  </si>
  <si>
    <t xml:space="preserve">小额创业好项目都有哪些？ </t>
  </si>
  <si>
    <t>广州小太阳教育科技有限公司生产的小太阳点读笔不错~~他们一直专注于婴幼儿教育电子产品等研发、设计、生产、销售为一体高科技企业！做出来的产品很可信的,推荐你加盟广州小太阳教育科技有限公司生产的小太阳点读笔加盟是个不错的选择，建议去百度下他们的官网具体了解下。a29</t>
  </si>
  <si>
    <t xml:space="preserve">精子检查检查方式：巴式。查出来精子畸形率94%请问正常吗？如果不 </t>
  </si>
  <si>
    <t>可以到医院问医生啊</t>
  </si>
  <si>
    <t xml:space="preserve">广州白云机场猪流感的隔离问题有亲人要从美国由广州白云机场回国,听 </t>
  </si>
  <si>
    <t>这不一定.如果人多可能就会晚几天.因为每个都要接受检查.没问题就可以走了.因为人手问题.如果是最后一个那肯定就会晚些了.前段时间我一个朋友也是从国外回来不幸被接受检查在那里待了五天.吃住是勉费的.吃的还比较好.因为要保证游客的身体.</t>
  </si>
  <si>
    <t xml:space="preserve">近视手术我的近视好多年了,小学开始戴眼镜,今年29岁了,我想做激 </t>
  </si>
  <si>
    <t>不要做这种手术.LASIK的原理是在角膜上130-160um（1um为1/1000毫米）处做一个瓣，相当于一个在角膜上的凹透镜，通过改变角膜基质的曲率，以达到矫正近视的目的。然而，角膜基质不能无限制地切削，必须保留一定的安全厚度，一般公认为410um（至今还无确切的证据证明），或者说，角膜基质的厚度必须保留250以上，否则就会出现圆锥角膜。而一个正常人的角膜厚度约在500到600um之间 ，而每减少100度近视，按照6.5mm的切削直径（切削范围）要切削14um的深度，而按照6.0的切削直径，则每100度要切削12个单位，此外，散光所要切削的厚度和近视是一样的。所以，度数越深越容易发生危险。而由于410是个下限，近视加散光共600-800度左右的人一般切削好以后就濒临这个下限，很容易出现问题。 　　　　 　　　　那么，LASIK致命的缺点是什么呢？我们知道，正常的角膜足能抵挡的住眼内压对于角膜的压力。而由于LASIK切削的是角膜组织，切削后的角膜组织无法抵挡得住眼内压对于角膜的压力，因而角膜会逐渐变尖，最终形成圆锥角膜，圆锥角膜的后果是使视力永远丧失。而一些为了获取暴利,没有将这一后果告知患者.另外,医院所说的激光手术不会致盲的观点是错误的，而圆锥角膜就可以被认为是间接的致盲。此外，一些医院认为保留410就是安全底线，那么请问有何依据？低于410会产生圆锥角膜，那么谁能保证那些角膜厚度濒临下限的人不会在10年左右时间内,角膜逐渐变形而产生圆锥角膜？又有哪位眼科权威人士能站出来保证那些因高度近视(600度以上)而需要切削较多角膜组织的人不会在15年或是20年后出现问题呢？ 你的年龄现在是稳定期现在可以每年或每半年减轻眼镜度数方式.每个人的视力调节能力都很好.只有这种方式是最健康最安全的.我在提醒相劝,请不要做激光手术</t>
  </si>
  <si>
    <t>显卡和主板的集成显卡都打开我的主板精英945GZT/GCT</t>
  </si>
  <si>
    <t>不能，英特尔没有推出混合交火或者智能sli的主板芯片组，不支持集成显卡和独立显卡共同工作的。</t>
  </si>
  <si>
    <t xml:space="preserve">记帐凭证问题根据原始凭证做完记帐凭证后,其它的记账凭证要怎么做. </t>
  </si>
  <si>
    <t>1、根据原始凭证编制记账凭证。2、根据审核无误的记账凭证登记各种明细账。3、月末作提取、结转凭证（1）提取折旧借：费用--折旧费贷：累计折旧（2）提取税金借：主营业务税金附加贷：应交税金--营业税、城建税等（3）结转各项收入 借：主营业务收入、其他业务收入、营业外收入 贷：本年利润 （4）期间费用的结转 借：本年利润 贷：管理费用、营业费用、财务费用 （5）成本支出的结转 借：本年利润 贷：主营业务成本、其他业务支出、营业外支出 （6）税金的结转 借：本年利润 贷：主营业务税金及附加、所得税 2009-08-04 13:23 补充问题谢谢!!!我想再问下,累计折旧,还有待摊费用的摊销是否是借管理费用和制造费用,要怎么计算, （1）根据待摊费用摊销的内容，借相关费用科目。也就是说，属于管理部门待摊的费用，借管理费用；属于生产车间待摊的费用，借制造费用。（2）折旧也是按照各部门使用固定资产记入相关费用科目。如，管理部门使用的固定资产，折旧费计入“管理费用”科目，生产车间使用的固定资产，折旧记入“制造费用”科目等。凭证的结转,是将前面的原始凭证里的数据合算后的数结转的吗,（1）月末结转，是对损益类科目的结转。（2）损益结转，是按损益类科目本月发生额合计数结转的。</t>
  </si>
  <si>
    <t xml:space="preserve">2岁宝宝凉胃啦，吃啦就吐怎么办啊！我家宝宝今天吐了好几次啦，吃了 </t>
  </si>
  <si>
    <t>首先先确定孩子确实是胃着凉了，可以：1、给孩子熬一点红糖姜汤水喝，一次不要太多，可以多喝几次；2、用热水袋焐焐胃和后背部位和胃相对的地方，一定注意不要造成烫伤；3、用热水泡脚一天三次，每次保持孩子能接受的较高温度20分钟，添热水时注意不要烫伤孩子。全身都要暖和过来才行。</t>
  </si>
  <si>
    <t xml:space="preserve">战场里贼的扰乱能打断敌人开旗吗？盗贼的扰乱能打断别人的开旗吗？不 </t>
  </si>
  <si>
    <t>不可以的吧。我记得好象是没用。只能让他进入战斗，不能打断他开旗子。最好的方法就是杀了他。</t>
  </si>
  <si>
    <t xml:space="preserve">下载问题和挂机问题我在官方网站下载客户端怎么下载了呢，总提示：连 </t>
  </si>
  <si>
    <t>你可以买张传奇的客户端的光盘安装，花不了多少钱还省时间。没有客户端外挂没用。下载完的游戏还要安装。</t>
  </si>
  <si>
    <t xml:space="preserve">有没有试输出天赋的木桩？我一个LR朋友刚洗了射击天赋，想找一个木 </t>
  </si>
  <si>
    <t>虚空风暴有个任务NPC,砰砰博士.你知道在哪儿吧.在这个NPC旁边都是石柱.你可以骑鸟落在石柱上打他,他不会还手.而且不会出现躲闪或者卡死NPC的情况.用这个可以测试自己的天赋DPS.</t>
  </si>
  <si>
    <t xml:space="preserve">一直憋着有问题吗。？我很想做ML/但是还是算了。我想给准老公。长 </t>
  </si>
  <si>
    <t>没问题但不能总这样。你应该找到方法，我们可以通过电邮我可以教你手淫，你也要学习。而且你也不能总这样，这样时间长了会激不起性欲，还是顺其自然好。手淫可以用自己的手来做，也可以买到男人的仿真阴茎来做，看你了，不过我们还是通过电邮来解决吧。我会给你发消息的。</t>
  </si>
  <si>
    <t xml:space="preserve">想看夜场电影，求推荐[害羞][害羞] </t>
  </si>
  <si>
    <t>终极斗士1、2、3》、《血与骨》、《海军陆战队员》、《传奇》、《十二回合》、《忍者》要看斯科特.阿金斯版的  《危情时速》、《威震八方1、2、3》、《外籍兵团》、《再造战士1、2、3》、《时空战警》、《丛林奇兵》、《失败者》、《枪》、《猎豹行动》、《狂盗之城》、《换命11小时》、《企业战士》、《叛谍狂花》、《列车惊魂》、《危险人物》《天龙特工队》、《速度与激情1、2、3、4》、《拳行天下》、《魔宫战士》、《大叔》韩国的动作片，值得一看。 《黑暗坠落》、《野蛮人科南1、2》等等！23小时前</t>
  </si>
  <si>
    <t xml:space="preserve">在播放器上如何实现每首歌的音量一样大在播放器上播放歌曲有些声音大 </t>
  </si>
  <si>
    <t>千千静听有这个选项的：千千选项---播放---启用回放增益。据称这样就可以实现每首歌的声音差不多了！</t>
  </si>
  <si>
    <t xml:space="preserve">帮我做图22*22背景白色狼字谢谢 </t>
  </si>
  <si>
    <t>一直发不出图...</t>
  </si>
  <si>
    <t xml:space="preserve">三星GalaxyS4官网下架了吗 </t>
  </si>
  <si>
    <t>没有的 现在S3还在销售</t>
  </si>
  <si>
    <t xml:space="preserve">游戏里有没有野外PK啊? </t>
  </si>
  <si>
    <t>都有的可以找gm如果没有叫gm开通</t>
  </si>
  <si>
    <t xml:space="preserve">给你10棵树要你种5排每排4棵只有10棵 </t>
  </si>
  <si>
    <t>五角星形状 ☆自己摆摆</t>
  </si>
  <si>
    <t xml:space="preserve">我，男，22岁、经常感觉胸闷，在胸的正前方，心脏处,和胸正中的下? </t>
  </si>
  <si>
    <t xml:space="preserve">   很可能是得了神经衰弱症。</t>
  </si>
  <si>
    <t xml:space="preserve">私房房产界线划分私房房产界线划分 </t>
  </si>
  <si>
    <t>你的图上是不能“划分”出“所有权”的。要注意了，房屋可以有所有权，而所占用土地只能是国家的或村集体的，不可能有私人的所有权，私人只有是经政府批准的宅基地使用权。该土地的使用应该以政府批准的宅使用证上划定的“四至”为准。看看两家的宅基地使用证就知道了。</t>
  </si>
  <si>
    <t xml:space="preserve">好在前几天加了基金,还是重仓,看今天涨成这样,高兴!!! </t>
  </si>
  <si>
    <t>呵呵.恭喜你,</t>
  </si>
  <si>
    <t xml:space="preserve">为什么"真金不怕火炼"?是不是真金用火烧不化啊?那用金子铸的东西 </t>
  </si>
  <si>
    <t>金的化学性质稳定,在一般情况下与氧气不发生反应,能保持自己性质.所以人们说真金不怕火炼是说一个人有真才实料,就不怕别人的考验.</t>
  </si>
  <si>
    <t xml:space="preserve">为什么这两天老掉线？？？？？我上不到10分钟，掉了7次，还不够我 </t>
  </si>
  <si>
    <t>是不是你们家最近网速不好,找个人修修</t>
  </si>
  <si>
    <t xml:space="preserve">幸福是什么？人们都说幸福是猫吃鱼，狗吃肉，奥特曼打小怪兽。那么我 </t>
  </si>
  <si>
    <t>幸福，是家人和朋友都安康幸福，是在雨天旁人递来的一把伞幸福，是雪后的阳光幸福，是赶上了午夜的最后一班末班车幸福，是胃疼时，递来的一粒胶囊幸福，是我想吃，酸甜冷热不忌幸福，是我想睡时，便是一片安详幸福，是每天能平安到家幸福，是宝宝的亲亲幸福，是很平和的东西，温暖四溢。</t>
  </si>
  <si>
    <t xml:space="preserve">任9实买大单，看看有戏吗？哈哈！ </t>
  </si>
  <si>
    <t>只要心态放得开,没什么可担心的,,埋头向钱冲吧.</t>
  </si>
  <si>
    <t xml:space="preserve">有酒精依赖应该采取什么样的治疗的方法？ </t>
  </si>
  <si>
    <t>　1、我们一定要让喝酒的人知道酒对身体的伤害是有多大的，主要的方式可以采取给他看一下相关酒对人的伤害的视频、文章、图片等，这样要让他自己打从心里的决定去戒酒。2、还有一般对于喜欢喝酒的人要他一次性就不喝的话是很难的，所以可以采取慢慢来的方式，就是一开始少喝一点，然后一直就慢慢的减小喝酒的量，长时间的下来就会慢慢的没有习惯喝酒了。3、而且还可以选择药物的辅助的治疗，这个治疗的方式是会快一点的，现在有很多的药物，是患者吃完之后对酒的味道会产生反胃的情况的，所以会导致他不想喝酒。  戒除酒瘾的关键在于消除患者的心理障碍因素,但是可以辅佐一些药物戒酒硫以克服戒酒初期生理上的需要。   戒除酒瘾主要从两方面下手，一是药物治疗，再就是心理治疗。</t>
  </si>
  <si>
    <t xml:space="preserve">不重生男重生女－－成语一 </t>
  </si>
  <si>
    <t>阴盛阳衰</t>
  </si>
  <si>
    <t xml:space="preserve">想和朋友周末出去玩，从西安出发，自驾车旅游，500公里以内，什么? </t>
  </si>
  <si>
    <t>我们家出去都喜欢爬山.朱雀国家森林公园,市区发车4小时路程.当天来回很轻松,我都去两次了,很好,开发变化很快.如果你们时间宽余可以外边过夜,也可以去太白山森林公园,那里也很好.如果你喜欢看人文景点,那么兵马俑\黄帝陵都可以.</t>
  </si>
  <si>
    <t xml:space="preserve">PIAGET伯爵这个品牌怎么样？我女朋友要我送礼物，我不知道送什? </t>
  </si>
  <si>
    <t>伯爵表编辑从1874年诞生以来，伯爵一直秉承“永远做得比要求的更好”的品牌精神，将精湛工艺与无限创意融入每一件作品中，同时优先发展创意和对细节的追求，将腕表与珠宝的工艺完全融合在一起。创立伊始，伯爵专注于腕表机芯的设计和生产。二十世纪60年代，伯爵拓展其专业领域，陆续推出令人称奇的珠宝腕表和富于革新精神的珠宝系列。伯爵能够捕捉时间的神韵，每一件腕表和珠宝作品都是在胆识、专业和想象力驱动下对精湛工艺的不懈探求。品牌故事伯爵，这个今天令无数望族垂涎若渴的顶级表，在其起飞前经历了近百年的发展历程。1874年，Georges Edouard Piaget以机芯制作起家。1940年，Piaget的孙子为伯爵的发展开拓了国际市场。1956年伯爵推出了超薄机芯。上世纪60年代以来，伯爵一边致力于复杂机芯的研究，一面发展顶级珠宝的设计。从设计、制作蜡模型到镶嵌宝石，伯爵始终秉承精益求精的宗旨。其“手铐腕表”(cuff watches)和“硬币腕表”(coin watches)设计出众，是伯爵腕表中的珍品。自1874年创立以来，伯爵始终致力于提升创造力、修饰细节以及融合腕表和珠宝工艺等方面，体现高档品牌的风范。伯爵原本专于腕表机芯的研究和制造，后来进一步将这项精湛的技艺推广至珠宝工艺，因此得以在1960 年代推出第一款珠宝腕表。伯爵具有不断自我超越、出类拔萃的能力，特别擅长研发稀有、珍贵和独一无二的作品。伯爵在50多年前跨入高级珠宝殿堂。自从此伯爵不仅仅只是一个姓氏，而是深入丰富之专业知识的代名词。令人心醉的表款和饰品，都是花去制表师数百个小时的精心创造的艺术品，大概也只有这样才不负PIAGET的盛名。每当我们回顾伯爵130多年的历史时，就有一种凝聚在珠宝和时间中的热忱扑面而来，那种气息，令人感动。2创始人1874年PIAGET伯爵由年仅19岁的乔治 · 爱德华 · 伯爵（Georges Edouard Piaget）创立，至今PIAGET伯爵仍以其为名承袭并开创伯爵的创作历史。3正式问世1945年，第二次世界大战后，第一只刻有伯爵标志〝PIAGET〞的腕表正式问世。这款经由伯爵制表师竭力研究而首创的超薄九线运转装置，至今仍是机械腕表系列的主要设计依据。伯爵腕表、劳力士表传承了精雕细琢的瑞士制表技艺，有着世界八大奇观之一的美誉，与埃及的金字塔、秘鲁那斯卡的地上巨国、中国大陆的万里长城、太平洋复活岛的默艾像、土耳其卡巴德基的地下都市、智利为丘比丘的「空中都市」及澳洲尤拉拉国家公园的「艾亚斯岩」齐名。为了表扬伯爵所带给瑞士侏罗山区的荣誉，瑞士政府特将伯爵制表工坊的起源地La Cote-aux-Fees 村落称为伯爵村。4发展历程伯爵家族1874 - 1942 历史渊源乔治·伯爵（Georges Edouard Piaget）在瑞士侏罗山区的小村庄La Côte-aux Fées安家立业，并在数十年之后成为奢华与精准腕表的代名词。他首先在自家的农舍中成立第一间腕表工作坊，专门为瑞士著名的腕表品牌制作性能精准的优质机芯。蒸蒸日上的制表事业，迅速地发展成为家族企业；而伯爵的名声也翻山越岭、远近驰名。出自伯爵之手的腕表机芯，皆是以无出其右的精湛工艺制作而成，备受各界肯定，为品牌制表工作坊博得极高的声望。1911年，提摩太·伯爵（Timothée Piaget）从父亲乔治手中接掌家业，并秉持着其父对腕表的热情、以及对质量的一贯坚持。1943 - 1955 自创品牌大胆创新、勇于尝试和永不言败的精神，深植在伯爵家族的血统中。因此，为让家族企业能够永持久营，专门生产机芯的伯爵在1943年决定将伯爵（Piaget）注册为品牌名称，并在La Côte-aux-Fées制表工坊中自行制作、正式推出及销售冠上 「Piaget 」标志的腕表。在创办人孙子辈杰若德和华伦太·伯爵（Gérald、Valentin Piaget）两人的掌舵下，伯爵品牌在世界各地开疆拓土，知名度与日俱增，展现出脱胎换骨的全新气象；各方订单纷至沓来，每一位客户都想要拥有属于自己的伯爵腕表。仅管制表工坊的设备经过现代化，但却不足以应付当时的需求。于是，崭新的厂房于1945年在La Côte-aux-Fées落成启用，并决定另辟蹊径，开始投入超薄机芯的研发工作。纤薄机芯1956 - 1963 屡创新猷伯爵出类拔萃的制表技艺为腕表史写下美丽的页章。1957年，伯爵位于La Côte-aux-Fées的制表工坊推出著名的9P手动上链超薄机械机芯；1960年，伯爵的制表师推出厚度仅有2.3毫米的12P机芯，是世界上最纤薄的自动上链机芯。这两款机芯的问世，激发了伯爵设计师无拘无束的创意，创作出多款精致独特的腕表。伯爵制作的珠宝腕表，为腕表史上翻开新的一页，那复杂的零件安置于纤薄的机芯里。除了内外兼美的珠宝腕表外，伯爵还推出有金币表、指环表、胸针表、甚至是袖扣表。同时，伯爵还首次推出品牌珠宝系列，并在1957年制作出男表史上的经典杰作Emperador腕表。此外，伯爵也在日内瓦建立珠宝工作坊，并在1959年成立首家伯爵专卖店。奢华腕表1964 - 1978 风格至上伯爵生产超薄机芯的独家技术、以及制作珠宝的精湛工艺，让伯爵拥有独有的两大优势。拥有一技之长，是进入创意殿堂的关键；同时掌握两项专业技艺，并坚持大胆创新，更能够激发出创意的火花。伯爵令人目眩神迷的创新设计，为品牌赢得享誉国际的声望，并在奢华腕表与精准性能的领域中，名声鹊起。1964年，伯爵首次推出采用青金石、绿松石、黑玛瑙、虎眼石等宝石制作表盘的系列腕表，艳惊当时的腕表界。接着，伯爵推出的袖扣表同样令人议论纷纷，成为奢华腕表的经典象征。伯爵秉持着与时俱进的精神，还在1976年推出当时最小巧的7P石英机芯。从此，大胆的创意与独到的表现手法，便成为伯爵的品牌风格。时尚配饰1979 - 1987 如日中天，备受肯定伯爵以独特创意获得市场青睐，不断推陈出新。透过精湛的腕表与珠宝工艺，伯爵不断挑战自我、力图臻于登峰造极的境界。对伯爵而言，独立自主的精神，内敛考究的华丽、坚持另辟蹊径、同时力求产品风格创新，就是大胆创意的意义。伯爵创意的出发点尤其着重在将腕表构思为一件时尚配饰，推出符合潮流、同时历久弥新的款式。1979年问世的Piaget Polo系列就兼具了前卫与经典两项特质，是深受明星喜爱的腕表杰作。1986年推出Dancer系列表款也成功赢得各方肯定。伯爵将这一系列璀璨绚丽的珠宝腕表，献给当时摆脱传统包袱的女性，实现她们的梦想。自1980年开始，伯爵在伊芙·伯爵（Yves Piaget）的领导下，持续不懈地追求卓尔不凡的品味。珠宝1988 - 2000 创意无限，精品尽出伯爵于1988年加入后来更名为历峰（Richemont）集团的旗下。伯爵业务仍遵循昔日优良传统，日益发展茁壮。1990年，伯爵推出首个珠宝系列 – 名为Possession，恣意转动的双环设计灵感来源于人与人的相处哲学，象征 “拥抱的艺术”的Possession系列亦获得了空前的成功。接着，Limelight系列的问世，为珠宝增添好莱坞式的时尚风采。搭配可随时替换表带的Miss Protocole系列，更以别出心裁的创意，在1998年初试啼声时，便赢得市场的热烈回响。在腕表方面，以简洁、经典、高雅的Altiplano超薄腕表系列，于1998年问世。接下来，伯爵还以当代创意，重新演绎品牌50年代的经典之作，在1999年推出搭载卓越复杂机芯的Emperador系列。至于伯爵独家的复杂高级腕表技艺，则淋漓尽致地展现在全新推出的Black Tie系列中。打进日内瓦2001 - 2003 千禧年，新气象为因应企业的蓬勃发展，伯爵在日内瓦建立的全新高级制表工坊，于2001年正式落成启用。在这个分工全面的厂房中，共凝聚超过40个腕表及珠宝部门，与位于La Côte-aux-Fées的制表工坊彼此合作无间，让伯爵能在最短的时间内满足客户的需求。2001年，象征70年代的经典代表作Piaget Polo，以焕然一新的面貌重拾年轻活力。2002年，以花园为主题的Magic Reflections珠宝系列盛装登场。翌年，伯爵在Limelight系列中增添珠宝表款，传达品牌对时尚的诉求。期间，伯爵制表师还构思出多款精湛的机械机芯，其中又以伯爵首枚自制600P陀飞轮机芯，最受业界瞩目。这枚全球最纤薄的长方形陀飞轮机芯，厚度仅有3.5毫米。腕表2004 - 2005 延续历史传承伯爵创办人乔治·伯爵大概从没想过伯爵能够在2004年欢度成立130周年庆。相信若他知道多年来伯爵在腕表和珠宝创作领域中，从未停下追求大胆、创新的步伐时，也一定会引以为傲，因为这正是伯爵与众不同的名家风范。伯爵的Possession系列推出后旋即成为珠宝界中的经典代表作，只需再添一款腕表，就能臻于尽善尽美。于是Possession腕表在2005年诞生，带领您自在悠游于光阴生生不息的流转之间。自制计时码机芯2005 - 2010 高瞻远瞩2005年以来，伯爵跻身为数极少可以自制计时码机芯的厂家，推出厚度仅5.6毫米，具有飞返及两地时间功能的计时码表，并保留了品牌固有的优雅外形。2010年，伯爵对其基础产业进行了更新：制制表工坊设计了一组新型超薄机芯，向50年前推出，具有传奇色彩的12P型机芯表达敬意。新一代的1200P型和1208P型机芯厚度为2.35毫米，是市场上最薄的自动上链机芯。 纷呈的杰作植根于伯爵闻名遐迩的创造性精神，并有力地证明了其创造者的箴言：永远做得比要求的更好。5时间之廊伯爵时间之廊(Time Gallery) 旨在透过逾百件珍品与历史文献记录，引领参观者探索伯爵的特质，共同回顾伯爵从1874年至今的发展历程。这展览廊从不同角度展现伯爵这个钟表珠宝专家的奇思异想及其丰富的历史传承。6一则传奇上个世纪70年代末，潮流突变，风格流转，硬朗帅气的中性风盛行。1979年，伯爵顺应潮流，颠覆传统，开创优雅洒脱的新美学时尚，Piaget Polo表由此诞生。最初的表款采用圆形或方形表壳，均以贵重金属打造，还推出镶钻表款，随后发展为男装表和女装表系列，并衍生出多种不同表款。2001年，Piaget Polo腕表系列推出全新大型表款，重新诠释品牌殿堂级经典系列，并为其注入清新活力。新款腕表采用极具几何造型的大尺寸表盘，与符合人体工程学的精妙凸形设计，佩戴异常舒适。7超薄之美超薄是伯爵的核心文化和历史传承之一。自1950年推出传奇的9P和12P两款性能卓越的超薄机芯以来，伯爵就以推出各种工艺革新，打造风格独具的超薄表款而闻名业界，多年以来雄踞高级制表艺术之巅，经久不衰。8品牌故事1874年，19岁的乔治·爱德华·伯爵（Georges-Edouard Piaget）创立了伯爵品牌，伯爵之名一直沿用至今。伯爵执着追求完美，将精湛技艺发扬光大。伯爵位于侏罗山谷Côte-aux-Fées和日内瓦的两家表厂将40多项专业技艺汇聚一堂。独创的精湛技艺是品牌长盛不衰的制胜法宝，是品牌持续发展的原动力。珠宝腕表自1874年成立之初，伯爵就在珠宝和制表两大领域独占鳌头。珠宝腕表雍容华贵，将传统文化与先锋精神相结合。从著名的9P超薄手动上链机芯，到世界上最纤薄的600P陀飞轮机芯，均充分体现伯爵超凡卓越的腕表和珠宝工艺，继往开来的创新精神，对黄金钻石等珍贵材质的钟爱之情，以及不断创造奇迹和惊喜的能力。</t>
  </si>
  <si>
    <t xml:space="preserve">过度减肥会对身体造成什么危害 </t>
  </si>
  <si>
    <t>做任何事情都不能过头,减肥要根据自身的实际情况来定.减肥过度会使自己的身体素质下降,身体变虚，骨质疏松，肌肉缺乏弹性。过度的话，造成厌食症，内分泌失调，精神崩溃，甚者可能导致死亡，美国每年因为减肥而死亡的人不在少数。凡事都应有度。</t>
  </si>
  <si>
    <t xml:space="preserve">东方神起在日本的人气到底如何 </t>
  </si>
  <si>
    <t>应该是很高的吧~在日本开巡回演唱会反应都还不错的，但是听说日本J家也出男子组合，所以咱们宝贝们在日本宣传占不到什么便宜，上的节目都不是什么黄金时段的节目 但是即使这样 咱们宝贝在日本还是很受欢迎的~</t>
  </si>
  <si>
    <t xml:space="preserve">41了.怎么还没接到空冥修真任务啊.谁告诉我啊 </t>
  </si>
  <si>
    <t>是它自己弹对话框出来，然后上天泪找洞冥，他会叫你去挂一次，空冥很好修的。</t>
  </si>
  <si>
    <t xml:space="preserve">问道密保卡真的有用？？？？？本人万里长城一94力火，自信在帐号防 </t>
  </si>
  <si>
    <t>　　密保卡也不能完全说它没用．只不过它有用的基础是你电脑的自身安全要到位．　　我们在电脑游戏的时候更重要的是要注意电脑自身的安全，很多时候我们在有密保和电脑安装有杀毒软件的情况下，我们的号还是被洗，这个时候你要注意给自己电脑的系统补漏洞了，当系统有漏洞的时候你的安全措施做的在完善也等于白做．　　在这里也有个小小的建议，建议大家用电话密保，这个我认为是很安全的．如果不嫌麻烦的话就直接锁社区，每次上线就得去社区解锁，这样是很安全的．　　最后提醒一下在家里玩游戏的朋友，ＱＱ最好少上，就算有朋友聊天上了也最好别和陌生人说话．</t>
  </si>
  <si>
    <t xml:space="preserve">关于秦汉的官制，通典和文献通考哪个更有史料价值？ </t>
  </si>
  <si>
    <t xml:space="preserve">通典和文献通考这两个都不错秦汉时期制度都记录的比较详细，虽然两部所做的朝代不同相比之下，文献通考显得比通典要详细，近代学者治史，以及关于秦汉官吏制度等，大多取材于此书。 </t>
  </si>
  <si>
    <t xml:space="preserve">韩服天堂1骑士光箭如何学?详细点,我是新手, </t>
  </si>
  <si>
    <t>这里是天堂2专区</t>
  </si>
  <si>
    <t xml:space="preserve">我现在很苦恼因为上篇的问题。我现在觉得自己什么都没有，也不知道做 </t>
  </si>
  <si>
    <t>其实你现在觉得自己什么都没有 那么就是开始让你拥有的时候了~祸兮福之所伏~马上就会有所改变的~好好努力~有一颗向上的心~加油哦~</t>
  </si>
  <si>
    <t xml:space="preserve">我的物理从初二起就很差，上课也不认真听，现在想学好来，却不知道从? </t>
  </si>
  <si>
    <t>你现在准备读初三吧，你想从新学是很好的，原来没有学好初二的物理没关系，只好现在开始学习还是可以学好的。充分利用署假，认真看书和完成课本作业，外加一本同步练习。只要你坚持不懈努力，有什么问题及时解决，我很乐意帮助你，你一定能够取得优异成绩的。</t>
  </si>
  <si>
    <t xml:space="preserve">电路功耗问题用电器为一个纯电炉丝，带有二极管的电路热量要低一些， </t>
  </si>
  <si>
    <t>　　当然加了二极管的只有半个周期的交流电能对电热丝加热，在交流电的整个周期中工作时间只有一半，所以这时功率为300W；不加二极管的，交流电的正、负半周都有电流经过负载，这时功率为600W。家用的电热毯工作在高、低档就是这个原理。　　二极管起到让负载工作在“低档”，功率减半。从发电厂来讲，半波整流对发电机、变压器来讲是不利的，但对于小功率电器来讲，所起的影响可以不计，而且如果有许多这种电器在工作，就会抵消这种不利影响。</t>
  </si>
  <si>
    <t xml:space="preserve">600208怎么操作好 </t>
  </si>
  <si>
    <t>震荡向上,没有明显的头部迹象形成前,持有为主.</t>
  </si>
  <si>
    <t xml:space="preserve">秀舞者里面的YY好看不有没有QQ炫舞的好看，消费怎么样 </t>
  </si>
  <si>
    <t xml:space="preserve">这2个游戏里的YY我都不喜欢。我最喜欢的是51新炫舞的YY，个性，时尚、可爱。好多人现在都在玩了，消费吧。还可以。做做任务的代币就可以买YY。基本不怎么用钱，还能认识好多好朋友。。来吧。  地址： </t>
  </si>
  <si>
    <t xml:space="preserve">减肥我本人上身不算胖，可是大腿（膝盖）却很粗，我想了解下可以如何 </t>
  </si>
  <si>
    <t>每天拉拉腿、睡觉时将腿踮起来（比心脏高），坚持一个多月试试还有，就是要少吃</t>
  </si>
  <si>
    <t xml:space="preserve">25了我的状况用什么化妆品好？肌肤状态：我今年26岁经常熬夜，现 </t>
  </si>
  <si>
    <t>我觉得枚琳凯的效果还可以，反正我自己也在使用，我是油性的，所以还不是特别严重，但也有一条，使用后相对淡化</t>
  </si>
  <si>
    <t xml:space="preserve">与爱同行与爱同行与爱同行与爱同行与爱同行 </t>
  </si>
  <si>
    <t>送分的吧，送给我行吗</t>
  </si>
  <si>
    <t xml:space="preserve">迅雷到底占多少内存? </t>
  </si>
  <si>
    <t>如果缓冲区设置过大，就会占用大量的内存</t>
  </si>
  <si>
    <t xml:space="preserve">要是真的有外星人我们还会着样吗?现在世界上都是在勾心斗角,要是有 </t>
  </si>
  <si>
    <t>好啊,跟外星人干一场,我们人类就不自相残杀,联合起来一起对付外星人,保卫地球家园.不过我还是希望我们遇到好一点的外星人,然他们教我们新技术,和睦相处.</t>
  </si>
  <si>
    <t xml:space="preserve">大卫牌的排卵试纸可不可以测怀孕，在线等！！！ </t>
  </si>
  <si>
    <t>那你就买测孕试纸两三块钱很便宜的</t>
  </si>
  <si>
    <t xml:space="preserve">第十二届华语榜中榜为什么王力宏没来在颁奖是,一个女的帮王力宏领奖 </t>
  </si>
  <si>
    <t>在拍&lt;色戒&gt;很忙~~~~~~~~~~~~~~~~~~~最爱力宏</t>
  </si>
  <si>
    <t xml:space="preserve">学英语用什么样的方法收效最快呢？怎么才能学好英语呢？是不是真要死? </t>
  </si>
  <si>
    <t>死记硬背那是在初级阶段，有一定基础之后就应该看一些英文小说，自己尝试着用英语写一些东西等，不过最好的还是－－看电影！！电影的视觉效果和声音资料，会对语言综合能力的提高有极大的帮助，还可以感受到电影英语语言的生活化和真实性。</t>
  </si>
  <si>
    <t xml:space="preserve">我家楼上住着一家神经病啊我们家跟他们家一起住了很多年啦,他们家天 </t>
  </si>
  <si>
    <t>一、生活噪音公安管！《中华人民共和国治安管理处罚法》第三章第五十八条：“违反关于社会生活噪声污染防治法律规定，制造躁声干扰他人正常生活的，处警告；警告后不改的，处200元以上、500元以下罚款”。——该法自2006年3月1日已经施行。 二、侵权行为法院管。《中华人民共和国物权法法》其八十三条：“业主大会和业主委员会，对任意弃置垃圾、排放污染物或者躁声，有权……。业主对侵害自己合法权益的行为，可依法向人民法院提起诉讼”。——但该法自2007年10月1日才施行。 当务之急， 建议你马上依据《治安管理处罚法》，向当地公安派出所提出申请。 死不承认？公安可以到你家取证啊！这个证不难取啊。</t>
  </si>
  <si>
    <t xml:space="preserve">请问南京什么地方批发布匹（那种可以做床单，被罩的布）谢谢你告诉我 </t>
  </si>
  <si>
    <t>除了布料城还有金桥西楼的三楼也有。</t>
  </si>
  <si>
    <t xml:space="preserve">长头发大眼睛的人适合什么样的卷发呢？ </t>
  </si>
  <si>
    <t>高三很年轻啊,大卷好,你眼睛有大,会很像洋娃娃.</t>
  </si>
  <si>
    <t xml:space="preserve">求神医修龙TXT1到最新的，有的大大发我邮箱谢谢！！！ </t>
  </si>
  <si>
    <t xml:space="preserve"> tp://  tp:// </t>
  </si>
  <si>
    <t xml:space="preserve">谁能帮我改改1k我不会 </t>
  </si>
  <si>
    <t>你好！尺寸：128*152大小：7.93 KB格式：JPEGOK？</t>
  </si>
  <si>
    <t xml:space="preserve">我想知道实习证明是咋个弄啊？在单位开，还是自己学会发一个鉴定表给? </t>
  </si>
  <si>
    <t>实习单位开出的实习证明</t>
  </si>
  <si>
    <t xml:space="preserve">赛欧srv起车抬离合时车发抖怎么回事？我的车赛欧srv已跑600 </t>
  </si>
  <si>
    <t>你可以试试，把油门稳住，发动机转速２５００转，起步如果还抖，那就是离合器的问题，需要更换了．如果不抖了，那就是发动机内部积碳多了，导致热车发动机工作不良，需要清洗．一般与保养无关，在正规４Ｓ做的保养肯定不会有问题，但是路边的小店就不好说了．打这个电话4007065057-1021，找一家合适的4S点查一下。</t>
  </si>
  <si>
    <t xml:space="preserve">请问魔力宝贝四个字在哪打1234级的谢谢!给个网址也行 </t>
  </si>
  <si>
    <t>哥们  不是打,是作任务的道具,今天应该关了吧,估计不会在开了.</t>
  </si>
  <si>
    <t xml:space="preserve">包皮问题我的JJ在软的时候，，龟头可以翻下很多，当是硬的时间，只 </t>
  </si>
  <si>
    <t>你应属于，即包皮不能翻转，不能暴露阴茎头。包茎分为先天性与后天性。　　 先天性包茎可见于每一个正常男性新生儿及婴幼儿。小儿出生时包皮与阴茎头（龟头）之间粘连，3～4岁时，由于阴茎及龟头生长，阴茎勃起，大部分儿童包皮可自行向上退缩，外翻包皮可显露龟头，但有部分儿童包皮口非常细小，使包皮不能退缩，妨碍龟头甚至整个阴茎发育。其包皮口似针孔大小，以至发生排尿困难。有包茎的儿童，由于尿液积留于包皮与龟头之间，产生分泌物及表皮脱落，形成过多的包皮垢，经常刺激包皮内板及龟头，可造成包皮炎及尿道口炎，严重者可引起包皮和龟头溃疡或形成结石，有的患儿排尿时可见豆渣样物排出或排尿困。所以患有先天性包茎儿童3～4岁无明显改变，尤其经常红肿发炎者，必须行包皮环切术，以免由于包皮反复感染、红肿，造成逆行感染，引起尿道炎或膀胱炎，另外，长期的包皮发炎，是诱发包皮癌的重要因素。　　 后天性包茎多继发于包皮过长引起的包皮炎及包皮和阴茎头的损伤。包皮口有瘢痕性挛缩，失去皮肤的弹性和扩张能力，包皮不能向上退缩，伴尿道口狭窄。后天性包茎必须行包皮环切术，方可治愈。　　治疗：婴幼儿期的先天性包茎，可将包皮反复上翻，以便扩大包皮口。此过程手法应轻柔，且每次应适可而止，以免引起患儿疼痛。当阴茎头露出后清洁包皮垢，再将包皮复原，否则会造成嵌顿包茎。如包皮口很紧，不能上翻或后天性包茎，均行包皮环切术。</t>
  </si>
  <si>
    <t xml:space="preserve">五个月的宝贝鼻子不通气怎么办？小儿不发热，但鼻子不通气医生开了头 </t>
  </si>
  <si>
    <t>新生儿鼻腔短而小，鼻道窄，血管丰富，与成人相比更容易发生炎症，致使孩子不能很好地吃奶，情绪烦躁，哭闹，张口呼吸，所以说保持新生儿呼吸道通畅，就更显得重要。 　 　　鼻子不通气可以采取以下方法处理：用母奶点1滴在小儿鼻腔中，使鼻污软化后将棉丝等物刺激鼻腔致使小儿打喷嚏，利于分泌物的排出；或用棉签沾少量水，轻轻插入鼻腔清除分泌物。注意动作一定要轻柔，切勿用力过猛损伤粘膜，造成鼻出血。对没有分泌物的鼻堵塞，可以采用温热毛巾敷于鼻根部的办法，也能起到一定通气的作用。治疗鼻子不通气，还可以用些促使鼻粘膜血管收缩的药物，但这必须在医生指导下使用，并且应严格控制使用次数及剂量，新生儿一般实在非用不可时，1天最多只能滴1-2次，因为长时间用药可产生依赖性，造成药物性鼻炎。切记如果家长自已未能解决上述问题，应及时就诊。</t>
  </si>
  <si>
    <t xml:space="preserve">娱乐在湖南卫视星期五名声大震第四场中的男女组合保剑锋和简美研唱的 </t>
  </si>
  <si>
    <t>那首韩文歌是《打电话》原唱：mina（米娜）试听下载： 当日视频，可以观看、下载： 不过，您说的是保剑锋和蔡妍吧～简美妍和胡彦斌是一组的～</t>
  </si>
  <si>
    <t xml:space="preserve">[急求]美少女战士的图片!!!急求美少女战士的图片!!!我很急, </t>
  </si>
  <si>
    <t>我很喜欢的一幅图，不过中间有点折……</t>
  </si>
  <si>
    <t xml:space="preserve">如何能不感到不辣因为本人不怎么会吃辣，但和朋友打赌比吃辣！想请问 </t>
  </si>
  <si>
    <t>^_^！我有经验！一定要用椰子汁！！！屡试不爽的！！椰子为弱碱性，有涩味，可以迅速解辣，我试过其他的，还是椰子汁最好！！希望对你有帮助。（吃完辣东西后马上喝，不要急着咽啊！）</t>
  </si>
  <si>
    <t xml:space="preserve">如何在premiere中加入文字.PREMIERE好像没有文字工? </t>
  </si>
  <si>
    <t>你是指字幕吗？字幕最好在PHOTOSHOP里制作好，然后在premiere导入就好了。也可以在左上角点文件-新建-字幕，里面有很多种文字样式，你可以选自己喜欢的。另外说一句，我就是干这个的，有什么问题都可以提。</t>
  </si>
  <si>
    <t xml:space="preserve">Propolis的中文意思？食品贸易术语 </t>
  </si>
  <si>
    <t>Propolis，原意是蜂胶，作为食品贸易术语应当是共盈。</t>
  </si>
  <si>
    <t xml:space="preserve">求教初三数学题已知D、E分别在三角形ABC的边AB、AC上.（1 </t>
  </si>
  <si>
    <t>见图.根据“底共线时，三角形面积之比，等于底之比”，“三角形相似比等于对应边之比的平方”</t>
  </si>
  <si>
    <t xml:space="preserve">鬼剃头是怎么回事啊，应该要怎么去治 </t>
  </si>
  <si>
    <t>鬼剃头又叫斑秃斑秃与气血双虚,肝肾不足,血瘀毛窍有关。治疗脱发的关键是内调，汉方育发茶内调，改善血液循环系统，补精血肾虚，疏经络调内分泌。汉方育发茶1个月就能止住脱发，2-3个月能长出毛发，茶疗的零副作用也比较适合脱发人群。</t>
  </si>
  <si>
    <t xml:space="preserve">广州高三复读哪成绩比较好？广东理科生461分，不一定能被2B补录 </t>
  </si>
  <si>
    <t>我上网了解过，卓越的高三复读成绩很不错。在卓越高考承诺项目里面，每10人就有6人超重本线了。而且在同类复读学校里面，只有卓越高三复读是连续7年本科率第一的，应该还算是可以的吧！</t>
  </si>
  <si>
    <t xml:space="preserve">我现在有美元，是换成澳元好，还是把美元留在手里？我现在人在澳洲， </t>
  </si>
  <si>
    <t>几种方案供参考：一、用美元在当地炒汇。一边上学，一边炒汇玩，不受影响。关键要了解当地银行的点差，学习一些炒汇知识。二、机会适宜时兑换成其它外币。澳元是不错的选择，注意观察，待澳/美达0.75以下时全部兑掉（0.75不难达到，去年曾到过0.68以下），再存入银行拿利息，等你回国或需用美元时，你可在澳/美达0.79以上时换回来，利润我就不用说了。三、买成高息产品。到当地银行或者中行找一些年息达百分之五以上的外汇产品存起来。缺点是急用钱时难取。综上所述，一二种方法为上策。</t>
  </si>
  <si>
    <t xml:space="preserve">李易峰的照片高清无水印的合集，哪有啊？ </t>
  </si>
  <si>
    <t>这里有100多张李易峰的高清无水印帅气写真图集，目前我在互联网上能搜索到最全的一个，写真帖子集了，峰峰真是帅翻了~http://www.qqu.cc/html/qqpifu/mingxing/177.html</t>
  </si>
  <si>
    <t xml:space="preserve">无需注册的能下载的电影网站（必须是能看的）2个以上能下载的 </t>
  </si>
  <si>
    <t xml:space="preserve"> 我看 的都是从上面 下载的</t>
  </si>
  <si>
    <t xml:space="preserve">宝宝大便有血是怎么回事？我的宝宝1个多月了，前些天就发现大便有血 </t>
  </si>
  <si>
    <t xml:space="preserve">先搞清楚是什么原因,如果是着凉,降火茶不是更严重吗?先用妈咪爱或者思密达，配合丁桂儿脐贴一起使用，最好能去医院再检查下 </t>
  </si>
  <si>
    <t xml:space="preserve">如何才能挽回男朋友的心我和我男朋友在一起一年多，我真的真的很爱很 </t>
  </si>
  <si>
    <t>幸福是靠自己去争取的，既然他不理你，那么他爷爷生日就是上天给你安排的，这是你最后一次机会，能不能挽回就看那一天了。另外：对待男孩子脾气不要太暴躁，公共场合和朋友间要给男朋友面子，在家里你要是对他不满意，可以边调情边骂，只要骂的不过分，男人都可以接受的，不怕你们笑话，我还挺喜欢被心爱女人骂的</t>
  </si>
  <si>
    <t xml:space="preserve">扫描的WINDOWS系统漏洞，看不懂。。求解释 </t>
  </si>
  <si>
    <t>不知道你使用的什么系统？也不知道你用什么东西扫描出来这么个结果？这个是1年多以前发布的系统漏洞补丁应该早就被修复了；1.修复系统漏洞最好的方法就是使用WINDOWS的自动更新 他会准确的根据你的系统的情况来决定是否需要某个补丁； 如果是因为盗版不能使用这个功能 可以使用“XP序列号自动更换器”   点一下就可以变成正版了 2.也可以试试安装360安全卫士 运行“修复系统漏洞”，扫描后点“下载并修复”其他工具报告的漏洞补丁都不可靠</t>
  </si>
  <si>
    <t xml:space="preserve">关于爱问怎么删除爱问里以前提的问题？ </t>
  </si>
  <si>
    <t>爱问里以前提的问题未解决的 提问人可以选择撤销 撤销以后以灰色字体显示 网友们不可打开已经解决的 不能删除 因为已经解决的问题是作为知识为大家共享的如因涉及隐私等合理原因 可以联系编辑撤销</t>
  </si>
  <si>
    <t xml:space="preserve">请问男人键身练出大块肌肉体重会不会增加? </t>
  </si>
  <si>
    <t>一般来说，要锻炼出大块的肌肉，两个方面是必须的：1.大量的器械力量练习，当然要注意循序渐进并注意练习前的准备活动，否则很容易拉伤肌肉；2.补充营养，主要是葡萄糖和蛋白质，葡萄糖是大量器械练习所需能量的主要来源，蛋白质是肌纤维增粗和肌肉生长生长所必须的物质。袋装的葡萄糖市面上有卖，大概8-10元左右一斤，蛋白质则最好使用蛋白质粉，乳清蛋白粉一般比较贵，500克一桶的要200-500元不等。最好的方法是去健身中心报名，在正规教练的指导下练习并补充营养，效果最好。可以增加体重的。</t>
  </si>
  <si>
    <t xml:space="preserve">求哥哥姐姐帮我，我好痛苦不知道怎么办，我是听妈妈的还是坚持自己的? </t>
  </si>
  <si>
    <t>傻瓜妹妹，我也是比你大一岁的男孩子了。可我看到你说这段信息，我也很茫然，毕竟爱情不是可以骗人的！但，你要记住爱情确实可以用来伤害的`~至于你说的这段感情呢，我想对于现实不会是太真实的！他大你这么多，而他又没有什么固定的工作，呵呵~可能这时你又会帮他说，“我不在乎”是呀，爱一个人，不必需要得到太多，能够实实在在的得到他个人就是最大的心愿了，不是吗？我想要是我是你的话，同样会和你一样，很茫然！……你有没有想过你们以后在一起的时光会有出路吗，既然家里人都不认同他了，还在一起可以吗？为了他你连家庭都可以不顾了吗？做为家庭的父母真是一大悲哀，他们养你这么大了，你忍心伤害他们吗？以后的路还有很长，爱情毕竟不是一个人的事，也不是你我都可以做的出的决定，爱情不同于，玩过就可以笑过！……我也有过很多感情，可是这样我一直都做了爱情负债的孩子！有没有考虑你以后真的和他在一起，是不是连你家门都不要进了……为了一个人，你不要自己亲生养育你的家庭了吗？！呵呵~是不是很苦恼？我给你打下这些字时，同样也很头痛！！！算了，爱他就放弃他吧？这不是值与不值的事，为了你爸爸妈妈，也为了你以后能够过的幸福，放手吧！！要是我是他的话，我说的话，你也许不会信的，可是我毕竟是男生呀！！！我们也应该有共同的语言了吧！我想他爱你是真的，但爱的却是你的肉体，你想一个古惑崽早晚都要出事的，再说，以后他在社会上风云火火时，遇到烟尘女子会不再动心吗？男孩子就是这样现在他是在乎你，我也看的出来，他是爱你的，但是你们结婚以后呢？他得到了你还会这样吗/希望你会找到自己的幸福吧！别忘了你还有学业未完成！！！！衷心祝福你和以后的老公以及你的家人能够幸福！……好辛苦呀，忘记吧，虽然会很痛的……</t>
  </si>
  <si>
    <t xml:space="preserve">怎样搞好人际关系我是一个刚出来不久的学生,别人介绍我进了一个厂, </t>
  </si>
  <si>
    <t>以自己的行为方式做就可以了.你想为了别人而改变自己吗.如果不想,那么就该怎么做就怎么做吧.</t>
  </si>
  <si>
    <t xml:space="preserve">1个月宝宝脸上起像痱子一样的红色小包怎么回事 </t>
  </si>
  <si>
    <t>可能是婴儿湿疹，北京儿研所研制的“肤乐霜”很好使。</t>
  </si>
  <si>
    <t xml:space="preserve">请问我这样的胸型好吗（只请男性回答）我的乳房很大，圆圆的，高高的 </t>
  </si>
  <si>
    <t>你是不是在调戏我啊，在勾引我，你知道不知道你太坏了，这么好的东西怎么可以随便说呢，真是的，有什么话要私下里谈，不能让别人知道了。</t>
  </si>
  <si>
    <t xml:space="preserve">请问，胆囊息肉是看肝胆内科还是肝胆外科？胆囊息肉能根治吗？谢谢！ </t>
  </si>
  <si>
    <t>您好，麻烦问下是多大的息肉？</t>
  </si>
  <si>
    <t xml:space="preserve">"惊喜"用英语怎么说 </t>
  </si>
  <si>
    <t>pleasant surprise  惊喜1.What a pleasant surprice running into you . 碰见你真是太棒！2.What a pleasant surprise! I haven’t seen you for a long time. 真叫人惊喜！ 我好久没看到你了。 3. What a pleasant surprise! 很让人惊喜！4.What a pleasant surprise you gave me! 你给我一个惊喜。</t>
  </si>
  <si>
    <t xml:space="preserve">周渝民主演的《狂爱龙卷风》在哪里可以免费下载或在线观看？请把网址 </t>
  </si>
  <si>
    <t xml:space="preserve">随便那个都行的  高清晰精彩RMVB《狂爱龙卷风》免费下载地址，可以下载  　     费在线收看网站,大家快进啊~~~~~~~~〓〓〓〓〓≯  　     </t>
  </si>
  <si>
    <t xml:space="preserve">请问4000基金老师大盘明天走势？请问老师明天大盘走势如何？我按 </t>
  </si>
  <si>
    <t>后市热点仍是超跌反弹,大盘预计经过窄幅调整后选择向上.600376首开股份</t>
  </si>
  <si>
    <t xml:space="preserve">“既”和“暨”有什么区别？ </t>
  </si>
  <si>
    <t>两者只在表和意思时相差不多,暨在古文里常用.既jì　ㄐㄧˋ(1)动作已经完了：～往不咎。～而。(2)已经：～成事实。～定。(3)常与“且”、“又”连用，表示两者并列：～快又好。郑码：XOHR，U：65E2，GBK：BCC8笔画数：9，部首：?仕潮嗪牛?11541535暨jì　ㄐㄧˋ(1)和，及，与。(2)到，至：～今。(3)姓。郑码：XOKA，U：66A8，GBK：F4DF笔画数：14，部首：日，笔顺编号：51154153525111</t>
  </si>
  <si>
    <t xml:space="preserve">高清电影如何下载 </t>
  </si>
  <si>
    <t>告诉你吧...高清电影不是下载方法对了它就高清了,也不是电脑配置高了它就高清了,而是它本来影片就要是高清影片才行.....像现在比较新出的电影都没高清格式的,有个枪版(电影院里那摄象机拍的)都不错了....那怎么知道那部电影是不是高清呢??给你说个最简单的办法.看大小..一般一部影片超过1个G的那就差不多是高清了....别惊讶,我最大的下过8个G一部的电影~~~其实播放器到没那么重要..最重要的是影片!望好评···谢谢。</t>
  </si>
  <si>
    <t xml:space="preserve">肺癌根除术后是否需化疗，如何治疗？生物疗法可以吗？男64岁，20 </t>
  </si>
  <si>
    <t>肺癌最大直径5cm(T2a)，如果没有淋巴结转移(N0)和远处转移(M0)，T2aN0M0，属于Ib期，这一期的肺癌术后是否要行化疗尚不非常明确，有－定的争议，可观察，如对有高危因素的患者一般建议化疗，如肿瘤分化差、血管有侵犯、肿瘤大于4cm、淋巴结清扫取样不够、肿瘤切缘近等，基于此，由于肿瘤5cm，可考虑术后化疗，当然还要结合病人身体情况等综合判断决定。术后治疗指化疗，其他所谓生物治疗不靠谱，而靶向药物仅限晚期患者不适用术后辅助治疗患者。建议和主管医生坐下来好好商议，另建议如做化疗，最好转肿瘤内科进行。以上仅供参考。</t>
  </si>
  <si>
    <t xml:space="preserve">您是怎么理解这句话的？？？？‘不穿丝袜的女人不是真正的女人’。 </t>
  </si>
  <si>
    <t>如果是男人，穿了丝袜也没人会说他是女人的。</t>
  </si>
  <si>
    <t xml:space="preserve">一天抽11根烟多吗？ </t>
  </si>
  <si>
    <t xml:space="preserve">不抽正好， 一抽就多， 、吸烟的害处实在太多了，可导致呼吸道疾病，心脑血管疾病，肺癌等等，而且被动吸烟害处更大呢。我以前就是一个十足的烟民，其他人怎么劝都不好使，抽得脸色都不好，还咳嗽。对我来说戒烟真是太痛苦了，失眠，瞌睡，神情恍惚，食欲不正，焦躁，浑身无力，注意力不集中……想毅力戒烟真是忍不住。 后来还是我朋友向我推荐了产品，现在啊，不但自己成功戒烟了，而且谁在我面前抽烟我都没感觉。不再想抽烟了。 让我不仅戒了10多年的烟瘾，而且还让我健康了很多！你也可以试试哦，可许对你也有效呢， 可以去瑞.美jie烟网了解。 </t>
  </si>
  <si>
    <t xml:space="preserve">这种人能去证券公司应聘什么工作？证券从业资格证五门都考过了。大专 </t>
  </si>
  <si>
    <t>一般刚开始可以应聘客户经理，后期可以朝内勤，后台服务。或者朝分析师靠拢。</t>
  </si>
  <si>
    <t xml:space="preserve">大学英语适合什么样的字典呐？求推荐？有人说剑桥好也有喜欢用朗文的? </t>
  </si>
  <si>
    <t>首先要弄清楚英语词典的5种分类：英汉双解词典，英语学习词典，英英词典，汉英词典，图解词典。1、英汉双解词典英汉双解词典是在英语原版词典的基础上加上汉语释义的词典。比如《牛津英汉双解小词典》、《牛津袖珍英汉双解词典》以及《牛津现代英汉双解词典》等。使用英汉双解词典，你既能了解这个单词汉语的对应词，又能通过其英语释义更清楚、更准确解其含义，避免单纯看汉语对应词而产生的词义扩大或缩小等带来的理解偏差。另外，使用英汉双解词典可以增加英语语感，同时学习到比较地道规范的英语用法和说法。初学者最好选用程度较低的这类词典，如《牛津英汉双解小词典》和《朗文初阶英汉双解词典》。2、英语学习词典一般选用英语学习中最需要的常用词汇，提供丰富的句型、疑难说明及词汇搭配、词语辨析等功能，如：《朗文当代英语学习辞典》、《朗文高阶英语词典》、《朗文中阶英语词典》、《麦克米伦高阶英语词典》《韦氏中国学生英汉双解词典》等都是此类词典。3、英英词典一般是由母语为英语的人编写的纯英语的单语词典，无论是释义还是例句，都是用英语表达的，没有中文对应词和翻译，可以说为学习者提供了一个纯英语的环境。通过查词典可以增加英语的阅读量，而看懂英语释义的过程就是学习用英语思考、用英语理解的过程，能够增加语感，准确理解英语单词的词义及用法，有助于培养英语学习者书面语和口语的准确表达及语言技能的恰当运用，适合于一般中级或中级以上水平的学习者使用。4、汉英词典提供汉语词条的英语对应词，还有一种汉英双语词典，不仅提供对应词，还把汉语的释义完整的翻译成英文。5、图解词典以图解的形式来编排词典，主要词条配有图片，帮助查阅者准确理解词义，因此非常形象直观。图解字典可以加强对单词的感性认识，帮助记忆，又能增强查阅词典的趣味性。推荐的一些权威词典：《牛津高阶英汉双解词典》和《朗文当代高级英语辞典》《牛津高阶英汉双解词典》历史悠久，从20世纪20年代第一版算起，到现在已经出版了6个版本。其释义严谨，讲究准确，但英文释义阅读起来有一定难度。另外它的语法标注详细，在读者中享有盛誉。《朗文当代高级英语辞典》以读者为中心，采用词汇控制理论，用2,000个最简单的英语单词解释所有词条，因而浅显易懂。朗文词典清楚地区分口语和书面语，最常用的词汇按照频率分成1,000、2,000和3,000三个等级。朗文的例句口语化，而且全部选自真实的日常对话，更适用于强调英语口语学习的读者。此外朗文词典图文并茂，用法说明详细丰富，尤其受到大学和中学教师的欢迎。还有麦克米伦词、典剑桥词典、柯林斯词典等。 （正好在沪江上看到这篇文章，就给你贴过来了，字典神马的适合自己就好）</t>
  </si>
  <si>
    <t xml:space="preserve">请教大家一个问题如果里米里和曼托瓦打平，那么该谁派第六呢？是比较 </t>
  </si>
  <si>
    <t>如果里米里和曼托瓦打平，博洛尼亚布雷西亚都胜，那么里米里和曼托瓦博洛尼亚3队同积65分，相互胜负关系里米里第6，或是博洛尼亚大胜排第6（不太可能，能打10球吗，我不信，除非布雷西亚输）</t>
  </si>
  <si>
    <t xml:space="preserve">经常会突然掉线！我是电信玩家，用的是红色变挡和LX，最近几天打怪 </t>
  </si>
  <si>
    <t>你确定你的外挂和游戏没问题之后,那我可以告诉你,是电信的瞬断问题,这是跟供应商有关系的,不是你个人能解决的.瞬断的意思就是:瞬间的断网,但你掉线之后再上线一切还是正常的.这类情况,我这儿也发生过.要解决此类问题,只有设述供应商,仅供参考</t>
  </si>
  <si>
    <t xml:space="preserve">羽灵赚钱有哪些方法如题 </t>
  </si>
  <si>
    <t>你可以去刷FB，带小号，要是你长得够漂亮还可以去卖~</t>
  </si>
  <si>
    <t xml:space="preserve">眼睛老是痛怎么办啊，老感觉眼睛里有东西。 </t>
  </si>
  <si>
    <t>建议到医院眼科检查是否结膜炎、角膜炎等疾病。建议你到医院检查一下在服用药物，祝好。感觉眼睛有异物吧，那有可能是沙眼哦，最好去看下医生吧，早日康复。（我的回答有帮到你的话，麻烦给好评哦，亲的鼓励将是我最大的动力。）你这个情况应该是沙眼或者结膜炎哦，总是感觉眼睛里面有异物哦，建议用点红霉素眼药膏涂涂试试看，如果还不行的胡啊，就要就医了，眼睛的事情可不要忽视哦~~~如果您觉得我的答案可以帮助您，请点击左下角“好评”，谢谢！首先去医院做个检查 然后自己可以用点眼药水最常见的原因是结膜炎和结膜结石，其次是角膜炎，具体情况需要检查以后才能明确的。这种情况要注意结膜炎、角膜炎等疾病造成的可能，可以使用左氧氟沙星滴眼液来进行治疗，必要时到正规医院的眼科进行诊治，,麻烦设置为【好评】哦! 非常感谢了。</t>
  </si>
  <si>
    <t xml:space="preserve">我怀孕了吗请教专家：我的月经已经超了6天没来，在超了第3第4天时 </t>
  </si>
  <si>
    <t>　　1、用早孕卡测清晨第一次小便，可以测出早早孕。2、如果怀孕后再出血就不正常。3、做B超排除先兆流产和宫外孕</t>
  </si>
  <si>
    <t xml:space="preserve">我病了，女友怎么也不关心我。昨天放学时，我说我特难受，明天可能不 </t>
  </si>
  <si>
    <t>她可能比较忙吧，不要太放在心上了。或许是有什么事耽误了，在等等吧</t>
  </si>
  <si>
    <t xml:space="preserve">ET是什么意思？ </t>
  </si>
  <si>
    <t>外星人。</t>
  </si>
  <si>
    <t xml:space="preserve">急:隔离霜的问题?我21岁,马上要开学了,想买隔离霜.皮肤属于混 </t>
  </si>
  <si>
    <t>隔离霜雅芳有一款，在店里35元左右就能买到；爽肤水强烈推荐妮维雅的！！具体用那种，最好你去详细看一下：）</t>
  </si>
  <si>
    <t xml:space="preserve">广州哪个快递公司可以做全国代收不知道大家在做代收货款的时候有没有 </t>
  </si>
  <si>
    <t xml:space="preserve">专业国际国内快递业务广州-香港-台湾-澳门等国际专线代理DHL、UPS、TNT、FedEx、ENS等！ </t>
  </si>
  <si>
    <t>为什么网页最上方会有(新消息)</t>
  </si>
  <si>
    <t>这是爱问改版后添加的新功能</t>
  </si>
  <si>
    <t xml:space="preserve">旁氏,丁家宜,玉兰油哪一种不刺激皮肤?我的皮肤属于油性皮肤,也很 </t>
  </si>
  <si>
    <t>肌肤敏感的原因很多，比如：敏感型体质、品内的添加剂和化学成分等刺激、环境转变、生活质量、饮食等等。都能导致肌肤敏感。楼主是油性偏敏感的肌肤在选用护肤品的时候更要谨慎挑选。几乎所有的护肤品中都含有防腐剂、化学添加剂等肌肤不需要的成分。添加这些成分是化妆品生产过程中国家认可添加的成分，微量不足以危害到健康，但是却非常容易引起肌肤问题，长久使用不但没有护肤的效果，更是肌肤的慢性杀手！为什么要添加防腐剂？不添加防腐剂的化妆品不能长时间存放，尤其是进口护肤品，进入中国要通过报关、检验等多道手续。真正上柜销售则是4个月以后的事情了。而且，瓶装越大的护肤品所含的防腐剂就越多！很多人都会说，不会吧！十几年了，我用到现在也没有什么不好嘛！其实，防腐剂带来的危害真的不是一天两天就可以看的到的。因为，防腐剂不是肌肤所需要的营养，所以在肌肤吸收了防腐剂后会慢慢的沉淀在肌肤底层。就像为什么有些人年轻时候身体很好，到了年纪大了什么毛病都出来了一样！防腐剂可以加速肌肤老化，也是导致过敏和刺激的原因所在。当然其他很多化学成分也是一样。如：果酸果酸为什么能使肌肤变得细嫩？人的正常新陈代谢周期在28天至40天左右，果酸则让新陈代谢的速度加快数倍，10天或者2天就更新一次。这样的话肌肤怎么可能承受的了？这就是为什么刚开始使用果酸效果非常好，长期使用就会让肌肤变薄的原因所在！所以，楼主你可以自己考量一下，是不是还愿意每天用防腐剂涂抹肌肤。我推荐你使用FANCL无添加的产品，不含防腐剂，护肤更有效！</t>
  </si>
  <si>
    <t xml:space="preserve">26个英文字母中，哪个最笨？ </t>
  </si>
  <si>
    <t>是Y</t>
  </si>
  <si>
    <t xml:space="preserve">AAAAAAAAAAAA2卡塔尼亚VS亚特兰33恩波利VS罗马4 </t>
  </si>
  <si>
    <t>这期太难了！！比赛太离谱，中不了的！！</t>
  </si>
  <si>
    <t xml:space="preserve">没办法集中精力看书怎么办一看书就觉得很烦，看了东西也没办法记住， </t>
  </si>
  <si>
    <t>不要看书书看在再多也没有用一定要做题我高考前一个多月因为骨折在家养伤，就只做题，看书也只看解法，最后高考时比前面的模拟考试分数要高出很大一皆</t>
  </si>
  <si>
    <t xml:space="preserve">历史教师招聘的教材是华图好还是中公好？ </t>
  </si>
  <si>
    <t>中公的哦！强大的师资力量，强大的研究团队，绝对权威</t>
  </si>
  <si>
    <t xml:space="preserve">产后12个月来了月经，现在已经10天没来了，怎么回事 </t>
  </si>
  <si>
    <t>你好生产后如果未哺乳2-3个月来月经。如果有哺乳6个月左右来月经。生产后体内激素水平紊乱，出现月经不调的情况也属于正常。严密观察。如果能帮助到你，把我回答的问题设置为“好评”。</t>
  </si>
  <si>
    <t xml:space="preserve">韦德是选秀顺位NBA选秀大会 </t>
  </si>
  <si>
    <t>首轮第五顺位被迈阿密热火队选中</t>
  </si>
  <si>
    <t xml:space="preserve">语法问题4请写出判断依据 </t>
  </si>
  <si>
    <t>选C正确！简介：   该题考查非限定性定语从句。   句意：罗马生产了大量的玻璃，用这些玻璃他们又制造了很多碟子和杯子。   make sth out of:用、、、、、、制作；由、、、、、、制成 A、D语意上不完整；B项，“介词+关系代词”结构中不用that；做连接词，意思是“既然，因为”，但不用于定语从句。故选C.</t>
  </si>
  <si>
    <t xml:space="preserve">谁能给吴姓男孩取个好名字？而且中间带“传字” </t>
  </si>
  <si>
    <t>吴传森森，希望他懂得一点一点地积累，大树不是一天不是一天长成的。慢慢的成长，长出茂密的枝叶，带着感恩的心为人们带去一篇阴凉。最终，拥有森林的阔达和伟大，一直一直传承下去</t>
  </si>
  <si>
    <t xml:space="preserve">权证能否参与正股的分红或除权??G万华公布分配方案，10股送4股 </t>
  </si>
  <si>
    <t>认沽权证只能把持有的股票在规定的时间,以规定的价格卖出,不能参与正股的分红或除权。</t>
  </si>
  <si>
    <t xml:space="preserve">成龙的儿子为什么姓房?？为什么不叫成祖名，要叫房祖名 </t>
  </si>
  <si>
    <t>其实成龙的名字原本叫陈港生,后来得知自己祖上姓房,他的名字就叫了房仕龙,后来又有了艺名成龙.所以他儿子也就姓房了,</t>
  </si>
  <si>
    <t xml:space="preserve">孩子反复发烧怎么办 </t>
  </si>
  <si>
    <t>应该是病毒性的，赶快去医院啊！！！</t>
  </si>
  <si>
    <t xml:space="preserve">高二不等式证明，帮忙！1、设f(x)=|lgx|,a、b是满足f </t>
  </si>
  <si>
    <t>∵|lga|=|lgb|∴lga=±lgb　即a=b或ab=1∵0＜a＜b∴ab=1　即a=1/b∵0＜a＜b∴a＜1＜b－－－－－－－－－－－－－－－－－－－－－－－－－－∵|lgb|=2|lg[b+(1/b)]/2|且b＞1；b+(1/b)＞2∴上式就可以化成b={[b+(1/b)]/2}^2整理得：4b=b^2+2+(1/b^2)∴4b-b^2=2+(1/b^2)∵b＞1∴2＜2+(1/b^2)＜3即2＜4b-b^2＜3－－－－－－－－－－－－－－－－－－－－－－－－－－－－－－求证:[a^2/(b+c)]+[b^2/(c+a)]+[c^2/(a+b)]≥[(a+b+c)/2] 利用柯西不等式(x+y+z)(a+b+c)≥[√(ax)+√(by)+√(cz)]^2∵[a^2/(b+c)+b^2/(c+a)+c^2/(a+b)]*(a+b+c)=(1/2)[a^2/(b+c)+b^2/(c+a)+c^2/(a+b)][(b+c)+(c+a)+(a+b)]≥(1/2)(a+b+c)^2∴[a^2/(b+c)]+[b^2/(c+a)]+[c^2/(a+b)]≥(a+b+c)/2</t>
  </si>
  <si>
    <t xml:space="preserve">怎样才能够使城里人娶农村人,农村人娶城市人,有钱的娶没钱的,这样? </t>
  </si>
  <si>
    <t>不可能的！除非你真的有乾坤大挪移术.....</t>
  </si>
  <si>
    <t xml:space="preserve">日元现在能兑换人民币吗？还是再等等？ </t>
  </si>
  <si>
    <t>目前不是买入美圆的时候，在等等把。最好现在买入欧洲货币。</t>
  </si>
  <si>
    <t xml:space="preserve">曾经无意中喜欢上一个人,但我们年龄却相距5岁,你说我们有可能成为? </t>
  </si>
  <si>
    <t>如果是女比男大５岁，我就要劝劝你了，女人衰老本来就比男人快，你都人老珠黄了，他还年轻，有代沟～如果是男比女大５岁，那我就要给你加油了，这是一个很好的年龄差，男人比你大一点，会关心你的．而且，５岁又不是什么很大的差距，蛮好，坚持下去吧！</t>
  </si>
  <si>
    <t xml:space="preserve">金融2007年10月多到年底买基金有可能亏本吗？ </t>
  </si>
  <si>
    <t>这个当然是可能的，特别是10月11－16日期间买的。如果股指在年底前回不到6000点，那么一般来说10月份买的基金很可能亏本。</t>
  </si>
  <si>
    <t xml:space="preserve">无性婚姻只能维持吗?因为各种问题也不想离婚,但又无法与老公沟通, </t>
  </si>
  <si>
    <t>我和你一样,我们结婚还没到一年,很苦恼.觉得自己的命运不好.但又没有足够的勇气回到单身的日子.我又是个传统的女人,不想放纵自己,觉得好累,真的.</t>
  </si>
  <si>
    <t xml:space="preserve">关于灵游记“农夫的请托”任务请问怎么得到10个啐花的叶子 </t>
  </si>
  <si>
    <t>但必须在2级时接这个任务,但完成时无所谓的.</t>
  </si>
  <si>
    <t xml:space="preserve">献血间隔3个月可以再献吗两次间隔3个月应该可以再次献血吧，这次四 </t>
  </si>
  <si>
    <t>十分赞赏你的想法和行动。国家和人民感谢你。献血一般应该半年献一次，每次200-400ml。在特殊情况和非常条件下，连续抽血或间隔3个月献血也是可能的，最好是根据血源状况和自身健康情况进行处理。</t>
  </si>
  <si>
    <t xml:space="preserve">我想读英语小说，托福单词够吗 </t>
  </si>
  <si>
    <t>1.那也要看你想读什么类型的小说，如果是一般生活化的小说，托福的单词量肯定没有什么问题，如果是侦探类的，也应该可以的。但是如果你看得小说专业性较强，那么你背在多的托福词汇也没用的，因为你要看得的东西是另外一个领域，你还得去专门背那个领域的词汇才行。2.比如你看得小说都是描写医生和医院的，那么你还得去背好多“医学名词”才可以看到，否则你只能看懂小说里面的情节描写，但是具体涉及到“XX病”的描写时，你就一头雾水了，所以具体情况还是要看小说的类型。最后说明一下，如果你能有托福的词汇量的话，那基本上还是没有问题的，这一点请楼主和我刚刚上面所说的第2点加以区分。</t>
  </si>
  <si>
    <t xml:space="preserve">水晶的棉裂、冰裂到底是什么样子？请教水晶方面的专家能解释【形容】? </t>
  </si>
  <si>
    <t>1.天然水晶多含有棉体和冰裂，人造水晶则大多没有，现在的 市场上已出现一些含有棉体的熔炼水晶及暴花（冰裂）水晶，但 这种棉体和冰裂都很生硬，熔炼水晶中还会出现气泡。 2.人造水晶颜色大都非常白亮或鲜艳，比如鲜艳的蓝色和绿色 水晶必假无疑，鲜艳的黄晶和紫晶也较多是人造水晶甚至玻璃。 3.发晶、绿幽灵、水胆水晶及含有棉体的水晶，多是天然水晶。 人造发晶中的发丝大多平行分布。 4.把天然水晶、人造水晶、玻璃同时放在太阳或热源下照射十几 分钟后，天然水晶仍是凉的，而人造水晶是温的，玻璃是热的。 另外，随着现代造假方法的不断出现，很多传统的鉴别方法已不再适用，比如现在的养晶及染色工艺足以仿制天然水晶的双折率及双色性等特点，但仔细观察仍能识别出人造水晶。</t>
  </si>
  <si>
    <t xml:space="preserve">先天性心脏病胎儿几个月能查到？先天性心脏病的胎儿在怀孕几个月能检 </t>
  </si>
  <si>
    <t>您好：   一般在怀孕18-20周左右可以通过B超检查出来，胎儿先天性心脏病的原因有很多种，主要是由于心脏，大血管在胚胎早期发育时常或是发育障碍引起的，遗传因素和妊娠期母亲对胎儿的影响是造成先天性心脏病的主要原因。建议能定期做好产检，密切观察胎儿发育的情况</t>
  </si>
  <si>
    <t xml:space="preserve">是不是来月经了就会降体温呀？ </t>
  </si>
  <si>
    <t>应该是这么回事．月经期是女孩身体最弱的时候，免疫力最低，抵抗力也是一样，所以就会觉得很冷，这并不是因为天气的原因．所以不完全是来月经了就会降体温！因为也有的身体素质很好！就不一定回出现这种情况！</t>
  </si>
  <si>
    <t xml:space="preserve">鼻子好难受我的鼻子好多时候是一个通气一个不通气，我可以确定不是感 </t>
  </si>
  <si>
    <t>和鼻炎的症状有些像!鼻炎是很难根治的,一般开刀才会治好!平时的话要注意保养,不要让自已感冒,不然会严重,而且也很难好起来!你如果经常打喷嚏,鼻子觉得痒痒的话,老是感冒,就是过敏性的了!经常不通气的话可以闻些风油精!</t>
  </si>
  <si>
    <t xml:space="preserve">好烦那,新浪博客怎么总出问题啊!最近新浪博客怎么总出问题啊?好郁 </t>
  </si>
  <si>
    <t>随着新浪博客新用户的逐渐增多，必须要经常的升级维护。出现一些意想不到的问题属于正常现象，部分用户会受到影响 。 1*搜索blog时遇到的问题；点击了很多的blog地址然后都出现新页面错误提示，例如：你搜索的用户不存在，或是网页已过期，建议您用其他方法搜索等等……2*登陆blog时遇到的问题；错误提示，例如：无法到服务器，密码错误，验证马错误等等……，3*登陆blog后遇到的问题；即便进入了blog内，一些特效设置有时也会暂时性的无法显示，包括图片（出现红叉）、特效flash的url链接不上、无法显示评论和留言板块里的内容等等……，还会出现点击察看文章或其他内容时也出现错误提示：无法显示该网页，对不起，您访问的文章不存在或者已被作者删除等等一系列的出错提示。不过一些老的blog用户对此现象早就习惯了， 因为这对博客是不会造成其他不利影响的， 顶多是一时半会儿的事情， 多刷新几次，或重起机器看看耐心的等等就好了， 也许是今天也许是明天 ，就又恢复了，内容是不会丢失或改变的，别着急， 会好的。我写了一篇《提高博客访问量的秘技》你可以去看一看希望上述的说明对你有所帮助!祝你顺利!你也可以到我那里看看关于博客的建设。</t>
  </si>
  <si>
    <t xml:space="preserve">哪些符玉有用不知不觉打出了很多符玉，不知道那些有用，舍不得仍，请 </t>
  </si>
  <si>
    <t>3级符玉最好，例如破玉符、、百变石、七星咒（符玉名字是紫色的）。如果你练到了4级符玉（极品符玉）例如极品百变石 那就非常值钱了。一个区和一个区的价格都不一样，而且每一等级的每种符玉的价格也不尽相同，一般都是百变石（逍遥石及同类符玉）一类的价格最高，比同等级符玉的价格要高一些七星咒一类的价格最低。我们龙腾的价格如下：1级符玉（绿色名称）平均价格为30银一个，2级符玉（蓝色名称）平均价格为5金一个，3级符玉（紫色名称）平均价格为1玉到2.5玉不等，4级符玉（金色名称）平均价格为6玉到8玉不等，我们区极少有卖这种符玉的。</t>
  </si>
  <si>
    <t xml:space="preserve">上图,小单R9!米内罗，你能让我坚持到明天吗？连续两期R8，前晚 </t>
  </si>
  <si>
    <t>是的，又打平了</t>
  </si>
  <si>
    <t xml:space="preserve">我的电脑现在一打开，就会出现“请按F1”，然后就会出现“时间重新? </t>
  </si>
  <si>
    <t>应该是你的BIOS电池坏了，也可能是主板有小问题最好到修理电脑的地方去修一下</t>
  </si>
  <si>
    <t xml:space="preserve">喝酒后脚肿是咋回事? </t>
  </si>
  <si>
    <t>喝酒后脚肿是咋回事有可能是痛风的前期症状，为此，温馨提醒你：喝酒要适当控制。</t>
  </si>
  <si>
    <t xml:space="preserve">中国人真的都有处女情结吗 </t>
  </si>
  <si>
    <t>如果中国人都有处女情节,那大学里面那么多发生婚前性行为的女孩子大学毕业后分手嫁给谁呢?所以并不是所有的男人都有处女情节的,男人说你不是处女多半是不喜欢你.找个借口了.当然女孩子要生活幸福,要不断提高自己的修养,不要老把责任推到男人身上.祝福你幸福!</t>
  </si>
  <si>
    <t xml:space="preserve">亲爱，可信赖的门虫老师请推荐一下我是新手，不知该买哪个基金，看您 </t>
  </si>
  <si>
    <t>客气了,其实最值得大家信赖与尊敬的,恰恰是目前的基金经理们.我们都只是投资客,只是早来了一点,多了几分了解与感受;至于你所关注的低净值的基金,我看了一下,只能把较为了解的品种列示一番:1&gt; 博时新兴成长;2&gt; 泰达荷银市值优选;3&gt; 长盛动态精选;4&gt; 国投瑞银创新动力;这几只中高与偏低的,可以做个小组合,供参鉴.</t>
  </si>
  <si>
    <t xml:space="preserve">厦门的龙池哪个地方台湾商人多？从厦大怎么去龙池？ </t>
  </si>
  <si>
    <t xml:space="preserve">在漳州.漳州龙池：厦门的“新郊区”803路公交车，从轮渡一直开到龙池、角美，而漳州市区至今没有公交车通角美。从海沧石塘、钟山开往龙池的巴士，几分钟就有一趟，从大海洋酒店搭乘巴士，不到10分钟就到龙池了。 </t>
  </si>
  <si>
    <t xml:space="preserve">昨天不是有很多人看好今天吗，说是收了什么十字星，什么大师、专家，? </t>
  </si>
  <si>
    <t>感谢你的批评,俺以后不瞎说了,看来技术是假的,现实是可怕的,,,也幸好我不是大师和专家.不过俺很早前也说了到先到2550-2620,再看2320-2360,,,俺以后不瞎扯了,再次谢谢你的批评!</t>
  </si>
  <si>
    <t xml:space="preserve">软件＜记事本＞内的内容删除后有没有什么影响？ </t>
  </si>
  <si>
    <t>绿软中有些记事本是给用户的说明文件，这些删除就没影响。有些是程序启动要用到，就有影响了</t>
  </si>
  <si>
    <t xml:space="preserve">这部电影叫什么名字?古天乐主演的,他演一个出租车司机,为了挣钱养 </t>
  </si>
  <si>
    <t>阴阳路之一见发财   导　　演：   主　　演： 古天乐、雷宇扬、黎耀祥、李惠敏  影片类型： 恐怖   地　　区： 中国香港         影片简介：　林中发生性烂睹，与妻儿住入一唐楼。晚上屋有怪声，令五岁儿子安仔不能入睡。发看见一组数字，翌日到马会投注赢了钱，知道屋内有财星。当夜他遇上恶鬼，协议他的所有都一人一半，果然恶鬼令他逢赌必胜，但恶鬼要他履行一人一半的承诺，竟包括他的妻儿。发为保妻儿，放火烧屋与恶鬼同归於尽。十五年後，安仔任职看更，竟在唐楼旧址改建的工厂大厦内任职，却被鬼魅所迷。其母怀疑是发冤魂不息，前去探问，果然与夫重遇，但已是阴阳相隔了！ PS:《阴阳路》系列20部左右呢！但说实话好看的只有前10部。我只记得几部值得看的演员名字，推荐给你： 1、阴阳路（古天乐、蔡少芬、郭可盈、陈锦鸿、钟丽缇、伍咏薇等） 2、阴阳路之我在你左右（丁子峻、黎耀祥、雷宇扬、伍咏薇等） 3、阴阳路之与鬼同行（古天乐 黎耀祥等） 4、阴阳路之升棺发财（古天乐、袁洁莹、丁子峻、雷宇扬、伍咏薇等） 5、阴阳路之一见发财（古天乐等） 6、阴阳路之凶周刊（古天乐、黎姿、李惠敏等） 7、阴阳路之撞到正（陈松伶、古天乐、李惠敏等） 从这以下的阴阳路简直是没看头，说实话，受不了了。而且换导演了，古天乐也退出不再演了，新的导演编剧把观众当白痴耍，拍出的垃圾，反而毁了《阴阳路》前七部累积起来的好名声。 以下的我没看过几部，标了演员的我看过： 阴阳路之棺材仔 阴阳路十之宣言咒 阴阳路十二之尸（邝文旬、罗兰、张豪龙等） 阴阳路十五之客似魂来（唐文龙、罗兰、张豪龙等） 阴阳路十六之回到武侠时代 阴阳路十七之监房有鬼 阴阳路十八之鬼上身 阴阳路之阴阳魔界 阴阳路之我对眼见到鬼 应该说《阴阳路》系列到现在带给观众的已没有任何恐怖的感觉了，但如果它还要拍续集的话，那才是最恐怖的事！</t>
  </si>
  <si>
    <t xml:space="preserve">如果一个女孩反应大是因为社什么?有一个女孩打电话给我;我问她为什 </t>
  </si>
  <si>
    <t>百分之八十的可能是喜欢你,但又不好表白.想以此希望你先说.如果对她也有意,又不太垦定她对你是否真的有意,还是故意^^^同时你也衿持与表白,空闲时间发个短信问候一下,一来二去就水到渠成了.</t>
  </si>
  <si>
    <t xml:space="preserve">我没有和他做，她是否会认为我不喜欢她？我和丽在偶尔机会认识．她是 </t>
  </si>
  <si>
    <t>她让你吻她,这样的暗示你还想怎么样? 只是你太不主动了,她感觉你不是很有安全感所以 她作为一个女孩子 又还能怎么主动呢?如果她太主动,你不会感觉她有那么一点点的贱?那你还会珍惜她吗?赶快主动一点,让她来照顾你的生活吧,现在的女孩子不多了</t>
  </si>
  <si>
    <t xml:space="preserve">91网的怎么回事啊钱都里面拿不出来了提示问题声请是对了可以冲钱进? </t>
  </si>
  <si>
    <t>91网和5173比起来，还很不成熟，目前还在试运行阶段所以客服忙的接不过来投诉是正常的还是回5173吧</t>
  </si>
  <si>
    <t xml:space="preserve">惊天动地的正统续作《Cabal2》国服什么时候开？ </t>
  </si>
  <si>
    <t>前阵子听说惊天的续作Cabal2被畅游代理了，想起之前玩惊天的各种往事，瞬间鸡冻泪流啊！终于不用去韩服了，更不用考虑玩惊天的山寨游戏了，只是，到现在畅游还没正式公布国服测试的具体时间，而唯一让人惊喜的消息就是“预计2014年下半年公测”。按这个大概时间推算，再考虑国内游戏市场的运作，下半年要公测的游戏，上半年肯定要测试的。另一方面，这游戏的韩服前年底就公测了，版本肯定完善，在国内开的话，汉化工作完成，宣传推广搞起来，开测时间都不远啦！</t>
  </si>
  <si>
    <t xml:space="preserve">适合pet拿来做眼光的材料是什么？最好也最适合的4孔的 </t>
  </si>
  <si>
    <t>因为眼光要用长柄武器，那么既然是武器那么攻击力当然要最高了，长柄武器中战枪的攻击力最高，所以做眼光就用战枪吧战枪最好要用无形的，超强的，不过这样的材料并不好找，如果你有耐心的话就去找到这样一个做，如果没有耐心就随便找个四孔的普通战枪做吧。。。。。战枪好像属于长矛类的，不是属于长柄武器类的。。。可是长矛为什么不属于长柄武器类的呢？长矛不是也有长柄吗？搞不懂。。。。。。不好意思！既然长矛不是长柄武器，那么眼光的好材料一次是：巨神之斧－神秘之斧－锐利之斧，其他的都不要用了，如果打到巨神之斧最好，因为他的最大孔数是4，直接到第五幕打孔那打可以打4个孔。。。。。。不过巨神之斧的力量要求是210，你看看你拿不拿的动吧。。。。。。</t>
  </si>
  <si>
    <t xml:space="preserve">关于测精子质量的问题这个月没怀上,因为老公吸烟很多年,搞IT总对 </t>
  </si>
  <si>
    <t>看你做的是什么样的检查，有一种是较古老的，是用显微镜之类的，我们这儿在社区医院做十块，妇幼保健院做十几块包挂号费用。一种是精子动态什么的，是用仪器分析的，较准确，要在大医院，费用 是一百块上。卵泡监测也有分阴超和B超，前者较后者贵，各个地方的费用 不同，黑白彩色也不同价格。来群吧，62902117，这里有好多姐妹都和你一样的问题，在等待解决。</t>
  </si>
  <si>
    <t xml:space="preserve">法师是灵法好还是血法好? </t>
  </si>
  <si>
    <t>全灵的呀。。。血就用武器和装备来补呀。。国际里跟本练不鸟血F。。灵力要求高了许多。。想练血F就去玩完美世界。。。</t>
  </si>
  <si>
    <t xml:space="preserve">请帮帮我！急！我家宝宝九个月了，前四五天掉到地板上，头先着地的， </t>
  </si>
  <si>
    <t>这位朋友，请你先不要着急，你的宝宝出现呕吐有可能是受凉后，胃部对某些食物不适引起的呕吐现象。如果宝宝真的是有颅内出血或水肿的话，不要说是吃食物和吃奶，就是喝口水也会吐出来的，只要宝宝的精神好，近两天没有嗜睡现象发生，就不用担心，你可从别的方面找引起呕吐的原因，如：是否受凉、肠胃的消化吸收如何、有没有中暑现象等。只要找到问题就可以对症解决了。祝宝宝早日康复！</t>
  </si>
  <si>
    <t xml:space="preserve">到底是什么原因导致我不孕呢?造影也做了,正常;也打了几个月的消炎 </t>
  </si>
  <si>
    <t>1.多吃提高和卵子活力的食物　　精子和卵子处于高活力状态，有利于形成优质的受精卵，孕育出健康聪慧的孩子。研究表明，在准备怀孕前3个月至半年，多吃一些富锌食物、动物内脏及滑黏食物，有助于提高精子和卵子的活力，因此要注意摄取。　　富锌食物具有补精壮阳的作用；动物性内脏富含肾上腺皮质激素和性激素，适当食用可以增强性功能；滑黏食物富含的精氨酸是精子形成的必需成分，并能增强精子的活力，对维持男子生殖系统正常功能有重要作用。　　富锌食物：植物性富锌食物包括豆类、花生、小米、萝卜、大白菜等；动物性食物中以牡蛎最为丰富，牛肉、鸡肝、蛋类、羊排、猪肉等含锌也较多。　　富精氨酸食物：鳝鱼、海参、墨鱼、章鱼、木松鱼、芝麻、花生仁、核桃等。　　2.消除影响受孕的不良情绪及心理障碍　　女性在情绪波动时受孕，不容易形成正常的受精卵，可能导致胚胎发育迟缓，或导致胎儿体重轻、早产甚至畸形。因此，准备受孕时如果情绪波动，心情不愉快，最好先进行心理调整，推迟受孕时间。心理障碍也是一种疾病，同样会影响受孕，如导致不孕。长期不孕特别是经过多方治疗效果不佳的女性，反过来会使心理压力更加沉重，如对人际关系敏感、焦虑、抑郁、偏执等。　　在准备怀孕时要注意消除自己的不良情绪。一旦产生心理障碍，积极进行心理疏导或心理治疗。同时，注意提高自身“免疫力”，即性格要豁达一些，减少疑虑或紧张情绪。这样，才会有助于提高自然受孕率。另外，最新研究表明，每个月排卵前3天至排卵后1天，是女性最容易受孕时期，医学上称为易孕阶段，受孕率的顶点是排卵的当天。因为，刚刚排出的卵子最新鲜，活力最强，容易避开外界环境的各种干扰，形成十分优良的受精卵，有助于孕育出身体健康、智商高的孩子。因此，受孕时最好把握住这一天赐良机。</t>
  </si>
  <si>
    <t xml:space="preserve">午间指导（2007/10/31）今日大盘继续走好但股指呈现高开低 </t>
  </si>
  <si>
    <t>好！做获利了结准备．</t>
  </si>
  <si>
    <t xml:space="preserve">产后多久来大姨妈正常吖...哺乳期的不来才正常吗 </t>
  </si>
  <si>
    <t>这个是由你体内激素的水平决定的，有些人哺乳期也会来月经，个体差异，都是正常的。我是停乳后一个月来的，供参考</t>
  </si>
  <si>
    <t xml:space="preserve">关于西直门的天主教堂前两天我想去，发现正在装修，是不是目前暂时就 </t>
  </si>
  <si>
    <t>中国是一个信仰自由的国家，而且充分地尊重每一种宗教。北京地区的宗教有：佛教、道教、伊斯兰教、天主教和基督教。西直门天主堂，是天主教北京教区四大堂中建成最晚的一座教堂。西直门堂始建于1723年（清雍正元年），西堂奉圣母圣衣为主保，是一座典型的哥特式教.2008第29届奥林匹克运动会在北京举办.西直门天主堂是离奥运场馆最近的教堂.为迎奥运会加紧修缮.估计年内差不多.要满足宗教信仰.体现人文奥运西直门天主堂又名圣母圣衣堂，俗称西堂，名列北京四大天主堂之一，位于北京市西城区西直门内大街130号，是北京四大天主堂中历史最短规模最小的一个，也是四大天主教堂中唯一一个不是由耶稣会士建立的教堂。 现在西直门天主堂的内部西直门天主堂为哥特式建筑，面积较小，原本建有一座三层高度的尖顶钟楼，自从文化大革命期间钟楼拆除后，仅仅在教堂主体建筑北侧余下一座一层楼高度的八角形墩台，教堂建筑的表面被浓密的爬山虎覆盖，整座教堂在周围建筑的映衬下显得颇不起眼，但教堂内部高大的科林斯柱和尖顶券窗使得从内部看来教堂依然高大华丽。现在教堂正面的北墙是倚着原来的北墙后接出来的，圣母山建在了门内，成为北京唯一一座建在室内的圣母山。 堂区现况 主任司铎：庞文贤神父 主日弥撒：早上八点正 平日弥撒：星期一至四：上午六时正；星期五：下午六点半西直门天主堂内景</t>
  </si>
  <si>
    <t xml:space="preserve">调皮姐姐您好：请问600297成本10.22今天进入的，后市如何? </t>
  </si>
  <si>
    <t>600297 美罗药业  强势明显密切追踪,继续持股.</t>
  </si>
  <si>
    <t xml:space="preserve">韩信造反了吗？大家觉得韩信真的造反了吗？ </t>
  </si>
  <si>
    <t>没有，读了史记的这一段历史很掩卷沉思，很替韩信悲哀，为了刘家的天下可谓是鞠躬尽瘁。最大的要求不过是封侯，但结果却仍被杀。　　上面的朋友说：“韩信没有那个心,却与有差不多,他是必须死的。” 　　　对此，不敢苟同，想当初，如果听了蒯通的劝告，与刘相三分天下进而饮马黄河也未可知！何有如此下场？</t>
  </si>
  <si>
    <t xml:space="preserve">化学有FeO，Fe2O3，Fe3O4三种粉末，分别往其中通人O2 </t>
  </si>
  <si>
    <t>其实这个问题要透过现象看本质：   Fe的最高价是+3价，FeO则会被继续氧化，而Fe2O3的Fe已经是+3价，所以不发生反应！而 Fe3O4由于结构的特殊性，无法继续氧化，只有在潮湿的氧化环境中才会被继续氧化的，所以也不发生反应！所以我建议你可是适当的记忆化学中的特殊性的东西！   FeO应       成氧化铁    Fe2O3       不发生反应    Fe3O4       不发生反应</t>
  </si>
  <si>
    <t xml:space="preserve">2005年10月，李某到超市购物时，将一辆价值2千多元的电动车锁? </t>
  </si>
  <si>
    <t>超市设立免费停车场，应当是超市招徕顾客，拓展生意的一种手段，因此，超市对来超市消费的顾客应承担保证停放的车辆安全的义务，所以，李某可以要求超市给予赔偿。但李某应当对当天前来超市购物，并在免费停车场停放车辆承担举证责任。</t>
  </si>
  <si>
    <t xml:space="preserve">鬼王高手进谢谢···一共150点技能点,按以下加法少侠重击　　　 </t>
  </si>
  <si>
    <t>怎么说呢?你自己喜欢这样加就这么加吧!不过我喜欢+满迅雷,只要2下攻击全部命中,对方蓝直接抽光,而且几乎每下都能缴卸.也许你说150级时抽蓝没用了吧,不过至少现在我4重鬼王还在用这技能,还有你说聚灵+3,也许你有自己的用意吧,不过,我是肯定把聚灵+满的,150级鬼王1W的蓝,+个五气,接近1W5的蓝,出8级聚灵(法宝+1级)就是15000*1.6=24000这个伤害应该不低了吧!另外+上天书,秒满级鬼王(不开无敌)应该不是件难事吧!还有4重左侧的那些技能,个人认为不怎么好,本人玩鬼王还是注重防御+满魔性,痴情,枯木,无敌,狂灵所以点不够.最后现在出了鬼王破空护符,+上天书可以无限魔魂大大提高鬼王的伤害输出,建议+满.以上只是个人建议,不求+分,只想和大家分享一下.</t>
  </si>
  <si>
    <t xml:space="preserve">我去年参加了成考，结果失败了。我对自己没有信心我职高学历毕业，开 </t>
  </si>
  <si>
    <t>当今这个社会文凭和能力都是很重要的，我也是23岁才参加的成考！确实，不能再浪费时间了！早点把文凭拿到手是自已的本事！现在这样还是考个成考好！你失败并不代表以后也失败了！不要灰心！人家高考等不也有得有失吗！学到的总是自已的！努力提高自已才是！成考不是很难的！今年再去试一次！要不你先读个预科，先上起专科来，然后在上专科的三年中再同时通过成考！要不就先参加成考，再上专科！你可以上下班一个培训班，跟着老师学，会好一些的！</t>
  </si>
  <si>
    <t xml:space="preserve">600575现在可以介入吗 </t>
  </si>
  <si>
    <t>明日下探至10.60附近可适量低吸.</t>
  </si>
  <si>
    <t xml:space="preserve">我的密码忘记咯　请问怎么办　？我记得到密保同上 </t>
  </si>
  <si>
    <t>记得密码保护没用忘记密码？在官网下载一份传真表格，填写你的详细资料（身份证号和真实姓名必须与你注册时候填写的一致）然后发送给新浪。2个工作日内会告知你密码。</t>
  </si>
  <si>
    <t xml:space="preserve">女孩子如何练成S型的身材? </t>
  </si>
  <si>
    <t>虽然很多身材是天生的，但平时如果注意的话也能改善自己的身材。要有正确的站立姿势，时刻注意挺胸收腹抬头。坐时也同样要注意收腹。平时多运动，多漫跑，大步快走，游泳。爬楼梯也很好。需要常时间坚持。</t>
  </si>
  <si>
    <t xml:space="preserve">在不少牛奶制品中发现了三聚氰胺，请问将牛奶作为原料之一的巧克力、? </t>
  </si>
  <si>
    <t xml:space="preserve">    如果所用的原料牛奶中含有了三聚氰胺，自然，用它所生产的巧克力、糕点、面包等食品是会也含有三聚氰胺的。只不过它们的浓度和比例不同而已。</t>
  </si>
  <si>
    <t xml:space="preserve">痔疮是怎样引起的,一般怎样治疗,好不好治啊? </t>
  </si>
  <si>
    <t>痔疮病因症状由于妊娠、局部炎症，辛辣食物刺激等原因导致直肠粘膜充血或静脉回流受阻，而使局部静脉扩大曲张或团形成痔。本病为多发病，发病率占成年人５０－７０％，男性多于女性，多随年龄增长而逐渐加重。临床分为内痔、外痔和混合三种，外痔一般无症状，内痔常见便血、血色鲜红、痔核脱出、肛门瘙痒等症。自疗注意事项（１）单纯性外痔不必治疗。（２）多食果蔬，矫正便秘。（３）保持肛门部清洁。可用１：５０００高锰酸钾温水坐浴。自治疗法１．成药自疗法（１）维生素Ｅ，每服３０毫克，每日３次。（２）麻仁丸，每服９克，每日３次。用于内痔轻症。（３）消痔丸，每次１丸，每日２次。（４）肠风槐角丸，每次１丸，每日２次。２．验方自疗法（１）黄芪２０克、升麻１０克、辣椒梗６０克、怀山药１５克、用水煎服，每日１剂。（２）干白茄子适量，烧成灰后研末，每日３次，每次服３克。（３）马齿苋、芦竹笋、苦参各１５克，用水煎服，每日１剂。（４）龙芽草、地榆各３０克、槐角１０克、红枣５个，用水煎服，每日１剂。３．饮食自疗法（１）猪瘦肉１００克、无花果适量，用水煎服，每日１剂。（２）金针菜、红糖各１２０克。金针菜用２碗水煎至１碗，和入红糖温服，每日１次。（３）黑木耳（干品）３０克，用开水泡软，早晨空腹吃。（４）糯米、牡丹皮各５００克、研成细末，每天取１００克水调成糊后油炸食之。１０天为一疗程。（５）葱须１２０克、朴硝３０克，水煎洗患处，每日２－３次，连用３周。痔是直肠末端粘膜下和肛管皮下的静脉丛发生扩大、曲线所形成的柔软的静脉团。因其发生的部位不同而分为内痔、外痔和混合痔，本方以治疗外痔和混合痔为主。（６）大蒜适量，将生大蒜放火上烤熟后，捣碎，用消毒纱布包起来，做局部热敷。本方适合于痔疮有痔核者的治疗。４．外治自疗法（１）按摩：用食指按压、揉摩长强穴（尾骶骨处）或肛门周围，用力应柔和均匀，每次５分钟，每日２次。（２）敷贴将牛蒡子（根）洗净捣烂后与适量猪脂和匀，制成饼状，敷贴于患处，每日换药２次，连续７日为１疗程。将熟鸡蛋蛋黄研碎，并用文火煎出油，用时将蛋黄油直按涂敷在痔核表面，每次１－２滴，每日早晚各１次。鸡冠花、五倍子各３克、冰片少许，共同研成细末，用猪胆汁调之，搽敷患处，１日２次。甲鱼头７个、冰片０．６克、麻油适量。甲鱼头锻研成末，加入冰片和匀，用麻油调后敷患处，每日２次。５．其他自疗法（１）薰洗法：鲜菖蒲根３００克，加水煮沸，趁热熏洗患处，每日２次。苦参根、鱼腥草全身各２５０克，水煎后加冰片少许，薰洗局部，１日２次。（２）药熨法；生大蒜适量，置火上烤熟后捣碎，用消毒砂布包起来，热熨局部。用于外痔。（３）提肛法：在意念指导下使肛门一松一紧，每次５分钟，每日２次。避免误诊忌食辛辣、烟酒。勿将肛门、直肠炎性疾患误作痔疮自疗。避免久坐久站。节制性，以避免痔静脉血液循环障碍。</t>
  </si>
  <si>
    <t xml:space="preserve">热死与冷死。周文王给纣王身边的一个奸臣算了一卦，说那家伙会被冻死 </t>
  </si>
  <si>
    <t xml:space="preserve">还是活着好。                                                </t>
  </si>
  <si>
    <t xml:space="preserve">什么食物含B族维生素什么食物富含B族维生素 </t>
  </si>
  <si>
    <t>含有丰富维生素B的食品：（1）含有丰富维生素B１的食品：小麦胚芽、猪腿肉、大豆、花生、里肌肉、火腿、黑米、鸡肝、胚芽米等。（2）含有丰富维生素B２的食品：鳗鱼、牛肝、鸡肝、香菇、小麦胚芽、鸡蛋、奶酪等。 （3）含有维生素B6、维生素B12＼烟酸、泛酸和叶酸等食品： 肝脏、肉类、牛奶、酵母、鱼、豆类、蛋黄、坚果类、菠菜、奶酪等。其中的维生素B1在人体内无法贮存，所以应每天补充。 B族维生素若想全部摄取比较困难，但是认真选择食物就可以简单且方便的摄取。上述含有维生素B的食物可以分为（1）（2）（3）组。看看上述分类就可以明白，（2）和（3）全都含在大体相同的食物中。因此（1）作为一组食物，（2）和（3）合在一起形成一组食物，组合选择两组食物，基本上可以把B族维生素摄取到手。</t>
  </si>
  <si>
    <t xml:space="preserve">请有经验的大夫帮我看看我的输卵管通液手术的情况我是2月6日做的通 </t>
  </si>
  <si>
    <t>　　看医生写的报告没什么问题啊．　　你术后有较多液体流出，我术后在医院的时候就是说不出来的浑身不舒服不自在，做完后没怎么觉得，就只是有一点粉红的血水，从医院到家后肚子就没什么感觉了．　　术后医生应该有给你开消炎药的，虽说禁止同房２周，我一个星期不到就同房了，因为排卵期到了，不想白白浪费一个周期，我没感染，但也没好孕，只有等这个月了．　　你不要紧张再等一段时间看看</t>
  </si>
  <si>
    <t xml:space="preserve">缘份是天注定的吗？ </t>
  </si>
  <si>
    <t>月老是我哥们,你就放心吧,他没有忘记你,他正忙着找你的另一半呢.好好的生活吧~</t>
  </si>
  <si>
    <t xml:space="preserve">想在上海找个会议培训场地，怎么就这么难呢！大家快帮帮我吧！ </t>
  </si>
  <si>
    <t>会议培训场地预订你是没有找对地方！去中国369会网上面啊，上海场地租赁还得选中国369会网，那里的信息分的很细化，还包括会议中设备租赁、礼仪小姐、录像摄影、车队租赁等等一站式的会务服务，总之是省时省力又省心。</t>
  </si>
  <si>
    <t xml:space="preserve">维修费的问题我单位维修电脑软件程序聘请异地的工程师来维修，领导说 </t>
  </si>
  <si>
    <t>可以报销入账，只要在报销单摘要上写：“报销单位职工出差机票”就行了。入帐时计入“管理费用--差旅费”科目。</t>
  </si>
  <si>
    <t xml:space="preserve">怀孕多久可以看见孕囊、因为今天早晨去医院检查医生说我孕囊好小而且? </t>
  </si>
  <si>
    <t>您好！正常情况下怀孕在6周可以见到胚囊,7周就可以见到胎芽,8周见到胎心音,可以在医生的指导下先观察,定期进行孕检,来明确胎儿的生长和发育情况.孕期注意保暖，避免着凉，前三个月每天要补充叶酸，饮食避免辛辣刺激的食物，注意休息，劳逸结合，避免过度劳累，运动方面宜多散步，避免像篮球羽毛球这样的运动。</t>
  </si>
  <si>
    <t xml:space="preserve">请问旅游达人，惠州周边有玩漂流的地方吗？在哪哇？好想知道，谢谢啦? </t>
  </si>
  <si>
    <t>博罗响水河或惠东南山，象头山雷公峡漂流也不错</t>
  </si>
  <si>
    <t xml:space="preserve">英语学习根据汉语完成句子：一些疯狂的影迷总是关注着这个电影明星， </t>
  </si>
  <si>
    <t>请楼上高手 alexp 指正:这是一个compound sentence, 即 “and” 前后是两个 clauses, 每一clause 要有一个动词. following 不是完整动词, 如果一定要用 following 的话, 前面要加 are. 不能省掉. 如果单用 following, 那就要除掉 and (句子变成 simple sentence).所以这里应该用 follow. (A)</t>
  </si>
  <si>
    <t xml:space="preserve">乙肝病毒携带者和乙肝患者的区别 </t>
  </si>
  <si>
    <t>病毒携带是一种感染状态，感染了乙肝病毒，但没有表现出临床症状，具体可分为健康携带和慢性携带。　　乙肝患者是指感染了乙肝病毒并有临床表现，如厌食（尤其是油腻的食品）、腹胀、腹痛、小便颜色黄、大便颜色呈白瓷土色，部分患者可出现黄疸（如脸色发黄、巩膜发黄等）和肝脏肿大等，检查肝功能可有转氨酶升高。　　乙肝携带者和乙肝患者都有一定的传染性，但由于乙肝病毒携带者可能本身并不知道自己是携带者，因而作为传染源其流行病学意义更大，更容易传染给其他人。不管是“大三阳”还是“小三阳”，只要肝功能正常，但是有乙肝病毒存在，就成为病毒携带者，意思是体内仅有乙肝病毒，但病毒此时处于“免疫耐受状态中”，没有对人体造成威胁，人体一切指标都正常，和正常人是一样的。但是“免疫耐受”被打破，肝功能出现异常，便是肝炎发作了。国家允许乙肝患者工作等等，而且更多的人是不知道自己患有乙肝，因为肝功能正常。那么你现在又来发这个是出于什么样的心里呢？而且还说有传染性。我是不是可以认为你在歧视乙肝患者？ 真是吃饱的撑的，有这时间发表这个，却不去思考如何能解决这个问题，这个和谐的社会就是你这样不思进取的人所毁坏的</t>
  </si>
  <si>
    <t xml:space="preserve">天通苑是不是建在垃圾场上面的？我想买天通苑的一个2手房，听说那个 </t>
  </si>
  <si>
    <t>天通苑东院为生活垃圾填埋场，中心就在大花园。天通苑西院为医用垃圾填埋场。所有饮用水，必须经过二次处理。</t>
  </si>
  <si>
    <t xml:space="preserve">什么是亿家贷？？ </t>
  </si>
  <si>
    <t>“亿家贷”是北京德银润通资产管理有限公司山东分公司旗下的业务品牌，结合多年实践经验和互联网技术为一体，而推出的金融中介服务资源整合信息平台。“亿家贷”服务类型　1.亿家贷服务于各类投资担保公司、小额贷款公司、典当行、投资咨询公司及民间借贷从业者等，为其提供规范的业务运作模式、标准化操作流程和有效的风险控制培训，提高业务运营技能水平，有效防控操作风险。 　　2.亿家贷服务于各类机构和个人的投融资产品广告信息的海量发布，向信息的供需双方提供无障碍的投资、理财、贷款信息资讯，破解金融信息不对称之瓶颈。 　　3.亿家贷服务于商业银行、保险公司、信用社、村镇银行、投资担保公司、小额贷款公司、典当行、投资公司，向贷款者提供精准金融产品信息的“百度”搜索，成为金融产品信息中心，打造成资金联盟中心。</t>
  </si>
  <si>
    <t xml:space="preserve">谁带我,我广东532级战士,只希望能骑上仓狼皇,谁能带我.Tha? </t>
  </si>
  <si>
    <t>自己打一下吧想找人带只有拿钱。出非是认得到滴 。</t>
  </si>
  <si>
    <t xml:space="preserve">春运火车票过年要回家，不知道能买到票，现在工作没时间买票，有网上 </t>
  </si>
  <si>
    <t>网上有订票的啊~不过是提前五天订的。网站是12306. 你去这个网站询问一下。</t>
  </si>
  <si>
    <t xml:space="preserve">在光滑的水平面上有一静止的物体，现在以一水平恒力甲推这一物体，作? </t>
  </si>
  <si>
    <t xml:space="preserve">(96年全国题）设甲，乙作用的时间为t，运动学公式与牛顿第二定律可得:  v1=a1t=(f1/m)*t                               s1=1/2(f1/m)*t^2                                                        a2=f2/m                    最后那一时刻;-v2=v1-a2t=(f1/m)*t-(f2/2m)*t^2                            位移  s2=(f1/m)*t^2-(f2/m)t^2                            又有：s1=-s2                                  (f1/m）*t^2=f2/2mt^2-f1/mt^2                                  f1:f2=1:3动能定理f1s=(1/2)mv1^2-0f2s=(1/2)mv2^2-(1/2)mv1^2f1s+f2s=32JS相同甲做的功为32*1/4=8J    乙做的功为32*3/4=24J                                                 </t>
  </si>
  <si>
    <t xml:space="preserve">我有没有可能怀孕，很害怕啊我时1.27来的例假，我的月经周期是2 </t>
  </si>
  <si>
    <t xml:space="preserve"> 如果怀疑怀孕，可用早孕试纸检测一下，早孕试纸新颖、方便，女性在家中自测尿液即可获知自己是否已怀孕，如果怀孕，从妊娠的第7－10天起，孕妇的尿液中就能测出一种特异性的激素，简称HCG，通常在医院进行的尿妊娠试验检查的就是它。早孕试纸也是检验这种物质。由于其检查灵敏度很高，已有医院用早孕试纸作为一种初筛检查，一般可在上次月经后30天左右来测试，此时比较准确。给你一个网址查询一下安全期，安全期做爱相对安全一些：  女性的排卵日期一般在下次月经来潮前的14天左右，下次月经来潮的第1天算起，倒数14天或减去14天就是排卵日，排卵日及其前5天和后4天加在一起称为排卵期，除了月经期和排卵期，其余的时间均为安全期。 </t>
  </si>
  <si>
    <t xml:space="preserve">我的孩子今年15岁,我已为他接种了乙肝疫苗第以针.按照免疫计划应? </t>
  </si>
  <si>
    <t>第二针不可以拖后10天,不直接接触乙肝病毒者的注射方法是： 1.第一次注射乙肝疫苗时，三支乙肝疫苗（每支含量为10微克）注射的时间是，第一个月、每二个月、第六个月。 2.每隔一年追加一支乙肝疫苗，即每隔一年再注射一支10微克的乙肝疫苗，以保持体内的抗乙肝病毒的免疫力。</t>
  </si>
  <si>
    <t xml:space="preserve">我想知道汉中哪家理发店造型不错？ </t>
  </si>
  <si>
    <t>你知道不知道我们那里的鼎鼎百货二楼后厅的汉中X21 我在那里做过几次 效果很棒 你可以 去试试.</t>
  </si>
  <si>
    <t xml:space="preserve">“非洲五大矿产国”是指哪五个国家？ </t>
  </si>
  <si>
    <t>南非与美国、原苏联、加拿大等被列为世界上五大矿产国。非洲的五大矿产国应该是南非、尼日利亚、刚果（金）（旧称扎伊尔）、阿尔及利亚、利比亚。非洲矿产资源与采矿业非洲拥有丰富的矿产资源，金刚石、金、铜、钴、钒、铀、铬和磷酸盐等产量向居世界最前列。采矿业为突出的工业部门。采矿业常占全洲国民生产总值的1/5，占出口总额的2/3。近30年来，随着石油、天然气、铁、铝土、锰等一批新矿产的大规模开发，非洲的采矿业又有了较快发展，占世界矿业总产值的比重由5％提高到10％以上。1980年金刚石、钴、金、铬的产量分别占世界总产量的72％、70％、60％和42％，铂、钒、铀、锰、磷酸盐等矿的产量约占世界总产量的1/4至1/3，其他如锑、铜、铝土、石棉、石油、铁等也占重要地位。按产值计，石油居各矿种之首，其次是金、铜、金刚石等。自70年代以来，采矿业已经同农业并列为非洲两大产业部门。全洲有1/3的国家出口以矿产品为主。矿产品种类多，分布也广泛，但仍有明显的相对集中。尼日利亚、利比亚、南非、阿尔及利亚4国即占全洲矿业总产值80％。主要矿业区：①撒哈拉区。为非洲最大的石油蕴藏区，石油储量占全洲63％，天然气占70％。本区拥有一系列巨大的石油沉积盆地，如利比亚的锡尔特盆地，阿尔及利亚的哈西梅萨乌德盆地以及埃及的苏伊士湾盆地。油气田约400个。本区自1956年起大规模开发，油、气产量现占全洲50％以上。②阿特拉斯区。为世界最大的磷酸盐蕴藏区，总储量约占世界一半，其中摩洛哥居世界首位，开采量占全非2/3以上，主产地为胡里卜加。③西非区。在利比里亚、毛里塔尼亚、几内亚等国蕴藏有丰富铁矿和铝土矿，自50年代以来，其总产量分别占全非60％和90％以上。铀、金、磷酸盐等也很多。④几内亚湾沿岸区。石油储量和产量约占全非40％，其中海底油田比重大。还有锰、铝土、铀等矿。⑤刚果盆地外环区。它呈半环形从基伍湖地区向西南伸入安哥拉东北部。主要矿业中心是加丹加高原，蕴藏有一条长550公里，宽60～100公里的“铜带”，其铜储量近5000万吨，还伴生着锌、银、铀、镉、锗等。自30年代大规模开采以来，铜、钴产量向居世界最前列。本区东段盛产锡、金、钼、铌、钨等；西段为世界最大的金刚石产区，产量常占世界1/3。⑥南部非洲区。包括赞比西河以南广大地区，为世界少见的矿产富集区。突出的有南非的沃特瓦特斯兰盆地（金、铀）和布什维尔德杂岩体（铂族、铬、钒），津巴布韦的大岩墙（铬、镍、金、石棉），以及奥兰治河中下游和卡拉哈里盆地（金刚石、铁、锰等）。上述各项矿产的储量和产量均居世界最前列。</t>
  </si>
  <si>
    <t xml:space="preserve">成都哪有医院可以治好白癜风 </t>
  </si>
  <si>
    <t>你好，医院可以治好白癜风，白癜风有很多诱发因素，治疗白癜风，首先就要详细查明患者的发病诱因，根据患者的具体情况采取一对一的诊疗方案，及时控制白斑的发展，建议患者到正规的医院进行全面检查，确诊，查明病因病症等等，及时治疗，以免扩散，加强日常防护也很重要，少吃辛辣激发性食物和富含维生素C的食物，多锻炼。白癜风是不会传染的。传染又称感染，是病原体侵入人体后，病原体在人体内的一种寄生过程。病人会因接触或由其他媒介而感染疾病，构成传染的主要条件是病原体。而白癜风是由于局部皮肤黑色素代谢紊乱而引起的脱色性改变，不具备病原体，没有传染源，因此，白癜风是不会传染的。 患者患上白癜风时要到正规的医院进行诊断治疗，因为正的医院利用专业的仪器进行检查，可以防止误诊的情况。切忌不可盲目的就医。白癜风患者要积极地预防和治疗，避免加重病情。 </t>
  </si>
  <si>
    <t xml:space="preserve">医生诊断说是脑供血不足想去大医院复查这个应该挂什么科 </t>
  </si>
  <si>
    <t>治疗指导：脑供血不足是指人脑某一局部的血液供应不足面引起脑功能的障碍。脑供血不足的病因多与脑动脉硬化有关。可以去中医院挂脑病科。 目前治疗脑供血不足临床上多采用物理加中医的方法，使局部脑血管扩张增加支流，以有效供应大脑组织细胞血氧加流，直接改善大细胞缺血缺氧现象，逐渐缓解病症。 平时多吃新鲜蔬菜，如洋葱、西红柿等、水果、鱼、黑木耳、少量醋、干红葡萄酒等，可以起抗氧化作用，延缓脑动脉硬化的发生。</t>
  </si>
  <si>
    <t xml:space="preserve">手机腾讯网上的QQ以前可以进入聊天,最近怎么上不了啊,谢谢回答 </t>
  </si>
  <si>
    <t>好像没这回事，我手机天天上QQ都很好。</t>
  </si>
  <si>
    <t xml:space="preserve">哪部MP3好,本人只需听歌的功能,谢谢~ </t>
  </si>
  <si>
    <t>楼上的，真的对你无语极了！！！你没有用过魅族就不要乱说好吧 ，试问你知道mp3音质什么最重要吗？你不知道没关系，我想你也没受什么高等..不懂得用脑袋思考，盲目崇洋媚外可不是好事，我这里说得是“盲目”，对于国外人家确实在mp3高端领域确实远远领先我们中国，这也是无争的事实，我们当然应当找不足虚心学习，但是在中低端mp3市场，魅族，绝对一强大的优势领先于国内所有品牌，而且甚至超过了国外某些品牌的中低端品牌，比如ipod nano ，飞利浦什么的，其实飞利浦就应该去造他的什么音频芯片打印器材助听器材等等，就不该插足mp3和耳机市场，什么fullsound 我都听过了，和魅族比了真是不敢恭维飞利浦...完全是以芯片的影响力混淆人们的视听，从中来捞一笔，要知道好音质是芯片占40%，电路设计占40%，耳机占20%，魅族的芯片选择从来是不省料的，这里顺便要提提鼓励下台电，台电在芯片方面也是很舍得，但是为什么台电没有像魅族那样优秀？这就是第二个mp3集成电路设计问题了，魅族的mp3电路设计十分优秀，而台电这电路设计方面就完全赶不上魅族了，所以使用同一款音频解码芯片，魅族的音质明显比台电的优美，声音表现力，解析度，清晰度也是完胜台电（条件是同使用芯片机子并且使用同耳机）而且魅族由于优良的电路设计，你是听不到一点低噪的 ，即使是在夜深人静的夜晚，把音量开到0你也听不到一点，这是很多品牌所不能达到的，魅族也是超过oppo的，这里我不想多说，把oppo的耳机（森海委托丰达代工）换在魅族上音质魅族是完完胜oppo，即使不换魅族也是完胜oppo的，这是“有耳共听”的，所以如果魅族能配上森海塞尔的MX360真的可以说是音质“牛”气了~，oppo和台电类似，不过oppo电路设计又要比台电好，所以同一芯片音质也要比台电好，这是实话，好了，就写到这里吧，因为看到太多枪手混淆视听，所以借午餐有时间谢谢，希望大家理性思考，有疑问可以联系我， ，该吃午饭了，呵呵。</t>
  </si>
  <si>
    <t xml:space="preserve">如何建立个人网站？我想用我的名字建立个个人网站，请问怎么建设？ </t>
  </si>
  <si>
    <t>可以申请免费的或者收费网站，利用网站给出的网页设计功能，自己编排网页的内容，如果你自己会网页设计那就更好了。可以利用微软的Dreamweaver软件来建设自己的网站。</t>
  </si>
  <si>
    <t xml:space="preserve">韩服里道具有个红色面写个导弹功能?还有一个黄色导弹干? </t>
  </si>
  <si>
    <t>红色是打d一名的(自?余?,黄色不知道</t>
  </si>
  <si>
    <t xml:space="preserve">求概率有2个不同的锁和3把不同的钥匙，其中两个钥匙恰好分别能打开 </t>
  </si>
  <si>
    <t>这三把中，只有两把能打开锁，所以抽到能打到锁的钥匙的概率是2/3这把钥匙只能打开两把中的一把，所以打开的概率是1/2一次打开锁的概率就是(2/3)×(1/2)＝1/3或者还有简单的办法：先任意抽出一把锁，这把锁只能用三把钥匙中的一把打开，所以概率是1/3</t>
  </si>
  <si>
    <t xml:space="preserve">学习平面设计要什么起点啊？ </t>
  </si>
  <si>
    <t>美术。你去漫游世界超媒体中心看看，那里有零基础教学的</t>
  </si>
  <si>
    <t xml:space="preserve">今天火箭能战胜湖人吗 </t>
  </si>
  <si>
    <t>火箭一定能赢,相信火箭</t>
  </si>
  <si>
    <t xml:space="preserve">请教清泉老师看了老师的博客推荐的几只股票，好像都属于短线，请老师 </t>
  </si>
  <si>
    <t>中线建仓时间未到.观望.</t>
  </si>
  <si>
    <t xml:space="preserve">结肠憩室炎一般如何治疗？手术是否会对肠道有影响呢？ </t>
  </si>
  <si>
    <t>结肠憩室炎一般通过保守处理是可以控制的，如果出现化脓感染，出血等情况才考虑手术。</t>
  </si>
  <si>
    <t xml:space="preserve">有没有什么好的洗发护发产品大推荐呀[悲伤][悲伤] </t>
  </si>
  <si>
    <t>洗发产品最好用是德国的施巴，不含硅的对头发好(如果可以帮到你，麻烦给“好评”，谢谢)</t>
  </si>
  <si>
    <t xml:space="preserve">是女宝宝吗？我78年8月生，阳历2007年3月8日末次月经，怀孕 </t>
  </si>
  <si>
    <t>当然是以B超为准了.看男女其实也是一些人的经验之说,没有百分百的.祝你生个健康的猪MM</t>
  </si>
  <si>
    <t xml:space="preserve">买股票还不如买债券，你们说呢？ </t>
  </si>
  <si>
    <t>二者对于个人所能承担的风险是不同的：股票分短期投资与长期投资两种，属高风险，高回报中的，国债属稳中有实。它属长期投资。而且二者是没有对比性的。股票的涨与跌是与该发股单位的经营状况是保持一致，不过，有时也会受一些来自外部环境因素的影响导致它的指数的改变。而国债的真正的含义是以债务的形式出现，发行限量的一种能保持其原有形态的坚挺一种稳定的固定资产。</t>
  </si>
  <si>
    <t xml:space="preserve">婆婆做家务整天气鼓鼓的怎么办我现在坐月子，婆婆上来照顾我，小孩主 </t>
  </si>
  <si>
    <t>少跟婆婆聊聊，聊多了有什么不满意就说你！你不要看她脸色不得了！我宝宝3个月，在月子里我婆婆也是这样！不理她！我跟我婆婆说话说多了，现在有什么不满意就说我！前几天说我胖屁股大走路像老母鸭！气死我了，才生过小孩会不胖嘛！所以说我就是例子，千万别跟婆婆走的太近！</t>
  </si>
  <si>
    <t xml:space="preserve">牙齿问题我的牙齿原来是地包天(兜齿)在纠正过来之后不知道为什么有 </t>
  </si>
  <si>
    <t>楼主是不是偏侧咀嚼？光用一侧吃东西？</t>
  </si>
  <si>
    <t xml:space="preserve">宝宝可以坐吗我小宝宝才75天,大人扶着就已经能站3、4分钟了，自 </t>
  </si>
  <si>
    <t>最好不要让她长时间的站或是坐，对孩子的骨骼成长不好。但孩子的发展是有差异的。比如有些孩子11个月就会走，可是有的15-17个月还不行。你的孩子刚刚两个多月，可以适当的坐立一小会。家长不要以为孩子只能躺或抱，其实这时已经开始可以做一些婴儿操了。</t>
  </si>
  <si>
    <t xml:space="preserve">哪能下NORTON2005加注册几? </t>
  </si>
  <si>
    <t>介绍一下T</t>
  </si>
  <si>
    <t>“窗帘-1”光电防护系统能够有效探测到敌方瞄准设备或测距仪发出的激光束，在识别出激光源类型后，便会主动实施干扰。根据这套系统发出的指令，坦克炮塔会自动转向存在威胁的方向，并在极短的时间内发射出烟雾弹进行干扰。只需1.5-3秒钟，便可在距坦克50-80米的地方形成一道可防护红外和光学探测的烟雾屏障。 “窗帘-1”光电防护系统由四大部分组成：光电致盲器、激光报警探测器、抗激光烟幕弹发射器和系统控制装置。在T-90炮管的两侧装有2个光电干扰发射器，它们能发射一对假图像，使反坦克导弹的制导跟踪器“受骗上当”，从而偏离目标。另外，装在炮塔上的一组4个激光照射传感器，在坦克受到敌方激光照射时，它们能立即发出警报，警报数据随之输入微处理器，然后处理器发出指令发射烟幕弹，使敌方激光测距仪或激光指示器失效。“窗帘-1”电子压制系统</t>
  </si>
  <si>
    <t xml:space="preserve">假体取出后还能恢复以前的样子吗？？是说的鼻假体？？？ </t>
  </si>
  <si>
    <t>可以的，只要你去正规的医院，术后好好保养，应该是没有问题的。</t>
  </si>
  <si>
    <t xml:space="preserve">抢怪最强是全智弓吗？练过的高手进。我看了有人说全智弓抢怪强过全力 </t>
  </si>
  <si>
    <t xml:space="preserve">抢不过全力的    FS还可以     </t>
  </si>
  <si>
    <t xml:space="preserve">刘若英简介 </t>
  </si>
  <si>
    <t xml:space="preserve">本名：刘若英 艺名：刘若英 昵称： 奶茶 英文名：Ren'e Liu 出生地点:中国台湾省台北 生日：1969年6月1日 本籍:湖南省醴陵 血型:A型 ：双子座 身高：160 CM 体重：46 KG 学历：美国加州州立大学(主修声乐、副修钢琴） 家庭成员：一姐一弟 出道时间：1991年 嗜好：睡觉、音乐、和自己聊天 最讨厌的事：不自知的伤了别人 最难忘的事：失恋 喜爱的运动：游泳 喜爱的演员：朱丽娅-罗伯茨 喜爱的歌手：Sting，Suasan Vega 喜爱的食物：台湾小吃（辣的） 喜爱的颜色：白色 最喜欢的水果：释迦 最喜爱国家：很多 最喜欢的穿著方式：舒服 心中期望的情人典型：有个性有主见但很疼我，能与我精神及心灵对话的人，聪明幽默 愿望：希望自己所选择的，坚持而有成就，很多人都因我而快乐 出书：《一个人的KTV》《下楼谈恋爱》《我想跟你走》。 艺人所属唱片公司：“滚石国际”（1991~2003)维京唱片（2003~2006） 经纪公司：red on red 经纪人：张艾嘉 艺名由来：奶茶这个匿名是陈升取的，因为RENE念起来像台语的「牛奶」，但陈升觉得叫她“奶”不好听，因此就叫奶茶了。 官方网站---很爱恨爱刘若英：  最大的歌迷网站--奶茶中文网：  经历： 【个人专辑】 1995年专辑:『少女小渔的美丽与哀愁』。 1995年专辑:『雨季』。 1996年专辑:『到处乱走』。 1998年专辑:『很爱很爱你』。 2000年专辑:『我等你』。 2001年专辑:『年华』。 2001年精选＋新歌专辑:『收获』。 2002年专辑:『Love and the City』。 加盟维京唱片 2003年专辑:我的失败与伟大 2004年专辑：听说？ 2005年专辑：一整夜 【演唱会】 2002.5.31&amp;6.1在台大体育馆举办《刘若英的单身日记》个人演唱会。 2003年台北Hi-net线上演唱会 2004年 3月6日“原来你也在上海”11月19日“原来你也在北京” 个人演唱会 2005年4月29日 “原来你也在南京”5月1日“原来你也在杭州”个人演唱会 2005年 “公主彻夜未眠”全国巡回：北京、上海、无锡、南昌 【电影、电视、广告、慈善】 1994年参演电影《我的美丽与哀愁》 1994年应世界展望会之邀为“饥饿三十”之心 1995年演出电影《少女小渔》 1995年拍摄“LUX定型液”广告 1995年参演张艾嘉执导电影《今天不回家》演出。 1996年参演电影：《南京1937》 1996年客串《 红柿子》 1996年参演英国"CRAKER"电视剧的演出 1996年参演《红碟血双雄》 1996年参演《今夜不回家》 1996年参与广告『LUX亮丽发雕』演出 1996年成为台湾流行服饰"SODA"厂牌代言人 1997年参加台湾世界展望会，为国际儿童认养活动远赴狮子山共和国 1997年参演电影：《飞天》 1997年参与两岸三地电视剧《日落紫禁城》的演出 1997年参演林正盛执导电影《美丽在唱歌》得日本东京影后 1998年参演舞台剧：《花季未了》 1998年参演电影：《征婚启事》 (得奖 1998台湾第35届金马奖评审团特别奖)(得奖 1998台湾第一届台北电影节年度最佳演员奖)(得奖 1998第四十四届亚太影展最佳女主角奖) 1999年参演《新十字街头》 1999年参演《住在十字架里的母亲》(1999台湾金钟奖最佳女主角奖) 1999年担任新年跨越1999迎千禧年受邀人 2000年拍摄“味全优酪乳”广告 2000年参演〈公视〉电视剧：《人间四月天》 2000年参演电影：《夜奔》 2000年参演电影：《候鸟》 2000年跨年“迎接21世纪”之受邀星 2001年担任”SHISEIDO “化装品代言人，一并拍摄“优白净光粉饼”广告 2002年演出《涩女郎》。 2002年演出《似水年华》 2003年演出《她从海上来---张爱玲传奇》饰演张爱玲 2004年演出《天下无贼》获得香港金紫荆最佳女主角、第五届华语传媒大奖最佳女主角 2006年演出《新结婚时代》 【获奖情况】： 1995年 〔少女小渔〕－刘若英一举夺得亚太影展后座。 1995年 第三十二届金马奖以〔少女小渔〕一片入围最佳女主角。 1996年 荣获亚太影展最佳女主角奖。 1997年 荣获东京影展最佳女主角奖。 1998年 荣获台北金马影展评审团特别奖。 1998年 荣获台北电影节最佳演员。 1999年 荣获亚太影展最佳女主角奖。 2000年 ?R《十字架下的母亲》获台湾金钟奖最佳女主角 2003年 ?R《双瞳》获第22届香港电影金像奖最佳女配角 2004年 ?R《粉红女郎》获中国电视剧双十佳奖 2003年 荣获香港金紫荆最佳女主角、第五届华语传媒大奖最佳女主角 【奶茶创作词曲总表】 专辑名称：陈升《纠缠》（1992） 创作歌曲：《思乡》曲：陈升、刘若英 演唱者：刘若英、陈升 专辑名称：刘佳慧《我是刘佳慧》（1993.6） 创作歌曲：《爱不爱你不在乎》词：刘佳慧、刘若英 专辑名称：刘若英《少女小渔的美丽与哀愁》（1995.5） 创作歌曲：《国界 》曲：陈升、刘若英 《思念》曲：刘若英 专辑名称：刘若英《雨季》（1995.12） 创作歌曲：《打了一把钥匙给你》曲：刘若英 《蒲公英》词：刘佳慧、刘若英 《骂你》词、曲：刘若英 《背影》词：陈升、刘若英 《单车失窃记》曲：刘若英 《说话》词、曲：刘若英 专辑名称：刘若英《到处乱走》（1996.10） 创作歌曲：《到处乱走》词、曲：刘若英 《爱人说话》词、曲：刘若英 《墨镜》词、曲：刘若英 《小精灵》词、曲：刘若英 《玫瑰天空》词、曲：刘若英 《阁楼》曲：刘若英 《门》词：刘若英 专辑名称：金城武《多苦也愿意》（1996.10） 创作歌曲：《青空》曲：刘若英 专辑名称： 叶嫒菱《相信》（1996） 创作歌曲：《相信》曲：刘若英 专辑名称：刘若英《很爱很爱你》（1998.11） 创作歌曲：《梦童》曲：刘若英 《多个朋友》曲：刘若英 专辑名称： 刘若英《我等你》（2000.1） 创作歌曲：《坦白》曲：刘若英 专辑名称： 刘若英《年华》（2001.1） 创作歌曲：《勇敢》曲：刘若英 《忘了》词、曲：刘若英 专辑名称： 刘若英《Love and the City》（2002.6） 创作歌曲：《说》词：刘若英 专辑名称： 刘若英《我的失败与伟大》 创作歌曲：《似水年华》词：刘若英 创作歌曲：《我的眼前的幸福》词：刘若英 【配音】： 《小倩》 刘若英--小莲 《梁山伯与祝英台》 刘若英--祝英台 【舞台剧】 《花季未了》 《半生缘》 </t>
  </si>
  <si>
    <t xml:space="preserve">同事得了甲型肝炎，我会被传染吗？刚刚同时来电话说部门某位同事得了 </t>
  </si>
  <si>
    <t xml:space="preserve">怎样预防和治疗甲型肝炎？      甲型病毒性肝炎简称甲肝，是由甲型肝炎病毒引起的消化道急性传染病。病人和无症状的甲肝病毒感染者是本病的主要传染源，经粪——口传染，甲肝病毒由病人粪便排出，直接或间接污染手、水、食物和餐具，健康人吃进被病毒污染的食物和水后便可受到感染。日常接触是主要的传播途径。通常为散发，但在水源和蛤蜊、牡蛎等生食的水产品受到严重污染时可造成暴发流行。任何人都能被传染，儿童易感，孕妇与体弱者传染后病情重。已患过或感染过甲肝的人可获得牢固免疫力。   主要症状   1.急性无黄疸型肝炎。近期内出现连续几天以上无其他原因可解释的乏力、食欲减退、恶心、厌油、腹胀、稀便、肝区疼痛等。儿童常有恶心、呕吐、腹疼、腹泻、精神不振、不想动等，部分病人起病时常有发热，但体温不高。    2.急性黄疸型肝炎。除具有急性无黄疸型肝炎症状外，同时还伴有小便赤黄、巩膜黄染（即白眼球变黄），部分病人可有大便变灰白、全身皮肤变黄等黄疸症状。    3.急性重症型肝炎。急性黄疸型肝炎病人出现高热，严重的消化道症状，如食欲缺乏、频繁呕吐、重度腹胀或有呃逆、打嗝、重度乏力以及黄染严重，出现昏迷的前驱症状，如嗜睡、烦躁不安、神志不清等。极重病人可发生肝昏迷，抢救不及时或不当极易死亡。   治疗措施    1.轻型病人。甲型肝炎预后良好，病死率低。急性期应合理休息，给以适当的营养如米面制品和水果、蔬菜，补充多种维生素，除重症型外可给豆制品、鸡蛋、肉类等高蛋白质食物。忌喝酒，少吃油腻食物，少吃糖，避免一切损害肝的因素（如应用对肝有损害的药物或做手术、劳累等）。    2.重症病人。必须在医院抢救，一般病人有条件时都应住院隔离治疗。除重症病人外，原则上不需保肝药，但可补充维生素C和复合维生素B。病人一般都会在几个月内顺利恢复。   预防措施    1.注意饮食卫生；    2.注意病人的隔离消毒，病人用过的食具要煮沸20分钟后再洗涤，生活用品用l％漂白粉水擦洗，被单、衣物等如不能用开水煮的要在日光下多次曝晒；    3.管理好病人的粪便和排泄物、垃圾等污物；    4.保护水源；    5.消灭苍蝇；    6.在接触病人后，应注意手和物品的消毒，避免交叉感染，防止把疾病传染给自己或其他人；    7.胎盘球蛋白或丙种球蛋白含有大量的甲肝抗体，有较好的预防作用。甲肝灭活疫苗有较好的预防效果。  </t>
  </si>
  <si>
    <t xml:space="preserve">上海适合举办年会的场地 </t>
  </si>
  <si>
    <t xml:space="preserve">我首推上海富悦大酒店，拥有1200间客房，2个2000平米会场，配有两个层高8米，还配有10多个不同规格的中小会议室，是目前上海地区同类酒店中规模最大、设施最完善的会议中心。 </t>
  </si>
  <si>
    <t xml:space="preserve">搏击中两人抱在一起是为什麽？经常看见拳击或自由搏击之中会有两个人 </t>
  </si>
  <si>
    <t>1.在拳击比赛里,一方或者双方累了,打不动了,则采取抱住对方使对方  不能击打自己.2.比赛中,没有力气了,为使自己得到喘息的机会,抱住对方喘息,歇息片  刻.都是规则允许的.但时间不能太长,否则裁判责令分开.3.在中国无数散打里,搂抱不许超过3秒,三秒仍然没有进攻动作也未把  对方摔到,则判令分开.重新开始.</t>
  </si>
  <si>
    <t xml:space="preserve">大哥大姐麻烦以下。谢谢我想买JXB但不知道。好好电玩和圆梦。的信 </t>
  </si>
  <si>
    <t>好好就算了现在官方在查圆梦的代练还很好，没有买过jxb，不过应该可以</t>
  </si>
  <si>
    <t xml:space="preserve">显卡时好时坏我的显卡有时坏掉了（开机时滴滴叫，一长二短），可是拔 </t>
  </si>
  <si>
    <t>主板的显卡插槽接触不良。用毛刷刷一下主板的显卡插槽。为了排除你的显卡有没有问，你找一块使用正常的显卡来试。如果还是出现这个现象，那就去电脑医院换一个显卡插槽，60元左右。如果不值得换插槽的话，那就换主板。</t>
  </si>
  <si>
    <t xml:space="preserve">基金分红对投资者有什么利弊？ </t>
  </si>
  <si>
    <t xml:space="preserve">分红对投资者的有利处： ●可以降低投资风险。按照相关规定，分红可以免征所得税，对于选择现金分红的投资者，可以在空头市场上兑现收益，回避部分风险。 ●有利于降低购买成本。分红部分没有赎回费用，所以不存在兑现成本，对于选择红利再投资的投资者，则可免去再投资的申购费用。 ●有望提高后期收益。基金分红后仓位较低，这样基金可在市场调整时逢低吸纳未来潜力个股，有利于基金后期业绩的提高，投资者的后期收益也有望得到提高。 分红对投资者的不利处： ●短期收益会受到影响。因为基金分红要有已实现的收益，基金经理必须抛出手中获利的股票或债券才能分红，当在行情看好时分红，往往会造成卖掉手中的筹码后而无法追回，短期业绩会受到一定影响，投资者的短期收益也会有影响。 ●会损害投资者的利益。基金分红后净值降低，购买的人会多，基金规模就会扩大，可能会影响业绩，降低预期收益，这会损害基金持有人的利益。 ●会增加投资成本。基金分红特别是频繁分红，会相应增加印花税和佣金，这些交易成本实际上是由基金持有人承担，因此会增加基金持有人的投资成本。 </t>
  </si>
  <si>
    <t xml:space="preserve">动漫中的变态有哪些？例如：火影中的大蛇丸之类的 </t>
  </si>
  <si>
    <t>猎人里的西索</t>
  </si>
  <si>
    <t xml:space="preserve">后备箱的问题为什么我做完后备箱的任务却点不出来后备箱呢 </t>
  </si>
  <si>
    <t>必须在城镇以外后备箱才能打开，估计你是在城里！默认打开后备箱的键盘快捷方式为“T”！</t>
  </si>
  <si>
    <t xml:space="preserve">我的个人看法,望恋爱中的男女生都来看看,谢谢!今天无意的在QQ网 </t>
  </si>
  <si>
    <t>当然的，处女之所以越来越少，就是因为男人的不负责任。现在明摆着是自食恶果……</t>
  </si>
  <si>
    <t xml:space="preserve">用adobeImageReady把图片分割成切片后，如何导出为图? </t>
  </si>
  <si>
    <t>按下 Ctrl+Alt+Shift+S ，弹出“Save Optimized As”窗口,输入文件名，保存文件为*.html格式，找到文件的存储路径，打开对应该.html的文件夹“images”,您做的所有切片都保存在这里了，格式为*.gif格式的。</t>
  </si>
  <si>
    <t xml:space="preserve">冲了钱当是我5173的号里没到钱是怎么回事我在网吧冲了300快~ </t>
  </si>
  <si>
    <t xml:space="preserve">尊敬的客户:    您好！5173回复客服02很高兴为您服务！    如您是使用5173充值卡充值您的5173账户的，请您联系客服 为您查询处理。                                                  </t>
  </si>
  <si>
    <t xml:space="preserve">为什么商品房都是毛坯房？我现在想要购置一所新房，但是我看过所有的 </t>
  </si>
  <si>
    <t>在80年代初期，新房交房时都是直接可以入住的房子。而从80年代中期开始，人们已经不满足开发商提供的“装修”后的房子，于是就出现了不认可开发商“装修”的情况。很多人买房子后就重新装修，直到自己满意为止。对此，为了不必要的浪费和施工，目前很多楼盘都提供毛坯房，这样做可以减少成本和工期。业主根据需要自己装修，省钱省力！</t>
  </si>
  <si>
    <t xml:space="preserve">想去西安赵公明财神庙,怎么走？ </t>
  </si>
  <si>
    <t>西安赵公明财神庙1.钟楼-大雁塔北广场-楼观台乘坐K606、K609、游8(610)到大雁塔北广场下车后转乘西安环山旅游公交一号线。2. 火车站大雁塔北广场楼观台乘坐K5、30、41、500、游6、游8(610)到大雁塔北广场下车后转乘西安环山旅游公交一号线。可以咨询下西安赵公明财神庙团购门票，【18o～o92～536～o6】</t>
  </si>
  <si>
    <t xml:space="preserve">5.1旅游有好的介绍吗？难得的长假，想和几个朋友去旅游。但不知道 </t>
  </si>
  <si>
    <t>首先,我想问几个问题1,你有价格的界限吗2,你有明确的假期时间吗3,你想自己去玩还是跟旅行社走呢4,你想看山水还是人文呢.如果你没有任何价钱的考虑,我建议你去昆明,张家界,也可以去日本和韩国,七天是可以回来的.坐飞机去又舒服又方便.如果你想在国内玩,七天我建议你去厦门武夷山,5天我建议你去青岛日照蓬莱威海.3日游我建议你去重度沟龙峪湾,一日游我建议你去云台山你应该告诉大家你家是哪里的,因为出去玩要考虑时间,那这个要考虑你是在哪住,对了,这个季节去桂林也不错,五天就回来了.你看看吧,如果你自己走,费用当然很高,而且五一什么都贵,房间餐饮也不好定.而且你也不知道路线没有一个目标这样旅游很费神.如果你跟着旅行社走,很方面,你不用担心房间和吃饭的问题,也有固定的旅游路线,但是也有不好的地方就是没有自由,大部分时间会在车上,也有固定的游览时间.再建议一下,如果你想跟旅游社走,一定要找一家大社,信誉好的,这样安全消费,质量才有保障.你看着吧,这是一点建议.可以参考一下.</t>
  </si>
  <si>
    <t xml:space="preserve">5.Educationistsconsiderit_____ch? </t>
  </si>
  <si>
    <t>选Aconsider it +adj.+ to do    认为做．．．　consider +doing   考虑做某事</t>
  </si>
  <si>
    <t xml:space="preserve">脑血流速快是怎么回事?我老公今天上班时突然晕倒,大概1,2分钟后 </t>
  </si>
  <si>
    <t>有血管硬化,或颈椎问题.贫血.体虚. 请认真检查一下为好.</t>
  </si>
  <si>
    <t xml:space="preserve">卓越之剑字母活动A和L有什么用？ </t>
  </si>
  <si>
    <t xml:space="preserve">卓越之剑携手天喔 各种豪礼大FUN送 　　为了让玩家在内外都能体验到乐趣，得到更多激励，第九城市携手天喔共同推出了一系列的线上活动。自1月24日至2月21日天喔活动正式开启，引爆2008年武器精炼风暴第一波。只要在游戏中击杀活动怪物——宝箱血妖可以获得相应英文字母，当集齐相应字母后可以与游戏中的“天喔拼字活动大使”对话，即可兑换各种等级的精炼石！或兑换“天喔活动物品”。我们将在所有拥有“天喔活动物品”的玩家中抽取豪华欧洲游2名，幸运数码奖10名。 活动规则说明： 活动开启后，各玩家可以在3大主城与“直达马车”旁的“天喔拼字活动大使”进行对话领取奖励。 在游戏中只要集齐一定数量的“T”、“E” 、“N” 、“W” 、“O”就可以兑换60级、80级、84级、88级的精炼石。 1.TENWOW 10个 可兑换 60级精炼石5块 2.TENWOW 50个可兑换 80级精炼石5块 3.TENWOW 100个可兑换 84级精炼石5块 4.TENWOW 300个可兑换 88级精炼石5块 同时，在游戏中只要集齐一定数量的“T”、“I” 、“A”、“N” 、“W” 、“O”就可以兑换“天喔活动物品”，我们会在天喔活动完全结束后从所有拥有“天喔活动物品”的玩家中抽取幸运玩家获得豪华欧洲游和数码大礼！ TIANWO 1个可兑换 天喔活动物品1块 </t>
  </si>
  <si>
    <t xml:space="preserve">我用155个元宝买了把幸运7的普通无机,亏大了吗?我是八区光芒2? </t>
  </si>
  <si>
    <t>我想你收了很久没人卖不是因为价格的问题而是基本没人有这东西当然最后还是让你碰到一个傻帽了（如果是他自己升的话）虽说物以稀为贵这无机在你们区就一两把是没错但你说幸运7的乌木剑稀缺吗？值钱吗？同样的道理兄弟买个教训吧下次买东西多比较几个再下手拿不定主意就先来这问问楼上这些都是专家啊</t>
  </si>
  <si>
    <t xml:space="preserve">唐诗三百首里面有&lt;春江花月夜&gt;吗?唐诗三百首里面有&amp;lt;春江花 </t>
  </si>
  <si>
    <t>张若虚的《春江花月夜》没有入选《唐诗三百首》，孙洙选诗依据传统的儒家诗教，偏好“温柔敦厚”的中正平和之作，而《春江花月夜》在他眼里被视作是一首风格轻绮的宫体诗。楼主有兴趣可参读程千帆《张若虚〈春江花月夜〉的被理解与被误解》。</t>
  </si>
  <si>
    <t>高一数学tan15°</t>
  </si>
  <si>
    <t>用tan30=2tan15/1-tan15.tan15的二倍角公式即得答案为 二分之根三</t>
  </si>
  <si>
    <t xml:space="preserve">分析一下晚清局势，假如慈禧很早死掉的话！干掉慈禧的话，晚晴还有么 </t>
  </si>
  <si>
    <t>要看光绪帝咯 希望不大 外优列强 内是地主阶级不会让光绪伤害自己的利益 再者光绪帝也不想立宪 他的立宪只是想扳倒慈禧好让他自己掌权 光绪说到底从未自己掌权  。。。个人观点 你自己看着采用慈禧的改革与洋务派的改革目的是一样的 都是为了维护清朝的统治 都是为了自己的地位  说到底改革是带有封建性质的</t>
  </si>
  <si>
    <t xml:space="preserve">周老师好周老师马上要研究生面试了我忐忑不安的是我一向口舌笨拙而一 </t>
  </si>
  <si>
    <t>抱歉没有注意成了马后炮</t>
  </si>
  <si>
    <t xml:space="preserve">儿子老是喉咙发炎,怎么办?我儿子老是反复的喉咙发炎,只要一吃上火 </t>
  </si>
  <si>
    <t>经常的咽喉发炎说明小孩的抵抗力不是很好。剧烈的干咳是咽喉部的问题，引起咳嗽的原因只有两方面，第一是上呼吸道发生炎症而引起的咳嗽，以咽喉炎居多，第二是下呼吸道引起的咳嗽，包括支气管炎和肺炎等情况，而这两种情况引起的咳嗽也非常容易辨别，上呼吸道引起的咳嗽，咳声响亮，部位较浅，很少有痰或伴有少量的粘痰，有时感觉咽部发痒，像是有小虫在爬动，或者是鸡毛搔痒一样，一痒就发生咳嗽。下呼吸道引起的咳嗽，一般咳声重浊，部位较深，伴有咳痰等症状没有咽痒症状。深夜咳嗽严重，是肺肾阴虚的表现。所以从你小孩的症状上看属于慢性咽炎。有什么问题可以在联系。</t>
  </si>
  <si>
    <t xml:space="preserve">高一数学算法3设计求出前100个正整数中的所有素数的一个算法。 </t>
  </si>
  <si>
    <t>寻找质数的一个方法——筛法。列出1~100的所有正整数，依次划去不是质数也不是合数的1，然后划去2的倍数：4，6，8，……，100在剩下的3，5，7，9，……99中依次划去3的倍数9，15，21，……，93在剩下的数列中划去5的倍数25，35，55，……，95最后划去所有7的倍数49剩下的就是所有的质数。筛法是最方便的寻找少量质数的办法，不遗漏，不重复。</t>
  </si>
  <si>
    <t xml:space="preserve">这是制造缺陷吗？ </t>
  </si>
  <si>
    <t>如果能够正常导通，严格来说：不能判断为缺陷。工厂生产过程中间，由于设备及工艺，还有生产工人操作水平，会出现误差。如果在产品检验标准范围内，不能视为制造缺陷。根据你出示的图片，如果能够正常导通，严格来说：不能判断为制造缺陷。1）4610公开说：“滨海之声”，^_^，您是不是制造灯管的？哈哈哈哈哈哈，，，，，，，，，，并且居然专门发邮件，到“滨海之声”的信箱，进行嘲笑。2）我当然不是制造灯管，那么，灯管当然是你制造的。3）你知道“滨海之声”，^_^，当然不是制造灯管的，但是，你万万没有想到我是设计“制造灯管”的。4）你知道该接口处的电线没有“焊”好吗？说穿了，你根本就不是制造灯管的，也根本不知道灯管是怎么制造出来的。5）其实，插头接口处的电线，它是由机器“压”上去的，根本就不是“焊”的，也根本没有必要“焊好”。只要接触良好保证通电就可以了。6)大家可以看到，该灯管两端已经发黑，说明该灯管工作时间相当长，也证明该灯管出厂质量是合格的，根本就没有制造缺陷。7）4610，哈哈哈哈哈哈，，，，，，，，，，大笑，是应该笑你自己，你本身在制造出来的时候，就已经有先天性的缺陷。像4610这种本身有制造缺陷的东西，作为工厂管理的办法，就是“死路要灵4610”——报废。</t>
  </si>
  <si>
    <t xml:space="preserve">求12篇类型不同描写运动会的文章,拜托~~~写景的,写人的,记叙? </t>
  </si>
  <si>
    <t>四百米心路历程 头一百米：心急如焚，落后就要挨打。 次一百米：心神不定，我是不是该安静的走开? 再一百米：心理斗争，生存还死亡。 末一百米：心有余而力不足，想说“冲刺”不容易。 03研9班 五言寄校会 跑步，跳跃，透支，项项夺冠； 获奖，颁奖，领奖，个个欢喜； 参赛，助威，拟稿，人人努力； 冠军，淘汰，输嬴，重在参与。 世事我曾抗争， 成败不必在意！ 星海学院供稿 我们的运动会 跑， 跳高， 加油声， 裁判吹哨， 他们干什么？ 赛场上比绝招， 谁胜谁负不知道， 参与才更重要。 大家都别吵， 快看快看， 到终点， 齐叫， 好！ 社管学院03医事法律 王瑞 小小接力棒 一棒传一棒 第一棒传第二棒 第二棒传第三棒 第三棒传第四棒 棒棒传友谊 友谊传四方 走四方路迢迢 看我研究生多风光 2003研二班 眼睛你要擦亮 记住我奔跑的模样 表情不必太夸张 我的速度不会像风一样飘扬 我专心奔跑的侧脸 还蛮俊俏 只知道现在终点是我唯一的目标 我减速拐过弯道 可惜被自己鞋带绊倒 没关系我拭去汗珠继续奔跑 看着前面的身影 我不禁猜想这第一名到底有多强 到底还要拐过多少弯道 迈出多少步伐才可追上 不想一直这么懦弱 充满了敌意眼光 等机会我一定打倒对方 我奋袖向前撵上 原来“天堂”这般美好 呼喊声仅为我而响 史言 02级药品 要想跑得快， 首先要补钙； 想要跑得狂， 得喝葡萄糖。 你来争来我来抢， 不拿奖品算白忙； 跑不动了想想党， 想想长征有多长。 咣哩个铛，咣哩个铛！ 虞美人 龙争虎斗何时了， 赛事知多少。 田径记录又打破， 往事悄然消逝烟雨中。 项目跑道应犹在， 只是姓名改。 问君能有胜算否？ 恰似千军万马齐过桥。 星海学院 运动场上彩旗飘， 运动健儿快快跑。 东风吹，往东跑； 西风吹，往西跑； 南风吹，往南跑； 北风吹，往北跑； 最后都向终点跑。 03研2班 赞标枪运动员 一支标枪天上飞， 裁判打车往前追， 不知是谁这般猛， 咱研究生闪光辉。 03级4班 陈默 赞长跑运动员 今天气不错， 挺风和日丽的。 我们没有课， 心情挺爽的。 看着运动会， 我想这大学生活， 是多么美好啊！ 跑道上的我， 心中只一事， 哎呀，这XXXX的跑道， 得一气跑完呢！ 医疗02级2班 孙丹 致辞全体啦啦队员 啦啦队长身材不错， 拉拉队员嗓门不错。 全场气氛靠你没错， 喊出气势更不会错。 如若喊错要将错就错， 没错没错绝对没错。 附属卫校2001级护理 李慧 致铅球运动员 看， 眼前的那个铁球， 黑黑的， 还依稀可见锈迹斑斑。 也许它曾经连在烈士们沉重的脚镣上， 或许它曾经不小心砸伤了你的脚。 那么， 不要再犹豫了， 用力推掉它吧， 让它离我们远远的 看！那一面面迎风飘舞的彩旗， 是一朵朵盛开的鲜花； 听！那一阵阵惊天动地的欢呼， 是回响在耳边胜利的风声。 运动场上的你们，是胜利的标志， 运动场上的你们，是青春的赞叹。 去吧！去迎接那伟大的挑战， 去吧！去做一名追风的少年。 你们代表的是----东，西，南，北----风！ 夸夫迫日惊华夏， 平步青云塔黄沙。 毓文男儿集力聚， 气贯神州傲中华。 百米跑道虽不长， 运动健儿志高扬。 摸拳擦掌跃欲试， 分秒必争勇夺魁。 高三七班有勇女， 巾帼岂将须眉让。 古有木兰冲杀场， 今有郎萍跑百米。 立志创新校记录， 勇夺奥运第一枚。 迎接你的，是五千米跑道 等待你的，是漫漫征途 勇敢的冲吧，勇士们 不要畏惧对手的强大 你的对手只有自己 勇敢的冲吧 五千米算不得什么 付出的汗水就要得到回报 胜利的泪水就要顺颊而下 秋风会为你喝彩 阳光会为你庆功 掌声就要为你响起 柳树抽出新芽，怎能忘了春风的吹拂？ 小草钻出泥土，怎能忘了春雨的滋润？ 花儿绽开美丽笑脸，怎能忘了太阳爱抚？ 孩子们的成长更不能忘记老师的培养。 今天，我们成绩的取得， 怎能忘记您，公正无私的裁判员老师 给予的越多 收获的越多 奋斗的越多 收获的越多 坚韧的毅力 坚定的信念 收获闪光的金牌 不为掌声的诠释 不为刻意的征服 只有辛勤的汗水化作追求的脚步 心中坚定的信念 脚下沉稳的步伐 你用行动诉说着一个不变的真理 没有比脚更长的路 没有比人更高的山 希望在终点向你招手 努力吧用你坚韧不拔的毅志 去迎接终点的鲜花与掌声 相信成功属于你 你是运动场的心脏，跳动梦想； 你是漫长路的精神，激励辉煌； 你们是将上下求索的人！ 风为你加油，云为你助兴， 坚定，执着，耐力与希望， 在延伸的白色跑道中点点凝聚！ 力量，信念，拼搏与奋斗， 在遥远的终点线上渐渐明亮！ 时代的强音正在你的脚下踏响。 漫漫长路，你愿一人独撑，  忍受着孤独与寂寞， 承受着体力与精神的压迫， 只任汗水溶于泪水， 可脚步却从不停歇。 好样的，纵然得不了桂冠， 可坚持的你，定会赢得最后的掌声。 协和浑厚的声音传来了， 这是三七班60米同步运动员。 四人齐心勇向前， 勇争第一不畏坚。 这是三七的实力， 这是三七的信心！ 团结就是力量, 最强是三七！！ 泥泞的路走过无数 累了，告诉自己：快了，再坚持一会儿 身上的伤流出血来 疼了，告诉自己：别哭，会好的 摔到了，告诉自己：快爬起来，世上很少有坦途 深深的呼吸，等待你的是艰难的５０００米。 相信胜利会属于你们。 但在这征途上，需要你用勇敢的心去面对。 我们在为你加油，你是否听到了我们发自心中的呐喊？ 困难和胜利都在向你招手，去呀，快去呀，不要犹豫。 快去击败困难、快去夺取胜利！ 相信你会送给我们一个汗水浸湿的微笑！ 广播里听不到您的声音，领奖台前看不到您的身影，您说：“这是应该的”。 但是，如果没有您的认真和公正、严谨与洒脱，就不会有那么多成功的喜悦，也不会有那么多凯旋而归。 您，才是真正的奉献者，相信经您之手，会有更多的胜利者涌现出来，才会有更多的冠军向我们走来。 一切感激的话都显得苍白无力，唯有向您道一声“您辛苦了，尊敬的裁判员”。 祝贺大会胜利召开 十月的阳光 十月的朝霞 一个灿烂明媚的十月 一个丰收吉祥的十月 欢歌笑语 彩旗飘飘 运动会开幕了 内心的喜悦无法用语言来表达 千万个美丽的词汇也无法描述 昔日的努力要在今天得到考验 来吧！ 让今天的成功谱写新的未来 您是运动场上正义的化身， 您是比赛场中公证的使者， 您手中挥动的令旗， 为比赛增添一道亮丽的风景线！ 我们为你高歌， 我们为你欢唱， 我们衷心地道一声：“辛苦了，敬爱的裁判。” 如海上的浪花， 似浪花上的云燕。 看！那一面面迎风飘舞的彩旗， 是一朵朵盛开的鲜花； 听！那一阵阵惊天动地的欢呼， 是回响在耳边胜利的风声。 运动场上的你们，是胜利的标志， 运动场上的你们，是青春的赞叹。 去吧！去迎接那伟大的挑战， 去吧！去做一名追风的少年。 你们代表的是----东，西，南，北----风！ 夸夫迫日惊华夏， 平步青云塔黄沙。 毓文男儿集力聚， 气贯神州傲中华。 百米跑道虽不长， 运动健儿志高扬。 摸拳擦掌跃欲试， 分秒必争勇夺魁。 高三七班有勇女， 巾帼岂将须眉让。 古有木兰冲杀场， 今有郎萍跑百米。 立志创新校记录， 勇夺奥运第一枚。 迎接你的，是五千米跑道 等待你的，是漫漫征途 勇敢的冲吧，勇士们 不要畏惧对手的强大 你的对手只有自己 勇敢的冲吧 五千米算不得什么 付出的汗水就要得到回报 胜利的泪水就要顺颊而下 秋风会为你喝彩 阳光会为你庆功 掌声就要为你响起 柳树抽出新芽，怎能忘了春风的吹拂？ 小草钻出泥土，怎能忘了春雨的滋润？ 花儿绽开美丽笑脸，怎能忘了太阳爱抚？ 孩子们的成长更不能忘记老师的培养。 今天，我们成绩的取得， 怎能忘记您，公正无私的裁判员老师 给予的越多 收获的越多 奋斗的越多 收获的越多 坚韧的毅力 坚定的信念 收获闪光的金牌 不为掌声的诠释 不为刻意的征服 只有辛勤的汗水化作追求的脚步 心中坚定的信念 脚下沉稳的步伐 你用行动诉说着一个不变的真理 没有比脚更长的路 没有比人更高的山 希望在终点向你招手 努力吧用你坚韧不拔的毅志 去迎接终点的鲜花与掌声 相信成功属于你 你是运动场的心脏，跳动梦想； 你是漫长路的精神，激励辉煌； 你们是将上下求索的人！ 风为你加油，云为你助兴， 坚定，执着，耐力与希望， 在延伸的白色跑道中点点凝聚！ 力量，信念，拼搏与奋斗， 在遥远的终点线上渐渐明亮！ 时代的强音正在你的脚下踏响。 漫漫长路，你愿一人独撑，  忍受着孤独与寂寞， 承受着体力与精神的压迫， 只任汗水溶于泪水， 可脚步却从不停歇。 好样的，纵然得不了桂冠， 可坚持的你，定会赢得最后的掌声。 协和浑厚的声音传来了， 这是三七班60米同步运动员。 四人齐心勇向前， 勇争第一不畏坚。 这是三七的实力， 这是三七的信心！ 团结就是力量, 最强是三七！！ 泥泞的路走过无数 累了，告诉自己：快了，再坚持一会儿 身上的伤流出血来 疼了，告诉自己：别哭，会好的 摔到了，告诉自己：快爬起来，世上很少有坦途 深深的呼吸，等待你的是艰难的５０００米。 相信胜利会属于你们。 但在这征途上，需要你用勇敢的心去面对。 我们在为你加油，你是否听到了我们发自心中的呐喊？ 困难和胜利都在向你招手，去呀，快去呀，不要犹豫。 快去击败困难、快去夺取胜利！ 相信你会送给我们一个汗水浸湿的微笑！ 广播里听不到您的声音，领奖台前看不到您的身影，您说：“这是应该的”。 但是，如果没有您的认真和公正、严谨与洒脱，就不会有那么多成功的喜悦，也不会有那么多凯旋而归。 您，才是真正的奉献者，相信经您之手，会有更多的胜利者涌现出来，才会有更多的冠军向我们走来。 一切感激的话都显得苍白无力，唯有向您道一声“您辛苦了，尊敬的裁判员”。 祝贺大会胜利召开 十月的阳光 十月的朝霞 一个灿烂明媚的十月 一个丰收吉祥的十月 欢歌笑语 彩旗飘飘 运动会开幕了 内心的喜悦无法用语言来表达 千万个美丽的词汇也无法描述 昔日的努力要在今天得到考验 来吧！ 让今天的成功谱写新的未来 您是运动场上正义的化身， 您是比赛场中公证的使者， 您手中挥动的令旗， 为比赛增添一道亮丽的风景线！ 我们为你高歌， 我们为你欢唱， 我们衷心地道一声：“辛苦了，敬爱的裁判。” 如海上的浪花， 似浪花上的云燕。 看！那一面面迎风飘舞的彩旗， 是一朵朵盛开的鲜花； 听！那一阵阵惊天动地的欢呼， 是回响在耳边胜利的风声。 运动场上的你们，是胜利的标志， 运动场上的你们，是青春的赞叹。 去吧！去迎接那伟大的挑战， 去吧！去做一名追风的少年。 你们代表的是----东，西，南，北----风！ 夸夫迫日惊华夏， 平步青云塔黄沙。 毓文男儿集力聚， 气贯神州傲中华。 百米跑道虽不长， 运动健儿志高扬。 摸拳擦掌跃欲试， 分秒必争勇夺魁。 高三七班有勇女， 巾帼岂将须眉让。 古有木兰冲杀场， 今有郎萍跑百米。 立志创新校记录， 勇夺奥运第一枚。 迎接你的，是五千米跑道 等待你的，是漫漫征途 勇敢的冲吧，勇士们 不要畏惧对手的强大 你的对手只有自己 勇敢的冲吧 五千米算不得什么 付出的汗水就要得到回报 胜利的泪水就要顺颊而下 秋风会为你喝彩 阳光会为你庆功 掌声就要为你响起 柳树抽出新芽，怎能忘了春风的吹拂？ 小草钻出泥土，怎能忘了春雨的滋润？ 花儿绽开美丽笑脸，怎能忘了太阳爱抚？ 孩子们的成长更不能忘记老师的培养。 今天，我们成绩的取得， 怎能忘记您，公正无私的裁判员老师 给予的越多 收获的越多 奋斗的越多 收获的越多 坚韧的毅力 坚定的信念 收获闪光的金牌 不为掌声的诠释 不为刻意的征服 只有辛勤的汗水化作追求的脚步 心中坚定的信念 脚下沉稳的步伐 你用行动诉说着一个不变的真理 没有比脚更长的路 没有比人更高的山 希望在终点向你招手 努力吧用你坚韧不拔的毅志 去迎接终点的鲜花与掌声 相信成功属于你 你是运动场的心脏，跳动梦想； 你是漫长路的精神，激励辉煌； 你们是将上下求索的人！ 风为你加油，云为你助兴， 坚定，执着，耐力与希望， 在延伸的白色跑道中点点凝聚！ 力量，信念，拼搏与奋斗， 在遥远的终点线上渐渐明亮！ 时代的强音正在你的脚下踏响。 漫漫长路，你愿一人独撑，  忍受着孤独与寂寞， 承受着体力与精神的压迫， 只任汗水溶于泪水， 可脚步却从不停歇。 好样的，纵然得不了桂冠， 可坚持的你，定会赢得最后的掌声。 协和浑厚的声音传来了， 这是三七班60米同步运动员。 四人齐心勇向前， 勇争第一不畏坚。 这是三七的实力， 这是三七的信心！ 团结就是力量, 最强是三七！！ 泥泞的路走过无数 累了，告诉自己：快了，再坚持一会儿 身上的伤流出血来 疼了，告诉自己：别哭，会好的 摔到了，告诉自己：快爬起来，世上很少有坦途 深深的呼吸，等待你的是艰难的５０００米。 相信胜利会属于你们。 但在这征途上，需要你用勇敢的心去面对。 我们在为你加油，你是否听到了我们发自心中的呐喊？ 困难和胜利都在向你招手，去呀，快去呀，不要犹豫。 快去击败困难、快去夺取胜利！ 相信你会送给我们一个汗水浸湿的微笑！ 广播里听不到您的声音，领奖台前看不到您的身影，您说：“这是应该的”。 但是，如果没有您的认真和公正、严谨与洒脱，就不会有那么多成功的喜悦，也不会有那么多凯旋而归。 您，才是真正的奉献者，相信经您之手，会有更多的胜利者涌现出来，才会有更多的冠军向我们走来。 一切感激的话都显得苍白无力，唯有向您道一声“您辛苦了，尊敬的裁判员”。 祝贺大会胜利召开 十月的阳光 十月的朝霞 一个灿烂明媚的十月 一个丰收吉祥的十月 欢歌笑语 彩旗飘飘 运动会开幕了 内心的喜悦无法用语言来表达 千万个美丽的词汇也无法描述 昔日的努力要在今天得到考验 来吧！ 让今天的成功谱写新的未来 您是运动场上正义的化身， 您是比赛场中公证的使者， 您手中挥动的令旗， 为比赛增添一道亮丽的风景线！ 我们为你高歌， 我们为你欢唱， 我们衷心地道一声：“辛苦了，敬爱的裁判。” 如海上的浪花， 似浪花上的云燕。 灵巧的速跑， 轻轻的一跃， 落下的是小小的横竿， 升起的是不屈的信念。 一只标枪天上飞， 裁判打车往前追， 不知是谁这般猛， 七班王欣闪光辉。 生活中，我们每天都在尝试 尝试中，我们走向成功 品味失败，走过心灵的阴雨晴空 运动员们，不要放弃尝试 假如你成功了 这就是下一次尝试的动力 假如你失败了 就总结经验，吸取教训，继续努力 无论失败与否 重要的是你勇于参与的精神 付出的背后是胜利 无论是否成功 我们永远赞美你 你们永远是我们的骄傲 努力吧，运动员！ 是种子就该有绿色的希望 是种子就该有金色的梦想 不要躺在封闭的暖房 怕什么秋日薄薄的风霜 既然已走上了运动场 心里就不要多想 跑道已洒满阳光 不要羞涩、不要紧张 听秋雁在空中为你歌唱 快去拾取片片金黄 充满信心，就有希望 在我心中，你一直是个英雄 我的心伴随着你跳动每一分钟 因为你始终看重付出的过程 因为你只求付出，不求回报的个性 你是一颗明星 我的手永远为你挥动 运动场上彩旗飘， 运动健儿显英豪， 跳跃身姿轻如燕， 铅球飞落地动摇， 百米冲刺如猛虎， 投球奔跑本领高， 运动健儿多自豪， 风流人物看今朝。 运动员那矫健的身姿 在１５００米跑道上飞翔着 加油、加油、再加油…… 一滴滴的汗水 一丝丝的希望 人生能有几次搏 千百双眼睛在鼓励着你们 努力拼搏吧 胜利就在眼前 几许真诚的鼓励， 几句亲切的问候， 几注深情的目光， 几多支持与帮助， 带给运动员的是信心，是勇气， 是誓夺第一的决心和毅力。 几句呐喊， 几束鲜花， 阵阵锣鼓， 片片掌声， 带给运动员的是满足，是感激， 是成功后的喜悦和快意。 谢谢你，我们的啦啦队！  你的汗水洒在跑道， 浇灌着成功的花朵开放。 你的欢笑飞扬在赛场， 为班争光数你最棒。 跑吧，追吧 在这广阔的赛场上， 你似骏马似离铉的箭。 跑吧，追吧 你比虎猛比豹强。 环形的跑道 一圈又一圈的坚持 毅力与精神活跃在会场上 湿透的衣衫 满头的大汗 无限追求 奋力追赶 我们为你欢呼 跳跃  我们为你骄傲 悄悄的，我退居一旁 避开所有的掌声和目光 远离胜利者的灿烂和辉煌 如果说生命也是一场竞争 我参与 也曾把竞争的滋味品尝 那么，让我也抬起头 甩掉心中的压抑 下次运动员我仍会同你较量 你象一只雄鹰，翱翔在晴空之中 你象一颗金星，闪烁在宇宙之中 你象一匹骏马，驰骋在战场之中 没象是头猎豹，疾驰在草原之中 你象一艘快艇，飞奔在海洋之中 胜利的果实等你摘取 希望的高峰等待你去攀登 人生的路，有坦途，也有坎坷；走过的岁月，有欢笑，也有苦涩。泪水告诉我一个跌倒的故事，汗水使我多了一份沉重，几多成熟。理想毕竟不同于现实，失败是生活的一部分，谁也无法选择，无法拒绝。人生要自己去拼搏，去奋斗，在风雨中百屈不挠、勇往直前，在自己的每个驿站都留下一段无悔的回忆。流泪不是失落，徘徊不是迷惑，成功属于那些战胜失败，坚持不懈，勇于追求梦想的人。 运动场上有你们的飒爽英姿 运动场上有你们的拼搏身影 面对漫漫的征途 你没有畏惧和退缩 任汗水打湿脊背 任疲惫爬满全身 依然奋力追赶 只有一个目标 只有一个信念 为班级赢得荣誉 拼搏吧 为我你们呐喊 加油 加油 天如幕，日如初，运动场内生龙活虎！ 没有常胜将，万古侯更无，江山代有才人出！ 赛场如战场，彩旗列列迎红日，呐喊声声震雷霆！ 英雄勇将，呼之欲出；各领风骚，一帜独树！ 群雄乍起，英雄谁属？ 洒过泪，流过汗，坚韧铸造王者风度！ 敢拼搏，不服输，霸气早成，成功我属！！！ 赞三千米 夸夫迫日惊华夏， 平步青云塔黄沙。 毓文男儿集力聚， 气贯神州傲中华。 赞百米运动员 百米跑道虽不长， 运动健儿志高扬。 摸拳擦掌跃欲试， 分秒必争勇夺魁。 高三七班有勇女， 巾帼岂将须眉让。 古有木兰冲杀场， 今有郎萍跑百米。 立志创新校记录， 勇夺奥运第一枚。 赞裁判员 柳树抽出新芽，怎能忘了春风的吹拂？ 小草钻出泥土，怎能忘了春雨的滋润？ 花儿绽开美丽笑脸，怎能忘了太阳爱抚？ 孩子们的成长更不能忘记老师的培养。 今天，我们成绩的取得， 怎能忘记您，公正无私的裁判员老师 致运动员 不为掌声的诠释 不为刻意的征服 只有辛勤的汗水化作追求的脚步 心中坚定的信念 脚下沉稳的步伐 你用行动诉说着一个不变的真理 没有比脚更长的路 没有比人更高的山 希望在终点向你招手 努力吧用你坚韧不拔的毅志 去迎接终点的鲜花与掌声 相信成功属于你 致跳高运动员 如海上的浪花， 似浪花上的云燕。 灵巧的速跑， 轻轻的一跃， 落下的是小小的横竿， 升起的是不屈的信念。 致运动员 生活中，我们每天都在尝试 尝试中，我们走向成功 品味失败，走过心灵的阴雨晴空 运动员们，不要放弃尝试 假如你成功了 这就是下一次尝试的动力 假如你失败了 就总结经验，吸取教训，继续努力 无论失败与否 重要的是你勇于参与的精神 付出的背后是胜利 无论是否成功 我们永远赞美你 你们永远是我们的骄傲 努力吧，运动员！ 致运动健儿 运动场上彩旗飘， 运动健儿显英豪， 跳跃身姿轻如燕， 铅球飞落地动摇， 百米冲刺如猛虎， 投球奔跑本领高， 运动健儿多自豪， 风流人物看今朝。 致１５００米运动员 运动员那矫健的身姿 在１５００米跑道上飞翔着 加油、加油、再加油…… 一滴滴的汗水 一丝丝的希望 人生能有几次搏 千百双眼睛在鼓励着你们 努力拼搏吧 胜利就在眼前 败者的心声 悄悄的，我退居一旁 避开所有的掌声和目光 远离胜利者的灿烂和辉煌 如果说生命也是一场竞争 我参与 也曾把竞争的滋味品尝 那么，让我也抬起头 甩掉心中的压抑 下次运动员我仍会同你较量 赞长跑运动员  运动场上有你们的飒爽英姿 运动场上有你们的拼搏身影 面对漫漫的征途 你没有畏惧和退缩 任汗水打湿脊背 任疲惫爬满全身 依然奋力追赶 只有一个目标 只有一个信念 为班级赢得荣誉 拼搏吧 为我你们呐喊 加油 加油 成功谁属 天如幕，日如初，运动场内生龙活虎！ 没有常胜将，万古侯更无，江山代有才人出！ 赛场如战场，彩旗列列迎红日，呐喊声声震雷霆！ 英雄勇将，呼之欲出；各领风骚，一帜独树！ 群雄乍起，英雄谁属？ 洒过泪，流过汗，坚韧铸造王者风度！ 敢拼搏，不服输，霸气早成，成功我属！！！ 这种东西？</t>
  </si>
  <si>
    <t xml:space="preserve">我想咨询下：您好，扁平疣的治疗，扁平疣能治好吗？越长越多了，谢谢? </t>
  </si>
  <si>
    <t>1，全身治疗：聚肌胞，板兰根肌注或内服左旋咪唑，乌洛托品。2，局部治疗：液氮冷冻或镭射治疗，外用鸦胆子仁，疣必治等。对数目较多，经久不愈者可口服乌罗托品，0.3～0.6g/次，3次/d，或氧化镁，0.5g/次，3次/d，可试用α，γ-干扰素，聚肌胞，土贝母等肌肉注射，局部可外用0.5%酞丁安擦剂，干扰素α-2b涂膜剂，1%喷昔洛韦霜，0.025%维A酸(维甲酸)霜等，颜面部慎用激光，冷冻治疗，也不用腐蚀性强的药物，以防色沉斑，瘢痕形成，影响美容，手背部可选用各种物理疗法(同寻常疣)。中医疗法：参照寻常疣。局部治疗：中医外治可用紫蓝方(见寻常疣全身疗法)酒浸外搽或用雄黄解毒散15g加入百部酒60m1外用，亦可用黑色拔膏棍，加温外贴，5～6天换1次，或用鸦胆子仁捣碎外敷(注意保护周围皮肤)，亦可用木贼，香附，板蓝根，山豆根各30g，煎水泡洗患部</t>
  </si>
  <si>
    <t xml:space="preserve">我的八强实买单,1023注,不知是否能中奖? </t>
  </si>
  <si>
    <t>一切尽在掌握中!</t>
  </si>
  <si>
    <t xml:space="preserve">资料片的问题请问什么时候开？大概哪个月？是不是到时候70级和新种 </t>
  </si>
  <si>
    <t>现在还不知道什么时候开因为资料片的代理还没有确定如果还是9c代理的话明年1月底可能就可以玩到了，最迟也不会超过5.1如果不是9c代理那就很难说了70级和新种族是同时开放的</t>
  </si>
  <si>
    <t xml:space="preserve">爱护草本金露怎么样？爱护草本金露看上去觉得不错，不知道用着怎么样 </t>
  </si>
  <si>
    <t>爱护草本金露，滴在洗澡盆里面，感觉确实挺清凉的。。宝宝挺喜欢的，味道也是清香。觉得不错。</t>
  </si>
  <si>
    <t xml:space="preserve">请求得一个科学结论,谢谢!!!在一只玻璃杯中倒入大半杯的水,再不 </t>
  </si>
  <si>
    <t>晕~！ 你娃娃是不是初中化学没学好啊溶解度是衡量物质在某一溶剂里溶解性大小的尺度，是物质溶解性的定量表示方法。即“在一定温度下，某物质在100g溶剂里达到饱和状态时所溶解的克数，叫做这种物质在这种溶剂里的溶解度”达到溶解度的液体 叫饱和溶液  在不同的条件下 溶解度 不一样</t>
  </si>
  <si>
    <t xml:space="preserve">松狮有黑色皮肤么?松狮背部皮肤是黑色的么我的松狮整个脊梁骨附近的 </t>
  </si>
  <si>
    <t>很多狗的表皮上都有不同颜色（多数为黑色或者白色）、不同大小位置的色斑，这是很正常的，而且与狗的毛发颜色并无关系。大概也只有最纯种的所谓“冠军狗”才会有比较统一的皮色。</t>
  </si>
  <si>
    <t xml:space="preserve">上投摩根基金转换问题上投摩根网上直销申购费用也要0.9%，真牛！ </t>
  </si>
  <si>
    <t>与直接申购股票基金的申购费率是一样的，即0.9%。</t>
  </si>
  <si>
    <t xml:space="preserve">[旗谜]尽饮江河水。（旅游城市名一） </t>
  </si>
  <si>
    <t>海口</t>
  </si>
  <si>
    <t xml:space="preserve">解梦~！好疑惑，，感情问题最近总梦见自己家人帮自己准备婚礼我不知 </t>
  </si>
  <si>
    <t>这个梦表示你有新的发展，但是你的心情不稳定。。。。。。。。。。。。。。。。。。</t>
  </si>
  <si>
    <t xml:space="preserve">新浪免费邮箱怎么打不开啦？我注册和使用新浪免费邮箱已经好几年了， </t>
  </si>
  <si>
    <t>系统问题你只要登录多几次刷新多几次就进入到你的邮箱了</t>
  </si>
  <si>
    <t xml:space="preserve">请教EXECLL函数保留小数点后两位小数，其余值全部舍去，不是四 </t>
  </si>
  <si>
    <t xml:space="preserve">可以使用 ROUNDDOWN()函数。ROUNDDOWN(Number，Num_digits)Number是要变化的数，Num_digits是需要保留的小数点后几位。比如：1.225 和1.221 按照上述操作后全部变为1.22。特别注意，如果是一组数操作，请使用函数时选择对应的单元格为Numvber，以便批量操作。如有不明可以MSN:suowei@ </t>
  </si>
  <si>
    <t xml:space="preserve">今晚两场欧洲杯比分预测...本人看好：西班牙－希腊1：1/0：1 </t>
  </si>
  <si>
    <t>西班牙－希腊  2  ： 0 瑞典－俄罗斯 012 ：12 看好西班牙的超级替补，一定会证明自己。（像法布雷加斯）瑞典也许整体技术好一些，但俄罗斯踢得更有攻击性。</t>
  </si>
  <si>
    <t xml:space="preserve">营救太子任务中的那个偷懒的小兵在哪啊？？？？偷懒的小兵的坐标啊？ </t>
  </si>
  <si>
    <t xml:space="preserve">进入太祝府，说不明白，我给你个大概的示意图吧，箭头就是路线！！！按照箭头走，具体几坐桥忘记了，不过就是走到底就对了。××××××××××××××××守卫（入口）×××××偷懒的小兵(对话)××××|×××××××××↑×××××××|×××××××××↑×××××××|×××××××××↑×××××××|×××××××××桥×××××××|×××××××××↑－－－－－－－－×××××××××↑××××××××××老虎×××××↑××××××××入口→→→→桥→→↑××××××××××狐狸××××××××××××××新手激活码 </t>
  </si>
  <si>
    <t xml:space="preserve">如何为图片文件设一个密码，让它不经过本人同意无法打开？比如psd </t>
  </si>
  <si>
    <t>Private Pictures是一款小巧的图片加密,它能快捷有效地为各种类型的图片文件加密.有了它的帮助,再也不必担心某些重要的私人图片曝光了. 安装运行Private Pictures后,在左上角是类似资源管理器的路径选择框,你可以挑选图片所在的保存路径.当任意选择一个文件夹时,该文件中所包含的各个格式的图片文件都会显示在操作界面的左下方,其中在各文件的右侧还显示了该图片的图片格式以及图片的大小.选择任意一个图片文件,其图片内容便会显示在右侧的预览区中.如果想按图片实际大小观看,可选择下面的"Full View”来观看图片.如果想加密单张图片的话,在选择完图片后,单击Private Pictures操作界面右上方的"Protect”功能钮,此时在弹出的设置框中设置密码并选择是否在加密后将原图片文件删除.(如果你想把被加密文件的源文件都删除的话,可在"Delete Original”复选框前打勾.)在设置框中还有一个选项"Remember the password during thesession”,它的含义是,是否在关闭Private Pictures软件前将当前所设密码作为所有加密文件的设定密码,如果选择了该项,你可以只设一次密码.当然,如果希望为不同图片设不同密码的话,就不要在这个复选框前打勾.如果想为当前目录下的所有图片文件加密的话,请选择操作界面右上方的"Protect Dir”这个选项.Private Pictures的操作十分简单,而且很实用,如果你感兴趣的话,可到 去下载其三十天的试用版.</t>
  </si>
  <si>
    <t xml:space="preserve">我要注销会员,怎么办? </t>
  </si>
  <si>
    <t>会员名自己不能注销如果用户在连续30天时间内没有登录查看新浪网为其提供的帐号和信箱，新浪网有权关闭用户信箱的接收系统，用户将不能收邮件。当用户再次登录查看新浪网为其提供的帐号和信箱时，该用户信箱系统将恢复正常。　　如果用户在连续90天时间内没有登录查看新浪网为其提供的帐号和信箱，新浪网将视为用户自行放弃该信箱帐号的使用权，新浪网有权从系统中删除该帐号以供他人注册、使用</t>
  </si>
  <si>
    <t xml:space="preserve">一边听音乐，一边做作业，有害吗？ </t>
  </si>
  <si>
    <t>这要看定力了，年级越小，越容易受影响分神啊，最后，哪一个都没有弄好。</t>
  </si>
  <si>
    <t xml:space="preserve">怎么删除不了文件？？我在删除有些文件时删除不了。出现错误提示是： </t>
  </si>
  <si>
    <t>1.注销后删除2.重启后删除3.在安全模式下删除</t>
  </si>
  <si>
    <t xml:space="preserve">为什么我80忠烈碑任务做好了感悟拿了缺米经验我做玩了忠烈碑任务~ </t>
  </si>
  <si>
    <t>接忠义要注意，要先把昨天的一个忠义还了才接今天的。切记切记</t>
  </si>
  <si>
    <t xml:space="preserve">大陆魔兽玩家为何纷纷流向台服?最近流向台服的玩家有多少?我们山东 </t>
  </si>
  <si>
    <t>先顶住你，我想好了在来回答!   答:1.全大陆约有3W+玩家去了台服。      2.台服已开了资料片，并且是中文板。还有月卡卖</t>
  </si>
  <si>
    <t xml:space="preserve">这个已婚男人真爱我吗？他已婚，有妻有女，女儿不到一岁。在和他相处 </t>
  </si>
  <si>
    <t>首先要告送你做事情不要前怕狼后怕虎的.我是个男人我肯定你的那未男友很喜欢你,他也肯定会娶你.但是我更襟配你的自尊,你的原则性表现的非常出色.如果条件允许你可以离开他一段时间,他要是真的爱你一定会走出那滩死水,会有一天来再次向你求婚的.到那时你在好好善带他,当他完全属于你时你就会是一位完全幸福的女人了.祝你幸福!</t>
  </si>
  <si>
    <t xml:space="preserve">为什么老是勃起啊?我刚谈恋爱,和女朋友在一起拖着手,不时小弟弟会 </t>
  </si>
  <si>
    <t>不必在意这个,每一个男的都会这样,我也是这样子的,勃起的时候还故意去顶她,我不知道为什么会这样做,拥抱的时候,亲吻的时候,拉手的时候有时也会.你女朋友要是了解男的的话,她不会在意的,因为男的都是这样,像你说的有什么妙策,我估计是没有的,除非你对她没有感觉,不喜欢她.</t>
  </si>
  <si>
    <t xml:space="preserve">最近想买基金,请学长推荐.谢谢 </t>
  </si>
  <si>
    <t>华夏红利，诺安股票都不错的。</t>
  </si>
  <si>
    <t>帮帮我啊/....急死我了...以前手淫，不是很频繁，一个月4</t>
  </si>
  <si>
    <t xml:space="preserve">朋友！首先你不要那么着急和紧张，更不要稍稍有一点不如法就归咎与自己过去的手淫，自己给自己以沉重的心理压力。也许过去这方面的宣教过于危言耸听了，手淫其实是男女青少年中非常普遍的现象，适度手淫有益身体健康，只有过度手淫则才于身体健康有损。现代医学研究作了大量对照对比研究表明，手淫与神经衰弱、精神分裂症等并无直接关系，也不会对日后的性功能、性产生不良影响。分析你问题的叙述，在下认为朋友的心理出了点小问题，太过于在意它的表现(及勃起不勃起)了。既然你们在一起又不做事，那就不必在乎它的表现如何啦！只要两个人感觉愉快，能增进彼此的感情就对了。何必对它站不站起来这么忧心重重给自己心理沉重的压力呢？这种心理压力不但不能使问题有任何的帮助和好处。反而会产生心理障碍而恶性循环，使问题愈加严重。你现在基本就是陷进了这种心理状态之中而难于自拔。因此解决问题的唯一的出路在于，彻底地把它(勃起不勃起)抛开，同时把由此而产生的一切烦恼抛到九霄云外去。把自己从那种痛苦中解放出来。那么你的性能力才能恢复原来的状态，才能在需要的时候正常地发挥出来，甚至能超常地发挥出来都是完全可能的，因为现在情况和过去完全不同了，过去没有女朋友，它是英雄无用武之地。现在你有了女朋友，它再不是无用武之地的英雄了，它就是能顶天立地的真正的英雄了。否则什么名医，什么灵丹妙药也救补了你的。如需药物方面辅助，吃一点六味地黄丸、男宝或花茸维雄。加强体育锻炼，提高身体素质，是保持性能力强盛不衰的最根本的保障。有个网友在提问时叙述他小学二三年级就开始手淫行为，直到初中二年级才开始有真正的射精，手淫历史可谓沉长了吧，但由于他在上学中非常喜欢运动锻炼，因此身体一直健壮，性功能及性能力都非常正常。他的例子正好说明了这个道理。而且象他这样类似的例子还有许多许多。仅供参考，祝你健康快乐！ </t>
  </si>
  <si>
    <t xml:space="preserve">铅板阻挡的是射线吗？ </t>
  </si>
  <si>
    <t>α射线、β射线、γ射线.它们都有着较强的穿透力,普通的板材不具备防护性能，而防辐射铅板凭借铅的良好性能，对诸如此类的射线有着良好的防护阻挡。    铅板是防辐射的好材料，能够防护射线，保护健康。目前应用在十分广泛的领域。但是，我们首选要明确的是：铅板阻挡的是射线，而不是放射性物质。     放射性物质发出的射线是我们肉眼不可见，例如:α射线、β射线、γ射线.它们都有着较强的穿透力,普通的板材不具备防护性能，而防辐射铅板凭借铅的良好性能，对诸如此类的射线有着良好的防护阻挡。一定意义上，放射性强度随防辐射铅板厚度按指数规律衰减，同时理论上是不能完全阻隔的。</t>
  </si>
  <si>
    <t xml:space="preserve">脑筋急转弯什么事会让上面的人愉快，下面的人高兴？ </t>
  </si>
  <si>
    <t>演唱会。。。。。。。。。。。</t>
  </si>
  <si>
    <t xml:space="preserve">有什么好的移动电源？想找个用起来很方便的移动电源，不要太大，可给 </t>
  </si>
  <si>
    <t>现在移动电源用起来都很方便，基本上用数据线接上就可以给手机充电了，不清楚你的手机电池容量是多大，建议你用鱼骨头CC吧，7600mAh 的容量基本上所有手机都可以充4次以上了，而且这款移动电源还是数显的，不太像其他牌子的产品只是用些灯分段显示的。</t>
  </si>
  <si>
    <t xml:space="preserve">三角不等式设x∈(0，π/2)，n∈N，证明[(1/sinx)^ </t>
  </si>
  <si>
    <t>证明：∵1-(sinx)^(2n)=[1-(sinx)^2][1+(sinx)^2+(sinx)^4+···+(sinx)^(2n-2)]，1-(cx)^(2n)=[1-(cosx)^2][1+(cosx)^2+(cosx)^4+···+(cosx)^(2n-2)，∴[(1/sinx)^2n-1][(1/cosx)^2n-1]=(cscx)^(2n-2)[1+(sinx)^2+(sinx)^4+···+(sinx)^(2n-2)]·(secx)^(2n-2)[1+(cosx)^2+(cosx)^4+···+(cosx)^(2n-2)]=[1+(1/sinx)^2+(1/sinx)^4+···+(1/sinx)^(2n-2)]·[1+(1/cosx)^2+(1/cosx)^4+···+(1/cosx)^(2n-2)]≥[1+(1/sinxcosx)+(1/sinxcosx)^2+···+(1/sinxcosx)^(n-1)]^2(利用了柯西不等式)=[1+(2/sin2x)+(2/sin2x)^2+···+(2/sin2x)^(n-1)]^2≥[1+2+2^2+···+2^(n-1)]^2=[(2^n)-1]^2。故命题得证。</t>
  </si>
  <si>
    <t xml:space="preserve">塑料洗发水瓶子是用什么方法做的，看起来好像是两边粘合的。很多的塑? </t>
  </si>
  <si>
    <t>不可能是用粘合的方法，而是注塑的模具由两块合拢的，中间就有一条缝。</t>
  </si>
  <si>
    <t xml:space="preserve">关于怀孕我是2月27日来的月经,3月5日干净的,我想请有经验的j </t>
  </si>
  <si>
    <t>本月的12日至15日是受孕期</t>
  </si>
  <si>
    <t xml:space="preserve">轮胎类型与规格(km/h) </t>
  </si>
  <si>
    <t>回答:您好您的问题可否再详细一些.</t>
  </si>
  <si>
    <t xml:space="preserve">乌鸡可以和山药苟杞一起同煮食吗？ </t>
  </si>
  <si>
    <t>烹饪方法 1. 将乌鸡宰杀，去毛和内脏洗净，切块备用；2. 山药去皮洗净切小块备用；3. 将生姜数片放入炖锅里，加适量清水煮沸；4. 再加入乌鸡块焯一下以去腥味，捞出生姜片，倒掉水；5. 将乌鸡块、山药块、枸杞一起放入炖锅中，加开水适量；6. 用文火炖1小时至肉烂，加精盐少许调味即可。健康提示 1. 本品具有养血活血、扶脾补虚之功效；2. 适于中老年贫血症患者食用；3. 食乌鸡、山药亦能强身健体。食谱营养 乌骨鸡：乌鸡内含丰富的黑色素,蛋白质,B族维生素等18种氨基酸和18种微量元素，其中烟酸、维生素E、磷、铁。山药：山药含有皂甙、黏液质、胆碱、淀粉、糖类、蛋白质和氨基酸、维生素C等营养成分以及多种微量元素。食物相克 山药：山药与甘遂不要一同食用；也不可与碱性药物同服。</t>
  </si>
  <si>
    <t>圈猪卖多少钱会员3000</t>
  </si>
  <si>
    <t>全体圈猪由于高血成长 很多人会喜欢购买! 1100RMB左右卖卡66卡左右</t>
  </si>
  <si>
    <t xml:space="preserve">翻译Amanisnotoldaslongasheisseekin </t>
  </si>
  <si>
    <t xml:space="preserve">A man is not old as long as he is seeking something. A man is not old until regrets take the place of dreams 只要一个人还有追求，他就没有老。直到后悔取代了梦想，一个人才算老。（巴里摩尔） </t>
  </si>
  <si>
    <t xml:space="preserve">安其拉神庙声望刷满多少时间安其拉神庙声望（铜龙声望），用打门口巡 </t>
  </si>
  <si>
    <t>1 一个怪100声望  需要杀多少一算就知道2 如果专杀巡逻的的话 可以无限重置副本就行了.重置一次可以杀两只3 最低队伍配置  大概是15人多一点也可以  你要装备b  10人也无所谓   1个T 两三个治疗  其他最好全是贼.(反正贼大把,好找).原则就是找没蓝的职业.  有蓝职业又不能吸蓝的,能少则少.4 多少小时 那得看你们的效率了,估计快的话 5分钟刷一趟吧,现在重置副本都不用下线了,方便了许多.戒指直接拿的  不需要老3头任务-----------------------------------------------------试问楼下的gg  好歹是40人副本的小怪你4 5个人去杀,你也太猛了吧,以为大家都是T3套啊.T3套你杀那东西做啥莫非打精华?你4 5个人去杀慢不说,治疗的蓝都给那怪吸光了你其他职业抗的住吗.   再说了要刷到中立2999也不用半个月那么长 我第一次去刷的时候 两三小时就刷了6000多. ZG AQL这样的副本是没有重置限制的,所以根本不用担心刷多了会被弹,我刷的不多,但我刷的那几个小时里,全团还没有一个人被弹回去了.  就算你的装备很猛,请不要把对新手来说可能错误的消息传播给新手们..</t>
  </si>
  <si>
    <t xml:space="preserve">福建省人民医院初五有体检吗 </t>
  </si>
  <si>
    <t>福建省人民医院初五有体检的</t>
  </si>
  <si>
    <t xml:space="preserve">治疗因肠胃失调引起的口臭什么药有效？多年来，肠胃也没什么大的毛病 </t>
  </si>
  <si>
    <t>根据你的症状，应该是食积型口臭。 平时饮食失常，过食油腻致胃肠消化功能减弱或胃肠有慢性疾患，对饮食的排空时间延长，时间一久，残留胃肠食物过多，形成食积，食积形成就可造成内热产生而致口臭。常伴有不思饮食、腹胀，大便秘结2—3天一次或更长。 注意饮食要有节制，少吃油炸类食品，如年糕；肉类如羊肉、狗肉、肥猪肉等；多吃蔬菜，如冬瓜、白菜、菠菜、藕、萝卜等；水果以西瓜、梨、苹果、香蕉为好。 食疗可选决明子炖茄子，有清热润肠通便的作用。 决明子10克，茄子2个。 决明子水煎取汁，茄子油炒，加入药汁，食盐、酱油、豆油、味精适量炖熟。 决明子清热润肠通便，茄子清热宽肠、消肿止痛，合为清热通便。适用于肠胃食积口臭。若仍是想服用药品,则可考虑:胃火口臭：多由火热之邪犯胃所致。其证除口臭外，每兼面赤身热，口渴饮冷，或口舌生疮，或牙龈肿痛，流脓出血等。应清泻胃火。宜用清胃散（黄连、升麻、生地、丹皮、石膏、当归）治之。大便秘结者，加大黄。 食积口臭：多由过饱伤胃、缩食停滞胃中引起。其证口出酸腐臭味，脘腹胀痛，不思饮食，嗳气口臭等。应消食导滞，保和丸或枳实导滞丸，均可随症选用。建议你可先从饮食规律清淡上开始调理,若一段时间后仍不见效,再配合中草药治疗. 若有可能,平时加强些适当锻炼更好。 祝君康健!</t>
  </si>
  <si>
    <t xml:space="preserve">PSP游戏画面变小都不知什么回事。。。充完电机子某些游戏画面变小 </t>
  </si>
  <si>
    <t>你说的某些游戏.是不是PS游戏啊,如果是的话,按HOME键-设定-画面模式,在画面模式里可以恢复你想要的画面</t>
  </si>
  <si>
    <t xml:space="preserve">下载问题？朋友说有个文件能支持双开还不卡/。可是我下完游戏没有那 </t>
  </si>
  <si>
    <t>呵当然不卡啊不过内存要高/.显卡也要好网速更要快</t>
  </si>
  <si>
    <t xml:space="preserve">男友从不说爱我？为何？他是个老实的人，我们相识都快两年了，但他从 </t>
  </si>
  <si>
    <t>女人想得太多也不好/男人有时候很奇怪/有种男人不喜欢把&lt;我爱你&gt;三个字说出口/有种男人喜欢带在嘴边/但也不能说他花心/只能说他了解女人/他懂女人什么最需要/你的男朋友他不善表达/也许他觉得只要他心里爱你//对你好就够了/而形式对他来说不是很重要/他没有了解爱有时候需要说出口/我们不是看过很多的电视剧/男主人翁不也常不会表达这三个字吗/但我们却知道他很爱很爱她/也许他会在很重要的时候会对你说/如果你真得很想听可以直言不讳地告诉他/又何妨/既然你也说他老实/更证明他不善表达我爱你三个句要说出口/而是对着他心爱的女朋友/他以为只要用行动表示就可证明他爱你/爱他就为他多着想/相信你是一个很幸福的女人!</t>
  </si>
  <si>
    <t xml:space="preserve">几何已知ABCD是圆内接四边形,AB与CD交于E，BC与DA交于 </t>
  </si>
  <si>
    <t>证明 在EF上取点H，使∠CHE=∠CDF，那么C,H,F,D四点共圆, 则EF*EH=ED*EC.           (1) 因为∠ABC+∠ADC=180°，所以∠CHF=∠EBC，即C,H,E,B四点共圆, 则 EF*FH=FB*FC             (2) (1)+(2)得EF^2=ED*EC+FB*FC        (3) 据切线定理得PE^2=ED*EC              (4) QF^2=FB*FC              (5) (4)+(5)得PE^2+QF^2=ED*EC+FB*FC   (6) 故得PE^2+QF^2=EF^2.请按照我的图对应字母......PE^2=ED*ECQF^2=FD*FA在EF上找一点M，使CDMF四点共圆则∠EAD=∠DCB=∠DMF则EADM四点共圆所以ED*EC=EM*EFFD*FA=FE*FM所以PE^2+QF^2=ED*EC+FD*FA=EM*EF+FM*EF=EF^2</t>
  </si>
  <si>
    <t xml:space="preserve">打印机问题？我的打印机突然不能正常运作，就是打出来都是乱吗。经过 </t>
  </si>
  <si>
    <t>先把驱动卸载后重新安装此打印机最新驱动，可以到网上下载（也许你手里的驱动安装盘已经不能支持），正确安装好驱动重新打印；再就是一点，你看到的乱码是什么乱码啊？不会是堵头后打印出来的不完整字吧？如果是那样你执行驱动里带的清洗喷头程序就可以解决了。有什么问题可以发信息给我，帮你在线解答。</t>
  </si>
  <si>
    <t xml:space="preserve">怎样可以使鼻子变瘦？？？？？？？鼻子大、宽，怎么可以使鼻子变瘦啊 </t>
  </si>
  <si>
    <t>1、尽量不要随便的乱抠鼻子】2、也不要随便的挤黑头3、直接外用现在的玫娇莎（一种植物精华露）</t>
  </si>
  <si>
    <t xml:space="preserve">建行省内同城跨行转账手续费，省内同城同行转账手续费（柜台办理，网? </t>
  </si>
  <si>
    <t>1、同城同行转账，网上银行和柜台办理都不收费；2、同城跨行转账，网上银行：按转账金额的0.5%收取手续费，最低2元，最高25元；1000 X 0.5%=5元；银行柜台：按转账金额的1%收取手续费，最低2元，最高50元； 1000 X 1%= 10元；3、异地同行转账  网上银行：按转账金额的0.25%收取手续费，最低2元，最高25元；银行柜台：1）如果填写收款人所持的银行卡号,按转账金额的0.5%收取手续费，最低2元，最高50元. 2）如果收款人所持的是存折帐号，则有省内省外之分：                 省内：按0.5%、最低2元、最高50元收费；                 省外：按1%、最低2元、最高50元收费.4、异地跨行转账  网上银行：按转账金额的0.25%收取手续费，最低2元，最高25元；银行柜台：手续费为1%，最低2元，最高50元。</t>
  </si>
  <si>
    <t xml:space="preserve">隔壁晚上叫床声太大怎么办我们家的窗户就相隔两米，本来想着直接打开 </t>
  </si>
  <si>
    <t>不太明白，你隔壁如果是小年轻的不懂事儿的话，你应该提醒一下，可以在平时他们没有动静的时候，从窗户上碰见对方的话，礼貌的提醒对方，他们应该觉得羞愧的。有些网友的法子也是不错的，可以参考一下， 我们试试如果屡教不改，你也整点噪音出来</t>
  </si>
  <si>
    <t xml:space="preserve">她爱我吗?如果不爱,请让我离开,这样行吗是这样的,我很爱我现在的 </t>
  </si>
  <si>
    <t>你和她好好谈谈，告诉她你觉得不好的地方，希望她也能为你有一些改变，如果爱你的话。再个性的人为自己心爱的人也不能太任性了，要不就不适合过日子了。如果她愿为你改变，那么也就是你想要的了，如果不愿意的话，我想答案你也知道了，就没必要再耗下去了，重新寻找值得爱的人。</t>
  </si>
  <si>
    <t xml:space="preserve">p3，爱好者来此交流今天排3看小和值，组的看的号太多了不知道用哪 </t>
  </si>
  <si>
    <t>我看的567/26/234</t>
  </si>
  <si>
    <t xml:space="preserve">浏览器问题我现在用的是IE8，0怎么打不开百度和腾讯网页.... </t>
  </si>
  <si>
    <t xml:space="preserve">IE8还不是很成熟，会出现一些问题，不行还是用IE7吧。如果是IE损坏，请下载超级兔子在她的选项中有重装IE，建议重装IE。下载地址： </t>
  </si>
  <si>
    <t xml:space="preserve">我的电脑不知什么问题，一打开天使之恋就但出一个东西，所以不能果冻? </t>
  </si>
  <si>
    <t>放弃那东西吧，用游戏自带的。</t>
  </si>
  <si>
    <t xml:space="preserve">能量合剂和kcl注射液合用会影响钾的吸收吗?大家好，请各位多多指 </t>
  </si>
  <si>
    <t>你好~ 很少能碰到同行。能量合剂 一般不会和K 产生反映，好象也没配伍禁忌的~~看看 是不是其他原因</t>
  </si>
  <si>
    <t xml:space="preserve">西餐礼仪 </t>
  </si>
  <si>
    <t>　1、预约的窍门。越高档的饭店越需要事先预约。预约时，不仅要说清人数和时间，也要表明是否要吸烟区或视野良好的座位。如果是生日或其他特别的日子，可以告知宴会的目的和预算。在预定时间内到达，是基本的礼貌。　　2、再昂贵的休闲服，也不能随意穿着上。　　3、吃饭时穿着得体是欧美人的常识。去高档的餐厅,男士要穿着整洁的上衣和皮鞋；女士要穿套装和有跟的鞋子。如果指定穿正式服装的话，男士必须打领带。　　4、由椅子的左侧入座.最得体的入座方式是从左侧入座。当椅子被拉开后，身体在几乎要碰到桌子的距离站直，领位者会把椅子推进来，腿弯碰到后面的椅子时，就可以坐下来。　　5、用餐时，上臂和背部要靠到椅背,腹部和桌子保持约一个拳头的距离，两脚交叉的坐姿最好避免。　　6、正式的全套餐点上菜顺序是:①菜和汤 ②鱼肝油③水果④肉类⑤乳酷酪 ⑥甜点和咖啡 ⑦水果，还有餐前酒和餐酒。没有必要全部都点，点太多却吃不完反而失礼。稍有水准的餐厅都不欢迎只点前菜的人。前菜、主菜（鱼或肉择其一）加甜点是最恰当的组合。点菜并不是由前菜开始点，而是先选一样最想吃的主菜，再配上适合主菜的汤。　　7、点酒时不要硬装内行。在高级餐厅里，会有精于品酒的调酒师拿酒单来.对酒不大了解的人，最好告诉他自己挑选的菜色、预算、喜爱的酒类口味，请调酒师帮忙挑选。　　8、主菜若是肉类应搭配红酒，鱼类则搭配白酒。上菜之前,不妨来杯香槟、雪利酒或吉尔酒等较淡的酒。　　9、餐巾在用餐前就可以打开。点完菜后，在前菜送来前的这段时间把餐巾打开，往内摺三分之一，让三分之二平铺在腿上，盖住膝盖以上的双腿部分。最好不要把餐巾塞入领口。　　10、用三根手指轻握杯脚。酒类服务通常由服务员负责将少量酒倒入酒杯中，让客人鉴别一下品质是否有误。只须把它当成一种形式，喝一小口并回签Good。接着，侍者会来倒酒，这时，不要动手去拿酒杯，而应把酒杯放在桌上由侍者去倒。正确的握杯姿势是用手指轻握杯脚。为避免手的温度使酒温增高，应用大拇指、中指、食指握住杯脚，小指放在杯子的底台固定。　　11、喝酒的方法。喝酒时绝对不能吸着喝，而是倾斜酒杯，像是将酒放在舌头上似的喝。轻轻摇动酒杯让酒与空气接触以增加酒味的醇香，但不要猛烈遥晃杯子。此外，一饮而尽，边喝边透过酒杯看人，都是失礼的行为。不要用手指擦杯沿上的口红印，用面巾纸擦较好。　　12、喝汤也不能吸着喝。先用汤匙由后往前将汤舀起，汤匙的底部放在下唇的位置将汤送入口中。汤匙与嘴部呈45°角较好。身体上的半部略微前倾。碗中的汤剩下不多时，可用手指将碗略微抬高。如果汤用有握环的碗装，可直接拿住握环端起来喝。　　13、面包的吃法。先用两手撕成小块，再用左手拿来吃的原则。吃硬面包时，用手撕不但费力而且面包屑会掉满地，此时可用刀先切成两半，再用手撕成块来吃。避免像用锯子似割面包，应先把刀刺入另一半。切时可用手将面包固定，避免发出声响。　　14、鱼的吃法。鱼肉极嫩易碎，因此餐厅常不备餐刀而备专用的汤匙。这种汤匙比一般喝汤用的稍大，不但可切分菜肴，还能将调味汁一起舀起来吃。若要吃其他混合的青菜类食物，还是使用叉子为宜。首先用刀在鱼鳃附近刺一条直线，刀尖不要刺透，刺入一半即可。将鱼的上半身挑开后，从头开始，将刀叉在骨头下方，往鱼尾方向划开，把针骨剔掉并挪到盘子的一角。最后再把鱼尾切掉。由左至右面，边切边吃。　　15、如何使用刀叉。基本原则是右手持刀或汤匙，左手拿叉。若有两把以上，应由最外面的一把依次向内取用。刀叉的拿法是轻握尾端，食指按在柄上。汤匙则用握笔的方式拿即可。如果感觉不方便，可以换右手拿叉，但更换频繁则显得粗野。吃体积较大的蔬菜时，可用刀叉来折叠、分切。较软的食物可放在叉子平面上，用刀子整理一下。　　16、略事休息时，刀叉的摆法。如果吃到一半想放下刀叉略作休息，应把刀叉以八字形状摆在盘子中央。若刀叉突出到盘子外面，不安全也不好看。边说话边挥舞刀叉是失礼举动。用餐后，将刀叉摆成四点钟方向即可。开始点菜吧！　　●从前菜到咖啡，这是最传统的套餐形式：前菜→汤→鱼类料理→肉类料理1(主菜)→水果冰点→肉类料理2→沙拉→甜点→水果→咖啡。在前菜之前可饮用少许开胃酒，也可以选用很少量的小点心。　　●简化了的全餐：在今日，除了结婚喜宴的西餐外，像以上的全套餐点已越来越少了，一般肉类料理只有一道。在餐厅里，你可以按餐厅所决定的料理组合依序进餐，也可以依自己的喜好搭配喜欢的料理。*正确使用刀与叉，千万别出“洋相”　　●左手拿叉按住，右手拿刀切开，然后再用叉将料理叉起送入口中。如果是细碎的食物，可用叉子的正面舀起。当然，在与朋友聚餐的轻松场合，如果不需用到刀子，可以用右手拿叉进餐。　　●摆置刀与叉所传达出来的信息：用餐中为八字形，叉正反面朝上皆可，而刀刃侧则必须向自己。刀刃向他人时，就具有敌意了。用餐结束后，可将叉的正面向上，刀的刀刃侧向内与叉并拢，平行放置于餐盘。　　●餐巾是为在用餐时防止衣服弄脏而准备的。一般在点完餐后再打开，对折后放置于膝上。暂时离开或吃完离席后，千万不要把餐巾挂在椅背上，或是揉成一团放在桌子上。　　●正确的姿势与适当的角度对于你的优雅风度有着相当的影响。*轻松愉快地享用各种料理　　●前菜的吃法：前菜有点像中餐中的冷盘，有鱼子酱、烟熏桂鱼、生火腿、小龙虾、生蚝或蜗牛等，可以比较随意。　　●喝汤的方式：喝汤时千万不要发出声音，将汤匙微微倾斜比较容易饮用。如果汤还很烫，可以利用汤匙静静地来回搅拌使温度下降。汤喝完后直接把汤匙放在汤盘内，或是放在餐盘上也可以。　　●吃面包的方式：面包一般是无限量供应的，千万不要吃太多的面包。为了不吃下太多的面包，最好在用过前菜、汤端上来后再开始吃面包。吃面包的时候，应先用手撕下一口大小的量后再吃。切忌用刀、叉切或叉面包。　　●肉类料理的吃法：肉类料理应从左边开始切，调味酱应放在盘子内侧。放在牛排旁边的蔬菜不只是为了装饰，而是基于营养均衡的考虑而添加的，因此应与肉互相交替着吃完。不可一开始就将肉全部切成一块块的，否则好吃的肉汁就会全部流出来了。　　●鱼类料理的吃法：鱼类料理上都会有柠檬，切成圆形的柠檬可用刀压一下，使柠檬的香味渗进鱼类料理；半月形的柠檬切片可用叉子轻轻刺在果肉部位，用右手轻轻捏住柠檬，挤一二滴在鱼类料理上即可。取用的调味酱不应直接淋在料理上，应放在盘子的外侧。　　●生菜沙拉的吃法：沙拉的种类从简单的绿色蔬菜到豪华的海鲜或肉类，或加入鹅肝酱的沙拉等等，正式场合必须使用刀叉。如果是大钵或大盘子装的沙拉，就得用公叉、公匙从大盘子内夹取沙拉……　　●咖啡的喝法：餐后最适合饮用蒸气加压的浓缩咖啡，因浓缩咖啡含咖啡因很少，即使在晚上也可以安心饮用。先喝一小口，品尝一下咖啡的香气后，再依喜好放入适量的糖与牛奶。*餐前、餐后的礼仪细节　　●到餐厅前，最好先打电话提早预约。　　●进入餐厅后，外套等较大的物品可以寄放在衣帽间，而手提包、携带物品可以放在椅脚旁。　　●若是私人餐会，入座时应以女士优先；而公事餐会时，则应让上司或长辈先入座。入座时必须从左侧入座。　　●抽烟最好在用餐后，等到饮用咖啡时才抽，实在忍不住想抽烟时请到别处。　　●服装也是至关重要的，应注意仪表整洁，尽量减少化妆与装饰品。*用餐禁忌　　刀是切开料理用的工具，用餐的时候不可以拿到嘴边；不可同时用刀与叉将食物送入口中；不可舔食刀上的酱料。　　喝汤时若汤太烫而用嘴吹凉是大煞风景的；喝汤时不要发出嘶嘶的声音；不要把面包放入汤内一起吃；喝汤时不要把盘子整个托起；舔汤匙的动作是绝对不合西餐礼仪的。　　撕开面包后，如左手还拿着较大的面包，就不可以吃右手拿着的面包；不可以不将面包撕开就整个拿起来咬。　　洗手盆一旦端上来，不要把水喝掉，不可拧挤盆内的柠檬，不可将两只手同时放入清洗。*错误示范集　　●会显得很没有修养　　　聊天时不要过分投入，以致忘情地挥动手上的刀叉。　　　用餐中不可将手肘放在餐桌上。　　　毫不顾及他人的存在而大声谈笑是很失礼的。　　　不要东张西望，老是注意其他桌上的人。　　　不可大声与别桌上的人说话。　　　用餐结束后不可以在座位上用牙签剔牙。　　●会引起其他人的不愉快　　　用餐中拨弄头发会给人不干净的印象。　　　打嗝的声音太大是非常失礼的。　　　一言不发地用餐难免会使同伴以为你对这顿饭“不是很满意”。　　　取笑他人是非常没有礼貌的。　　●注意平时的不良习惯　　　掉在餐桌上的面包屑不要用手收集或是扫到地上。　　　打哈欠也是不礼貌的。　　　不要擅自与同伴交换料理。　　　嘴里有东西时不要说话。　　　在座位上补妆也是不礼貌的。</t>
  </si>
  <si>
    <t xml:space="preserve">90绿枪全3JN6TS2000粉全1绿忽视抗金15改5会员280 </t>
  </si>
  <si>
    <t>全3，JN6都不怎么样，就是改5伤害不错，不过好像粉得也还可以6-7卡吧</t>
  </si>
  <si>
    <t>请问31岁女血压在60</t>
  </si>
  <si>
    <t>不能一概而论。要结合身体状况看。正常人的心率不少于60次/分钟，但运动员的心率可以低于60；血压60-80估计没有写正确，因为这样的血压该急救了。更可能是60-90，这是正常值的下限。总之，只要没有什么心慌、头昏等不舒服的感觉，就没什么事。平时可适当参加体育锻炼。如果伴有怕冷等症状，可检查一下甲状腺功能是否减退。</t>
  </si>
  <si>
    <t xml:space="preserve">一日三餐各以几点吃为好每天三餐,都是几点吃好啊 </t>
  </si>
  <si>
    <t>专家称一天三餐不 每隔3小时就应吃顿饭 “最时尚的健康饮食习惯是要关心每次进餐的时间，而不是像以前那样仅关心自己餐盘中装有什么食物。”这是英国剑桥大学的营养专家宣布的。 之前曾有营养专家认为，16点至19点之前是我们每天摄入主要食物的一个最佳时间。但是通过研究，英国饮食协会的专家菲利普证明，这一观点并不正确，因为在16点之前的这段时间人体经受饥饿煎熬的时段过长，不利于人体健康。 生活中，我们每天吃三顿饭，但是这种生活方式是不科学的。还有人表示，每天每隔3个小时就要吃一顿正餐，这种说法也是错误的。那么什么样的进食时间才是科学的呢？英国剑桥大学的营养专家根据人体新陈代谢的规律，制定了一个科学的进餐时间。 早餐：7点至8点 一般我们有一个笄鸫蚕词帐昂貌还苁奔涞搅思傅悖床烤桶喑栽绮汀? 营养专家：进行适量的晨练(比如跑步或练瑜伽)后，早7点至早8点是最佳的吃早餐时间。 加餐：10点 到这个时间大脑工作已经消耗了你早餐所吃食物提供能量的20%，因此，这个时候你需要补充一些低脂肪的碳水化合物，比如香蕉。 午餐：13点 这个时间是人体所剩能量的最低点，所以你一定要及时进食，可以选择高热量食物。 加餐：14点至15点 此时人体中葡萄糖的量降低到午餐后的最低点。因此你可以吃些坚果、爆米花、干鲜水果等。 晚餐：17点至19点 这时你要吃一顿正式的晚餐，让身体在接下来数小时的睡觉时间里获得充分的能量，另外这个时间段吃饭也可让食物在睡前充分消化。 加餐：19点至21点 选择一小块奶酪、香蕉，因为它们能够帮助你提高睡眠质量</t>
  </si>
  <si>
    <t xml:space="preserve">换手机经济实惠的是那种？我的手机已经用了3年多了，simens8 </t>
  </si>
  <si>
    <t>换多少钱的如果心里有个价钱就好说了。现在只能凭空说说吧。手机用诺基亚的比较好，如果你们想买个情侣机的话，叫男生买N7610，女生买N6670，还是挺好看，价钱比较实惠，而且算是智能手机了，而且都有扩展卡可以随心所欲安装自己喜欢的软件和铃声及视频，上网速度很快，品质很有保证，我使N6670好久了，怎么折腾都没坏过，呵呵。价格N7610大约在2100吧，N6670在1900，差不多吧应该？</t>
  </si>
  <si>
    <t xml:space="preserve">剖副产多长时间能同房 </t>
  </si>
  <si>
    <t>一般而言，恢复房事最佳时机是产后6～8周。因为，你在怀孕期间会有明显的体质变化，这些状态通常会在产后 6周逐渐复原。例如子宫在未怀孕时约重 100公克，到了足月可以重到 1200公克 （增大11倍），而小宝宝出生后，子宫也还有 1000公克重。从外表看起来差不多是怀孕5个月的大小。子宫须等到约1个月后才能回到常态。在此之前，如果太用力的性交都会引起不适。剖腹产的伤口也是大约要6周时间恢复，用力时才不会酸痛。医生会安排你在产后 6周后，回医院复诊。他们通常会检示伤口是否愈合、缝线有没有完全吸收、子宫是否恢复到常态，以及排卵周期是否已经开始了。如果医师告诉您复原很好，应该可以同房。</t>
  </si>
  <si>
    <t xml:space="preserve">请问大家，电饭锅的电源线是不是通用的呢?请问大家，电饭锅的电源线 </t>
  </si>
  <si>
    <t>　　显然不是啊，不同大小功率，型号的电饭锅，他们的电源线设计是不同的，你最好选适合自己型号的电源线。</t>
  </si>
  <si>
    <t xml:space="preserve">安裝vasta系統最快要多久 </t>
  </si>
  <si>
    <t>和XP差不多．半个到一个小时就行了</t>
  </si>
  <si>
    <t xml:space="preserve">如何检查每天剩余的食物 </t>
  </si>
  <si>
    <t>处理好剩饭是很重要的。当然，最好是不剩饭，按人量米下锅。如果剩下，应将剩饭松散开，放在通风、阴凉和干净的地方，避免污染。 　　等剩饭温度降至室温时，放入冰箱冷藏。剩饭的保存时间，以不隔餐为宜，早剩午吃，午剩晚吃，尽量缩短在５至６小时以内。不要吃热水或菜汤泡的剩饭，不能把剩饭倒在新饭中，以免加热不彻底。吃剩饭前一定要彻底加热，一般加热分钟即可。或在做饭时，把剩饭与生米一起下锅。 　　应当强调指出的是，剩米饭容易引起食物中毒时，米饭大多未发馊、变酸，除米饭有时微有发粘、入口不爽或稍带异味的，大多看上去没有异样，这一点应引起注意，因此即便剩饭在感官上正常，也必须彻底加热后食用。 　　另外，剩下的汤菜、炖菜和炒菜等，必须先烧开，装在有盖的容器中，凉后再放入冰箱中冷藏；吃时还要烧开热透。剩下的炝拌菜，酱、卤肉类应立即放人冰箱冷藏或冷冻，下次吃时一定要回锅加热，或者改制，如改制为汤菜、炖菜，加点时令蔬菜，变成一道新菜，也别有风味。</t>
  </si>
  <si>
    <t xml:space="preserve">"pvc"是什么意思? </t>
  </si>
  <si>
    <t>晕~~ 一楼的答案也太强了吧~~~PVC的含义是:person vs coputer直意就是个人对电脑是暗黑里的一个玩法~~~ 有些人喜欢pk型的人物 而有些人对pk不敢兴趣 只与电脑对着干 乐在其中 他所玩的人物也就PVC人物 ok?</t>
  </si>
  <si>
    <t xml:space="preserve">佛山哪里有寺庙吗？最好是比较灵验的，可以排八字的． </t>
  </si>
  <si>
    <t>宝林寺好像是在佛山那一边的</t>
  </si>
  <si>
    <t xml:space="preserve">慢性肠炎的症状有哪些？怎么治疗慢性肠炎？有什么好的治疗方法，大家? </t>
  </si>
  <si>
    <t>您好，慢性肠炎一般的表现为：腹胀、腹痛、排便不正常如：便秘、腹泻、大便不成形都是典型症状，一般的药物治疗对肝肾都有影响，现在很多患者在服用水苏糖调理肠胃，它的原理很科学的，你可以试一下。</t>
  </si>
  <si>
    <t xml:space="preserve">梦见父亲生病吐血是何解 </t>
  </si>
  <si>
    <t>俗话说，日有所思，夜有所梦，梦是心情的反映既然你很忧虑你父亲的健康状况，何不就称现在，带你父亲去做个全面体检。有病早治，没有检查出来什么状况不就就能打消你的顾虑了吗？</t>
  </si>
  <si>
    <t xml:space="preserve">转氨酶高到1027，经过一周医院系统保肝治疗转氨酶降到530算降? </t>
  </si>
  <si>
    <t>应该是挺快的了---你的支持是我坚持的动力，点下好评吧，亲！</t>
  </si>
  <si>
    <t xml:space="preserve">内项的男人应该找一个什么性格的女人合适呢？我都失败一次了！伤得很 </t>
  </si>
  <si>
    <t>性格需要互补的，这样话题才多，所以应该找个活泼开朗的。当然有聊得来才行，就是说至少有一两样同样的爱好。也要有不同的爱好。如果找性格相同的，应该会很闷。因为太静。</t>
  </si>
  <si>
    <t xml:space="preserve">大盘是不是跌下去了？ </t>
  </si>
  <si>
    <t>不一定，明天比较关键</t>
  </si>
  <si>
    <t xml:space="preserve">我练的是冰电法师，闪电20，连锁闪电20，支电20，冰封球20，? </t>
  </si>
  <si>
    <t>这要看个人了我建议加强冰系了在冰系的加强上我建议先加支冰到1-10点看各人装备而定，加的点连同装备的点要使支冰效果为130左右为宜这主要是因为减抗一般情况下比加伤害来的快而且冰弹一级只提供6点的冰封球伤害（实在有点低）所以先加支冰那么为什么要加到130而不是更少或更多呢因为地狱里一般怪物冰抗为30左右而暗黑设定为最多只能减抗到-100关于能量护盾个人认为有点肋顶盾好处是几乎是不被秒，也“安全”但它的优点也是它的缺点首先蓝太少“顶不起”顿（因为一受到伤害就没蓝了）这样你就不得不加蓝的总量（即意味着要投入精力）但不论你的蓝再多遇到吸蓝还是一下没蓝想跑就只能靠走了，而不能传送了（这样是很危险的）我承认很多人还是喜欢顶盾，但我不喜欢如果你想试一试效果可以先找一个加能量护盾的东东很多法珠都加的，也好找，不必先加一点等用了后再做决定也可以把法珠放在反手或物品栏里一直靠它来给你加能量护盾只要你不闲麻烦，和喜欢顶盾最后关于属性点（不顶盾的原则上是不加精力的）想安全的话多加敏捷  加敏捷到格挡75%力量到可以拿装备其余的体力即生命</t>
  </si>
  <si>
    <t xml:space="preserve">这是为什么啊？是紧急避孕药造成的吗？？？？？？急！！！4月13来 </t>
  </si>
  <si>
    <t xml:space="preserve">正常的。因个体差异，有少部分育龄妇女，服用后会有月经提前或逾期的现象，这在临床上均属正常，不必紧张。是单纯的孕激素，可由于其抑制、延迟排卵和抑制子宫内膜的作用使妇女下次月经延期；也可能由于临时用药造成一时性血液中激素水平暂时升高之后的下降，发生撤退性出血，表现为妇女月经提前。临床资料证明：服用后，大约有20％左右的妇女会有月经提前的现象，有的妇女可能会提前7－10天多；10％左右的妇女会出现月经延期，虽然这也属于正常范围，但往往会给服药的妇女带来不便。因此这部分妇女首先应注意排除妊娠，如已超过预期下次月经时间7天，应做尿妊娠试验；如两周后仍未来月经，应去医院就诊，由医生决定是否需要给予诱导月经的治疗! </t>
  </si>
  <si>
    <t xml:space="preserve">NE怎么破解HUM的极限TOWERRUSH?EI和TR近点上HU </t>
  </si>
  <si>
    <t>1 首先被极限TR,不要慌张,这时候HUM根本连英雄都没有.注意新造的建筑就要离塔远一些(似乎是废话),祭坛好了之后先不要着急出英雄,如果已经有英雄在读进度条了,就先读着吧,看差不多了就取消.反正本土那四位英雄在塔面前基本都是废物.你可以先让祭坛亮着麻痹对方.战争古树要造AC,尽量多造点战争古树拖延时间.让一个小精灵去酒馆待命2 到了时间,马上买出深渊魔王!注意一定要深渊魔王!这非常重要!买出来之后就可以回去防守了!AC优先点抽魔塔,他农民修不要紧,深渊魔王尽量躲开抽魔塔,让AC去顶,同时深渊魔王下雨砸!他农民修就一起被砸,不修,几下塔就烂了.NE的井就是好,瞬间就能满血满魔.如果觉得井水不够就再放个商店。基本他的塔烂了,就可以直接GG了</t>
  </si>
  <si>
    <t xml:space="preserve">我是新手.我有天马车+LEO+捷豹+赛波东.还买了中级B类黄金S? </t>
  </si>
  <si>
    <t>好装备需要投资高TP扭力  涡轮  高凸只类的驾驶  +8  +7  0.26  0.22特殊附件  车身  7  8车   1车根据个装备属性TP进行投资改装栏那里投TPTP获得路径城市任务 最好跑挑战 或是飞车山路找人刷也可以大概需要4800TP左右每次TP容量在游戏显示1000TP[好像是MAX.就满1000了]就进行给装备投资用没了在去跑</t>
  </si>
  <si>
    <t xml:space="preserve">最新FS练级天赋最新的FS练级天赋,谁能给个详细的啊 </t>
  </si>
  <si>
    <t xml:space="preserve">10- 强化火球5点15-16 烈焰投掷2点17-19 强化火焰冲击3点这样前期练级就是,火球+火焰冲击,不出点燃是因为没装备爆击少20    炎爆术1点出了炎爆,就用炎爆开始开怪21-24 烧尽2点,点燃2点25-27 强化灼烧3点出了强化灼烧,一般就是炎爆开怪,然后灼烧+火焰冲击28-29 点燃2点30    冲击波又多了个顺发技能,打怪基本不等怪到身边就能打死31-33 火焰重击3点,点燃1点34-39 火焰强化5点40    燃烧这样的火系天赋是单练的最佳天赋如果要玩群伤,就用冰天赋也给一个加法循序10-14 强化寒冰箭5点15-16 强化冰霜新星2点17-19 极寒冰霜3点20-22 强化暴风雪3点霜寒刺骨不能加,这是群伤不能加的天赋,暴雪打下去,有些怪冻上不在一起就麻烦了寒冰碎片也不要加先,暴风雪没用重击23    急速冷却1点24-26 刺骨寒冰3点27-31 极寒延伸2点,冰霜导能3点32-35 寒冰屏障1点,强化冰锥术3点36-39 寒冰碎片4点40    寒冰护体 </t>
  </si>
  <si>
    <t>数学若α、β∈【</t>
  </si>
  <si>
    <t>设f(x)=xsinx,x∈[-π/2,π/2],则f'(x)=sinx+xcosx,x∈（0,π/2]时f'(x)&gt;0,f(x)是增函数，x∈[-π/2,0)时f'(x)&lt;0,f(x)是减函数，∴由α、β∈[-π/2,π/2]，且αsinα&gt;βsinβ,得α&gt;β&gt;=0或α&lt;β&lt;=0,∴α^2&gt;β^2.选D.</t>
  </si>
  <si>
    <t xml:space="preserve">请问猎人用什么近战武器好啊!为什么 </t>
  </si>
  <si>
    <t>无所谓，补充属性优先</t>
  </si>
  <si>
    <t xml:space="preserve">进防盗门正对厕所怎么装修后有图我的户型厕所门改不了方向，怎么装修 </t>
  </si>
  <si>
    <t>你户型的图纸呢？</t>
  </si>
  <si>
    <t xml:space="preserve">20倍图！3串1！！！！没有比赛了``就这三场！ </t>
  </si>
  <si>
    <t>哈!铁杆彩迷,原来你玩通宵达旦!注意身体哦</t>
  </si>
  <si>
    <t xml:space="preserve">为什么我在天行那接任务我是112的 </t>
  </si>
  <si>
    <t xml:space="preserve">什么意思啊，是不是接不了任务啊，请确保你的包包里有足够的金啊，不然是接不了任务的啊 </t>
  </si>
  <si>
    <t xml:space="preserve">3转转生问题1世男仙满级,5雷满转生，2世男仙满级,5风满转，3 </t>
  </si>
  <si>
    <t>毕竟没有法满，转什么都一样，转敏法魔吧，或转仙，男人就不要转了，没有修正抗不满，装备要求很高，最多能双抗，仙法方面抗的也不是很高，转仙的话加盘能高抗仙法，人法双抗不难，毕竟仙族的人法抗行110就满，而人族的人法抗要145才满</t>
  </si>
  <si>
    <t xml:space="preserve">请问樟子松集成材做家具是否容易开列,做家具是否好. </t>
  </si>
  <si>
    <t>有松油，比较重，不易干燥侧底</t>
  </si>
  <si>
    <t xml:space="preserve">会意外怀孕吗？您好，想像您请教一个问题，我前几天和女朋友出去旅游 </t>
  </si>
  <si>
    <t>放心 不会的    虽然隔着内裤，但精子仍然会透过内裤到你女友下体中。可经过阻隔，受精的几率已经很小了。而且你女友及时吃了避孕药，只要在24小时内都来得及。吃了避孕药之后，会导致月经提前。并且出血量很少，颜色很淡。如果在一个礼拜只能出现这样的情况  那就完全可以放心了。</t>
  </si>
  <si>
    <t xml:space="preserve">狗的寿命有多长 </t>
  </si>
  <si>
    <t xml:space="preserve">   犬的寿命大约在13-18年之间，最长的也有20年以上，不过较少见。    宠物狗狗寿命排行榜:迷你贵宾犬 14.8岁拉布来多猎犬 12.6岁玩具贵宾犬 14.4岁美国可卡 12.5岁迷你腊肠犬 14.4岁柯利牧羊犬 12.3岁惠比特 犬 14.3岁阿富汗猎犬 12.0岁松狮犬 13.5岁金毛寻回猎犬 12.0岁西施犬 13.4岁英国可卡 11.8岁比格猎兔犬 13.3岁爱尔兰雪达 11.8岁北京犬 13.3岁威尔士柯基 11.3岁喜乐蒂犬 13.3岁萨摩犬 11.0岁边境牧羊犬 13.0岁拳师犬 10.4岁吉娃娃犬 13.0岁德国牧羊犬 10.3岁猎狐梗犬 13.0岁杜宾犬 9.8 岁巴吉度犬 12.8岁大丹犬 8.4 岁西高地白梗犬 12.8岁伯恩山犬 7.0 岁约克夏 犬 12.8岁此外串种的寿命在12.6 岁 </t>
  </si>
  <si>
    <t xml:space="preserve">小孩吃火腿肠好不好? </t>
  </si>
  <si>
    <t>偶尔吃一点可以 长期吃不好 火腿肠无论质量好坏都少不了各种添加剂</t>
  </si>
  <si>
    <t xml:space="preserve">在上海这边POLO价格不降反升，请问嘉年华、C2跟雨燕，性价比跟? </t>
  </si>
  <si>
    <t>个人觉得相比之下C2最适合，坐过一姊妹的嘉年华发现行驶中副驾驶这边车门会有间歇性的“滋滋滋”异响，特别在急加速或者路面不平时，性价比差，至于雨燕热车怠速不稳，像缺缸一样，安全性能差，我自己就买的红色C2，法国车的底盘，赞！很稳，挺安全的，性价比还是挺高的。</t>
  </si>
  <si>
    <t xml:space="preserve">西洋参的吃法买的西洋参是整个的，最好能提供家庭的切片方法 </t>
  </si>
  <si>
    <t xml:space="preserve">西洋参，又名洋参、花旗参，为五加科植物西洋参的根。主产于美国、法国、加拿大，我国亦有栽培。认为西洋参性苦、微甘而寒，入心、肺、肾经，有补肺降火，养胃生津等功能。秋天气候干燥，燥气最易伤肺，最易伤皮肤腠理和津液，故秋天滋补宜用洋参。服用洋参可选用下列几种方法：●含化法：将无皮西洋参放在饭锅内蒸一下，使其软化，然后用刀将其切为薄片备用，每次口含几片，每天用量2~4克。●冲粉法：将本品研为细粉状，每次5克，用纱布或滤纸包好，放人沸水中冲泡后代茶饮服。●炖服法：将原皮西洋参切片，每天2~5克放人瓷碗内，加适量水浸泡3~5小时，再将碗密封，放入锅中蒸20~30分钟，早饭前半小时服用。●蒸法：将西洋参研细粉状，每次5克加一个鸡蛋蒸熟后服食。●煮汤法：将原皮西洋参切成薄片，做菜汤时每次放入5克共煮，汤、药同食，每日1次。●煮粥法：取大米50克，煮为稀粥，待熟后加入西洋参粉5克，再煮一、二沸即成，每日1次，作早餐食。●泡酒法：取本品30克，加米酒500克浸泡7日后饮服，每日2次，每次空腹饮20~50毫升。酒尽再续，至味尽后取参咀嚼服。进食西洋参的禁忌一是服时不宜饮茶，因茶中含有鞣酸，影响西洋参的功效；二是服后不宜吃萝卜，因萝卜是破气的，而西洋参是补气的。洋参药膳食疗方燕窝炖洋参：燕窝、洋参各5克。将燕窝用水浸透，洗净，与西洋参同放入炖盅内，注入八成满的开水，加盖隔水炖3小时，即可饮服，每日1次，洋参可复用，至味尽为止。功效：益肺止咳，适用于肺胃阴虚所致的干咳、咳血、潮热盗汗。洋参精：西洋参150克，蔗糖适量。将洋参水煎2次，二液合并，文火浓缩，加蔗糖烘干备用，每次10克；每日二次；温开水冲饮。功效：益气养阴，适用于气阴两虚的调养。 </t>
  </si>
  <si>
    <t xml:space="preserve">哪些人投保时需要体检？ </t>
  </si>
  <si>
    <t xml:space="preserve">人身保险是以人的身体为保险对象的一种保险，以人的生、老、病、死、残为保险金给付条件，所以对保险对象的客观情况的真实了解，是否同意投保的重要条件。　　人的年龄越大，身体出现各种危险的概率也在增加，另外人们从事职业危险程度也不尽相同。为了维护每个被保险人个本处在一个公平的水平中，计算出公平合理的费率，对于具有明显较高明危险素质的被他人，依照其危险程度的大小交付比正常被保险人多一些的保险费，一方面是为保险公司控制风险的需要，另一方面也是为了不损害全体投保人的利益。　　那么，什么样的投保人必须体检呢？ 　　1、投保人的健康状况，主要考察投保人的体形、体质情况或年龄显偏高； 　　2、当投保金额达到或超过一定额度，由于保险公司为分散风险须将超额部分分出去安排再保险，同进度也为了防止投保人进行逆选择，也就是道德风险，需要进行体检；　　3、被保险人在投保时若声明过去曾身患疾病或刚经手术不久，也必须进行体检。 </t>
  </si>
  <si>
    <t xml:space="preserve">为什么我访问不了同一个局域网里的电脑？要怎么设置权限？ </t>
  </si>
  <si>
    <t>可能你们不在一个工作组吧，右键点击我的电脑——属性，打开“计算机名”选项卡，里面有个“工作组”，看看两台电脑的工作组是否一样。也可能你们两台电脑直觉没设IP吧，导致连接受限制，给电脑设置一下IP就好了。</t>
  </si>
  <si>
    <t xml:space="preserve">这次更新完后在易玩通平台蹬入时提示网通二连接超时怎么办我家是铁通 </t>
  </si>
  <si>
    <t>铁通,网通,电信等等的ISP是不同的,网通是双线程的,铁通比较少不太熟悉,但是根据你出现的情况可能是单线程的.电信进网通也是一样,在服务器状况良好的时候一般不会连接超时,而服务器拥挤这些情况就显现出来了,可以说是你网络的问题,可以选择换服或更换ISP.</t>
  </si>
  <si>
    <t xml:space="preserve">关于数学有哪些书能让我更好的提高数学？？推荐一下 </t>
  </si>
  <si>
    <t>如果想弥补高等数学与中学数学脱节就请阅读《高等数学起跑第一步》如果想多看高等数学的多种立体并强化训练则《高等数学例题与习题》如果想提高解决高等数学应用题解题能力请读《大学数学应用题精讲》图书馆有借，书店有售。</t>
  </si>
  <si>
    <t xml:space="preserve">有多余酸的物质加入碳酸钠溶液当中！我把混有硫酸和硝酸的硝化免放入 </t>
  </si>
  <si>
    <t>H2SO4+Na2CO3=Na2SO4+H2CO3H2CO3=H2O+CO22HNO3+Na2CO3=2NaNO3+H2CO3H2CO3=H2O+CO2</t>
  </si>
  <si>
    <t xml:space="preserve">中关村图书馆几点关门？ </t>
  </si>
  <si>
    <t>明白你的意思,没有中关村图书馆,名字应该是:海淀图书大厦(晚上9:00关门)海淀图书城(晚上6;30关门)海淀图书城的书打折较多,一般低于8折不用办会员卡要讲价.海淀图书大厦的书你可以先花1元办个会员卡能打8折你把握好时间去吧</t>
  </si>
  <si>
    <t xml:space="preserve">再问英语题当您和陌生人相识后，你应该说：Ａ、Howdoyoudo </t>
  </si>
  <si>
    <t>　　答案是B。与陌生人相识前相遇用How do you do？　　　　与陌生人相识后相遇则会说Nice to meet you.　　　老师是对的。</t>
  </si>
  <si>
    <t xml:space="preserve">我爸爸的妹妹我叫她什么？爸爸的妹妹的老公我又叫他什么？家庭关系 </t>
  </si>
  <si>
    <t>不管是爸爸的姐姐或妹妹都称为“姑姑”或“姑妈”(一般人都称为“姑姑”)而姑姑的老公称为“姑父”或“姑丈”</t>
  </si>
  <si>
    <t xml:space="preserve">关于法定婚假为几天的规定在《婚姻法》中是第几条第几项中休现的？ </t>
  </si>
  <si>
    <t>《中华人民共和国婚姻法》中没有具体规定法定婚假。在《人口与计划生育法》的第25条由涉及，是针对晚婚的，没有明确的天数。在地方法规中，对天数有具体的规定。在一些行政法规或文件中有关于婚假的具体规定如：文化部关于印发《文化部机关国家公务员考勤办法》的通知，规定的是三天。</t>
  </si>
  <si>
    <t xml:space="preserve">为什么我的照片上传不上去就是再上传照片是说上传失败，我试过很多次 </t>
  </si>
  <si>
    <t xml:space="preserve">你好： 一、不能上传，有以下原因： 1、图片格式不对 2、图片太大 3、屏蔽了弹出窗口，无法上传 您仔细对照一下吧，看看问题出在哪里。 二、新浪博客对于上传或者网上链接的图片有要求： 1、是只能使用Jpg.、Jpeg.或者gif.格式的图片； 2、是大小不能超过300K； 3、是图片的尺寸不能超过800×600。 所以在使用图片的时候要注意这些问题。插入图片可以先发表一下，这样图片就上传了，再回到编辑状态还可以接着插入。 三、图片压缩一般可以用一下两种方法： 1、转换图片格式：如将体积较大的bmp格式转为体积较小新浪博客同样支持的jpg格式。 方法： 首先用ACDSee打开要修改的图片，单击“工具→转换格式”，弹出“格式转换”对话框。既然是要压缩图片，当然要选择其中体积最小巧的JPG格式，在“格式”框选中“jpg”格式，设置好转换后文件的输出路径，谨慎勾选“删除替换原始图片”，这样会删除你原来的图片，点击“确定”完成转换。 2、缩小图片分辨率达到减小图片体积的效果： 某些百万像素的相机拍出图片分辨率会在1xxx * 1xxx以上，图片的大小达到1M，新浪博客的文章图片上传最大支持大小为300k，分辨率为480*360的图片，如果超出这个范围，图片会超出版心，以至于显示不全。 在修改图片分辨率时尽量将图片的宽高像素控制在480*360之间，首先用ACDSee打开要修改的图片，单击“工具→调整大小”，弹出“图像调整大小”对话框，在“像素”处将“宽度”和“高度”的像素质设定在480和360之内，同样在“格式”框选中“jpg”格式，设置好转换后文件的输出路径，谨慎勾选“删除替换原始图片”，点击“确定”完成转换。 经过两步调整，图片的体积就基本符合新浪博客的上传要求。 四、如何在新版中上传图片？ 你可以通过新浪博客内两个功能上传本地图片。 1、管理博客中上传 登录博客后进入管理博客，在左侧导航栏中可以找到个人图片册。 第一步：点击上传图片打开左侧个人图片册导航中的上传图片页面。 第二步：点击浏览按钮，弹出本地文件目录，选择自己喜欢的图片。您一次最多可以上传10张图片。 点击上传按钮，图片就上传到博客相册内了。 2、发表文章时添加文章配图 第一步：点击发表文章，在编辑框下面点击“图片剪切板”。 第二步：点击浏览按钮，弹出本地文件目录，选择自己喜欢的图片。您一次只能上传8张图片。 第三步：图片进入图片剪切板以后，把光标移至想插入图片的地方，然后点击想插入的那张图片上方的插入图片链接，把图片放到文章内。 文章发表后，所有图片剪切板内的图片都上传到了文章配图相册。您可以管理此相册内的图片，具体方法见相册管理。 ========= blog怎么不能上传图片到文章中啊 是系统延时。请少安毋躁。 新浪升级新增加了服务器，而服务器有许多台，系统忙，有些服务器资料转换中尚未能同步，所以会出现有些发过的文章看不到的情况，但是后台看的到对吧。不是所有文章都会在同一台服务器上，一般过阵就自动会刷新出来。 这个问题以前出现过好多次了，不用担心，数据绝对不会丢失。 </t>
  </si>
  <si>
    <t xml:space="preserve">45岁的女人取环还用再上环吗?我带的环已经过期多年了,做彩超结果 </t>
  </si>
  <si>
    <t>如果你觉得生理上要求频繁，与医生言明，再戴无妨！如果要求略低，我给你一个“女性安全期自测”，自己算算，在安全期做做，也可以！　女性的排卵日期一般在下次月经来潮前的14天左右。下次月经来潮的第1天算起，倒数14天或减去14天就是排卵日，排卵日及其前5天和后4天加在一起称为排卵期。例如，某女的月经周期为28天，本次月经来潮的第1天在12月2日，那么下次月经来潮是在12月30日（12月2日加28天），再从12月30日减去14天，则12月16日就是排卵日。排卵日及其前5天和后4天，也就是12月11-20日为排卵期。除了月经期和排卵期，其余的时间均为安全期。在安全期性交可不必采用任何避孕药物和避孕工具。</t>
  </si>
  <si>
    <t xml:space="preserve">三兄弟的岁数和是32岁.老大比老二大3岁，老大的岁数是老三的2倍? </t>
  </si>
  <si>
    <t>设老大的岁数是x岁，老二x-3岁，老三x/2岁，得x+(x-3)+x/2=32x=14老大的岁数是14岁，老二14-3=11岁，老三14÷2=7岁</t>
  </si>
  <si>
    <t xml:space="preserve">我玩的号进不了密码还在怎么就进不了我今天玩就在去北郊进去的时候卡 </t>
  </si>
  <si>
    <t>密码错误？是这样得话，你得号被盗了，如果不是密码错误，最好说得详细一点，你可以重新装客户端试试。</t>
  </si>
  <si>
    <t xml:space="preserve">我说话总是避免伤害别人，总是很委婉，但是我害怕别人说我虚伪，怎么? </t>
  </si>
  <si>
    <t>金无足赤，人无完人。要想做到万全，是不可能的。人只要有自己的作人原则，有自己的主见，不要什么事情权衡太多，否则，那样才叫斤斤计较，不足取也。人只要做到行为端正，问心无愧就可以了，所以才有句话叫“走自己的路，让别人说去罢”。至于说不得罪人的人是没有的，越怕得罪人可能越不容易交到自己的真正的知心朋友。也往往越容易得罪人。而这是相对的。当然人与人之间交往，能尽量的不去伤害他人，多给对方留有余地，说话掌握一定的分寸，还是应该的。最根本的是做人要有一个博大的胸怀，能够虚怀若谷、宽以待人。这才是为人之道。</t>
  </si>
  <si>
    <t xml:space="preserve">引起女性盆腔炎的原因？怎么治疗？ </t>
  </si>
  <si>
    <t>其实引起盆腔炎的原因很多，盆腔炎分为急、慢性两种，多在产后、术后、流产后由病菌感染或经期不注意卫生等原因造成，慢性盆腔炎则多为急性盆腔炎治疗不及时所致。对于盆腔炎的治疗一般使用直肠给药的栓剂，比如康妇消炎栓，这是因为直肠给药栓剂可以减少胃粘膜刺激，肛门放药，肠道直接吸收，毒副作用较小，治疗周期一般是2-4个疗程。希望积极治疗早日康复</t>
  </si>
  <si>
    <t xml:space="preserve">成都李常宝医生治疗强直性脊柱炎怎么样 </t>
  </si>
  <si>
    <t>挺不错的，在成都这边很出名的，疗效很好</t>
  </si>
  <si>
    <t xml:space="preserve">男朋友在工作上遇到挫折，我该怎么做？我们几年的感情，他是个特爱面 </t>
  </si>
  <si>
    <t>在生活上多关心他,让他觉得温暖男人在事业上都会遇到低谷的不过你要相信你男朋友可以独自的承担这一些有时你的担心让他知道后,会让他觉得很烦你就应不知道好了,更何况他还爱面子</t>
  </si>
  <si>
    <t xml:space="preserve">有人知道学历认证内部详细的认证过程吗?考上公务员了,需要学历认证 </t>
  </si>
  <si>
    <t>我不太确定你想问的目的是什么，你是认为他时间长的话，我可以解释给你听。一、部网上能查到的学历证书是有时间限制的，即较前期的无法查到。而这个东西也不会对你需要认证有什么影响，认证后是有专门的认证证明的，是盖章生效的。这个东西需要附到你的招录材料里面去，是审批的需要，你不能指望每道审批程序要用到学历的时候要人家先去网上查一下，从你的角度来说，没错，这个东西很方便，比你去做认证方便多了，但是你要从审批的角度去看，人家可能来一个查一个吗，换成是你，也不可能对着几千、上万份的审批资料来一个查一个吧。而且审批自然是以文件为准，不能靠某个人查到了就说有，否则就不能保证公平公正性了，举个例子，一个人本来没有的，恰好他认识审批那个人，岂不是他说一句有就有了，又或者他根本没查，就偷懒说有了，你会不会计较不公平。二、所谓的内部，本就是你神秘化了这个东西，其实没有任何神秘可言，就是一个查学籍档案的过程，有备案就是证明真实，否则就是伪造。至于你质疑时间长其实和上面是同一个道理，从你的角度看，无非就是个报上去，查，证明的问题，但是你有没有想到，即使你去办的时候都要排队了，更何况每天全国那么多人同时上报，这就不是几千上万个人排队的问题了，而是上百万人排队的问题了，并且查也不仅仅是查到有就算了，还需要出证明，证明归档的问题。PS：从这个问题能够引申出来：你应该看到本身的一些问题，你思考清楚了对你以后工作有帮助。</t>
  </si>
  <si>
    <t xml:space="preserve">帮我翻译一下谢谢冰岛因为靠近北极，夏天通畅10个小时是白天，气温 </t>
  </si>
  <si>
    <t>冰岛因为靠近北极，夏天通畅10个小时是白天，气温在15度左右，凉爽宜人。冰岛的冬天漫长多雪多风，一般游客较少。但对于喜欢北极光的游客来说，冬季的冰岛是上上之选。As close to the North Pole, the daytime in Iceland is ususally about 10 hours in the summer. It has a cool and pleasant climate with a temperature about 15 degrees. Iceland has long winters with frequent wind and snow. There are not many tourists in Iceland, but travel to Iceland in the winter is the best choice for people who like northern light.</t>
  </si>
  <si>
    <t xml:space="preserve">关于奇迹盟主走了奇迹在他地图我现在是盟主怎么建在我这能拆以前的吗 </t>
  </si>
  <si>
    <t>你必须重新开始建，那个不属于你们的了。不能拆。</t>
  </si>
  <si>
    <t xml:space="preserve">while(*p)表示什么意思？ </t>
  </si>
  <si>
    <t>p明显是个指针，while(p)就是说指针如果有指向，就执行while下的语句，如果是0，也就是NULL，指针没有指向任何地址，也就是空指针。*p=head-&gt;next 这个可能是是树之类的数据结构，你没描述清楚，我也猜不出是什么。追问：ListNode *LocateNode(LinkList head, char *key){    ListNode *p=head-&gt;next; //从开始结点比较    while(strcmp(p-&gt;data,key)!=0 &amp;&amp; p)  //直到p为NULL或p-&gt;    data为key止        p=p-&gt;next;        //扫描下一个结点    return p;    //若p=NULL则查找失败，否则p指向找到的值为key的结点}</t>
  </si>
  <si>
    <t xml:space="preserve">怎么样才能让别人欣赏你?有什么办法能让同事比较看得起自己,而且甚 </t>
  </si>
  <si>
    <t>不管在公司里还是机关单位，首先你给人的印象一定要稳重，幽默也是必备的。至少我看人是这样的 ，我不会因为底下的人勤快，喜欢干活就拼命指使他，反而喜欢让比较懒惰的人去做累活。我喜欢比较幽默的人，能让我在平淡的工作中增添微笑。不过在单位如果有女性在场，就不要讲荤段子了。和同事处个跟哥们一样那就得用心去对人家，有了事你也要诚心相助。没什么事晚上聚一聚，出去喝点酒沟通一下感情，少谈工作上的事情。让人崇拜你首先你得有优点，别人不会的东西你会。别人不懂的东西你懂，别人不愿意干的你干，但不要盲干，傻干。这样你或许会得到尊重了。如果你很有钱，如果你上面有人，那也不要拿这个作为资本，人家想整你还是一样会整你。如果都知道而你不说，也不炫耀，我想同事更会看得起你。总之一句话，年轻人多学点业务，会来点事，该花钱的时候使劲花，不该花的时候一毛不拔，做人有点原则就行了，不要当滥好人，等你升了以后自然会有人瞧得起你了。塌实点。</t>
  </si>
  <si>
    <t xml:space="preserve">能推荐一只2月的好股票吗？ </t>
  </si>
  <si>
    <t>啤酒花，</t>
  </si>
  <si>
    <t xml:space="preserve">英语口译最近看了一个广告，是上海口译学校，具体名字忘记了上课是在 </t>
  </si>
  <si>
    <t xml:space="preserve">如果只是想要提高一下自己的话，个人觉得不必要参加这类班的,因为只要你自己注意平时积累,注重一个学习英语的环境的话,通过看看英语片,英语广播,英语电视/报纸之类的,也会有所进步的如果是想考证的话,可以参加下,因为毕竟现在很多还是应试考试,学习班的老师会比自己更能通晓考试的内容,这样的话,可以更加快速的拿到证书OKWAP Online Service ～ jiajia </t>
  </si>
  <si>
    <t>欧冠小单01德布雷(00)11</t>
  </si>
  <si>
    <t xml:space="preserve">01 德布雷(00) 0 04 喀山鲁(00) 31 05 流浪者(00) 10 06 乌尔济(00) 10 08 阿森纳(03) 3 09 莫陆军(00) 01 11 拜　仁(07) 3 12 AC米兰(03) 3 13 波尔图(00) 10 </t>
  </si>
  <si>
    <t xml:space="preserve">网上的图片如果要截下来,请问键盘上要按哪几个键? </t>
  </si>
  <si>
    <t>一、在右上侧有一个键Print Screen(打印屏幕)，可以用它将显示屏显示的画面抓下来，复制到“剪贴板”中，然后再把图片粘贴到“画图”、“Photoshop”之类的图像处理软件中，进行编辑处理后保存成图片文件，或粘贴到“Word”、“Powerpoint”、“Wps”等支持图文编辑的应用软件里直接使用。 1、截获屏幕图像 ①将所要截取的画面窗口处于windows窗口的最前方（当前编辑窗口）； ②按键盘上的“Print Screen”键，系统将会截取全屏幕画面并保存到“剪贴板”中； ③打开图片处理软件（如“画图”），点击该软件工具栏上的“粘贴”按钮或编辑菜单中的“粘贴”命令，图片被粘贴到该软件编辑窗口中（画布上），编辑图片，保存文件。 或打开（切换到）图文编辑软件（如“Word”、“Powerpoint”等），点击该软件工具栏上的“粘贴”按钮或编辑菜单中的“粘贴”命令，图片被粘贴到编辑窗口中，也可以使用该类软件的图片工具进行编辑。 注意，当粘贴到“画图”中时，可能会弹出一个“剪贴板中的图像比位图大，是否扩大位图？”对话框，此时点击“是”即可。 2、抓取当前活动窗口 我们经常不需要整个屏幕，而只要屏幕中的一个窗口，比如我们要“Word”窗口的图片。按下Alt键，同时按Print Screen即可。 ①将所要截取的窗口处于windows窗口的最前方（即当前编辑窗口）； ②同时按下Alt键和“Print Screen”键，系统将会截取当前窗口画面并保存到“剪贴板”中； ③粘贴到图像处理软件中或图文编辑软件中。 二、直接点击Ctrl＋Alt＋A键，然后可见鼠标的箭头变成彩色的，按住左键移动鼠标选择截图范围，然后在截图内右键鼠标另存为即可，可方便了. 三、用第三方软件如QQ截图：点击聊天框截图---显示彩色鼠标---用其圈定所选目标(右键取消)----双击(单击左键为重新选择)---进入QQ聊天框--右键另存为---到达所到地址 如果想上传则:右键点击图片---编辑---另存为---把保存类型改为JPEG格式即可 。 方法1.1 屏幕截图 登陆QQ—→按下“Ctrl+Alt+A”组合键—→按下鼠标左键不放选择截取范围—→用鼠标左键调整截取范围的大小和位置—→截取范围内双击鼠标左键。所截图像保存在系统剪贴板。 1.2 静态影视截图 登陆QQ—→双击QQ面板中的任一位好友—→在与好友聊天窗口中点击“捕捉屏幕”下拉菜单—→点击静态影片截图—→激活要截图的影视播放窗口—→按下键盘上的“Scroll Lock”键。在聊天窗口的输入窗口中即见所截得的图像。所截图像保存在系统剪贴板。 1.3 动态影视截图 登陆QQ—→双击QQ面板中的任一位好友—→在与好友聊天窗口中点击“捕捉屏幕”下拉菜单—→点击动态影片截图（可根据需要先点击影片截图设置，进行动态截图预设置）—→激活要截图的影视播放窗口—→按下键盘上的“Scroll Lock”键。在聊天窗口的输入窗口中即见所截得的动态图像。</t>
  </si>
  <si>
    <t xml:space="preserve">炒外汇一手是多少如果美元/日元107.19买的是美元，日元涨我赔 </t>
  </si>
  <si>
    <t>1. 如果美元/日元107.19 买的是美元，日元涨我赔 日元跌我赚 是吧？正确。2. 一次最少买多少啊？看你用的是什么交易平台，一般最低可以是0.1手。3. 一手是多少呢？10万基准货币单位。</t>
  </si>
  <si>
    <t>着车到底多钱7</t>
  </si>
  <si>
    <t>悦动 1.6 GL MT 2008款  7万~9.98万悦动 1.6GL MT 2010款 7万~9.98万</t>
  </si>
  <si>
    <t xml:space="preserve">三本学校上还是不上今年高考在490左右应该能上三本.可本人志愿是 </t>
  </si>
  <si>
    <t>复读吧，咬咬牙，努力奋斗一年，丫不相信还本三！！！</t>
  </si>
  <si>
    <t xml:space="preserve">你问过别人的最白痴的问题是什么啊？偶以前遇到过一件事我认为是最白 </t>
  </si>
  <si>
    <t>一人刚在厕所出来，我朋友问：吃了吗？现在这种问法还是很大众化的</t>
  </si>
  <si>
    <t xml:space="preserve">QQ电脑管家硬件检测不靠谱 </t>
  </si>
  <si>
    <t>腾讯的东西大多是抄袭他人的 我除了QQ和 TT外 其它不用希望你玩的开心</t>
  </si>
  <si>
    <t xml:space="preserve">长沙医保中心衡阳医保在长沙因意外住院需如何办理, </t>
  </si>
  <si>
    <t>是意外受伤吗？那就不在基本医疗保险范围。直接住院找保险公司报销吧。如果是疾病，不是太急的急症，你应该先找衡阳医保办好异地住院手续才能办理。</t>
  </si>
  <si>
    <t xml:space="preserve">早上起来手指肿胀，关节处会痛，手不能握紧是什么原因？早上起来手指 </t>
  </si>
  <si>
    <t>你好。您所述症状叫做风湿类疾病的晨僵，如果您长期出现这种症状，建议你尽快到医院去查明属于哪一种风湿类疾病，再对根治疗。</t>
  </si>
  <si>
    <t xml:space="preserve">我没吃过西餐，想吃一回我在北京，应该注意什么礼节？从哪国菜下手？ </t>
  </si>
  <si>
    <t>你在北京你应该知道&lt;罗杰斯&gt;现改乐杰仕哪里是快餐的价格西餐的享受.你不妨去试试.我在西安我们这里也有一个.环境不错.吃西餐用的刀叉拿法很简单..左叉右刀.&lt;左就是左手拿叉.右就是右手拿刀了.餐前要开胃酒或者是汤这只是初步了解一下.再深点的你自己上网慢慢学吧.</t>
  </si>
  <si>
    <t xml:space="preserve">请各位大师帮忙看一下2011年4月份哪天搬家好夫：1986年11? </t>
  </si>
  <si>
    <t>夫：1986（丙寅）年11月6日（阳历）虎 妻：1988（丁卯）年1月21（阳历）兔 女儿：2009（己丑）年12月11（阳历）牛 阳历2011年4月3～30日除了下面的日子，没有你们可以举行“入宅仪式”（入住）的日子。  阳历2011年4月3～30日你们搬家（入住）的最佳吉日：阳历2011年4月20日或4月21日。 分析如下：1、阳历2011年4月20日，农历（阴历）三月十八（乙巳）日7：00～8：59、19：00～20：59或清晨3：00～4：59：乙巳日是夫生肖的禄；乙巳日的禄是妻生肖；乙巳日和女儿生肖三合。“入宅仪式”时请生肖属猪的亲朋好友暂时避开。2、阳历2011年4月21日，农历（阴历）三月十九（丙午）日15：00～18：59：丙午日和夫生肖三合；丙午日是妻与女儿双方生肖的禄。“入宅仪式”时请生肖属鼠的亲朋好友暂时避开。阳历2011年4月3～30日适宜你们可以搬家（入住），但对全家人助益不大（无助无害）的日子：阳历2011年4月4日、4月5日、4月15日、4月17日或4月29日。1、阳历2011年4月4日，农历（阴历）三月初二（己丑）日清晨3：00～6：59或9：00～10：59。“入宅仪式”时请生肖属羊的亲朋好友暂时避开。2、阳历2011年4月5日，农历（阴历）三月初三（庚寅）日11：46之后。“入宅仪式”时请生肖属猴的亲朋好友暂时避开。3、阳历2011年4月15日，农历（阴历）三月十三（庚子）日清晨1：00～2：59或15：00～18：59。“入宅仪式”时请生肖属马的亲朋好友暂时避开。4、阳历2011年4月17日，农历（阴历）三月十五（壬寅）日13：00～14：59、21：00～22：59或清晨1：00～2：59。“入宅仪式”时请生肖属猴的亲朋好友暂时避开。5、阳历2011年4月29日，农历（阴历）三月二十七（甲寅）日13：00～14：59、7：00～8：59或19：00～20：59。“入宅仪式”时请生肖属猴的亲朋好友暂时避开。搬家的日子通常是指：举行“入宅仪式”的日子，最好在“入宅仪式”前把所有、家具就定位、床、书、衣服、等杂物（锅、碗…）整理好，封门（把门关好），等“入宅仪式”的吉日开门、上香祭祖、开火（点火）或放鞭炮…等，在当天入住。 “入宅仪式”指，在吉日时： 1、在吉日时，开新宅的门。 2、在吉日时，开新宅的门后，准备好祭祖的所有事宜（布桌与祭品）。 3、准备好祭祖的所有事宜（布桌与祭品）后，上香祭祖,是点香祭祀祖先。 4、点香祭祀祖先后，插好香后，香在燃烧时，就可以在空暇时开炉火和烹饪。“入宅仪式”没严格规定要开炉火和烹饪。 5、香火过二分之一，就可以烧纸钱。 6、烧纸钱后，香还在燃烧时，就可以放鞭炮了。“入宅仪式”没严格规定要放鞭炮。 7、“入宅仪式”礼成（完成）。 恭喜乔迁之喜，祝事事大吉。</t>
  </si>
  <si>
    <t xml:space="preserve">在密苏里号战舰上的盟国受降仪式上代表中国政府受降的是徐永昌将军，? </t>
  </si>
  <si>
    <t>　　徐永昌,字次辰，光绪十三年(1887)生于崞县北沿沟村。十三岁父母双亡成为孤儿。光绪二十六年遇随慈禧逃难的武卫左军纪室徐椿龄，因同情其遭遇便带回营中，做打杂勤务，并督促其学，永昌便刻苦自修，遂通史书。永昌成年后，先考入毅军随营军校学习，1912年考入北京陆军大学, 毕业后任驻保定县孙岳旅部参谋，不久升参谋长，后改任团长。1924年冯玉祥组织国民军，徐永昌任国民三军旅长、师长、代军长、晋绥军33军军长。1927年任绥远省都统，1928年任绥远省主席。1929年调任河北省主席。1930年阎蒋中原混战时期,阎锡山委任徐永昌为河南一路前敌总指挥。1931年至1936年任山西省主席。抗日战争爆发后，蒋介石调徐永昌回南京，初任国民党军事委员会办公厅主任，继任军令部部长。日本败降后，1945年9月2月，徐永昌会盟东京湾，代表当时的中华民国政府在日方投降书上签字受降。抗战结束后，徐永昌担任国民党陆军大学校长。大陆解放前夕，徐永昌随蒋介石逃往台湾，继续效命于国民党蒋介石，于1959年7月12日病亡于台北市。-徐永昌东京湾受降-日本宣布投降后，中国国民党政府为会同盟国接受日本投降书，派军令部部长徐永昌为团长，率团前往东京湾代表中国政府受降。徐永昌受命之后，即率代表团于8月17日飞往马尼拉，接受受降指令。26日动身前往东京湾。1945年9月2日晨，受降仪式会场布置在美“密苏里”号军舰甲板上。9时整，受降仪式正式开始，麦克阿瑟主持仪式，各国代表分别签字。签字后徐对记者发表谈话：“今天是要大家反省的一天！今天每一个代表的国家，也可同样回想过去。假如他的良心告诉他有过错误，他就当勇敢地承认过错而忏悔！”</t>
  </si>
  <si>
    <t xml:space="preserve">清泉老师,600737成本13.92后市如何操作?老师,6007 </t>
  </si>
  <si>
    <t>将有震荡,可以耐心守候.</t>
  </si>
  <si>
    <t>2005版本的战士点问题听说以后战士的点是40</t>
  </si>
  <si>
    <t>老区转到2005版的时候原来加的点会自动解除掉,也就是说你不必洗就可以重加.更正一下楼上的说法,不是转生后的加法,2005版战士加点就是40到49级可以加2-3点,50级以后可以加3-4点,现在的2005版本的三G都是这样的.</t>
  </si>
  <si>
    <t xml:space="preserve">请问打了3个孔的衣服安3个几号符文最好,法师用的,谢谢! </t>
  </si>
  <si>
    <t>110版的三孔甲必然是“迷”哦…………嘎嘎迷Enigma31# + 6# + 30#Jah + Ith + Ber +2 所有技能+45% 快速移动/奔跑+1 级 Teleport+750-775 防御力+ (0.75 每级) +0-74 点强壮 (在角色级别基础上)提升生命上限 5%抵消物理伤害 8%每杀一个敌人 +14 生命15% 伤害转移到 Mana+ (1 每级) +1-99% 魔法装备出现概率 (在角色级别基础上)不过注意，神符之语必须是灰色的啊，带不带属性没关系，灰色带孔即可……哈</t>
  </si>
  <si>
    <t xml:space="preserve">好一点的wap网有哪些 </t>
  </si>
  <si>
    <t>综合：3G门户网wap.3g.cn看书手机邦网wap.bang.cn新闻新浪wap.sina.com游戏捉鱼wap.joyes.com比较好的，都是同类网站之中最好的！</t>
  </si>
  <si>
    <t xml:space="preserve">看看这5场这5场会错几场!考结果(4)1:::(6)0:::(7 </t>
  </si>
  <si>
    <t>感觉会错3场！老兄还不换回性别啊！是不是要等这期中奖后才改回来啊？</t>
  </si>
  <si>
    <t xml:space="preserve">大学毕业后，凭户口迁移证可以迁移到原籍吗04年考上大学。户口就随 </t>
  </si>
  <si>
    <t>如果不回原籍工作，凭单位证明和户口迁移证办户口；回原籍的话，不管有没有落实好工作问题，拿家里的户口本和户口迁移证去派出所就可以了。</t>
  </si>
  <si>
    <t xml:space="preserve">有谁看过美国科幻片《苍蝇》？问一个问题，电影中间是科学家不是和一 </t>
  </si>
  <si>
    <t>我记得那个妓女，关于妓女的下落片子里面没有提但是我想妓女本身对怀孕有很职业的控制，妓女不会那么容易破坏自己的劳动工具吧另外，男主角嫖妓的时候身体刚刚发生变化，我记得只是在身上长了一撮硬毛，我想是尚未完全变异。</t>
  </si>
  <si>
    <t xml:space="preserve">黑斑是什么症状啊？我觉得我脸上起的应该是黑斑，有知道黑斑的吗？什 </t>
  </si>
  <si>
    <t xml:space="preserve"> 黑斑又称“色斑”，多发生在面部，常见于女性，是一种严重影响人们美观并使人心烦的“病症”。研究证明，引起面部皮肤黑斑的成因有许多，归纳起来主要有以下几种因素：紫外线的直接照射，容易引起色素沉着。使用劣质化妆品、或长期使用与自身皮肤属性不一致的化妆品后,一部分人的皮肤会出现过敏反应或炎症，也可导致色素沉着而形成黑斑。女性内分泌（荷尔蒙）失调、消化功能紊乱（如长期便秘者）、以及肝脏机能减退、精神压力过重、严重的睡眠不足、贫血等多种原因，都可以引起黑斑的产生。推荐你试试“”清斑润妍组合“”挺不错的，针对各种斑</t>
  </si>
  <si>
    <t xml:space="preserve">请问临淄实验中学怎样 </t>
  </si>
  <si>
    <t>很好呀，我们学校教育质量很高，每次全区的会考、竞赛都是第一。如果去了那，靠高中是没问题的。</t>
  </si>
  <si>
    <t xml:space="preserve">勃起后会咋样 </t>
  </si>
  <si>
    <t>是雄性的生理现象，不仅阴茎冲血变粗变长，且全身热血沸腾，情绪激昂。</t>
  </si>
  <si>
    <t>怎样区分Su</t>
  </si>
  <si>
    <t>J-11是SU-27的国产型，没有太大的区别。</t>
  </si>
  <si>
    <t xml:space="preserve">我下载音乐时，保存文件类型时，只能显示“文件”，不能显示“MP3? </t>
  </si>
  <si>
    <t>播放器问题，建议重新安装千千静听MP3播放器</t>
  </si>
  <si>
    <t xml:space="preserve">1、成都东到南宁，南宁到北海，是同一个火车站吗？不像成都分东站和? </t>
  </si>
  <si>
    <t>1.是的，南宁只有一个火车站。2.火车站有自助取票机。</t>
  </si>
  <si>
    <t xml:space="preserve">工匠买什么D装备来砸结晶最划算啊?有经验的帮帮忙啊.谢谢咯. </t>
  </si>
  <si>
    <t>我想你要从里买装备砸D结晶，是因为你在市场收不到D垃圾对吧，其实市场卖的D装备只要比商店便宜，你都可以买来砸，砸结晶成本肯定比商店的便宜。要是实在收不到，那你要不嫌麻烦，就去QY防具店买锁胫甲，20万多点，可以砸340个D结晶，正好合605。0/个结晶，皮靴其实也是这个数，不过一次才砸38个结晶实在太费劲了。要是需要大量的，就可以买武器店里154万的武器，随便什么都可以，可以砸2545个D结晶，约合605。2/个，也很便宜啊，当然一定要你们服QY的城主没加税率才行啊，加了可就要贵了。商店里其他装备砸结晶都比这个贵，我记得有种防具居然高达660/个，偶就是砸这两样东西在市场卖结晶的啊，一般卖650左右，老服可没办法跟绿服比，哪里能买到600以下的结晶啊，因为卖D装备的真的忒少了，就是有卖的，也都是带+的，或者比商店卖的还贵，不总逛市场，哪里能买到便宜的装备来砸，刚一摆出来就有工匠站上前抢走哩，你犹豫一会就没哩。所以作为工匠手里要有份各种装备的砸结晶量，这样即使不能熟记在心，也能随手有资料可查啊，西西，感觉工作也没这么敬业啊！HOHO~</t>
  </si>
  <si>
    <t xml:space="preserve">如何提高公文写作能力？请大家写写心得吧~谢谢了！ </t>
  </si>
  <si>
    <t>多看书固然重要，但公文写作，应该买一本实用的文体大辞典最好。</t>
  </si>
  <si>
    <t xml:space="preserve">关于海通证券(600837)分问题我19.178元进的海通证券( </t>
  </si>
  <si>
    <t>在它分配的时候,你还持股的话,就有得分,相反,你在它分配之前就走了(卖了)这样就无得分了,派发的现金不会通知股民的,金额直接到达你的帐户余额上</t>
  </si>
  <si>
    <t xml:space="preserve">格斗龙不小心加了敏我的格斗龙加了大概20点敏了...请问还可以用 </t>
  </si>
  <si>
    <t>可以撒,你就当个敏捷超强的撒,怪打你都不掉血哦!</t>
  </si>
  <si>
    <t xml:space="preserve">幽游白书魔强统一战酎连技MTV的音乐名叫什么？麻烦下 </t>
  </si>
  <si>
    <t xml:space="preserve">用那些值来衡量一个城市的发展水平 </t>
  </si>
  <si>
    <t>应该是社会福利,公共设施!</t>
  </si>
  <si>
    <t xml:space="preserve">D盘文件剪切没了怎么办？我把D盘文件剪切到U盘，结果U盘没有，D </t>
  </si>
  <si>
    <t>使用恢复软件 easy recovery恢复一下试试 恢复D盘的就行</t>
  </si>
  <si>
    <t xml:space="preserve">烦请各位大虾指点一下阵容，先谢过了后卫：理查兹，默特萨克，甘贝里 </t>
  </si>
  <si>
    <t>433（进攻型）后卫：右边理查兹，中后卫默特萨克+甘贝里尼，左边扬森      伍德盖特和席尔瓦替补中场：右边列农，后腰梅洛（赫尔南内斯），左边卡佩尔前锋：右边博扬，中锋奥巴西（巴洛特利），左边拉维兹      埃杜尔多和桑切斯练起来了也不错，随时可以换上4231（平衡型）后卫：右边理查兹，中后卫默特萨克+甘贝里尼，左边扬森中场：双后腰梅洛+赫尔南内斯，右边列农，左边卡佩尔，      前腰拉维兹前锋：奥巴西（巴洛特利）想打更平衡的41212就把赫尔南内斯放前腰，拉维兹打前锋。</t>
  </si>
  <si>
    <t xml:space="preserve">积分到多少才可以告别新手啊 </t>
  </si>
  <si>
    <t>只要超过500分就可以了。告别新手只是第一个阶段，你要多努力，最好可以成为文曲星！附：爱问级别表：名称 积 分（星数）新手 500分以下（1☆）学弟 501—500分（2☆） 　学长 1501—5000分（3☆）学者 5001—10000分（4☆）大师 10001—20000分（5☆）智者 20001—30000分（6☆）圣人 30001—50000分（7☆）先知 50001—80000分（8☆）神 80001—100000分（9☆）神机真人 100001—130000分（10☆）天外飞仙 130001—150000分（11☆）智慧天尊 150001—200000分（12☆）文曲星 200001分以上（13☆）</t>
  </si>
  <si>
    <t xml:space="preserve">申请域名我在做一个网站，想先去申请几个域名，我就是想问问注册域名 </t>
  </si>
  <si>
    <t>注册顶级域名是一定要花钱的，不过价格可能比较低，但是也有很高的，而且最近国际域名刚提价。新网可以预注册，虽然预注册不花钱，但是你不可以使用。因此，说只要注册使用，一定是要花钱的。</t>
  </si>
  <si>
    <t xml:space="preserve">生米煮成熟饭怎么办？ </t>
  </si>
  <si>
    <t>结婚咯。</t>
  </si>
  <si>
    <t xml:space="preserve">到什么地方能买到即好看、质量也不错，价格适中的衣服？ </t>
  </si>
  <si>
    <t>到你喜欢的地方,买你喜欢的,不管价格有多高,你也会觉得不贵,衣服的价格是随季节变化的,所以一般转季的时侯买上一季的衣服,肯定物有所值.春秋服装买回放一个季就可以用上了.冬夏服装放三个季就可以了,只不过要靠眼光去看那些服装可以放才不会过时,它一般随地点变化很小,生产基地比较便宜.</t>
  </si>
  <si>
    <t xml:space="preserve">南京处在地震带上吗？ </t>
  </si>
  <si>
    <t>南京不处在地震带上。　　我国的地震活动主要分布在五个地区的23条地震带上。这五个地区是：①台湾省及其附近海域；②西南地区，主要是西藏、四川西部和云南中西部；③西北地区，主要在甘肃河西走廊、青海、宁夏、天山南北麓；④华北地区，主要在太行山两侧、汾渭河谷、阴山-燕山一带、山东中部和渤海湾；⑤东南沿海的广东、福建等地。我国的台湾省位于环太平洋地震带上，西藏、新疆、云南、四川、青海等省区位于喜马拉雅-地中海地震带上，其他省区处于相关的地震带上。中国地震带的分布是制定中国地震重点监视防御区的重要依据。</t>
  </si>
  <si>
    <t xml:space="preserve">本案中的受害人算是城镇居民吗？一起交通事故，受害人七级伤残。受害 </t>
  </si>
  <si>
    <t>可按城镇居民标准获赔。</t>
  </si>
  <si>
    <t xml:space="preserve">空气中含量最多的元素 </t>
  </si>
  <si>
    <t>空气中含量最多的气体是氮气,约占空气体积的78%。空气中含量最多的元素是氮 .</t>
  </si>
  <si>
    <t xml:space="preserve">背上总长粉刺怎么办背上的粉刺从没间断过，一年四季都长着。也不知道 </t>
  </si>
  <si>
    <t>你可以用用迪维霜的药膏来涂后背,效果还比较好.</t>
  </si>
  <si>
    <t xml:space="preserve">弱小者如何进行心理调适? </t>
  </si>
  <si>
    <t>多查一些强者的经历,不就是强化练习的结果?关键是练什么?磨练自己,从知识;体质;耐苦耐累,只有良好的体质才会有良好的心态.</t>
  </si>
  <si>
    <t xml:space="preserve">表格为什么我在excel中输入数字都变成了“#”呢？ </t>
  </si>
  <si>
    <t>一般情况下是“列宽”不够。将光标在列标上移动，移动到两列分界处按左键向右拉到合适宽度。</t>
  </si>
  <si>
    <t xml:space="preserve">四六级会什么时候改革啊？ </t>
  </si>
  <si>
    <t>据说今年十二月是最后一次了,然后就改</t>
  </si>
  <si>
    <t xml:space="preserve">英文名最好与中文名发音一致，如：蒋大为DavidJiang我的名 </t>
  </si>
  <si>
    <t>Terence Pan Terence是喜欢追求乐趣的男孩，喜欢运动，善良，而且充满欢笑的意思。</t>
  </si>
  <si>
    <t xml:space="preserve">请教一道数学题设x,y都是有理数，且满足方程（1/2+π/3)x </t>
  </si>
  <si>
    <t>设x,y都是有理数，且满足方程（1/2+π/3)x+(1/3+π/2)y-4-2=0,求x-y的值。去分母：(x/2 +y/3 -6) = - π (x/3 + y/2)因为 π 为无理数 ，所以 (x/3 + y/2)=0 且(x/2 +y/3 -6)=0时等式才成立上述两个方程相减得：(x-y)/3 - (x-y)/2 =6所以 x-y = -36</t>
  </si>
  <si>
    <t xml:space="preserve">70剑估价70剑全相4水4伤害1300改5,粉了个技能1(郁闷啊 </t>
  </si>
  <si>
    <t>剑是一把好体水剑 可是水的武器价格总是上不去 这武器在1E左右</t>
  </si>
  <si>
    <t xml:space="preserve">我儿子红屁股谁有好办法 </t>
  </si>
  <si>
    <t>您好，红屁股主要是用尿不湿引起的，建议多使用布尿片，保持宝宝皮肤干燥清爽。出现了红屁股，初期可以使用爽身粉，也可以使用贝亲护臀霜，严重的情况使用金霉素软膏。祝福宝宝健康快乐成长。（如果有疑问，欢迎您追问^_^若对您有用，请给个好评）</t>
  </si>
  <si>
    <t xml:space="preserve">极品飞车8地下狂飙2问题!!急~~~~~~在安装极品飞车8地下狂 </t>
  </si>
  <si>
    <t>哈！！这个问题我也遇到过！！首先你买的是盗版的吗？是！那好！那就是你的光盘的问题了！！你还是去找一张好的飞8吧！！你先试试！！</t>
  </si>
  <si>
    <t xml:space="preserve">大成优选可买否请高手告知大成优选是否配售，现可买否，谢谢同党! </t>
  </si>
  <si>
    <t>是配售,明天(25日)中国银行开始发售,额度是20亿人民币.是第一支在银行代销的创新型封闭式基金,可以一试.</t>
  </si>
  <si>
    <t xml:space="preserve">我国最早的表演艺术是 </t>
  </si>
  <si>
    <t xml:space="preserve">我国最早的表演艺术是 杂技 </t>
  </si>
  <si>
    <t xml:space="preserve">魔法师之鬼和德鲁依之鬼那只宠更适合PK啊,觉得法鬼敏高,但是后期 </t>
  </si>
  <si>
    <t>个人偏向于魔法师之鬼..这2个宠的魔法档和攻击档是一样的....虽然德鲁依之鬼的防比魔法师的高.精神也比魔法师高..但是这么一点防这么一点精神是起不到很大作用的...魔法师的敏比德鲁依的高...在PK场上就能先动手给与对方伤害......这2种宠的血都不是很多..都有被秒的可能..所以敏高的我觉得有一定的优势 除非是改鬼,没改的红鬼,除了攻防比魔鬼高,其他都低了一截``` 所至于怎么练都是个人喜好```</t>
  </si>
  <si>
    <t xml:space="preserve">请问篮球技术中，防守重要还是进攻重要 </t>
  </si>
  <si>
    <t>不一定   但是一支真正的强队必定是团结的  团结的最好表现就是在防守</t>
  </si>
  <si>
    <t xml:space="preserve">认为自己有本事的进！谁知道龙骑士自动打怪的脚本告诉我！先谢谢了！ </t>
  </si>
  <si>
    <t>你是不是有点王八</t>
  </si>
  <si>
    <t xml:space="preserve">要考军校需要什么前提？ </t>
  </si>
  <si>
    <t>体检要求很严格，视力必须在5．0以上，身高男要求170女要求160以上．体检后根据报考情况还要进行体能测试，测试内容包括长跑等．在身体方面全部合格后才可报考军校，当然军校也不是那么容易考，学习成绩也要好才行．</t>
  </si>
  <si>
    <t xml:space="preserve">入住北京哪里比较经济实惠今年十一准备和老公带着双方父母去北京游玩 </t>
  </si>
  <si>
    <t>北京动物园斜对面西苑饭店(4星)的"后院"还是"别院"什么的,叫什么我不记得了,总之是他们那个4星级主楼的后面,有一片不是很高的但满幽静的房子,最好去之前提前预定,因为这样会比门市价要低一点.04年十一我在那里订过单人间是100元/天,门市价是160元/天,房间里有电视电话也可以洗澡.其他的房型价格我不太清楚,你可以在预定的时候问清楚,而且可以跟他们砍价.</t>
  </si>
  <si>
    <t xml:space="preserve">杀毒软件无法使用，系统无法还原你好，由于计算机受黑客攻击，瑞星防 </t>
  </si>
  <si>
    <t xml:space="preserve">一、如果是中av终结者病毒了，则：AV终结者专杀工具：  AV终结者病毒的危害： 1. 禁用所有杀毒以相关安全工具，让用户电脑失去安全保障； 2.　破坏安全模式，致使用户根本无法进入安全模式清除病毒； 3.　强行关闭带有病毒字样的网页，只要在网页中输入“病毒”相关字样，网页遂被强行关闭，即使是一些安全论坛也无法登陆，用户无法通过网络寻求解决办法； 4.　格式化系统盘重装后很容易被再次感染。用户格式化后，只要双击其他盘符，病毒将再次运行。 操作方法： 第1步：到正常上网的电脑上下载专杀工具到U盘上，并将杀毒软件改名为其他任意名字，如1等 第2步：将U盘插到中毒电脑上，用右键打开U盘，执行专杀工具，清除已知的病毒，修复被破坏的系统配置。 第3步：不要立即重启电脑，请先安装、启动杀毒软件，升级病毒库，进行全盘扫描。以清除木马下载器下载的其它病毒即可。效果：清除AV终结者病毒；修复“映像劫持”；修复 f；修复安全模式。二、也有可能是中了初始页病毒，典型特征是把时间改为2000年，删除ghost备份，其他中毒特征接近中av终结者病毒，解决如下：1、开机进入安全模式，搜索并清除lcg.exe和非系统盘的 f2、开始——运行：msconfig，清理关于lcg.exe的启动选项3、断网状态下使用360安全卫士或其他工具进行网页修复4、修复系统时间为2099年后再进行杀毒。杀毒时也可以试试瑞星的帕虫蠕虫病毒专杀工具： </t>
  </si>
  <si>
    <t xml:space="preserve">外挂，私服问题~~天堂Ⅱ在内测是就已经出现外挂了，而且私服也已经 </t>
  </si>
  <si>
    <t>大家都要同一刻心 坚决不用外挂</t>
  </si>
  <si>
    <t xml:space="preserve">那帮派任务贡献有什么用啊？？ </t>
  </si>
  <si>
    <t>可以得装备｀｀和称号！～～要看你贡献的高低了！～～～～～</t>
  </si>
  <si>
    <t xml:space="preserve">请问子宫内膜异位症有办法治好吗？怎么治？多长时间能治好？我是去年 </t>
  </si>
  <si>
    <t>　　子宫内膜在子宫以外的其他地方生长发育并引起疼痛等不适，称为子宫内膜异位症。估计人群中约１５％的妇女患异位症。病因至今仍不十分清楚，以经血倒流最受重视。痛经和不孕是异位症的主要症状。 　　 　　【治疗】 　　治疗方法主要分手术和药物两大类，根据病人年龄、病情轻重和有没有生育要求等综合考虑。治疗方法应因人而异。 　　一、手术治疗：最早用于子宫内膜异位症的治疗，至今仍然是主要手段之一。治疗主要适合于病情较重或疼痛严重而药物治疗无效者； 　　（一）保守性手术：仅切除内膜异位病灶，保留卵巢和子宫。适用于年轻、想保存生育机能者，术后大约50%-60%能怀孕。但疼痛复发率较高； 　　（二）半根治性手术：切除异位病灶的同时切除子宫，至少要保留部分卵巢。适用于已生育、年龄在３５岁以上、疼痛顽固或同时伴有子宫病变者，半根治性手术可根治痛经，术后异位症复发的机会很少。 　　（三）根治性手术：切除双侧附件及子宫，可根治子宫内膜异位症，适用于更年期妇女；近年来，广泛开展腹腔镜手术治疗子宫内膜异位症，开腹手术能做的手术腹腔镜手术均能完成。此外，腹腔镜手术还具有创伤小、恢复快和术后盆腔粘连少等优点。 　　术后症状缓解率及妊娠率可达到开腹手术的效果。越来越受到人们的重视； 　　二、药物治疗：适用于病情较轻、卵巢巧克力囊肿不大者。疗程一般为6-9个月。若作为手术前后的辅助治疗，疗程可缩短为3-6个月。 　　（一）丹那唑，副反应虽较多见，但大多数不重，无需停药。偶尔有肝功过高者，宜及时停药并给于保肝治疗； 　　（二）内美通，副反应轻，而且用药方便； 　　（三）孕激素类药物，妇康片、妇宁片、安宫黄体酮等，适用于经济负担较重，不能服用丹那唑或内美通者，但促生育的作用较小，用药期间亦应定期检查肝功； 　　（四）避孕药：如复方１８甲，需注意，避孕药内的雌激素可刺激子宫肌瘤长大，故有肌瘤者慎用； 　　（五）促性腺激素释放激素激动剂，长期用药可能引起骨质疏松。适用于更年期妇女，尤其是合并子宫肌瘤者； 　　（六）三苯氧胺，它不抑制排卵，缓解痛经效果好，副反应小，对异位症的体征疗效差，适合于症状重而体征轻者； 　　以上药物的浓度及用法，须遵医嘱； 　　 　　【预防】 　　一、减少医源性子宫内膜种植的机会，月经期一般不应做盆腔检查，人流最好不做或少做，月经过多者尽量不用宫内节育器避孕； 　　二、积极治疗高危因素：应注意发现并积极治疗宫颈狭窄、生殖道梗阻。月经期不做剧烈，并应避免高度精神紧张。积极治疗重度原发性痛经和月经过多，对异位症也可能有预防作用。有异位症家族史者应定期做妇科检查，以便及时发现异位症，及早治疗。提倡晚婚，但宜适时生育； 　　三、其他：规律体育运动有可能减少异位症的发生，长期服用避孕药亦可能有一定的预防作用。 　　 　　卵巢巧克力囊肿是怎样形成的？ 子宫内膜异位症是较常见的一种妇科病，近年来它的发病有所上升。它的含义是由生长在子宫腔以外的身体其他部位的子宫内膜所引起的一种病变。卵巢是子宫内膜异位症最常发生的部位，约占80%左右。其次是子宫韧带及覆盖在子宫、直肠或膀胱表面的盆腔腹膜等。 　　卵巢巧克力囊肿是“肿块”但并非是“肿瘤”，它是子宫内膜异位症的一种病变。正常情况下，子宫内膜生长在子宫腔内，受体内女性激素的影响，每月脱落一次，形成月经。如果月经期脱落的子宫内膜碎片，随经血逆流经输卵管进入盆腔，种植在卵巢表面或盆腔其他部位，形成异位囊肿，这种异位的子宫内膜也受性激素的影响，随同月经周期反复脱落出血，如病变发生在卵巢上，每次月经期局部都有出血，使卵巢增大，形成内含陈旧性积血的囊肿，这种陈旧性血呈褐色，粘稠如糊状，似巧克力，故又称“巧克力囊肿”。这种囊肿可以逐渐增大，有时会在经期或经后发生破裂，但很少发生恶变。 　　子宫内膜异位症的主要症状是痛经，它的痛经特点是渐进性痛经，是继发性和进行性加重。其次是不孕，和月经紊乱及性交痛等。它的发病主要原因与分娩，多次流产等有关，产后脱落的子宫内膜种植在宫颈、阴道、盆腔内，以及反复的人工流产术，通过负压吸引至盆腔内。另外，妇科的某些小手术，如输卵管通气或通水，子宫输卵管碘酒造影，宫颈电烫、冷冻等，都可能使月经期脱落的内膜在此种植，日后形成子宫内膜异位症。 　　其治疗原则是，对有生育要求的年轻妇女一般采用药物治疗并定期随访检查。若症状较重，经药物治疗效果不明显，或卵巢有较大包块的，可以采用保守性手术，如卵巢内膜囊肿巧克力液抽吸术，内膜囊肿剥除术或患侧卵巢切除术，以保留正常卵巢和生育功能。不过，经保守性手术后仍有可能复发。患者应坚持随访并争取尽早怀孕对40岁以上，年龄较大且无生育要求的妇女，可以切除全子宫以及一侧或双侧卵巢和输卵管。 　　</t>
  </si>
  <si>
    <t xml:space="preserve">《冰河世纪4》什么时间上映啊？ </t>
  </si>
  <si>
    <t>这部名为《冰河世纪4：大陆漂移》（Ice Age: Continental Drift）的3D影片将于2012年7月13日上映。见百度百科相关词条。</t>
  </si>
  <si>
    <t xml:space="preserve">NET和CTNET是什么意思?手机移动网络俩张卡选择里面的 </t>
  </si>
  <si>
    <t>电信CTWAP和CTNET有点类似中国移动的CMWAP 和 CMNET 只是中国移动人为划分的两个GPRS接入方式。前者是为手机WAP上网而设立的，后者则主要是为PC、笔记本电脑、PDA等利用GPRS上网服务。它们在实现方式上并没有任何差别，但因为定位不同，所以和CMNET相比，CMWAP便有了部分限制，资费上也存在差别。cmnet也用于信号不佳的时候，使用cmnet方式上网，销号的流量比cmwap方式多一些</t>
  </si>
  <si>
    <t xml:space="preserve">第一次买男士西服想听听建议。快毕业了，准备购买西服。本人身高17 </t>
  </si>
  <si>
    <t xml:space="preserve">当然是定做比较合适些，理由有三： ⑴、成衣品牌的西服一般只会提供A版（标准体）和B版（偏胖体型），很少会有品牌做偏瘦体型的，所以你买成衣西服可能都会不合身； ⑵、成衣品牌的西裤一般都是双褶的，而您偏瘦的话，西裤最好做无褶或单褶的，不会显得臀部很肥大； ⑶、定做比买成衣有时候还要便宜，尤其是选择在网上定做。你在商场买3000元的西服，商场要拿去至少1200元，而在网上定做的话，就不会有这些中间渠道的费用。 无忧西服定制，里面也有很多关于西服、衬衫、领带搭配的文章。 </t>
  </si>
  <si>
    <t xml:space="preserve">求助：瑞星防火墙2006下载版的序列号和ID号我从网上下载瑞星个 </t>
  </si>
  <si>
    <t>序列号：T1BULQ 70AWDE 9P90SF 7TD200ID:随便12位数下载瑞星绿色升级保姆，效果与正版基本一样。祝你好运！！！！</t>
  </si>
  <si>
    <t xml:space="preserve">我在外地工做已经4年了，公司也给我们交了社保，我们也交一部分。我? </t>
  </si>
  <si>
    <t>你好！以下意见仅供参考：1、缴纳社保金是为你将来打基础的，规定有连续缴纳年限，最好不要断档；2、辞职后可办理自费缴纳，找到新工作后再由单位与你按比例共同缴纳；3、退保清户：居民一般不能办理，只有遇死亡等特殊情况才能办理清退个人帐户余额。农民工辞职后可按规定办理清户并领取个人帐户余额；4、清退帐户对自己不利，统筹帐户上的资金占多数，个人拿不走一分钱；5、希望你认真考虑后再做出决定。祝你顺利，春节愉快！</t>
  </si>
  <si>
    <t xml:space="preserve">口腔溃疡应该吃什么 </t>
  </si>
  <si>
    <t>喷口腔粘膜溃疡粉最好了！顶多两天好，或是抹蜂蜜也很管用！</t>
  </si>
  <si>
    <t xml:space="preserve">老公为什么不理我这几天不知怎么的，老公不怎么和我说话，我们结婚快 </t>
  </si>
  <si>
    <t>也许他心里有事，比如工作不顺利等，你可以给他做顿可口的饭菜然后两个人谈谈，如“你最近忙不忙？”“你脸色不太好，哪里不舒服吗？”这样的话都可以做为谈话的开始，只要他张口就能沟通了。。。光靠猜是猜不出来的。如果他不愿意说也别勉强。但得让他感觉到你关心他。</t>
  </si>
  <si>
    <t xml:space="preserve">怀孕多少天会有恶心，呕吐现象 </t>
  </si>
  <si>
    <t>六周左右!也就是四十二天!</t>
  </si>
  <si>
    <t xml:space="preserve">天津那里有修理点钞机的？我单位的点钞机不知道什么原因，总报错，而 </t>
  </si>
  <si>
    <t>我给你一家金融设备维修公司的电话，可以上门修理，24327679      另外，我不知您是否知道点钞机也是需要经常升级的，目前我国发现的假币品种有几十种，随着新的假币的发现，点钞机的系统也要做相应的升级，就如同我们的电脑的杀毒软件定期升级是一样的，在这方面很多使用者都存在这个误区，不能及时升级的后果就是新版本的假币难以发现，您的点钞机的问题，我认为是维护不到位造成的，请专业人士清理一下就没有问题了。</t>
  </si>
  <si>
    <t xml:space="preserve">高中数学用向量法证明：空间四边形的对角线互相垂直的充要条件是对边 </t>
  </si>
  <si>
    <t>作AO⊥BD于O,连OC.向量AC⊥BD&lt;==&gt;向量AC*BD=0,∴向量OC*BD=(AC-AO)*BD=AC*BD-AO*BD=0,由勾股定理，AB^2=AO^2+OB^2,CD^2=CO^2+OD^2,BC^2=OB^2+CO^2,DA^2=OD^2+AO^2,∴AB^2+CD^2=BC^2+DA^2.反之，若AB^2+CD^2=BC^2+DA^2，作AO⊥BD于O,作CO⊥BD于O',由勾股定理，AB^2=AO^2+OB^2,DA^2=OD^2+AO^2,∴AB^2-AD^2=OB^2-OD^2,同理BC^2-CD^2=O'B^2-O'D^2,∴OB^2-OD^2=O'B^2-O'D^2，∴O'与O重合。∴向量AC*BD=(AO+OC)*BD=AO*BD+O'C*BD=0,∴AC⊥BD.</t>
  </si>
  <si>
    <t xml:space="preserve">我的戴尔vostro320声卡好像被我卸掉了开始的时候就突然没有 </t>
  </si>
  <si>
    <t>不用重装,在设备管理器里重新刷新硬件或重装系统</t>
  </si>
  <si>
    <t xml:space="preserve">怎样做手抄报可不可以剪贴一些图片（个人绘画水平有限）其实主要应对? </t>
  </si>
  <si>
    <t>手抄报最好是不用剪贴的图片,但是像你说的这样的情况,有一两张也未尝不可,你是应对作业嘛.做手抄报你就参照一下报纸的那种样子,分成几个版块(不知道你们规定主题没有),规定了就按主题找文章,一般手抄报就是4开的吧,手写的字也比较大,有报头的一面分3块,没有报头的一面分4块就差不多了,图片最好不要在边上,大的图片剪贴,小花边自己还是画一点.也就能说这么多吧,你问的也不是很具体.</t>
  </si>
  <si>
    <t xml:space="preserve">缺铁性贫血结果就剩三点多医生说我是缺铁性贫血，参考值3.6。正常? </t>
  </si>
  <si>
    <t>病情分析：缺铁性贫血是人体缺铁元素造血，铁是制造血红蛋白的原料,而贫血就是血红蛋白减少,所以缺铁会导致贫血.治疗主要是补铁、改善饮食结构等。指导意见：治疗缺铁性贫血可以服用含有阿胶的铁之缘片，补铁补血养血，温和无肠胃刺激，口感好吸收率高，建议服用一到两个月来补充满足人体所需的铁需求，在结合食补就可以改善纠正贫血了。贫血者日常饮食中应注意多吃富含高蛋白，维生素B和维生素C的食品及含铁丰富的饮食。有益的水果有苹果、大枣、荔枝、香蕉等。此外还应多食用黑木耳，香菇，黑豆，芝麻等食品，益于治疗贫血补养生血。病情分析：缺铁性贫血是人体缺铁进而引起血红蛋白降低，女性贫血大多是由于月经失血导致的，可以通过合理的补充铁质来治疗，药补以口服铁剂治疗效果最佳。指导意见：缺铁性贫血的治疗可以口服补铁补血常用的铁之缘片，补血快速持久有效，对于中度或严重的缺铁性贫血建议服用铁之缘片三个月以上，贫血好转后继续补充一到两个月以贮存体内的铁质巩固，同时饮食上摄入铁质、蛋白质等造血原料，可多进食猪肝、鸡鸭血、瘦肉、菠菜、红枣、黑木耳等含铁丰富的食物，以及含蛋白质高的鱼、蛋、奶、豆等，补充维生素C的蔬菜和水果可以促进铁的吸收。</t>
  </si>
  <si>
    <t xml:space="preserve">21期14及r9，帮忙看看错好多？亚特兰1日21:00佛罗伦10 </t>
  </si>
  <si>
    <t>塔拉戈 1日23:00 维尔瓦 31 ------ 01 。</t>
  </si>
  <si>
    <t xml:space="preserve">怎样报名参加成人高考啊？？？ </t>
  </si>
  <si>
    <t>我是成考专科，成考专升本过来的，我来解答你每个地方不一样的浙江省采用的是网上报名，网上付款我本科在甘肃考，去市招办报名和交费你去当地市招办问问吧</t>
  </si>
  <si>
    <t xml:space="preserve">入秋了，高血压患者应该注意什么 </t>
  </si>
  <si>
    <t>我建议去嘉兴新安国际医院，那里环境最好，设备最先进，而且他们医院和中国最好的心血管疾病医院——北京安贞医院有合作，专家都是那边请来的，所以非常有保障，服务态度很好。</t>
  </si>
  <si>
    <t xml:space="preserve">电力安全规程提问各类作业人员应接受相应的安全生产教育和岗位技能培 </t>
  </si>
  <si>
    <t>考试合格啊！</t>
  </si>
  <si>
    <t xml:space="preserve">初三数学一个最简分数的分子与分母的和是92，若分子、分母都减去1 </t>
  </si>
  <si>
    <t>解：设这个分数的分母是X，分子是92-X。（92-X）-16=（1/3）×（X-16）解得：X=61分子是92-61=31；所以：这个分数是31/61。</t>
  </si>
  <si>
    <t xml:space="preserve">怎样可以加多粉丝又不会让他们删了你 </t>
  </si>
  <si>
    <t>可以找共同兴趣且粉丝不多的人添加关注哦，他们会珍惜最开始的那些粉丝并互粉你。如果你不发让别人感到恶心的东西，这些人一般不会特意去点击取消对你的关注。</t>
  </si>
  <si>
    <t xml:space="preserve">韦小宝共抢了几个人的老婆？ </t>
  </si>
  <si>
    <t>抢了三个</t>
  </si>
  <si>
    <t xml:space="preserve">请问专家锐志能这样热车吗？冷车启动转速1500转踩住刹车10秒钟? </t>
  </si>
  <si>
    <t>尊敬的用户，您好：      凉车转速1500转按现在的天气来说很正常，如果您在凉车时将档位换置D档，油耗不会省，对变速箱磨损比较大，因为变速箱油还没有到达正常工作温度，建议您热车2分钟后挂挡缓慢行驶对车辆有好处。方庄丰田汽车销售服务中心技术总监   金龙 电话 87614192</t>
  </si>
  <si>
    <t xml:space="preserve">想长高点，怎样做本人，男，20，身高165，瘦，羡慕身高的男生， </t>
  </si>
  <si>
    <t>1.身体锻炼很重要。2.合理的饮食。要营养搭配。3.要有充足的睡眠。4.心情因素也很重要的。保持良好的心态。</t>
  </si>
  <si>
    <t xml:space="preserve">大家告诉我该怎么办？我女朋友因为跟他前男朋友工作在异地，家里也不 </t>
  </si>
  <si>
    <t>虽然我也是一个女性、但我还是要说实话：我不喜欢这样的女孩、、  感情问题最应该果断干净、、如果还和前男友联系可以！只是很正常的联系大家都直说出来不要藏着掖着、这不是制造矛盾吗？我感觉交男朋友啦就应该让你身边的人都知道有这个男朋友的存在、、是对这个男友的尊重和在乎、毕竟你们不是小孩啦、、  所以、这位男友、你应该找个时间你俩坐在一起心平气和的好好规划下你们的下一步、看看彼此真正想要的是什么？彼此交流意见、、爱情其实真的很需要心平气和的常沟通、、因为绳子越结越难解、、人不可能能看透对方的心灵深处、我们不是神、所以沟通沟通吧、、、</t>
  </si>
  <si>
    <t xml:space="preserve">第二批试点公司股票何时交易?股权分置第二批试点公司股票已经停2天 </t>
  </si>
  <si>
    <t xml:space="preserve">大盘下跌的N个理由: 1.非流通股不会管流通股的持股成本.前期方案必然让流通股东失望. 2.无论方案如何差,流通股东投赞成票可能性大. 3.流通股东是一盘散沙,非流通股东强大无比,主动权握在非流通股东手中. 4.要砸盘,大盘上涨,非流通股东方案必然差,大盘下跌,非流通股东有压力,才会考虑补偿流通股东 5.非流通股流通说到底,也是扩容,市场压力难以想象,大盘即使不崩盘,也会节节败退. 6.金牛10送2.5都能通过表决,开盘还能涨停,非流通股股东太贱.表决前骂娘,表决时还要投赞成票 7.看看"三一",对流通股而言送多少股都是没用，上市当天就除权，流通股的股数增加，但总价值没变，等于没送（和每年的分配送股有什么区别？），但流通股可以合法流通了，接下来的是急跌，让流通股受二碴罪。试点宣告成功，无数个亿万富翁从此诞生。世界级富翁的排行榜中将增加无数中国人的名字。 公平公正的方法：以现金补偿流通股，非流通股缩股。不仅流通股能得到真正的补偿，也有利于股市的长期发展。 流通的每股成本价格比非流通股高出数倍甚至数十倍，按此比例缩股对大家是合理公平的。 </t>
  </si>
  <si>
    <t xml:space="preserve">高手来帮帮忙问个比较老的问题冥王到底该怎么改？另外再一个刚买了1 </t>
  </si>
  <si>
    <t>冥王特殊一套不加车身扭力+216但是。。漂移占70  百分之冥王商店装备一套。。不加中级扭力206但是    漂移占40  百分之冥王中级装备一套。。扭力206但是    漂移占20  百分之-----------------------如果你是跑任务请用中级一套现在不贵的5000-10000一件 要C2涡 10--15万如果你用方向4--6都可以。。本车 柳州巡警  特殊加+8方向。你看有多飘了。。</t>
  </si>
  <si>
    <t xml:space="preserve">DNARNA聚合酶连接酶DNA聚合酶加速氢键连接，DNA连接酶连 </t>
  </si>
  <si>
    <t>这种说法不大好，DNA聚合酶是连接单个的脱氧核苷酸，DNA连接酶是连接脱氧核苷酸片段（也叫冈崎片段），而RNA聚合酶是连接核糖核苷酸。氢键是在核苷酸配对的时候形成，所以这谈不上加速不加速的问题</t>
  </si>
  <si>
    <t xml:space="preserve">关于战网1.10我上了百灵的1.10战网,可是太慢了,非常卡,杀 </t>
  </si>
  <si>
    <t>进了噩梦难度，速到６０级的方法就是去地狱刷巴尔五小队．百灵的人基本都在１．１１，１．１０的留守部队很少．但卡的问题不好说，百灵是网通战网．</t>
  </si>
  <si>
    <t xml:space="preserve">有没有类似金莎的画中仙的歌词的小说 </t>
  </si>
  <si>
    <t>推荐你看《白狐一梦》</t>
  </si>
  <si>
    <t xml:space="preserve">买的三国币怎么到我的游戏人物上去呢我刚创的号！QQ三国里面寄售划 </t>
  </si>
  <si>
    <t xml:space="preserve">尊敬的客户: 您好！5173客户服务052很高兴为您服务！ 您下订单并成功支付后，请您与订单的接手客服联系，客服会通知您在游戏上交易的时间和地点，交易员会在游戏中把物品交易给您。感谢您对5173的支持!!!                                                          </t>
  </si>
  <si>
    <t xml:space="preserve">现在怎么解啊```我的密保卡丢了``我想再买一张来解啊``可是现 </t>
  </si>
  <si>
    <t>我建议你绑了后的第一件事是复印一份藏好，万一丢了也不用哭鼻子啊，实在不行，到了晚上12：00 开灯手抄一份收起来，别让别人看到啊，哈哈说实话，老土的办法真实用呢，我的就抄了三份收了起来，手机上一份，电脑上一份，抽屉里藏一份，当然了哈哈，还有原来的那张卡。。。</t>
  </si>
  <si>
    <t xml:space="preserve">听说在301能买到每日机活素，我去买了怎么没买到啊？ </t>
  </si>
  <si>
    <t>的确不好买，有时有，有时没有。而且好像每次上货量都比较少。试试吧</t>
  </si>
  <si>
    <t xml:space="preserve">患了尿道炎会对男人产生什么危害？ </t>
  </si>
  <si>
    <t>答：尿道炎的伤害：    1、如男性尿道炎可并发睾丸炎、附睾炎、前列腺炎、精囊腺炎、附睾结节、输卵管梗阻，精子数量质量都下降，阳痿、早泄等。    2、造成尿道狭窄，射棈的障碍。因尿道炎导致尿道狭窄和射棈功能障碍尿道感染可以直接影响尿道的上皮，在感染的局部形成疤痕。这种情况严重时可造成尿道狭窄，造成排尿困难，同时也可以造成射棈的障碍。    3、反复发作尿道炎危害生活，虽然，尿道炎还称不上性病，但是由于尿道炎通常会反复发作且常常影响患者生活，对人体生理和心理的伤害也不小。    4、会导致不育，在不育夫妇中，特别是那些所谓不明原因的不育夫妇中，男性精液中衣原体和支原体等病原体存在的比例远远高于正常人，因此可以认为这些病原体是导致不育的因素之一。答：1.会导致不育在不育夫妇中，特别是那些所谓不明原因的不育夫妇中，男性精液中衣原体和支原体等病原体存在的比例远远高于正凡人，因此可以以为这些病原体是导致不育的因素之一。2.造成射棈障碍或尿道狭窄射棈的障碍：因尿道炎导致尿道狭窄和射棈功能障碍尿道感染可以直接影响尿道的上皮，在感染的局部形成疤痕。这种情况严重时可造成尿道狭窄，造成排尿困难，同时也可以造成射棈的障碍。3.导致慢性肾衰尿道炎最大的特点是很容易转为慢性，严重者可引起慢性肾衰竭。据最新资料统计，25%的慢性肾衰由尿道炎引起。4.反复发作尿道炎危害生活虽然，尿道炎还称不上性病，但是由于尿道炎通常会反复发作且经常影响患者生活，对人体生理和心理的伤害也不小。5.诱发关节炎尿道炎会诱发无菌性关节炎，此病和患者体内存在易感冒基因有一定关系。反应性关节炎是尿道炎、宫颈炎后诱发的无菌性关节炎，如非性尿道炎后反应性关节炎、细菌性腹泻后反应性关节炎。答：男性尿道炎的危害具体如下：1.反复发作尿道炎危害生活，虽然，尿道炎还称不上性病，但是由于尿道炎通常会反复发作且常常影响患者生活，对人体生理和心理的伤害也不小。尽管目前对于男性的尿道炎患病率很难统计，但根据女性的发病率及尿道炎可通过性接触传染这一特点，可以肯定罹患女性生殖道毛滴虫病的男性应该不在少数。2.会导致不育，在不育夫妇中，特别是那些所谓不明原因的不育夫妇中，男性精液中衣原体和支原体等病原体存在的比例远远高于正常人，因此可以认为这些病原体是导致不育的因素之一。3.如男性尿道炎可并发睾丸炎、附睾炎、前列腺炎、精囊腺炎、附睾结节、输卵管梗阻，精子数量质量都下降，阳痿、早泄等。4.造成尿道狭窄，射棈的障碍：因尿道炎导致尿道狭窄和射棈功能障碍尿道感染可以直接影响尿道的上皮，在感染的局部形成疤痕。这种情况严重时可造成尿道狭窄，造成排尿困难，同时也可以造成射棈的障碍。</t>
  </si>
  <si>
    <t xml:space="preserve">请问我福来美排气管里面能够喷点废机油吗？防锈、防腐蚀可以吗？ </t>
  </si>
  <si>
    <t>关于您咨询的问题，可以采用排气管尾节打孔的方式，水排出来后可以避免排气管锈蚀，可以延长排气管的使用寿命。现在很多厂家对尾排都设计了排水孔。喷废机油只能加剧排放污染。</t>
  </si>
  <si>
    <t xml:space="preserve">请教山河老师600258满仓怎么操作我不是中线持有的吗，怎么也慌 </t>
  </si>
  <si>
    <t>既然是有中线持有的准备，就更不必慌张。600258今天得到30日均线支撑是件好事，继续持有。</t>
  </si>
  <si>
    <t xml:space="preserve">新来一谜友，好象‘日月星’（游目）谜不好，高兴就好！ </t>
  </si>
  <si>
    <t>阳阳</t>
  </si>
  <si>
    <t xml:space="preserve">z这个脸型适合什么发型。。想要流海也C:\Documentsan </t>
  </si>
  <si>
    <t xml:space="preserve">    可以尝试一下齐刘海噢。</t>
  </si>
  <si>
    <t xml:space="preserve">赞达拉英雄护符和优越护符能双开吗？或者问现在有什么护符能一起开的 </t>
  </si>
  <si>
    <t>奥术能量可以和护符一起开，技能是按百分比算的，饰品是按点数算的技能和技能不能同时开，饰品和饰品不能同时开，技能和饰品是不冲突的</t>
  </si>
  <si>
    <t xml:space="preserve">如何在BIOS中修改启动顺序很老的笔记本电脑，开机后按F2键进入 </t>
  </si>
  <si>
    <t>笔记本设光驱启动：1.笔记本按F2进入BIOS （看电脑说明书）2.BIOS中出现main advanced security power boot exit 等几项内容 3.在boot中设置光驱优先启动 boot中有:+Removable Dvices +Hard Drive ATAPI CD-ROM Drive 这几项 把ATAPI CD-ROM Drive这一项移到最顶端 可以先用方向键上下移动 再用键盘P上面的- + 键把ATAPI CD-ROM Drive移动到最顶端就好了 4.按F10保存设置即可。</t>
  </si>
  <si>
    <t xml:space="preserve">练制皮附魔好不好？我是猎人一开始练剥皮和制皮发现剥皮的人太多了卖 </t>
  </si>
  <si>
    <t>我是抚摩.....先说着成本把,我花了不下800G了技能还没到300.制皮吗....皮你全靠收吗?再说60还要买1000G马.这样的搭配根本不可能的.所以我劝你练个采集系的在+抚摩.这样你才能保证不会连学技能的钱都没有.采集到的东西拿到拍卖行里拍卖.</t>
  </si>
  <si>
    <t xml:space="preserve">我女朋友体检查出肝功能有异常,一般会有什么病?请大家回复我,谢谢 </t>
  </si>
  <si>
    <t>转氨酶增高说明些什么？贵阳市华烽主治医师  张少武    某机关体检后发现，血清转氨酶（ALT）超过正常值者较多，机关领导认为可能是食堂存在食品及餐具污染问题。为此，该机关为全体干部接种乙肝疫苗。在接种乙肝疫苗时，经常有人讲：“我常在外面饭馆吃饭，所以要打乙肝疫苗。”“我常到外地出差，所以要打乙肝疫苗。”      以上种种对肝炎的认识不够全面和科学。因为，病毒性肝炎分别由甲、乙、丙、丁、戊、庚等多型肝炎病毒引起。而“病从口入”是病人的粪便污染了双手、饮水和食物，病毒被人吃了进去。经消化道传播，只有甲型肝炎和戊型肝炎。要防止病从口入，接种甲肝疫苗能够预防甲肝（戊肝无疫苗），而不是注射乙肝疫苗。乙型、丙型、丁型、庚型肝炎主要经血液传播。      单纯转氨酶偏高（肝功能异常）还不能确定是病毒性肝炎，确定患上肝炎必须同时具备以下三点才成立。即有肝炎的症状、体征（如低烧、厌油、恶心、呕吐、乏力、食欲差、肝脏肿痛等）和临床诊断（如急性黄疸型、慢性迁延型等）；血清转氨酶增高；病原学诊断（有抗甲肝抗体是甲型，乙肝病毒表面抗原、e抗原和核心抗体阳性是乙型）。再者，个别人单纯转氨酶偏高，不排除在检测前因饮酒过量、剧烈运动、上夜班、感冒或口服某些药物等因素干扰。      如果单位有感染病毒性肝炎的人，就要加强食堂卫生和食品卫生。炊事员必须到卫生防疫机构进行体检、培训，有健康证和卫生许可证，并注射甲肝疫苗。不制作、销售凉拌菜，禁止生食、半生食水产品。彻底灭蝇灭蟑。在外就餐要实行分餐制或公筷制。      部分病毒性肝炎可以通过日常生活密切接触传播。除集体预防接种甲肝、乙肝疫苗外，办公室要定期消毒电话、电灯开关和门扶手，定期清洁电脑键盘、鼠标、显示器。使用电脑前后或食前便后应洗净双手。不得公用茶具、餐具和擦手毛巾。      特别需要接种乙肝疫苗的人群除新生儿、儿童以外，以下人群要接种乙肝疫苗。1、乙肝表面抗原阳性者的配偶及密切接触者；2、医院及服务行业工作者；3、准备拔牙、手术、输血、血透析和针刺者；4、准备文身、美容、修脚及理发刮胡须者；5、静脉吸毒者、同性恋者或性乱者。</t>
  </si>
  <si>
    <t xml:space="preserve">什么叫峰会？谁能准确解释什么是高峰论坛、峰会、年会之间的区别，而 </t>
  </si>
  <si>
    <t>社会有很多组成，这些企业组成了一个“山”的模样，处于山顶的只有少数几个企业，处于山脚的有大量企业，处于山顶的企业（20%）掌握有大量的资金（80%）。所以，掌握80%资金的企业能够让政府做出某种利益倾向。高峰论坛：我认为一般是世界（或者地区的）100强企业CEO之间的，就某一个或者几个最近一段时间，他们自己非常关心的问题，相互交流的一种方式。峰会：我认为是“公认比较成功的企业”高层之间参加的会议，可能是圆桌会议，可能是论坛会议，可能是分组讨论会议，可能是经验分享会议，可能是行业标准发布会议，可能长期没有解决的问题，可能是时髦的问题，上述两种一般是由政府、学术、媒体、行业组织或者经济团体发起，不一定有明显的时间规律。年会：每年必定召开的会议。可以听取处于“高峰”山中央的一些企业参与，或者处于山脚的一些企业参与，听听他们的声音。而且如果既有高端会议又可以与普通受众结合参与，我认为该叫博览会，或者“广交会”，首先：又有山峰的企业，又有山脚的企业，他们的利益不一样，呼声就不一样，有很大的可能是截然相反的，如果又不定期召开，大家临时聚会在一起，乱讲一气；然后散会各自忙各自的去了，谁愿意参加这样没有效果的会议呢。博览会提供一个平台让大家充分展现自己，不达成什么共识，那还比较有意义。</t>
  </si>
  <si>
    <t xml:space="preserve">因为痛经，用了芬必得止痛后，月经量明显减少，怎么办？ </t>
  </si>
  <si>
    <t>停止服用药物.观察一下.如月经仍不正常建议去检查.痛经可分为原发性痛经和继发性痛经两种，原发性痛经是指从有月经开始就发生的腹痛，继发性痛经则是指行经数年或十几年才出现的经期腹痛，两种痛经的原因不同。　　原发性痛经的原因为子宫口狭小、子宫发育不良或经血中带有大片的子宫内膜，后一种情况叫做膜样痛经。有时经血中含有血块，也能引起小肚子痛。继发性痛经的原因，多数是疾病造成的，例如子宫内膜异位、盆腔炎、盆腔充血等。近年来发现，子宫内膜合成前列腺素增多时，也能引起痛经。因此，需要通过检查，确定痛经发生的原因之后，针对原因进行治疗。中医认为痛经多因气血运行不畅或气血亏虚所致。临床常见有气滞血瘀、寒凝胞宫，气血虚弱，湿热下注等症。饮食疗法能起到较好的防治作用。　　痛经患者在月经来潮前3～5天内饮食宜以清淡易消化为主。应进食易于消化吸收的食物,不宜吃的过饱，尤其应避免进食生冷食品，因生冷食品能刺激子宫、输卵管收缩。从而诱发或加重痛经。月经已来潮，则更应避免一切生冷及不易消化和刺激性食物，如辣椒、生葱、生蒜、胡椒、烈性酒等。此期间病人可适当吃些有酸味的食品，如酸菜、食醋等，酸味食品有缓解疼痛作用。此外，痛经者无论在经前或经后，都应保持大便通畅。尽可能多吃些蜂蜜、香蕉、芹菜、白薯等。因便秘可诱发痛经和增加疼痛感。有人认为，痛经病人适量饮点酒能通经活络，扩张血管，使平滑肌松驰，对痛经的预防和治疗有作用。如经血量不多可适量地饮些葡萄酒，能缓解症状，在一定程度上还能起到治疗作用。葡萄酒由于含有乙醇而对人体有兴奋作用。情志抑郁引起痛经者适当适时喝点儿葡萄酒，能够起到舒畅情志，疏肝解闷的作用，使气机和利。另外，葡萄酒味辛甘性温，辛能散能行，对寒湿凝滞的痛经症，可以散寒祛湿，活血通经；甘温能补能缓，对气血虚弱而致的痛经，又能起到温阳补血，缓急止痛的效果。痛经患者平时饮食应多样化，不可偏食，应经常食用些具有理气活血作用的蔬菜水果，如荠菜、洋兰根、香菜、胡萝卜、橘子、佛手、生姜等。身体虚弱、气血不足者，宜常吃补气、补血、补肝肾的食物，如鸡、鸭、鱼、鸡蛋、牛奶、动物肝肾、鱼类、豆类等。</t>
  </si>
  <si>
    <t xml:space="preserve">刚出生的宝宝需要准备什么东西 </t>
  </si>
  <si>
    <t>要准备以下这些东西，BB的衣服、裤子多件，奶瓶二个、奶粉、大毛巾或抱BB用的小被子、止尿裤、买点药放下，如适用于小BB用定惊之类的药，有宝婴丹、珍珠未、七厘散等。大人装备：长衣裤一套用于出院的，妈咪用的止尿裤，卫生垫，毛巾、牙刷、牙膏、等。你好，准备奶瓶，奶粉，衣物，洗漱用品，尿片，床上用品，乳垫(或以小方巾代替，用来在奶水多时垫在胸罩内防止奶水外溢)，祝你愉快！</t>
  </si>
  <si>
    <t xml:space="preserve">请问五行方面的问题？请教各位大师，预测里面的1、子午相冲，水又克 </t>
  </si>
  <si>
    <t>1、子午相冲，水又克火，那午能冲子吗？___________冲和克是两个不同的概念,地支的冲是指两个地支在对立的两极,因其所代表的空间属性而发生;克是指地支的属性关系,因其五行属性而发生.因此,地支间的关系,并不因有冲而不克,亦不因有克而不冲,它们是不同层面的问题.子午间是相冲,即子冲午,午也冲子.2、子卯相刑，水又生木，那什么时候生？什么时候刑呢？_________这个情况就和前面谈到的情况类似,生是基于地支五行属性而来的关系,刑则是特定的地支组合状态,两种关系应分别处理,不应混为一谈.明生克的目的是为了定出一个五行的旺衰度,明三刑的目的是为了昭示一个特殊的事项结构,两者也不可以混淆. 3、辰戌相冲，冲时土旺了还是衰了？_______________地支互冲本身关系来自于地支所代表的一种空间关系,地支的互冲这种"力量"可以引起空间后果或者时间后果,(古书说"冲处即是驿马",冲容易导致空间环境改;又说"旺者冲衰衰者拔,衰者冲旺旺者发",冲会使一个旺度大的五行力量加快作用步伐,也可使一个旺度小的五行力量作用暂时被闲置),冲不影响五行的旺度,五行的旺度还是要受生克关系影响,所以古书也认为辰戌等四库之冲不会影响土的旺度. 4、子丑相合，化土后子水还有用吗？不是被克没了吗？_________很明显,帖主的这种说法有很浓厚的线性思维痕迹,总是希望用一个最简单的关系来说明一切,而这种思维和易经的思维是根本不同的.就象上面谈到的情况那样,合本身也是一个基于地支所代表的空间方位而来的象关系,合均由一阴支与一阳支组成,它象征人事中的最为亲密的合作关系即婚姻.但地支并不因为合的关系而失去它本身,至于旺度本身衰减与递增仍然要用生克关系来确定,这就好比张三与立四结婚了,但张三还是张三,李四还是李四,只有傻瓜才会说:张三和李四已经成了一个家了,那张三或者李四还在吗?</t>
  </si>
  <si>
    <t xml:space="preserve">紧急求助,我老婆最近查出大三阳，请问如何保养和治疗.急急急!我老 </t>
  </si>
  <si>
    <t>楼上那些不要东抄西抄那么多废话了，大三阳，是有传染性的，首先第一步就是积极地进行正规的诊断和治疗。一，检查肝功，肝功异常没说的，住院。目前乙肝治疗的公认比较有效的方法就是打干扰素，运用干扰素的冲击疗法等。但是你要知道，干扰素必须要早期使用，而且干扰素一用不是用一支两支。干扰素的冲击疗法要用到几十支干扰素，一支进口的干扰素价格在数百到上千。二，病人使用的生活用品要严格的隔离消毒，大三阳是有传染性的，夫妻间房事最好是先忍一忍了。自己再病了，谁来照顾老婆？三，关于更多更详细的治疗和保养，还是建议到书店买一本《乙肝的防治》之类的书来看，详细了解，在这里只言片语是说不完的，而且你要工作又要照顾妻子，不见得还能经常上网来看。所以买一本书来详细了解，时不时翻一下，开导妻子，爱护妻子，相信她在你的悉心照料下会很快康复的。最重要的一点要说的是：不要病急乱投医，要到正规的医院进行治疗，不要听信医托，不要相信有什么乙肝治疗大突破什么的，以免延误病情。</t>
  </si>
  <si>
    <t xml:space="preserve">关于月的古诗哪些古诗里描写了月。 </t>
  </si>
  <si>
    <t xml:space="preserve">望月怀远 张九龄 海上生明月，天涯共此时。 情人怨遥夜，竟夕起相思！ 灭烛怜光满，披衣觉露滋。 不堪盈手赠，还寝梦佳期。关山月 明月出天山，苍茫云海间。 长风几万里，吹度玉门关。 汉下白登道，胡窥青海湾。 由来征战地，不见有人还。 戍客望边色，思归多苦颜。 高楼当此夜，叹息未应闲。夜泊渚怀古 牛渚西江夜，青天无片云。 登舟望秋月，空忆谢将军。 余亦能高咏，斯人不可闻！ 明朝挂帆席，枫叶落纷纷。 静夜思 床前明月光，疑是地上霜。 举头望明月，低头思故乡。 玉阶怨 玉阶生白露，夜久侵罗袜。 却下水晶帘，玲珑望秋月。月下独酌 花间一壶酒，独酌无相亲。 举杯邀明月，对影成三人。 月既不解饮，影徒随我身。 暂伴月将影，行乐须及春。 我歌月徘徊，我舞影零乱。 醒时同交欢，醉后各分散。 永结无情游，相期邈云汉。明月几时有？把酒问青天。不知天上宫阙，今夕是何年？我欲乘风归去，又恐琼楼玉宇，高处不胜寒。起舞弄清影，何似在人间！ 转朱阁，低绮户，照无眠。不应有恨，何事长向别时圆？人有悲欢离合，月有阴晴圆缺，此事古难全。但愿人长久，千里共婵娟！ </t>
  </si>
  <si>
    <t xml:space="preserve">关于计算机二级考试请问哪有四川省计算机二级等级考试的历年试题？？ </t>
  </si>
  <si>
    <t>川省计算机等级考试2004年4月C/C++二级考试上机试题(第一套)  更多请到四川化工职业职业技术学院找,</t>
  </si>
  <si>
    <t xml:space="preserve">表白场合大家好，表白在什么时间，白天，晚上，在什么地方比较合适点 </t>
  </si>
  <si>
    <t>傍晚 黄昏的时候浪漫~而且这个时候人最容易昏头拉 脑子转的慢 有科学根据的哦</t>
  </si>
  <si>
    <t xml:space="preserve">自体软骨隆鼻手术有副作用吗 </t>
  </si>
  <si>
    <t>　　选整形医院需要从医院的资质、医生的技术、整形后的实际效果等多方面进行综合考虑。除此之外，隆鼻不能单纯的考虑鼻子的造型，而是需要综合面部其它器官、脸型，甚至个人的气质等因素综合在一起设计鼻部造型，这样才能得到满意的隆鼻效果，单纯隆鼻是无法达到满意效果的，在选择的时候应当特别注意。任何手术都是有风险的，为了避免手术出现风险，最好的方法就是在手术前选择一家正规的整形美容医院和一位有责任感的专业整形医师，同时做好术前术后准备，这样才能保证手术安全手术效果万无一失!1、组织相容性好且稳固。与鼻局部的组织愈合为一体，很容易固定，自体软骨隆鼻不会出现移位；2、自体隆鼻不会出现排异反应；3、吸收少，自体隆鼻吸收率低，没有血液供应也能成活生存；4、自体隆鼻操作简单，取于自体，获取容易，自体隆鼻一般可以取自耳软骨，鼻中隔软骨和肋软骨；做鼻整形最好楼主去找有经验的医生去问问，选择一家正规的医院才可以为手术的成功加上多一层的保障！鼻整形手术是一门比较复杂的外科手术,因此不应当随意的选择整形医院,而是需要从医院的资质、医生的技术、整形后的实际效果等多方面进行综合考虑。如有问题可以咨询。</t>
  </si>
  <si>
    <t xml:space="preserve">磷酸一般可以分为哪些种类，或者说多少浓度，在一般的化工店有没得卖? </t>
  </si>
  <si>
    <t xml:space="preserve">磷酸一般分为工业级和食品级两类。当然还有用于实验的化学试剂磷酸。工业级用于制造各种磷酸盐，金属表面磷化处理，印刷业用作清洗剂，染料及中间体生产用的干燥剂，金属防锈剂；食品级可用作酸味剂和酵母的营养剂。指标如下：                   工业级            食品级 磷酸（H3PO4）%      85.00             85.00 砷（As）%          0.0001             0.0001 铁(Fe) %            0.002　            ----  重金属(Pb)%        0.001              0.001 氟化物(F)%         ----              0.001 氯化物（Cl-）%     0.0005            0.0005 硫酸盐（SO42-）%   0.005             0.005    工业磷酸和食品磷酸（桶装）可到当地的化工有限公司购买，化学试剂（瓶装）磷酸到化学试剂批发站购买，至于价格不是很贵。 </t>
  </si>
  <si>
    <t xml:space="preserve">如何设置小美博客这样的头图？小美博客的头图真漂亮，蛋蛋妈太笨不会 </t>
  </si>
  <si>
    <t>点“风格”然后“自定义风格”，然后“头图”然后“自定义头图”，然后上传您已经做好头图图片，高度最好是300。然后再根据那里的提示调整位置就行了。慢慢摸索一下，您肯定行的</t>
  </si>
  <si>
    <t xml:space="preserve">民国开国银元市价能卖多少钱？就是正面有孙中山像的开国纪念币，面值 </t>
  </si>
  <si>
    <t>150-300元之间，收藏品的价格没有定数，只能是按照市场行情来参考。一块银元的金属价格，不应该低于100元。何况还是有收藏价值呢！</t>
  </si>
  <si>
    <t xml:space="preserve">电脑内存感染了病毒怎么办?我的电脑明明安装了2007版的江民杀毒 </t>
  </si>
  <si>
    <t xml:space="preserve">有可能中了木马病毒首先,将系统还原,关闭.我的上点右键,选择属性.系统还原,选项.选上,在所有硬盘上关闭系统还原.然后可以在爱问的共享资料中下载:木马克星免费杀木马软件.解压后,运行文件夹中的“注册.reg”文件，导入注册表,即注册完成.然后,运行文件夹中的iparmor,木马克星主程序,可以了.就可以了. 可以在爱问的共享资料中下载:木马查杀工具-杀马Defendio实时防护、全面杀除超过110,000种木马/间谍/蠕虫/广告/恶意软件，包括内存、注册表、网络和文件扫描，包括文件系统、系统进程、系统内存等系统实时防护，支持NTFS数据流、Zip/GZip/Tar/Rar/Cab/Jar等压缩格式格式、Zip/Cab/RAR生成的可执行自解压格式、CHM(压缩帮助文件)、邮件(EML)和邮箱(Outlook/Foxmail)等。下载以后,解压缩,运行文件夹中的defendio然后 ,点击左上方的扫描,点所有硬盘,全部选择上.包括注册表,系统区,所有硬盘等等.就可以了免费的木马查杀工具.爱问共享下载: 多特网下载: 最后可以安装windows清理助手.(推荐使用）可以清理各种恶意程序.流氓软件,木马等.爱问共享资料下载地址: 官方网站地址: 对系统进行扫描一下.如果不行的话将C盘进行格式化.再重新安装系统.安装所有的系统补丁(可以安装奇虎360安全卫士,来进行系统漏洞扫描,它可以修复漏洞,并下载安装系统补丁),然后安装杀毒软件.最好是做完系统以后,用ghost,做个系统备份,以后可能用它,恢复系统).奇虎360安全卫士简介它可以清除恶意软件,恶意网站,及恶意插件和木马.还可以扫描系统漏洞.并安装系统补丁等等.是一个不错的电脑维护软件.奇虎360安全卫士下载地址:官方网站: 爱问共享资料: </t>
  </si>
  <si>
    <t xml:space="preserve">能帮我吗我和老公结婚十年了，我们有一个可爱的儿子今年7岁了，但是 </t>
  </si>
  <si>
    <t>面对这样的一个对婚姻不负责任的男人，你还有什么割舍不下的呢？</t>
  </si>
  <si>
    <t xml:space="preserve">中国国家队(足球)在欧洲的徒弟是哪支欧洲球队是一支强队 </t>
  </si>
  <si>
    <t>意大利，它和中国足球的打法如出一辙，防守反击已经玩得赏心悦目</t>
  </si>
  <si>
    <t xml:space="preserve">小学英语教育专业是属于小学教育专业还是属于英语专业? </t>
  </si>
  <si>
    <t>英语教学专业</t>
  </si>
  <si>
    <t xml:space="preserve">生物题8人类遗传病中，抗维生素D性佝偻病是由X染色体上的显性基因 </t>
  </si>
  <si>
    <t>C</t>
  </si>
  <si>
    <t xml:space="preserve">如何预防强排热水器会漏电 </t>
  </si>
  <si>
    <t>防漏电的方法    1、怕电热水器漏电，将一根电线把墙和喷头连上，是否可以防止漏电？这种做法基本没有什么效果。    首先热水器漏电与否取决于热水器本身，不在于你是否连接了热水出口和墙面、地线等。    其次，因为不能保证在你洗澡时，你的浴室墙面电位和你的身体电位一样，如果你的身体电位低于墙面电位，那么如果热水器漏电的话，电流会先从人体通过，造成触电危险。    如果你的浴室内有等电位连接端子，则可以从其中引出一根导线连接到热水器的出水口金属连接处，这样当热水器漏电时，电流会从连线处流走，从而保护人身安全。    等电位连接的原理是将整个建筑的金属部件连接在一起，并在建筑物室内留出接口（同长设置于浴室、厨房等潮湿易触电的地方），这样整个建筑的各处电位都是一样的，当人在浴室内洗澡时，（潮湿的）人体的电位和整个浴室各处的电位都相等，因此即使漏电人体通过的电流也不会超过危险的电流。    2、选用正规厂家合格的产品    3、根据要求合理的安装（特别是接地线及专用线路）    4、选用合格的配件（电线、插座等）    5、采取一定的保护措施（安装漏电保护器、洗浴时切断电源）    6、按照说明操作    7、定时检修    8、热水器寿命一般只有6-8年，国家规定热水器寿命一般是6-8年，随后就自动报废。根据质量、使用频率和保养好坏，这个年限会稍有波动，所以请使用已到报废年限热水器的家友们要留神了，最好打个电话让专业人员上门检修，避免因为疏忽、勉强使用而导致安全隐患。比方说，电机用久了会出现接头松动，会有短路的危险，漏电保护开关在特殊情况下也会失灵。    9、购买热水器应注意的事项    目前市场上安全概念五花八门，厂家直销员也各说各有理，到底什么是安全热水器，实在分不清。其实，根据国情选择才是关键，特提出以下选择建议：    第一步，要看能否防自内向外的漏电，即是否带有漏电保护器。因为漏电保护器可有效防止机器电器件漏电，即由内向外的正向漏电，在0．1秒内漏电16mA就会自动跳闸。漏电保护器一般有电源线外接式和机器内置式两种。一般来讲内置式更灵敏一些。但要记住漏电保护器仅能防正向漏电。    第二步：要看能否防自外向内的漏电，即是否带有防地线漏电的“防电墙”装置。由于厂家都没有解决地线漏电的技术难题，所以商家避而不谈地线漏电或者因为您没有亲身体验而轻描淡写，实际上你不知不觉被“剥夺”了消法赋予的知情权。而恰恰地线漏电比电器件漏电更经常发生，比如近期沈阳、天津等地均有相关伤人报道。地线带电是由外向内带的逆向漏电，更有隐蔽性，一般由于各种电器间电线相连，邻房乱接线、插座火线脱落等问题引起。这种逆向漏电，所有的漏电保护器都不能防而失效。因此这一步最为重要，须选购具有防地线漏电的“防电墙”技术产品。总之，选择热水器不要轻信宣传，只要按以上两步验证，相信你买回的热水器肯定是安全的，可放心的。    10、发生漏电了怎么处理    立马关闭电源，拔下插头。小心因水流而导致触电。如果卫生间内地板有水尽量不在里面拔插头，应该把总开关关了后再去拔。本文来源于我爱我家网, 原文地址为：http://www.525j.com.cn/zhishi/zxzs/20130711153017701.shtml</t>
  </si>
  <si>
    <t xml:space="preserve">男人穿牛仔裤也会导致不孕吗 </t>
  </si>
  <si>
    <t xml:space="preserve"> 没 事, 我 从 青 年 便 穿 此 裤 至 今, 一 切 正 常. 并 儿 孙 满 堂!</t>
  </si>
  <si>
    <t xml:space="preserve">学安全网络要看什么书？对与一个初级的学者学习计算机网络安全技术需 </t>
  </si>
  <si>
    <t>楼上的回答好像不太相干，像一些专业看起来很热但并不好找工作，比如说法律学网络安全当然先要了解网络的基础知道了，所以看像 internet基础教程 比较好，书店里这种书多的跟山一样，而且大同小异，因为是比较基础的东西，所以好多书都是互相抄袭，但书中的知识是假不了的。楼主只要看哪个书讲的比较详细，最好是配插图的那种就好。不过就我个人的学习经历来看，我所学的网络知识大都是自己在上网的过程中摸索出来的，基本没买什么书，虽算不上高手但绝对不是菜鸟，我们班同学计算机出了问题大都是找我的，嘿嘿！</t>
  </si>
  <si>
    <t xml:space="preserve">安庆治疗癫痫病哪家医院较好？ </t>
  </si>
  <si>
    <t>医院提醒：看癫痫病，最好还是到专业、正规的癫痫病医院进行系统诊治。要看医院是否具有精湛的治疗技术的专业医疗团队，是否具备有高、精、尖的一流诊疗设备，是否有较高的口碑以及信誉，如果具备这些，只要患者积极配合专家治疗，就会达到较高的治愈率和理想的疗效。应避免劳累,保证充足的睡眠,成人至少保证每天睡眠7~9小时,儿童至少8~16小时.参加适量运动,如散布、慢跑、羽毛球、网球、乒乓球等，不能参加游泳、登山、跳水等运动，也尽量不骑自行车，防止发作时摔伤，或出现交通事故;少看电视，禁止玩电子游戏。治疗癫痫要到正规的医院治疗。大多数癫痫药物都有抗癫痫的作用，药物只是通过下降大脑神经兴奋性来起到抗癫痫的作用，而不能起到激活细胞的作用，而且长期服药会导致血药浓度过高，不但无法控制发作还会增加发作回数，没每发作一次脑细胞受损一次。医院提醒：不要乱投医，正规的治疗在癫痫病恢复的整个病程中起到重要作用。癫痫并非不治之症，也非几天就能治愈的简单病症。要想做到真正意义上的治愈癫痫，就必须重视癫痫的正规治疗。癫痫未经治疗，5年自发缓解率在25%以上。经正规抗癫痫治疗60%-80%癫痫病人完全控制发作。控制3-5年后，特发性全身性癫痫复发的机会较少。</t>
  </si>
  <si>
    <t xml:space="preserve">何谓证券交易公平原则 </t>
  </si>
  <si>
    <t>公平原则在证券活动中主要体现为:公平的市场准入和市场规则,平等的主体法律地位,以价值规律和供求关系为基础的.</t>
  </si>
  <si>
    <t xml:space="preserve">怎么感觉澳超比中超还惨啊，好像没一个出线的，呵呵！ </t>
  </si>
  <si>
    <t>他们是来度假的，再说澳超球队实力真不乍得。好的本土球员都去欧洲了。越南的，印度的好像都有打主力的。前些时候中超过了气的球员也很多去养老。可想而知啦。</t>
  </si>
  <si>
    <t xml:space="preserve">现在什么歌好听?给我介绍下`` </t>
  </si>
  <si>
    <t>现在好听的歌很多啊，就看你喜欢听什么类型的歌了，比如我吧，喜欢听一些英文歌，如pretty boy、i want it that way....还有很多，另外你要是实在想不起来听什么歌，你可以去百度MP3里去看看，哪里有很多新歌，你还可以试听，每次我都是这样的，我相信一定有你喜欢的，祝你早点找到你喜欢的歌</t>
  </si>
  <si>
    <t xml:space="preserve">月?前的現象???月?前?惺颤N現象??有月?前分泌物?容^ </t>
  </si>
  <si>
    <t>有的女孩子月经前会乳房胀痛，腰酸，脸上长小痘痘，心烦意乱，就体个人情况会有差异。</t>
  </si>
  <si>
    <t xml:space="preserve">玛雅卷轴本身有没有等级之分？我70级，想买玛雅卷轴，但是不知道玛 </t>
  </si>
  <si>
    <t>卷轴是没等级之分的,但组的队伍等级差异不能超过10级.比如说你80级,那你组的最高等级只能是90级,最低是70级</t>
  </si>
  <si>
    <t xml:space="preserve">戒指内圈刻字问题内圈刻字可以刻上多少个字符啊，英文字符。能不能克 </t>
  </si>
  <si>
    <t>好像可以，不过刻太多的字，也对戒指有损伤，刻完了你的戒指重量肯定有所下降。一般都刻人名，英文简写的，简单的字。</t>
  </si>
  <si>
    <t xml:space="preserve">BOSS刷新规律通天教主和逆魔多少小时刷新一只啊?刷新有没有规律 </t>
  </si>
  <si>
    <t>对从尸体小时算4个小时1个这就是规律~!</t>
  </si>
  <si>
    <t xml:space="preserve">癫痫病中医治疗和西医治疗哪个好 </t>
  </si>
  <si>
    <t>针对中药和西药，我们应该具体情况具体分析，才能更好的治疗癫痫病，因为没种药物的效果不一样，根据不同的病因，进行对比，最终确定一种适合的方法，才能收到比较理想的治疗效果。针对癫痫病的中药治疗，相信有些癫痫病患者或许尝试过，其实任何药物治疗对应的病，都有其副作用，我们可以通过一些方式，尽量把副作用降到最低。当然，癫痫病也不例外，作为癫痫病患者，我们应该找准自己的得病原因，选择适合的治疗方法，才能更快治愈癫痫病。治疗癫痫病中医比西医治疗效果好.中医对慢性疾病的治疗比西医好。中药是来源于大自然，它副作用比西药少得多，而且可以长期服用也不会对身体造成损害。</t>
  </si>
  <si>
    <t xml:space="preserve">斯特冈上市很久了，有没有人用过斯特冈喷剂？ </t>
  </si>
  <si>
    <t>朋友前些天给推荐的，效果很好的</t>
  </si>
  <si>
    <t xml:space="preserve">今天要看什么电影？魔戒怎么样？？？求推荐？？？ </t>
  </si>
  <si>
    <t>魔戒不错，让子弹飞也挺不错的</t>
  </si>
  <si>
    <t xml:space="preserve">中国的情人节就快到了，大家都怎么过啊?有情人的?没情人的? </t>
  </si>
  <si>
    <t>爱对了人天天都是情人节！：）</t>
  </si>
  <si>
    <t xml:space="preserve">侠客的真元有什么用啊？ </t>
  </si>
  <si>
    <t>提升技能等级</t>
  </si>
  <si>
    <t xml:space="preserve">怎么样才能打败重楼？ </t>
  </si>
  <si>
    <t>要是你的防御力和攻击力不高,就用烟月神镜,反弹伤害的.你即使攻击力为0,只要你的镜子够多，也照样让他死.此镜只有在鬼界和天上的商店才有卖噢,别错过了,否则只能景天偷了,在海底城那个镜子怪有得偷,(好象还有哪里,忘了,呵呵)要想玩乐趣.而且你的防御力和攻击力还可以,就使用吃神机四区丸或丢软骨浆。打他一定要算好时间和速度,景天最好佩带上加速度的装备,如阴身符+1的速度,配两个,还有去渝洲开当铺去,可以收购到加属性的药,到时候可以加速度,运气(躲开攻击的几率加大).你的速度比他快时就来得急加血,攻击时用法术结合&lt;倾国银波单&gt;比较好,一次大致能杀600-1000点血.但用法术一定要算好时间,否则就用"单".</t>
  </si>
  <si>
    <t xml:space="preserve">求室内设计的设计说明，急啊~谢谢了.马上就要叫作业了跪求室内设计 </t>
  </si>
  <si>
    <t>你要把图传过来我才好据你的图来写呀。我是做室内设计的。工程与居家的设计说明常写呀。你只要把你的设计思想表达出来即可。</t>
  </si>
  <si>
    <t xml:space="preserve">没有多角色操作时间了什么时候能买道具？？系统给的8小时不够用啊， </t>
  </si>
  <si>
    <t>大家都在 等开道具商城,急啊</t>
  </si>
  <si>
    <t xml:space="preserve">高手进,天演图问题?天演图乘胜追击,召唤兽0级能学吗?要是不能, </t>
  </si>
  <si>
    <t>学不了 守护3转140级才能学</t>
  </si>
  <si>
    <t xml:space="preserve">女近战冰冻形机体练什么武器好我原来练的练矛的中型机体太丑了,我想 </t>
  </si>
  <si>
    <t>姑娘家的机体，苗条，摇曳生姿，赏心悦目，掌起185级的CS武器，无论哪一种都会好看的；如果是185级以下的武器，还是选单手剑吧，不过要多支出一个盾牌的费用。机体中，远战男机体和近战女机体最好看。中型机体最难看。</t>
  </si>
  <si>
    <t xml:space="preserve">集成显卡花屏死机！！！我的主板是微星K8NGM2(C51)显卡偶 </t>
  </si>
  <si>
    <t>一般说来，花屏主要是由于显存问题而引起的，既然板载显卡没有显存，那就看看是不是内存出毛病了；如果换了内存问题依旧，那就是主板的内存控制出毛病了，那就找微星了，微星的主板可是三年保的。</t>
  </si>
  <si>
    <t xml:space="preserve">为什么古代的酒存放越久越好，现在的酒有保质期 </t>
  </si>
  <si>
    <t>在人们的印象中，酒，尤其是白酒存放得越久味道就越香，事实真的如此吗？省酿酒协会的有关人士说，不是所有的酒都可以无限期地存放，如黄酒、葡萄酒、红酒、果酒等都有保质期，过了保质期还是不喝为好。另外，真正的“陈年酒”是指在密封的酒桶中酿造存放的酒，而不是家里用瓶密封的酒，装瓶后的酒最好在三年内喝完，存放时间过长即使不变质，也会产生酒精度降低、酒味变淡等品质下降的问题。所谓酒没有保质期是一种误传。酒在酒窑里或橡木桶里，是时间越长越好，但是出厂之后，保存条件和在酒窑里或橡木桶里都不一样了，实际上都有保持期的。 啤酒保质期是3个月，开瓶之后，当天必须喝完；红酒、葡萄酒等保质期较长，有的干红葡萄酒可以放置10年左右；对于白酒，要看酒精度与厂家，品牌厂家所生产的40度以上的白酒时间放长点问题不大。如果是小酒厂生产的白酒，有的掺有香料、香精与酒精，本身就不能喝，更谈不上保质期了。对于“越陈越香”的说法，是指在密封的酒桶中酿造存放的酒，装瓶的酒时间长了味道可能会变淡。</t>
  </si>
  <si>
    <t xml:space="preserve">我是50级的豪杰，缺弓符、飞符、装备、武器，反正都缺。呵呵，请问? </t>
  </si>
  <si>
    <t>缺钱吗？不缺的话，用钱买符，先转兵。如果缺欠，就去潼关挂符，还是比较好出的，最好带个弩车，加1刀1枪1弓一飞，你的这些小兵是2 转的吗？不是的话，就带2 倒2 枪一弓一飞加一弩车，你的统是多少，我53级时能带个弩车2  大刀2长枪和一个飞刀（我连的统体型的豪杰），在潼关的做好给别人枪怪的准备，人太多了。。</t>
  </si>
  <si>
    <t xml:space="preserve">插件问题^美服那些做的视频里玩家用的是什么插件啊,很好看啊，方框 </t>
  </si>
  <si>
    <t>这些都是整合插件的其实大脚也一样可以把技能设置成大方块的形状 里面全是技能需要自己设置下</t>
  </si>
  <si>
    <t xml:space="preserve">老公不愿和我过性生活，假如是他有外遇的话，怎办离婚多不好，儿子太 </t>
  </si>
  <si>
    <t>这有很多情况的.可能是他工作很忙,回家没有兴趣了.想睡觉.也可能是你们感情出点问题了,(这种情况是看你们最近夫妻感情好不好的了).还有一种是他最近可能身体出问题,比如阳痿等.但是这种情形的几率不太可能.如果上面的都排除那么就只有一种可能,就是外面有情人了,而且是非常的好,很专一.不然不会不碰你的.如果有外遇,那么就直接说明,因为你们是夫妻,你一定要主动,因为你们才是合法的,你要理直气壮的说服他.以孩子和以前的感情为依托,相信自己可以的,发现早还来的及,时间越长越危险.以上仅供参考.我是一名法学咨询者.有缘碰到你 ,给你谈谈我的看法.</t>
  </si>
  <si>
    <t xml:space="preserve">GT赛车今年GT赛第一站是中国珠海站，是3月几日？都有哪些车量参 </t>
  </si>
  <si>
    <t>FIA GT？北京时间2006年12月18日，FIA GT（国际超级跑车锦标赛）公布了2007年的竞赛日历，中国珠海站在暂别一年后重新回到赛历，并且成为该项国际大赛的揭幕站。全年比赛从3月25日开始，到10月21日结束。　　珠海站后，GT将在欧洲重燃战火，其中第六站将是著名的斯帕24小时耐力赛，最后一站的比利时Zolder赛道曾被传闻将做为揭幕赛事，国际汽联将揭幕站放在中国，也是考虑到了中国地区赛事的影响力。　　2004年珠海第一次举办FIA GT，是作为收官站，当时吸引了5万现场观众，通过澳亚卫星，向全球30个国家传诵直播信号，2005年珠海再次耗费巨资举办赛事，积累了丰富的承办经验，2006年因为考虑到和珠海航展的日期冲突，经过与FIA GT协商，将比赛推迟到了2007年初举办。这也是为什么，揭幕站和第二站相隔了六个星期之久。　　珠海经过去年一年的筹备，在赛事宣传、招商方面已经显现出比较好的苗头，新飞集团将作为FIA GT珠海站的副冠名商，而主赞助商的谈判进行的比较顺利，有望在明年年初揭晓答案。　　附：FIA GT全年赛事表　　1. 25/03/2007 中国珠海赛道　　2. 06/05/2007 英国银石赛道　　3. 20/05/2007 罗马尼亚布加勒斯特赛道　　4. 24/06/2007 意大利蒙扎赛道　　5. 08/07/2007 德国奥舍斯莱本赛道　　6. 29/07/2007 比利时斯帕赛道　　7. 08/09/2007 意大利亚的里亚赛道　　8. 23/09/2007 捷克布尔诺赛道　　9. 30/09/2007 法国诺加罗赛道　　10.21/10/2007 比利时Zolder赛道车型有：法拉利、阿斯顿－马丁、兰博基尼、保时捷、玛莎拉蒂、科尔维特</t>
  </si>
  <si>
    <t xml:space="preserve">请教福科斯高手!我用福科斯跑锦标,请问加不加转向，加几度的?我刚 </t>
  </si>
  <si>
    <t>建议用黄金的4度...注意啊...是黄金的!!</t>
  </si>
  <si>
    <t xml:space="preserve">请问JMM你们是怎么吃钙片和维生素片的？我怀孕5个月了,现在每天 </t>
  </si>
  <si>
    <t xml:space="preserve">我每天一粒玛特纳和一粒乐力钙片，很好，微量元素不缺，腿也没抽筋，其实平时吃的也要多元化。 </t>
  </si>
  <si>
    <t xml:space="preserve">什么是射流技术？现在还有应用吗？ </t>
  </si>
  <si>
    <t>射流技术（fluidics） 一项自动控制技术。在压力作用下从喷嘴喷射出来的气流或液流称为射流。利用射流中的某些物理现象例如卷吸现象、附壁效应等做成不同功能的射流元件，和辅件组成控制线路，使射流的方向改变，可以达到自动控制的目的，例如自动切换、时间程序控制、行程程序控制等。 优点是： （1）结构简单，操作安全，成本低，见效快； （2）不受各种辐射、电磁波的影响，并具有抗腐蚀、抗震、抗爆和耐高低温等特点，适于在各种环境下应用； （3）射流元件可以做得很小，并和电子技术一样可以实现集成化。缺点主要是：反应动作比电子元件迟钝，且不能遥控。广泛应用于化工、石油、机械、电力、冶金、纺织、船舶、仪表和国防等工业方面。</t>
  </si>
  <si>
    <t xml:space="preserve">21~30级可携带宠物啥 </t>
  </si>
  <si>
    <t xml:space="preserve"> 1~10级        可携带宠物：【大青虫】【壁虎】【荆棘龟】【鲤鱼精】【强化壁虎】  11~20级        可携带宠物：【孤魂】【野鬼】【强化野鬼】 21~30级        可携带宠物：【巨熊】【黑蜘蛛】【毒蜘蛛】【强化巨熊】  31~40级        可携带宠物：【草精】【花妖】【树精】【岩石精】【尘土怪】  41~50级        可携带宠物：【巨钳蟹】【珊瑚妖】【深渊藻】【强化珊瑚精】   </t>
  </si>
  <si>
    <t xml:space="preserve">小问题要是没有人回答，我撤销问题，悬赏的分，是扣除还是还给我要是 </t>
  </si>
  <si>
    <t>没人回答的时候，要是你撤销，不扣分，悬赏分返还。有人回答了的话，你要撤销，悬赏分扣除，还要再扣20分。没有满意的回答的话，别撤销，省得倒扣20分，等过期后爱问管理员给你选。只扣悬赏分。</t>
  </si>
  <si>
    <t xml:space="preserve">为什么爱掉头发吃什么能减少脱发 </t>
  </si>
  <si>
    <t>治疗脱发食疗方 脱发的病因多而复杂，但最常见的是脂溢性脱发，多见于青壮年男子。原因是皮脂分泌过多，发乳头堵塞，局部发生炎症而引起，可能与维生素缺乏，脂肪代谢障碍、精神刺激等因素有关。脂溢性脱发多发生于前头及颅顶部，表现为毛发均匀性稀疏，有的变为秃顶，常有脱屑和不同程度的瘙痒。 辨证治疗 阴虚型 [临床表现] 脱发心烦、心悸失眠、头晕眼花、腰膝酸软，舌质红，苔少，脉细数。 [食疗药膳] 1．菠菜黑芝麻酸枣仁粥：菠菜100克(洗净切碎)，黑芝麻20克，炒酸枣仁15克(研末)，粳米100克，共煮粥，熟时调料食用。 2．芹菜黑豆汤：芹菜30克，黑豆30克，桑椹子20克，山楂肉 15克，水煎熟服食，每日2次。 3．酥油蜜粥：酥油20克，蜂蜜30克，粳米100克。先将粳米加水适量煮粥，待沸后加入酥油和蜂蜜，粥熟即可服用，每日1次，连月服5—7日。 血瘀型 [临床表现] 脱发头痛，面色黯晦，舌质黯红或有瘀点，脉沉细。 [食疗药膳] 1. 槐花柏叶丹皮粥：槐花50克，侧柏叶15克，丹皮10克，粳米100克，冰糖30克。将槐花、柏叶、丹皮加水煮30分钟去渣，再入粳米，待米半熟时入冰糖，至熟食用。每日1次，连服10日。 2．桃仁川芎黑豆汤：桃仁10克，川芎10克，黑豆20克，将桃仁打碎，川芎用纱布包裹和黑豆一起水煎煮熟，加适量冰糖，饮汤食豆。每日1--2次。 乌发食疗方精选-乌发汤 〖 来 源 〗： 民间药膳方 〖 原 料 〗： 熟地、怀山药、菟丝子、核桃仁各3 克，丹皮、泽泻、天麻各1.5 克，枣皮2 克，当归、红花、侧柏叶各1克，制首乌、黑芝麻、黑豆各5克，羊肉、羊骨各500克，羊头1个，葱、生姜、白胡椒、味精、食盐各适量 。 〖 制 作 〗： 1.将羊骨、羊头打破。羊肉洗净，入沸水中氽去血水，同羊骨、羊头一起放入锅内（羊骨垫底＝陨弦┪镉蒙床即昂迷艨冢湃牍冢⒎湃氪小⑸桶缀罚铀柿俊?2.将锅置炉上，先用武火烧开，撇去浮沫，捞出羊肉切片再放入锅中，用文火炖1.5小时，待羊肉炖至熟透，将药包捞出不用。 〖 用 法 〗： 服用时，可加入味精、食盐等调料。吃肉喝汤，每日2次。 〖 功 效 〗： 滋肝补肾，补血养气，乌须发。适用于肝肾不足、血虚风燥的脱发、头发早白等症。 产后脱发食疗方 大中华脱发防治中心 editor 2004-5-20 产后脱发是妇女在产褥期较易出现的一种症状，除了注意休息、保证睡眠外,辅以食疗，对于防治产后脱发，效果颇佳。 龙眼人参炖瘦肉：龙眼肉20克，人参6克，枸杞子15克，瘦猪肉150克。先将猪肉冼净切块，龙眼肉、枸杞子洗净，人参浸润后切薄片，全部用料共放炖盅内，加水适量，以文火隔水炖至肉熟，即可食用。每日1剂。此方大补元气、养血生发，适宜于妇女产后气血亏虚而引起脱发者食用。 枸杞黑豆炖羊肉：枸杞子20克，黑豆30克，羊肉150克，姜、盐适量。先将羊肉洗净切块，用开水氽去腥味，再将枸杞子、黑豆分别淘洗干净，与羊肉共放锅内，加水适量，武火煮沸后，改用文火煲2小时，加入调味精即可食用。每日1剂。 以上各方均有补益肾气、养血生发之功效，适宜于妇女产后肾气不足、精血亏虚而引起脱发者食用。 摘自《当代健康》 润发泽乌-首乌羊肉生发汤 背景 白色浅粉浅绿 字号 101214 滚屏 〖 原 料 〗： 何首乌50克，杜仲15克，粟米200克，核桃4个，羊肉300克，红枣（去核）4枚，生姜2片，食盐适量。 〖 制 作 〗： 核桃去壳，取仁，保留红棕色核桃衣。杜仲、何首乌、粟米、羊肉、生姜片和红枣用清水洗净。沙锅内加入适量清水，煮至水沸后，放入以上全部原料，用中火煲3小时左右，加入食盐即可。 〖 用 法 〗： 佐餐食用，每日1～3次，每次150毫升～200毫升。 〖 功 效 〗： 补肾益精，生发乌发。对血气不足引起的毛发脱落、小便频数、女子月经不调均有疗效。 润发泽乌-养颜生发汤 背景 白色浅粉浅绿 字号 101214 滚屏 〖 来 源 〗： 民间食疗方 〖 原 料 〗： 核桃仁50克，茯苓50克，白芨30克，黄豆30克，芡实 20克，猪瘦肉60克。 〖 做 法 〗： 将上料洗净，猪瘦肉切小块，同放人砂锅内，加清水适量，煎至猪瘦肉熟烂为止。饮汤，吃猪瘦肉。每天1料。 〖 功 效 〗： 补益脾肾，美颜健体。用于脾肾亏虚及年老体虚、容颜憔悴。</t>
  </si>
  <si>
    <t xml:space="preserve">有没有全部的卫星地图?官网的卫星地图有什么中立地带,某城镇的.有 </t>
  </si>
  <si>
    <t>3章好像有</t>
  </si>
  <si>
    <t xml:space="preserve">头发太长弄什么发型好看 </t>
  </si>
  <si>
    <t>可以做个韩式大卷，很漂亮</t>
  </si>
  <si>
    <t xml:space="preserve">猎人武器问题!我的猎人号这一星期拿了两把武器,现在不知道该用哪个 </t>
  </si>
  <si>
    <t>托尔贝恩 拾取绑定 双手 斧 358 - 537 伤害 速度 3.60 （每秒伤害124.3） +39 敏捷 +58 耐力 红色插槽 蓝色插槽 镶孔奖励: +6 攻击强度 耐久度 120/120 需要等级 70 装备: 攻击强度提高94点。 “你认得这把斧头……” 金洛斯，末日的启示者 拾取绑定 双手 剑 380 - 570 伤害 速度 3.70 （每秒伤害128.4） +49 耐力 耐久度 120/120 需要等级 70 装备: 增加攻击速度等级 45点。 装备: 攻击强度提高120点。 托尔贝恩攻击强度比金洛斯，末日的启示者要高,还有2个洞,我选托尔贝恩攻.如果你身上的装备也堆了加速,显然金洛斯，末日的启示者更值得选择.</t>
  </si>
  <si>
    <t xml:space="preserve">使用住房公积金买房后如果辞职或换工作后没有消公积金的话，会不会牵? </t>
  </si>
  <si>
    <t>不会牵涉违法问题，这很正常。跟诚信也不挂钩的~~</t>
  </si>
  <si>
    <t xml:space="preserve">下载的网络电影和网络电视是可以免费看的？ </t>
  </si>
  <si>
    <t>只要你能下载下来看的都是免费了,收费的在你下载前就会提示你付钱的,能下载就免费!</t>
  </si>
  <si>
    <t xml:space="preserve">我不知道怎么学好英语，我想知道。 </t>
  </si>
  <si>
    <t>方法、四级应试技巧 （一） 平时英语学习（即英语四级的准备阶段） 1、端正心态，给自己信心 “有志者事竟成”,即使你英语很差，也要相信你能行。 2、英语词汇记忆 词汇的重要性不言而喻，CET-4里面有专门一部分“语法与词汇”考学生对词汇的掌握程度，其实整个英语试卷都是对学生词汇掌握程度的考核，“听力”、“阅读理解”、“完刑填空”和“写作”，每一样都离不词汇。词汇就如同万丈高楼的每一块砖石，是立基之本。 （1）、词汇记忆法，许多同学都是从A开始记，过了几天又觉得前面忘了，或不清楚记到哪里，然后又从A开始，致使次会表前面部分词汇很熟，但后面就相对生疏。建议大家采取快速记完一遍，不管是否牢记，完成到Z后然后反复过来从A开始，这样背过几遍后，再将其中不易记忆的词汇划出来重点记忆，效果会更好。 （2）、许多学生认为四级考试就只记忆词汇表中标出的四级词汇，这也是不正确的，其实四级试卷里面的“词汇与语法”以及“阅读理解”里面常常有考核利用前后一段话、或整段文章推测其中关键陌生词汇的意思。而这些词汇有可能就是六级要求记忆的词汇，如果已经知道该词的意思，自然准确率会很高，而且多记忆一些词汇，对阅读理解也很有帮助。所以建议大家提高一级记词汇，简单说就是考四级的要求记熟六级词汇。 （3）背单词要有技巧，一般情况下，早、晚记单词比中午效率高。词汇要反复看和背，词汇最好放到具体的语言环境（如具体的文章）中去记。 3、听力、作文很重要 现在的CET－4试卷总分为100分。其中“听力”20分、“写作”15分共35分；余下的“阅读理解”、“词汇与语法”、“完形填空”共65分，而我们平时通过各种模拟试卷反复练习的一般也主要是这65分的内容。如果35分的听力和写作平时不练，考场上靠侥幸的话，那么结果可想而知。 4、 练英语听力，心要静 做英语听力时，注意力要集中，切忌不可边听听力边看听力原稿，通常可以先看听力选项，然后猜测问题是什么，再听听力，听完看原文。如此反复，直到听懂。在平时训练中要力求听懂每一句，且听力要天天听。 5、听力使用复读级机 听力最好使用语言复读机，可以很方便的对没有听明白的词句反复听数遍，直到听懂为止，这是提高听力的一个最有效的方法，但相对教耗时间。 6、平时做英语练习不在多而在精。 这里的“精”主要是指题目的订正方面。准备一本错题集，主要记录你在练习中所犯的“经典”错误及一些不认识的单词、词组。 7、寻找合适的做题环境 平时作题选择类似于四级考试的环境，一套试题最好在一个时间段完成，不可分批完成，且最好选择教室等类似于考场的环境做题。 8、平时做题，做完时再对答案 千万不要边做题边看答案，做完一整套试题之后统一订正。 9、阅读理解每次不能只做一篇 阅读理解在四级考试中占有很大比重，因此一定要坚持多做阅读理解，而且不要一次只做一篇，最好四篇一起做。平时练习应尽量保证正确率，在保证正确率的前提下适当加快做题速度。 10、阅读中记单词 阅读理解中的生词记忆很重要，而且在一定的语言环境中对于出现率极高的应记住其常见用法，在阅读中扩大词汇量。 11、阅读理解订正最重要 阅读理解订正时，把正确答案的出处在原文中找出来，研究你做错的原因。其次，在一段时间后，把作错的题目拿出来仔细研究，看看你究竟在哪一种类型上的题目会作错，是细节题？还是推测题？还是归纳题？总结出来后，就要在你的薄弱环节加一加油，多多练习。 12、平时多读英文报刊、杂志 类似于《英语报》、《英语学习》之类的英文报刊对你的英语水平提高很有帮助。 13、作文要认真写 作文首先要克服写的恐惧和困难，针对每一套模拟题目给出的作文一定要认真写。这样会发现自己有哪些常用词汇和句型还很模糊，通过实际写作，可以逐一解决。当然最后一定要参看试卷后面附的范文示例，如果尽可能抄写多遍或大声诵读直至能默写出来，这也是提高写作能力的最有效的方法。 14、推荐“填空式作文”法 在此关键时刻，推荐使用“填空式作文”法（思马德丛书系列，图书馆可以借），每一种作文类型都有其固定的格式框架，在时间紧急的情况下，不妨背几种不同的作文框架。但平时应该注重知识的积累。 15、作文背短句 对于作文水平不太高的同学，干脆背些短句子，背一些典型的英语句子，比如谚语，效果将大大不同。 16、坚持每周一作 作文应坚持多练，最好每周写一篇不同类型的英语作文。写的多了，英语水平 自然也就会提高了。 17、针对弱项，强化训练 在平时学习中，应多做总结，分析自己的强弱项，便于强化专项训练。 （二）、英语四级考试应试技巧 1、听力 （1）、提前使自己进入考试状态。 （2）、利用听力开始前的时间浏览题目选项，揣测出题者心理，寻找听力时的兴奋点（指一些关键词、句）。 （3）、若第一题没听清楚，千万不要停留思考，立即进入下一题，以免造成恶性循环。 2、阅读理解 （1）、在规定时间内完成阅读理解（通常4篇，力求每篇不超过8分钟），必须提高速度。 （2）、先看问题，带有目的去看文章，对与题目无关的内容可略看甚至不看。 （3）、先总体把握全文，找主题句，通常是每段句首或句尾，然后再看问题，在原文中找答案（3）可对照 3、单项选择 （1）、对于语法题，在读题干时迅速在大脑中找出相关语法或固定结构用法再到选项中找答案。 （2）、对于词汇题，在看不懂选择项含义时，可选择比较、带入法确定答案。 （3）、对于不确定的题目，尊重你的第一印象。 4、完型填空 （1）、首先总体把握全文中心思想，找到主题、关键句。 （2）、类似于3中提到的方法对各小题仔细分析。 （3）、完型填空应注重前后的连贯，通常做完应回头再看一遍。 5、写作 （1）、英语四级考试中，最后半小时专门写作，此时试卷已经被收走了，所以你应立即调整情绪，进入写作状态。 （2）、根据题目所给的资料迅速在大脑中寻找思路，把大体纲要列在稿纸上，比如每段的首句，中心句。没必要写全所用句子，因为时间不允许。 （3）、根据纲要在答题纸上写作 写作过程应注意长短句的交替使用。但若长句使用没有把握，则应干脆写短句，这样可避免更多的语法错误。 （4）、作文一定要保证字迹清晰，给阅卷老师留下好的印象。 （5）、写完作文要静下心来查看一下你的作文，确保在细节方面不要出错！</t>
  </si>
  <si>
    <t xml:space="preserve">怎样成为发型师？一名优秀的发型师应该具备那些条件？ </t>
  </si>
  <si>
    <t>发型师必须具备的条件： 1、师必须遵循崇高的职业道德，培养高尚的情操，加强职业意志的锻炼。 2、美发师要有一定的的理论修养，牢固掌握有关美发专业理论各识，此外，还应掌握一些美学知识，不断提高鉴赏能力，以便高水平地为顾客设计并完成理想的时尚发型。 3、美发师不仅要有较深的艺术修养，正确的审美观点，而且要有高超的美发技巧和熟练准确的手法。 4、一个优秀美发师，在顾客面前要注重仪表美，工作时坚决估到，皮肤清洁，妆面淡雅柔美，发型美观大方，符合时尚，双手干净，指甲不宜过长，服装朴素大方，不穿奇装异服；脚着便鞋，步履轻盈，不穿高跟鞋，保持口腔清洁。 5、当然，除了仪容仪表之外，文明用语，服务态度，生活作风等都与思想修养相关联，对此，每个美发师必须引起高度重视。 美容师必须具备的条件： 1．熟练掌握美容专业技术。 2．身体健康，心理健康，并有一定的个人修养，有良好的仪表，仪容，工作时保持平静．愉快，乐观的心情，给人以安全，美好的感觉。 3．具有良好的卫生习惯，姿势优雅，动作敏捷，给顾客以信任感。 4．美容师要有不断提高技芑，虚心学习有进取心， 5．美容师语言要简练，吐字要清晰，声音要低而柔和。</t>
  </si>
  <si>
    <t xml:space="preserve">在哪用积分换东西啊?用手机,在哪能用积分换礼物啊? </t>
  </si>
  <si>
    <t>右上角，进入个人中心后，点积  分：兑换礼品,进入兑换平台。选择自己想要兑换的礼品，进行兑换。 并填写详细联系方式。</t>
  </si>
  <si>
    <t xml:space="preserve">领土战争什么时候开始? </t>
  </si>
  <si>
    <t>还在准备阶段，转服开放以后就快了</t>
  </si>
  <si>
    <t xml:space="preserve">我国最早的佛寺是 </t>
  </si>
  <si>
    <t>洛阳白马寺是我国最早的一座佛寺，有"中国第一古刹" 之称白马寺在洛阳市东12公里，初创于东汉永平十一年(公元68年)，距今已有一千九百多年的历史，我国最早的一座佛寺，被尊誉为中国佛教的"祖庭"和"释源"，有"中国第一古刹" 之称。传东汉明帝刘庄夜梦金神，从西而来，飞绕殿庭。于是，派十八人出使西域，拜求佛法， 在大月氏(今阿富汗一带)遇天竺(印度)高僧摄摩腾，竺法兰，得见佛经佛像。永平十年，汉使梵僧以白马驮载佛经佛像返洛，翌年建寺，遂以白马为名。唐代时规模宏伟，香火隆盛。明代嘉靖三十四年予以重修，大体上奠定今白马寺的规模和布局。现有面积约4万平方米。分布在南北中轴线上的主要建筑有天王殿、大佛殿、大雄殿、接引殿、清凉台和毗卢阁等；殿内造像以大雄殿内所存之元代干漆造像三世佛，二天将、十八罗汉最珍贵。此外还有元、明、清各代的泥塑像，唐、宋、元、明各代的经幢碑刻以及齐云塔、天竺高僧墓、焚经台等古迹。寺中的大佛殿内高悬一口大钟，洛阳八大景这一的“马寺钟声”即由此而来。据说每当月白风清之夜，更深人静之时，僧人杵击这只大钟，钟声会响遍方圆十里，经久不绝。更奇妙的是，由于音律相同，只要钟声一响，远在25华里之外的洛阳老城钟楼上的大钟也应声而和。每年元旦零时，都要在这里举行流传上千年的撞钟迎新年活动。</t>
  </si>
  <si>
    <t xml:space="preserve">小李80级练银刀升级快吗？本人75级陷阱想80以后洗点玩小李听说 </t>
  </si>
  <si>
    <t>要是为了升级相对还是陷阱比较快。如果你一定要洗的话，建议你在至少91再洗点。这样可以加满所有飞刀技能。（不包括追心，因为追心不对摄魂叠加可以考虑后加）。本人就是小李~~劝告你~晚点洗，洗成小李基本就是PK，好象没练级的机会</t>
  </si>
  <si>
    <t xml:space="preserve">钢琴脚下的2个踏板是干什么用得？是调音用得吗？什么时候才用得上这 </t>
  </si>
  <si>
    <t>看看这份资料：  踏板及其功用    在钢琴正面的底部，装有伸出琴壳外面的黄铜构件，这就是钢琴的踏板，也有人称为踏脚、踏瓣。根据钢琴的不同用途，设置有二至三个踏板。    右边的踏板叫做延音踏瓣，其主要作用是使弹琴时琴弦发出的音延续下去。弹琴时，手指弹下琴键，由杠杆机械的传递将手指弹键的作用力传给琴弦，使其振动发音。当手指离开琴键，这个发音就随之消失了。如果想让手指离开琴键以后，琴弦的音能延续下去，用脚踩下右踏板就可以达到目的。该踏板的作用还可以使没有进入工作状态的琴弦产生共鸣，从而增强音量并美化音色。    左边的踏板被成为弱音踏板。用脚踩下左踏板时，由于踏板机械的共同配合作用，能够使整套敲击琴弦的小槌朝琴弦靠拢一定距离，从而减弱了小槌击弦的作用力，导致音量变小、琴音减弱。    位于中间的踏板也是弱音踏板，通常被看作家庭用钢琴的特殊结构。踩这个踏板的时候，会使连接在支杆上面的毡条随之下降，挡在敲击琴弦的小槌和琴弦之间。弹琴的时候，小槌隔着毡条敲击琴弦，音量自然不如原来的大，音色也变得发暗。中间踏板所以被视为家用钢琴的特殊结构，是因为踩下这个踏板以后，还可以向左拨动，使其卡在档口上，离开脚的踩动以后仍然能够发挥弱音的功能。在家庭里，如果担心琴声太大而影响别人，就可以使用这个踏板。    有些专供演奏的钢琴，其中间踏板的主要作用是有选择地使个别琴弦的音得到延续。因此，这时的中间踏板就被称为选择踏板了。</t>
  </si>
  <si>
    <t xml:space="preserve">怎样才能让中小核心换大核心吖~??我找不到NPC.. </t>
  </si>
  <si>
    <t>去谢城那，地图上有个M（大师）的地方就是了</t>
  </si>
  <si>
    <t xml:space="preserve">老公今年有年假，准备四月份或者六月份出去旅游，去哪好呢？普吉岛？? </t>
  </si>
  <si>
    <t>如果不是的话价钱不会高的 我给你个价钱表 昆明、大理、丽江、香格里拉8日游一人2466就可以了。还有一个天鹅洞也很好玩喔 带你女友一起普吉岛为东南亚著名的度假胜地，享有“泰南珍珠”的美誉，她和芭提雅海滩一起，被称为泰国的“海上双珠”，又与清迈、芭堤雅及曼谷一起被誉为泰国的四大旅游中心。岛上有许多美丽的海滩、湛蓝而宁静的海水、天然壮观的洞穴，以及未受污染的大自然风貌，吸引着来自世界各地的、欲远离尘器的都市人，来此度假休闲。 马尔代夫位于印度洋宽广蓝色海域中，国土由上千个小岛组成，好似上帝抖落的一串珍珠。独特的地理环境，赋予马尔代夫宛若天堂的美。热情的阳光、缤纷的海洋、梦幻般的沙滩，将世界各地的游客吸引至此。 在马尔代夫1190个岛屿中，有87个以“一岛一饭店”的模式开发成度假酒店，设计师们在方寸土地之间发挥无尽想象，设计出美轮美奂的花园和梦幻般的水上屋。几乎与世隔绝的环境和舒适的酒店设施，众多的娱乐项目，无微不至的服务，吸引着那些只想抛开一切纷扰度过一个纯净假期的游客。</t>
  </si>
  <si>
    <t xml:space="preserve">想学习开网店.南京有没有人愿意教?我想学习怎么开网店.想认识这样 </t>
  </si>
  <si>
    <t>呵呵  我在淘宝做过首饰   满赚的   货源问题可以找我    那时侯常做批发</t>
  </si>
  <si>
    <t xml:space="preserve">到底在哪个页面买啊连看都看不到有如题根本就没找到永久套装在哪。。 </t>
  </si>
  <si>
    <t>这只能搜索，等上架已经卖完了。</t>
  </si>
  <si>
    <t xml:space="preserve">如何眼部美容整形更好 </t>
  </si>
  <si>
    <t>其实这要看方方面面了。根基你个人的 情况在做眼部整形。比如双眼皮、开眼角、眼袋、或者眼角的细纹什么的、这些都会使你的眼睛很漂亮，增加自信的。你可以去看看大连董萍的眼部整形，在眼部很出名。你可以去咨询一下或者去网站了解一下。</t>
  </si>
  <si>
    <t xml:space="preserve">谁有日本富士山赛道图? </t>
  </si>
  <si>
    <t>　　富士赛道全图</t>
  </si>
  <si>
    <t xml:space="preserve">日语一期工程的占地面积怎么说 </t>
  </si>
  <si>
    <t>初期工事（しょきこうじ）の建坪（たてつぼ）补充说明：【建坪】建物が地表を覆っている坪数。つぼ【坪】1.土地や建物の面積の?g位。1坪は約3.3平方メートル。（土地和建筑物的面积单位。一坪大约相当3.3平方米。）2.土砂の体積の?g位。1坪は約630立方メートル。立坪(りゆうつぼ)。（衡量沙土体积的单位。一坪大约相当630立方米。）</t>
  </si>
  <si>
    <t xml:space="preserve">哥哥姐姐们，有一道有趣的智力测试题。1.。。。。。。。。。用一笔 </t>
  </si>
  <si>
    <t xml:space="preserve">1.  o o o 　　o o o 　　o o o 2.三根绳，第一根点燃两端，第二根点燃一端，第三根不点 　　第一根绳烧完(30分钟)后，点燃第二根绳的另一端，第二根绳烧完(45分钟)后，点燃第三根绳子两端，第三根绳烧完(1小时15分)后，计时完成 </t>
  </si>
  <si>
    <t xml:space="preserve">掉２防１魔的绿螳螂能卖多少钱？自己练好吗？ </t>
  </si>
  <si>
    <t>自己练吧，卖不到很好的价钱，防掉多了，不一定就不耐打，高级了感觉不到的。</t>
  </si>
  <si>
    <t xml:space="preserve">为什么8不能用回车键作为射门键~~~SOS请各位大哥指点！ </t>
  </si>
  <si>
    <t>因为回车就相当于“确定键”，在修改控制键的时候如果按了回车，就相当于点了下面的“确定”</t>
  </si>
  <si>
    <t xml:space="preserve">怎么进不了游戏啊今天的游戏怎么不会更新了要，是不是代理公司倒闭了 </t>
  </si>
  <si>
    <t xml:space="preserve"> 进去玩了3小时就再也进不去了，看来这个游戏公司也差不多走到头了。</t>
  </si>
  <si>
    <t xml:space="preserve">猴子老捡箭怎么办谁有办法让猴子不捡箭又能捡练金药，请高手指点 </t>
  </si>
  <si>
    <t>最完美的方法是练个弓号!</t>
  </si>
  <si>
    <t xml:space="preserve">广发新的查询账户被锁定怎么办！？忘记密码被锁定了，要怎么处理！？ </t>
  </si>
  <si>
    <t>给基金公司的客服打电话95105828,他会帮你解决的</t>
  </si>
  <si>
    <t xml:space="preserve">哪里可以下载到谭盾的音乐?不仅仅要卧虎藏龙与夜宴！ </t>
  </si>
  <si>
    <t xml:space="preserve">米粉和奶粉是否可以混合一起~? </t>
  </si>
  <si>
    <t>可以的，我的孩子刚一岁多，从三个月开始就是奶粉和米粉混在一起喂，还是不错的，现在长的又白又胖，很讨人喜欢的。</t>
  </si>
  <si>
    <t xml:space="preserve">福州做人工流产要去哪个医院好？ </t>
  </si>
  <si>
    <t>一次的避孕措施没有做好，女性就可能会怀孕，怀孕了就想到要去做无痛人流，那出于对身体最好的保护，一定要去专业的无痛人流医院。一般正规的医院都可以做的。一些女性发现意外怀孕后为省钱私自进行药流，或到无证无照的小诊所去做人流，这样无形当中就给自己的生命安全埋下了隐患，所以女性一定要到正规医院接受正规手术，将伤害降至最低。一般的正规医院才有保障。人工流产一般的正规医院都可以做。</t>
  </si>
  <si>
    <t xml:space="preserve">蛟龙怎么+点啊？ </t>
  </si>
  <si>
    <t>有群法的话就4法1耐，没群法但有个单法的话也可以这样加，也可以练个血的，看你个人意愿了哈。</t>
  </si>
  <si>
    <t xml:space="preserve">小六是怎么写自己签名的？hoho </t>
  </si>
  <si>
    <t>画了一只燕子，然后一个小于号，在是“6”</t>
  </si>
  <si>
    <t>佳能17</t>
  </si>
  <si>
    <t>没有明显的差别，关键在于正确的使用！</t>
  </si>
  <si>
    <t xml:space="preserve">小时代这部电影主要是围绕什么来发展情节的？ </t>
  </si>
  <si>
    <t>几个有着不同人生观，价值观的人走到一起，一起经历一些事，度过人生中最精彩的时间。其实也就是反映了我们当代年轻人的一些个性，一些故事，一些感慨。（如果你对我的答案还满意，那就帮我点个有用吧，谢谢你的采纳，爱你哦亲！）电影《小时代》根据郭敬明同名小说《小时代》改编，由郭敬明编剧及导演，由被誉为“台湾偶像剧教母”柴智屏监制，安晓芬与崔震东制片，人气影星杨幂、柯震东、郭采洁等领衔主演。该片以经济飞速发展的上海这座风光而时尚的城市为背景，讲述了林萧、南湘、顾里、唐宛如四个从小感情深厚、有着不同价值观和人生观的女生，先后所经历的友情、爱情，乃至亲情的巨大转变。电影将分二集公映，分别定名为《小时代》、《小时代2：青木时代》，两片分别于2013年06月27日与2013年08月08日上映。以经济飞速发展的上海这座风光而时尚的城市为背景，讲述了林萧、南湘、顾里、唐宛如四个从小感情深厚、有着不同价值观和人生观的女生，先后所经历的友情、爱情，乃至亲情的巨大转变。在一个宿舍朝夕相处的四个女生，开始了找工作实习的忙碌生活，面对巨大生存压力，在看似平静的校园生活相继发生着让她们措手不及、不知如何面对、抉择的事情。希望我的回答对你有用。您好，以经济飞速发展的上海这座风光而时尚的城市为背景，讲述了林萧、南湘、顾里、唐宛如四个从小感情深厚、有着不同价值观和人生观的女生，先后所经历的友情、爱情，乃至亲情的巨大转变。在一个宿舍朝夕相处的四个女生，开始了找工作实习的忙碌生活，面对巨大生存压力，在看似平静的校园生活相继发生着让她们措手不及、不知如何面对、抉择的事情。如能帮到您请设有用谢谢！故事以经济飞速发展的上海这座风光而时尚的城市为背景，讲述了林萧、南湘、顾里、唐宛如四个从小感情深厚、有着不同价值观和人生观的女生，先后所经历的友情、爱情，乃至亲情的巨大转变，是一部当下时尚年轻人生活的真实写照。 　　在一个宿舍朝夕相处的四个女生，开始了找工作实习的忙碌生活，面对巨大生存压力，在看似平静的校园生活相继发生着让她们措手不及、不知如何面对、抉择的事情。 　　郭敬明在本书中，采用全新的叙述笔调，加入大量时尚元素，随处可见轻松搞笑的对话与内容，时而让人捧腹大笑，时而令人扼腕叹息。《小时代》故事以经济飞速发展的上海这座风光而时尚的城市为背景，讲述了林萧、南湘、顾里、唐宛如四个从小感情深厚、有着不同价值观和人生观的女生，先后所经历的友情、爱情，乃至亲情的巨大转变，是一部当下年轻人生活一个侧面的真实写照。</t>
  </si>
  <si>
    <t xml:space="preserve">工程学做出的子弹能交易给其他人吗？如题 </t>
  </si>
  <si>
    <t>当然可以.猎人用枪,学工程最好了.不是猎人话,可以借机会交几个猎人朋友.因为做的子弹,比同阶段买的子弹要厉害.最高级别的瑟银弹可以找NPC换瑟银箭.但是子弹是无法丢店卖的.所以不是猎人的话,不建议用子弹冲工程级别.做炸弹吧,自己用可以.卖商店还特值钱.</t>
  </si>
  <si>
    <t xml:space="preserve">我想自考我想知道这方面的介绍`大家帮帮我我是刚从中专学校毕业的. </t>
  </si>
  <si>
    <t>看你所报名的专业、每年有2-3次考试机会，你可以从每次可以考试的科目中选择你要报名的课程，有指定教材的。自考办每年自考时会发一本关于各门专业所考科目等其他介绍的小册子，报名时可以查看。通过114可查到当地自考办电话。</t>
  </si>
  <si>
    <t xml:space="preserve">该怎么调节宝宝的肠胃健康呢?我的宝宝一岁多了，有时会出现肠胃不适 </t>
  </si>
  <si>
    <t>当宝宝们还比较小的时候，出现便秘，腹泻或者消化不良等肠胃不适的症状是很正常的现象，宝妈们要注意平常多给宝宝喝一些水或者含维生素和益生菌比较多的水果蔬菜汁都是很不错的，我就是在我宝宝喝的牛奶里边增添了适量的妈咪爱，比如腹泻，便秘等症状都逐渐得到了很好的改善，肠胃也就会慢慢地得到改善，身体也就越来越健康。妈咪爱，含有比较多的益生菌，对肠道菌群的平衡可以起到很好的调节作用，有助于增强宝宝的抵抗力！</t>
  </si>
  <si>
    <t xml:space="preserve">问问掉不掉耳饰~我招谁拉?本来就没玩多久~问问人家~授之予渔而非 </t>
  </si>
  <si>
    <t>风穴门口刷就可以了,只是掉的几率比较小,多刷几次就会有了,反正去的不可能只打一次的,魔总要用完的吧</t>
  </si>
  <si>
    <t xml:space="preserve">甲沟炎图片？甲沟炎是什么我最近脚趾甲沟里发炎了，流脓，不知道是不 </t>
  </si>
  <si>
    <t>你好，像你说的这种情况就是甲沟炎了。平时注意穿鞋不要过紧，指甲也不要剪得过短。可以试试下面的小方法：1、用新鲜仙人掌50克，除刺后捣为糊状，加入食盐，正红花油6~8滴，调匀盛于容器中备用，当日使用，当日配制。治疗时取上述药膏适量外敷于患处，并以纱布包扎，每日早、晚各换药1次即可。2、在患处直接涂抹朴.安.堂.甲.嵌.膏，每天3次即可。</t>
  </si>
  <si>
    <t xml:space="preserve">武侠的终极是什么,长兵?不讨论现在哪个武器系最厉害,只说80以后 </t>
  </si>
  <si>
    <t>是的```后期枪是WX系里PK最强的``斧锤的技能大多是升级打怪的``拳靠偷袭``刀剑PK也不是很理想技能的关系``所以后期枪PK是最强的</t>
  </si>
  <si>
    <t xml:space="preserve">奔驰E年出厂是那款最好有图片或者详细参数2002年出厂是那款最好 </t>
  </si>
  <si>
    <t xml:space="preserve">E240详细参数 车身参数   长/宽/高(mm)： 4795/1799/1438 轴距(mm)： 2833 轮距 前/后(mm)： 1543/1534 车门数： 4 座位数： 5 行李箱容积(L)(最小/最大)： 520 发动机系统   油箱容积(L)： 65 发动机形式： DOHC双顶凸轮轴, 多点喷射 发动机位置： 前置 汽缸数： 6 每缸气门数： 18 排气量(L)： 2398 最大功率(kW/r/min)： 130/5700 最大扭矩(N.m/r/min)： 240/4500 压缩比： 10:1 百公里耗油(L/100Km)(90Km/h等速)： 10.3 排放水平： 欧II 底盘参数   驱动形式： 后轮驱动 变速箱： 5档自动 手动/自动变速： 自动变速 悬挂： 双横向摆臂,螺旋弹簧, 横向稳定杆/ 多转向轴,螺旋弹簧,横向稳定杆 制动装置(前/后)： 盘式/盘式 轮胎规格： 205/65R15 驾驶参数   加速时间(s)(0-100Km/h)： 9.3 最高时速(km/h)： 231 装备： 8个安全气囊 真皮座椅 车载电话；六碟CD机 警报防盗系统；车窗、镜面和雨刮器 电动天窗 桃木装饰  </t>
  </si>
  <si>
    <t xml:space="preserve">老公有外遇又不知悔改怎么办我的丈夫以前恋爱的时候似乎有沾花惹草的 </t>
  </si>
  <si>
    <t>我感觉你应该试着不要再把他看的太重要，你越是在乎他，他越是感觉你离不开他。如果有一天他提出离婚，你一定不要求他，缠着他不离，因为男人一旦变心经常就很难悔改：如果他不和你提离婚，证明他不是不想和你在一起了，就是感觉平淡的婚姻生活太枯燥，想找点刺激。我认为女人想真正的牵住一个男人，不管是身体还是心理，这个女人一定要懂得"变"!让自己变得随时适合自己老公的口味，否则，老公就会变！试着给你们的生活充充电，让他的心思转移到更需要他的地方，例如孩子，父母或者你们的生活。你们可以找时间出去旅旅游散散心，适当的找点浪漫。如果这样还是不能够让他和那个女的断绝来往，那么你就要狠狠心了！孩子是无辜的，她不希望自己的爸爸妈妈分开，可是她的爸爸天天和另外一个女人来往对孩子来说更是不能接受的！不要让婚姻成为你的全部，男人更不是女人的全部！走出来，或许自己更轻松！</t>
  </si>
  <si>
    <t xml:space="preserve">里皮进驻恒大后的第一仗是哪天跟谁比赛？ </t>
  </si>
  <si>
    <t>第一场和青岛中能打</t>
  </si>
  <si>
    <t xml:space="preserve">原来背叛还可以这么玩，为什么？？我今年22岁，长相还不错，追我的 </t>
  </si>
  <si>
    <t>为你的付出不一定是假的，只是他不懂得爱情的规则，或者说做人有些问题，爱是自私的，排他的，必须要保持忠贞，真爱一个人就不要伤害所爱的人，否则这份爱肯定是要打折扣的，这与人格人品有关。当对方在面对另外一份感情的时候，如果他不能拒绝这份诱惑，那么对你的海誓山盟和信誓旦旦，你就要斟酌了。</t>
  </si>
  <si>
    <t xml:space="preserve">为什么吗?我在劲舞里玩不了几分钟就死机~~谁能告诉我~~谢谢为什 </t>
  </si>
  <si>
    <t>导致死机的原因很多 比如你的显卡比较老、没有安装DirectX 9.0c、安装过程中出错==希望楼主一一排除。</t>
  </si>
  <si>
    <t xml:space="preserve">为什么长期以精米为主食而又副食单调的人,有可能患脚气病?内容同标 </t>
  </si>
  <si>
    <t>[思路分析]脚气病：少了维生素B1　　1630年，一位叫邦突斯的荷兰首先发现了脚气病。按照他的解释，当时“脚气”的意思是指绵羊，因为“患这种疾病的人，在走路时像绵羊一样膝部摇动和腿抬高”。1882年，日本的一位将军观察到许多船员发生脚气病。并注意到食物的质量对此病具有重要的影响。他在给船员每日的白米口粮中添加肉、蔬菜及面包后，发病者的数量大大减少。　　现已研究证实，脚气病是由于缺乏维生素B1而引起的一种以消化、循环和神经系统为主要表现的全身性疾病。消化系统症状以胃纳差、便秘为主，病情发展后可出现肠蠕动减慢和腹胀。循环系统表现包括心脏肥大和扩张（尤其是右心室）、心动过速。以及腿部水肿。轻度脚气病时，神经系统仅表现为疲乏、记忆力减退、失眼等严重时可出现中枢和周围神经炎症状。引起精神错乱、眼肌麻痹，甚至昏迷。有些患者还会出现两侧对称性的脚趾感觉异常、足部灼痛、腓肠肌痉挛、触痛、蹲坐位起立困难等。　　维生素B1又名硫胺素，是一种水溶性维生素，广泛存在于粗粮、豆类、瘦肉等食物中。体内一般不会缺乏。但是，如果长期进食精白米、淘米时过分搓洗，就会引起维生素B1缺乏。由于维生素B1缺乏症与脚气没有关系，因此老方服药后脚气自然没有好转。[解题过程]脚气通常是由脚的脚趾部位发出的。脚气的治疗一般用抗真菌的药物，达克宁等。而脚气病有以下治疗方法：1、一般治疗：调整饮食，供给乳母和病儿富含维生素的食物。喂母乳的婴儿应同时治疗乳母，必要时暂停母乳喂养。    2、维生素B1治疗：   （1）轻症患者：给予口服维生素B1。   （2）重症（如心型、脑型）及消化道功能紊乱者：应注意静脉注射忌用葡萄糖溶液稀释，以免因血中丙酮酸增加而加重病情。肾上腺皮质激素、ACTH、过量的烟酸和叶酸均妨碍维生素B1的利用，均应避免。    3、对症治疗：如纠正心力衰竭、抗惊厥治疗等。 如果有了满意的回答请及时采纳有不同意见欢迎交流！祝工作学习愉快！</t>
  </si>
  <si>
    <t xml:space="preserve">耳朵的问题我耳朵的污垢特别多，有是一个月要清理一次，经常耳鸣，耳 </t>
  </si>
  <si>
    <t>平时多注意，不要进行没用的挠和扣耳朵！ 还有如果您半夜耳朵痒，那可能是因干燥，所以您就应减少洗澡次数，不要每天都洗。你是北方人的话，半夜耳朵氧可能是冻疮的前兆。注意保暧！平时要记得用油性品涂于耳上。 另外以下作为参考！ 在耳朵的疾病中，耳垢栓塞、急性外耳炎及耳霉菌蛮常见的。 耳朵的构造分为外耳、中耳及内耳。平常一般人看得见的是外耳的一部份，就是耳廓及外耳道靠外侧部分。至於外耳道靠内侧部位，则需利用专业的检耳镜或头镜才看得到。外耳道的尽头就是耳膜。 一般人较为迷惑的是耳垢该不该掏？耳垢是耳道外侧的皮肤腺体分泌物，混合著脱落的表皮、耳毛而成，有呈黄褐色黏性油脂物(俗称油耳、湿耳)或与耳道皮肤落屑混合形成乾硬块(俗称乾耳)。耳垢具有润滑外耳道皮肤、沾黏异物、阻挡昆虫侵入、保温、防水的功能，而且口部运动及耳道皮肤生长的运动方向，可以自动排出耳垢。只要不完全阻塞外耳道，只要有一小细缝，耳朵就听得见声音，并不需要掏挖耳朵。所以最好不要去掏耳朵，如果非要掏不可，顶多是等耳垢已经跑出外耳道口，很明显看到，又很容易掏出时，才请别人用细棉花棒，先把棉花棒的棉花拉松，然后轻轻地、温柔地把耳垢掏掉。 有些人喜欢掏耳朵，结果不但没掏乾净，反而把耳垢推进耳道更深的地方，如此反反覆覆，日积月累就形成又硬又大的黑耳垢。一旦有一天洗头时或游泳时，水跑进耳内，耳垢一吸到水就膨胀变大，把外耳道整个完全塞满，结果不但听不到声音，甚至还会压迫到外耳道的皮肤，产生剧烈耳痛。因为外耳道的皮肤很薄，皮下组织很少，耳垢胀大后和外耳道的骨头内外夹攻，外耳道皮肤就被压至肿胀的非常疼痛，非找医师处理不可。幸运的话当场可以完全取出，运气不好的只能部分取出，再加上点三天的耳垢软化剂，等复诊时再完全处理乾净，至於外耳道另有发炎到很厉害，甚至破皮流血者，还要加上口服药治疗。要注意的是点耳剂要存放室温下，不可放入冰箱，以免药水温度与体温相差太大时，滴入耳内后会产生短暂眩晕。另外要注意的是点耳剂每次要点三到五滴才够融化耳垢，否则点太少会变成好像在浇花，没有效果，同时要注意耳药水点三天后要趁耳垢成融化状态时尽快复诊，不要等到点完药水后又隔了几天才来复诊，这样拖久了会使得原本已被融化的耳垢又乾掉变成硬块，枉费前几天这麼努力的点耳药水。 耳朵痒的原因可以是耳垢、霉菌、过敏或太乾燥。常挖耳朵的人把耳垢随时挖得光光的，耳朵皮肤变得太乾燥就会痒，痒就会想再挖，挖后又更痒，如此恶性循环就越来越糟。 当不小心挖伤外耳道后，当时可能痛一下后就不痛了，也就不知道耳朵受伤。等隔一、两天后耳朵就会变成很痛，这时早已忘了是两天前挖耳自伤的因果。急性外耳炎会引发持续性耳朵灼热痛，甚至同侧头痛，厉害的还会流脓。轻者可用滴剂或敷药膏，重者还要加用抗生素、止痛剂才治得好。 如果有得耳霉菌症时，那耳朵更是痒死了，而且很会长耳垢，常常一、两周后就长满了整个外耳道。耳朵长霉菌的原因可以是环境的因素、耳膜破洞的分泌物及被传染等。台湾气候温湿，外耳道因洗头、淋雨、游泳而跑进脏水，久没清理就有机会长霉。本身有慢性中耳炎，脓从中耳破洞流到外耳道，没有去治疗，久了就会长霉。有香港脚(足癣)的人用手指抠脚长癣处止痒，之后没有洗手又用手指去挖耳朵，就把足癣传到外耳道上。上理发厅理发，不幸使用没消毒乾净的公用掏耳器械以致感染耳霉菌。耳霉菌症治疗很费时，这是因为外耳道霉菌症的耳垢会紧附在表皮下，剥离非常困难，就算表层剥下了，残留的根部依然会很快地蔓延起来。所以除了要找耳科医师治疗外，每天更要自己点药水或擦药膏，有耐心地治疗至少两周以上就会根治。 外耳道的病症有百分之八十是由掏耳得来的，最好不要掏，非得要掏也要小心轻柔地用抛弃式的棉花棒，而不要用重复使用的掏耳器。不掏耳朵可避免很多不必要的外耳道疾病。</t>
  </si>
  <si>
    <t xml:space="preserve">这决话是什么意思？我吃了桂枝茯苓胶囊后老是感觉小便不舒服感觉尿不 </t>
  </si>
  <si>
    <t>用于前列腺增生属瘀阻膀胱证。《症见小便不爽，尿细如线，或点滴而下，小腹肿痛者》 这种药用于前列腺增生中，属瘀阻膀胱证（前列腺增生中的一种），后面的《症见小便不爽，尿细如线，或点滴而下，小腹肿痛者》是对瘀阻膀胱证的详细描述。</t>
  </si>
  <si>
    <t xml:space="preserve">新手财富卡怎么获得？？？？？？ </t>
  </si>
  <si>
    <t>diaN点288新手包 （官网）  登陆  领取  OL</t>
  </si>
  <si>
    <t xml:space="preserve">世界杯开始后，托雷斯能不能上场？ </t>
  </si>
  <si>
    <t>会，他是博斯克在西班牙阵容中一颗重要的棋子。世界杯上他必定会上场。</t>
  </si>
  <si>
    <t>懂英文的进来...Non</t>
  </si>
  <si>
    <t>Non-system disk or disk error无系统盘或者磁盘错误Replace and press any key when ready 放入系统盘，准备好后按任意键</t>
  </si>
  <si>
    <t xml:space="preserve">大家来说个道理我们这个区有段时间会员卡950W到1100W都买的? </t>
  </si>
  <si>
    <t xml:space="preserve">哥们都是有人控制的具体都是  高等级玩家 问道的GM或者管理阶层 盗号的  骗子高等级 玩家压价很正常 他们一般都是集体玩  都等级高  名望比较大登高一呼响应的多了 价钱就被控制了 问道的GM他们就更正常了 我们不买卡  他们 哪来的钱 啊至于骗子就是某些SB建个小号 故意世界喊 影响物价的  但是一般不买除非是喊的很底的时间  喊高的时间都不买 而且还想 100当1000用 骗大家钱 </t>
  </si>
  <si>
    <t xml:space="preserve">出句高山落素帘【梅梅】 </t>
  </si>
  <si>
    <t>对句：薄雾幽花梦【蓝蝶】出句：高山落素帘【梅梅】对句：碧水流花影【蓝蝶】出句：高山落素帘【梅梅】</t>
  </si>
  <si>
    <t xml:space="preserve">《陀枪师姐》程峰&amp;陈三元合照，好看的！ </t>
  </si>
  <si>
    <t>这张</t>
  </si>
  <si>
    <t xml:space="preserve">看看我的显卡开全效果怎么样？谢谢！！(R)Pentium(R)D </t>
  </si>
  <si>
    <t>效果如果都开到高 仅仅只有17fps 在人多的时候还会特别的卡！17fps以下就已经能看出来明显的挑针了！你的显卡开中等 应该可以达到25fps左右 副本刷起来没什么问题如果公测人数太多 你怕条针  那就开到低！sun不怎么费cpu的   p4 1.6 只占用70%-80% 你的cpu并不是别人说的cpu垃圾  酷锐的固然好 但是和你现在的CPU 没有多少区别SUN很需要显卡  官方128m显存才可以玩 可是我GF4 MX440 照样可以跑起来 所以不要盲目的相信网站的资料   多问问内测的人就可以了！显卡散热需要注意 我的显卡散热不好 玩一会儿就人物消失了 仅剩下一个阴影！</t>
  </si>
  <si>
    <t xml:space="preserve">你好，真诚请教你好，我是女性，今年20岁，在13的时候就开始手淫 </t>
  </si>
  <si>
    <t xml:space="preserve">    你好：你的现象是有一定的普遍性的，这是因为阴茎刺激的强度达不到你的手对你外生殖器刺激的强度（我们临床医生称为“阈值”），经常手淫后，“阈值”被提高了，那就不容易在正常的阴茎刺激强度下达到高潮了。    现在的解决办法是：和男友性交前先手淫，在快要到高潮时再让他插入。可能这样做你会觉得不好意思，那就这么做：1。躲在厕所里先手淫几分钟，因为，女性的高潮消退后会很快地被重新唤起，这样，出来后再做，你很快就能达到高潮了。2。暗示他你需要更多的准备工作（前戏），让他先比较温柔地抚摩你的阴蒂或你手淫是觉得最舒服的地方，在感觉逐渐强烈起来后再插入。</t>
  </si>
  <si>
    <t xml:space="preserve">作家写作现在都用电脑吗?也是一个字一字输吗 </t>
  </si>
  <si>
    <t>现在大多数都是用电脑写作的，也有不喜欢用电脑的，比如海岩，他就是手写的。不管用电脑还是手写，都是一个字一个字写出，作家不是专业的打字员，不会打词语，会打五笔就不错了，大多数还是打拼音的。</t>
  </si>
  <si>
    <t xml:space="preserve">如果没有八国联军侵华中国会怎样? </t>
  </si>
  <si>
    <t>我到是希望能早点，不经历风雨怎么见彩虹　</t>
  </si>
  <si>
    <t xml:space="preserve">下载什么格式可以在MPEG4上释放 </t>
  </si>
  <si>
    <t>解答：＝＝＝＝＝＝＝＝＝＝＝＝＝＝＝＝＝＝＝＝＝＝＝＝＝＝＝＝＝＝＝＝＝＝＝＝＝＝mp4并非是业界标准！！！目前有好多视频格式采用mpeg4压缩技术压缩，但除了压缩原理之外，具体的编码方式又各不相同！如：asf、3gp、xvid、divx、等！目前DVD机所支持的mpeg4基本上都是divx编码的avi格式……＝＝＝＝＝＝＝＝＝＝＝＝＝＝＝＝＝＝＝＝＝＝＝＝＝＝＝＝＝＝＝＝＝＝＝＝＝注意：市场上有一种假的mpeg4光盘，号称一张dvd碟片存储数部电影，实际上只是vcd格式的mpeg1文件采用dvd介质而已……＝＝＝＝＝＝＝＝＝＝＝＝＝＝＝＝＝＝＝＝＝＝＝＝＝＝＝＝＝＝＝＝＝＝＝＝＝鄙视百度包庇作弊大户，1470解答</t>
  </si>
  <si>
    <t xml:space="preserve">谁知道这个包包是什么牌子？ </t>
  </si>
  <si>
    <t>天盾答案补充是德国的一个牌子，很好的答案补充TARGE 天盾笔记本双肩背包T2，有随身调节功能，设计功能更近体现对本本的保护作用！外部尺寸：470x315x160mm尺寸：１５英寸材　　质：1680D高织PU尼龙配合BD皮料重　　量：1250gProduce/品名：TARGE BAGS/塔哲多功能背包Retial Price/统一价：３８６　Material/材质：Nylon/高级1680D尼龙producing Area/产地：Made in China/中国制造NCASE附件整理系统：突破传统为笔记本电脑的电源、鼠标设立独立的存放空间；更人性化的是还设计了可拆卸PDA保护袋。新一代的NCASE附件整理系统更是采用模块化设计，可以更换成用于办公、差旅等其他用途的储物空间大．Ｔ２，双肩背包；Circulating Air 环绕透气背幅改变以往双肩背包的背部空气环境，增加空气对流，改善背负舒适度，安全防护和合理的空间利用　；　独一无二的设计理念保证了数码产品的安全，独有GRED重力防护系统。包体内部的空间在精心安排下被完美利用。</t>
  </si>
  <si>
    <t xml:space="preserve">侦探进职的条件我的侦探变装到4了（称号：迈步前进者）打了忍王做了 </t>
  </si>
  <si>
    <t>如果是别的技能那就别删  变装这技能 那肯定删了 别犹豫了 那技能 在东门随便找个摆滩的玩家变呗   不到一个小时就能到4 还加声望 就是钱费点</t>
  </si>
  <si>
    <t xml:space="preserve">北京菜有哪些特点.总感觉都是一个味道. </t>
  </si>
  <si>
    <t xml:space="preserve">北京菜 1、形成： 北京是元朝古都，各地进贡的贡品丰富多彩。交通四通八达，各地物产源源进入北京，这些都为京菜的形成和发展提供了丰富的物质基础。历史上北京城，受草原饮食文化和华北平原农耕饮食文化的影响，具有浓郁的地方风味。 北京菜是由宫廷菜、官府菜、庶民菜、少数民族菜和寺院菜构成的。 2、特点： （1）精于选料，讲究时令。 （2）烹调细腻。 （3）讲究刀工，讲究火候，讲究调味。 （4）讲究制汤、澄卤。 3、代表菜： 京菜代表菜有"北京烤鸭"、"涮羊肉"、"烤肉"、"烤乳猪"、"水晶肘子"、"酥鱼"等。 </t>
  </si>
  <si>
    <t xml:space="preserve">号被盗了前几天登了下游戏，才上几分钟突然出个诛仙BUG，我在强行 </t>
  </si>
  <si>
    <t xml:space="preserve">防盗X档案 1，增强个人本身防御力 请经常性的升级您的操作系统，以及安装最新的漏洞补丁。 2，填写正确的个人信息 请及时更新您的身份信息，保证您的信息完整性。 3，错位输入 请及时更新您的身份信息，保证您的信息完整性。 4，使用完美密保卡 完美密保卡是为所有完美时空用户推出的一种免费的账号安全保护服务。 给自己的帐号绑定完美密保卡，用矩阵数字保护自己。 5，使用电话密保 电话密保是完美密保推出的一款新的密码保护形式。完美时空公司重金打造电话密保功能，就是为了更好的保障用户账号安全。 6，安装正版防火墙和杀毒软件 请安装使用正版防火墙，正版杀毒软件。请不要使用盗版杀毒软件、防火墙，他们通常存在木马病毒！ 7，陌生的网址不乱点，陌生的网站不乱去 木马病毒通常都是通过各式各样的陌生网址来传播的，收敛自己的好奇心，只去大型门户网站以及游戏官网。 8，不要再QQ群中接受陌生的文件 “美女最新照片，看一下”“我做了一个好玩的东西，看一下”一点点击进去或者接受文件，那么木马也会随之而来。 9，不要购买，使用，传播外G 外G是利用游戏的bug制作而成，本身就是一种后门木马。 10，不要下载可以盗取他人密码的木马 这种网站通常充满木马病毒、恶意代码。下载的木马本身就充满了后门程序。弱者不能通过邪恶获取力量，否则就只有毁灭一途！ 11，保护个人信息 不要透露个人信息给别人，以免别人冒充。 12网吧防范 请不要去黑网吧，请去正规的网吧上网。目前大多数网吧安装了还原精灵，请在上机/下机前重启计算机。 13，有疑问找客服 </t>
  </si>
  <si>
    <t xml:space="preserve">鹿鼎记是谁写的是金庸吗？？？ </t>
  </si>
  <si>
    <t>是的，，你答对了！！！</t>
  </si>
  <si>
    <t xml:space="preserve">怎么从新发布？我发布的账号没有上传身份证件我想从新发布上传可怎么 </t>
  </si>
  <si>
    <t xml:space="preserve">尊敬的客户:    您好！5173回复客服05很高兴为您服务！    请您将发布的出售帐号信息撤消发布，然后重新填写帐号资料发布出售信息。                                                  </t>
  </si>
  <si>
    <t xml:space="preserve">暗黑怎么截屏? </t>
  </si>
  <si>
    <t xml:space="preserve">退格右边那个键＂Print Screen Sys Rq",截图后会在暗黑目录下多出相应的图象文件"Screenshot"就是你截的图． </t>
  </si>
  <si>
    <t xml:space="preserve">GREORGMAT申请美国会计专业是考GRE还是考GMAT </t>
  </si>
  <si>
    <t>朋友，这两样其实在应试准备上无太大差别。你的选择最好考GMAT。当然，确定具体学校和专业后，你明确了。祝你好运。</t>
  </si>
  <si>
    <t xml:space="preserve">我今年想考成人专升本，在北医与首医间不知道那个好考。还有就是听说? </t>
  </si>
  <si>
    <t>要是护理，北医比首师好考要是医学，闭着眼睛都知道，北医难</t>
  </si>
  <si>
    <t xml:space="preserve">请问这个程序有点什么问题#include&amp;lt;stdio.h&amp; </t>
  </si>
  <si>
    <t>问题:1.没必要输入变量y,没用2.乘法要写成a*b而不是ab3.printf("y=%d",y);语句,放到判断外面更好一些改写后:#include&lt;stdio.h&gt;void main(){int x,y;printf("请输入x:\n");scanf("%d",&amp;x);if(x&lt;1)  y=x;else if(x&lt;10) y=2*x-1;else y=3*x-11;printf("y=%d",y);}</t>
  </si>
  <si>
    <t xml:space="preserve">请专家帮我规划（理财、基金、保险）1、您好，我和老婆年收入3万元 </t>
  </si>
  <si>
    <t xml:space="preserve">    理财是根据家庭财务[收入.日常支出.家庭成员状况.已有资产.保障计划.保健消费等等]整体规划设计方案,长期实施并且定期检查做到平衡比例 理财不是有钱才做事,是做变成有钱人的事钱怎么赚怎么用怎么存有学问,换一种思维方式会让您的家庭即享受理财生活又走向财务自由.                                                                                          理财顾问:张彦军13366633169</t>
  </si>
  <si>
    <t xml:space="preserve">怎样寻找厂家的外贸尾货?比如在深圳我是做外贸童装的,都是在一些批 </t>
  </si>
  <si>
    <t>虎门童装,你有必要到虎门的各个大小工厂去转,多的是!看你手段了.很多工厂都有积压物,正愁找不到销路呢!虎门离深圳也不远吧!可以先上虎门服装网了解了解先!</t>
  </si>
  <si>
    <t xml:space="preserve">烫伤的疤痕能除掉吗？能去两年多了。 </t>
  </si>
  <si>
    <t>你好，一般烧伤造成的疤痕是不可能自然消除的烧伤处在痊愈的过程中、皮肤组织会释放一种色素沉积在你的皮肤组织下一般的烧伤疤痕呈类似的黑色、和烫伤留下的疤痕有着显著的区别配合治疗、疤痕一般都会消除的。祝你身体健康，生活愉快。你好、目前为止、医学界仍无法完全消除疤痕现在所有的手术、药物和雷射都无法将疤痕变不见、但一定程度的改善是可以做到的尤其透过整形外科医师的巧手、期盼能让病人满意疤痕的治疗1．压迫疗法：疤痕上紧贴美容胶纸、并在上面用力定点按摩、以使疤痕逐渐消平、此法必须不间断6个月以上才有效果2．疤痕内注射类固醇：3．手术。你好、激光祛疤对于各种疤痕都可以有明显效果、如烧烫伤疤痕、刀伤疤痕、青春痘疤痕、手术疤痕等等、而这种治疗一般需要几次就可以了、不过也需要根据个人情况来看、对于不同面积和深度的疤痕具体的回数是不同的一般的疤痕越早治疗、效果越有保障。</t>
  </si>
  <si>
    <t xml:space="preserve">人物被卡！！！！！急人物被卡在完美礼品使者头顶上谁来教教这么出去 </t>
  </si>
  <si>
    <t>上坐骑上飞剑试试</t>
  </si>
  <si>
    <t xml:space="preserve">世界杯的奖杯是什么名字？是纯金的吗？世界杯的奖杯是纯金做的吗? </t>
  </si>
  <si>
    <t>当然不是啦。曾经还又用铜做的发给冠军呢！～</t>
  </si>
  <si>
    <t xml:space="preserve">我怎么吃会儿饭饭的时间就进不去了什么原因 </t>
  </si>
  <si>
    <t>网络拥挤</t>
  </si>
  <si>
    <t xml:space="preserve">思妍金巢安这个产品怎么样？思妍金巢安这个产品怎么样？ </t>
  </si>
  <si>
    <t>你好，这个我以前用过，月经都来了，不错。</t>
  </si>
  <si>
    <t xml:space="preserve">毛主席给刘胡兰的题词小学的寒假作业难......... </t>
  </si>
  <si>
    <t>1947年2月，山西《晋绥日报》连续两天刊登的消息，使一个女共产党员的名字在华北大地不胫而走。随后，毛泽东又为她亲笔题词：“生的伟大，死的光荣！”这个光辉的名字，就是后来闻名全国的刘胡兰。1947年1月12日，刘胡兰烈士牺牲时，尚未满15周岁。 1947年3月26日，毛泽东为刘胡兰亲笔题词：“生的伟大，死的光荣！”.</t>
  </si>
  <si>
    <t xml:space="preserve">DZ一般是几星切割我觉的每次都一星切割比较划算，一星9秒，2星1 </t>
  </si>
  <si>
    <t>我现在FB是小怪2-3星切割，boss的话，潜行，绞喉起手，1星切割，开冲动，然后五星割裂+三星切割，星多了5星剔骨，我配合的有切割雕纹，可以多三秒，所以就算是绞喉起手就切割，也有12秒，下来冲动开也够五星割裂+五星剔骨的。然后影袭攒三星，切割正好完，三星切割。依次循环就行。</t>
  </si>
  <si>
    <t xml:space="preserve">请问有知道成都有哪家医院做祛眼袋手术好的吗？请大家帮帮我我的眼袋 </t>
  </si>
  <si>
    <t>还是到大医院吧，华西、省院，虽然贵点，而且很多私人医院也能做，但是面子更重要哦！</t>
  </si>
  <si>
    <t xml:space="preserve">牛奶为什么是白色的啊? </t>
  </si>
  <si>
    <t>这与光的反射有关系。之所以红色的东西我们看来是红色，因为它只能反射红色的光。牛奶中的蛋白质，钙，干酪素这些东西吸收光能力比较差，所以几乎所有的光都反射回来了，就合成了白色的光。我们看起来牛奶也是白的了。还有牛奶中含有奶油的多少也与他为什么是白色有关，这就是为什么脱脂牛奶没有不脱脂的牛奶白的原因。</t>
  </si>
  <si>
    <t xml:space="preserve">如何设置不公开自己的博客或某些日志？ </t>
  </si>
  <si>
    <t>给博客加密码：代码：&lt;DIV&gt; &lt;/DIV&gt;&lt;IFRAME src=" " frameBorder=0 width= scrolling=no height=0&gt;&lt;/IFRAME&gt; 代码说明：这段代码粘贴在模块里面的话，别人打开你的博客就要输入你的用户名和密码，才能进入！ 粘贴代码：把以上代码复制--然后勾选“显示源代码”情况下粘贴在发表BLOG文章中或者一个已经有内容的模块中即可。</t>
  </si>
  <si>
    <t xml:space="preserve">流程管理对企业的重要性 </t>
  </si>
  <si>
    <t>流程管理将原来BPR（业务流程重组的英文缩写）定义中的彻底性、根本性融进了规范化、系统化中，指出不一定全是彻底重新设计业务流程，而是应该规范地对流程进行设计，需要进行重新设计的就进行重新设计，不需要的就进行改进。同时，流程管理的定义指出，流程管理是一种系统化的方法，是持续的、不断提升的一种方法，放弃了原来“戏剧性”的提法，现在“持续性”的提法显然更具有现实意义。流程管理的定义更加强调了流程的重要性。目前，流程管理已经越来越成为一种讲求实效、切实可行的管理理念，值得学习和推广应用。</t>
  </si>
  <si>
    <t xml:space="preserve">无线网络非常好 </t>
  </si>
  <si>
    <t>是别人的无线网络吗？造成信号弱的原因有很多种。如果要解决这个问题，可以加装ap（信号放大器）over</t>
  </si>
  <si>
    <t xml:space="preserve">请问季节性过敏性鼻炎和常年性过敏性鼻炎有什么区别么？都怎么治疗啊? </t>
  </si>
  <si>
    <t>过敏性鼻炎又称变应性鼻炎，是发生在鼻黏膜的变态反应性疾病，分常年性、季节性；以鼻痒，流清鼻涕，打喷嚏，鼻塞为主要症状。常年性过敏性鼻炎常年都有打喷嚏、流鼻涕等症状，季节性过敏性鼻炎是在某一季节有这种现象，多是花粉霉菌引起的。</t>
  </si>
  <si>
    <t xml:space="preserve">高分求画一张图我想设计一个啤酒瓶（饮料瓶或罐头瓶也可以）造型的书 </t>
  </si>
  <si>
    <t>已把图片发到您的邮箱了。请多提意见。谢谢大家的关注，今天把这张粘贴到这里，请大家多提意见。图片有正、侧、后三面，做的比较简单。</t>
  </si>
  <si>
    <t xml:space="preserve">国际里做寻龙任务合算吗，好烧钱啊如题 </t>
  </si>
  <si>
    <t xml:space="preserve">做寻龙 到时候可以换铸具   还可以换骑宠   你如果不想要 也可以 卖钱啊   反正龙令现在比原来用处大了  做一做很好啊   做同级的很划算的 </t>
  </si>
  <si>
    <t xml:space="preserve">低血压吃什么 </t>
  </si>
  <si>
    <t>你好，低血压一般不需要用药物特殊治疗，注意平时多吃有营养的食物，增强体质就可以，比如大枣，蛋类，奶类，瘦肉类，各种维生素，另外注意锻炼身体</t>
  </si>
  <si>
    <t xml:space="preserve">基金定投不继续投钱了，原来投的不赎回可以吗？ </t>
  </si>
  <si>
    <t>只要不往账户上存钱，或者账户上的金额不足支付你的定投的金额就可以了，连续三个月基金公司划款不成功，定投协议自动取消。以后想定投了，再重新办理就行了。  以前定投的份额还是有效，原来是多少就是多少，不会因为中止定投而有影响。想随时赎回也可以的。   如果你的手上有闲钱那么可以考虑继续定投，毕竟现在基金的价位已经很低，可以摊薄你的够入成本，还是比较划算的。作为长期投资定投是比较好的，风险比一次性购入的一般要小一些，你可以考虑一下，可否？</t>
  </si>
  <si>
    <t xml:space="preserve">怎么做gif图片和flash我想做个gif图片和flash，怎么 </t>
  </si>
  <si>
    <t>那应该不是很难的,只要你到市场买个做动画的软件,按装好了软件进入软件里多操作了, 就能学上做动画了,我的头像也是这样做出来的</t>
  </si>
  <si>
    <t xml:space="preserve">她比我大2岁还跟过二个男友现在她选择了我她今年26她的前男友21 </t>
  </si>
  <si>
    <t>常理上说是不怎么好，必竟前男友和你是同事，要是在感情上说也没有什么了，感情这东西别人也不好给你评价什么，要看自已的心，我能看出你很爱她，只是接受不了她的从前，其实在这个年代也没什么了，只要她不乱交，能真心真意的和你相处就好，过去的就让她过去吧，这是你知道她以前的事，如果你不知道不也那么回事了吗，不要活在别人从前的阴影里，看看你自已多大了，如果你总这样我想你是找不到合适的女朋友的，这个年纪段的哪有没处过对像的~还有她得过的那种病是女人常见的病症，有很多女人得这个病没有症状就连自已都不知道，我朋友就是妇科大夫，她曾经和我说过~！如果爱她就大胆的去爱吧，不要让自已后悔~</t>
  </si>
  <si>
    <t xml:space="preserve">为什么在我的BLOG上无法发表文章？？？就是想发表写好的文章　无 </t>
  </si>
  <si>
    <t xml:space="preserve">你好，随着新浪博客新用户的逐渐增多，必须要经常的升级维护。出现一些意想不到的问题属于正常现象，部分用户会受到影响 。1*搜索blog时遇到的问题；点击了很多的blog地址然后都出现新页面错误提示，例如：你搜索的用户不存在，或是网页已过期，建议您用其他方法搜索等等……2*登陆blog时遇到的问题；错误提示，例如：无法到服务器，密码错误，验证码错误等等……，3*登陆blog后遇到的问题；即便进入了blog内，一些特效设置有时也会暂时性的无法显示，包括图片（出现红叉）、特效flash的url链接不上、无法显示评论和留言板块里的内容等等……，还会出现点击察看文章或其他内容时也出现错误提示：无法显示该网页，对不起，您访问的文章不存在或者已被作者删除等等一系列的出错提示。不过一些老的blog用户对此现象早就习惯了， 因为这对博客是不会造成其他不利影响的， 顶多是一时半会儿的事情，耐心的等等就好了， 也许是今天也许是明天 ，就又恢复了，内容是不会丢失或改变的，别着急， 会好的。另一种办法：给新浪博客信箱发邮件或给他们留言,会很快得到解决的.留言板: 信箱:sinablog@ 谢谢您的提问，祝您一切顺利！我的博客 </t>
  </si>
  <si>
    <t xml:space="preserve">，燃油清洗剂什么牌子的较好？价钱是多少？ </t>
  </si>
  <si>
    <t>你说的应该是燃油添加剂。牌子比较好的有快乐跑，3M，海龙。海龙是中石化的15元一瓶吧。3M也差不多。快乐跑会贵点90元左右吧！</t>
  </si>
  <si>
    <t xml:space="preserve">NEC手机数据线哪里买的到 </t>
  </si>
  <si>
    <t>需要哪一款的?我有一条,不用的了手机不见了就扔在那.可以打售后维修点啊</t>
  </si>
  <si>
    <t xml:space="preserve">我的首页模块为何有时没看到了我有时打开BLOG，首页的模块有时没 </t>
  </si>
  <si>
    <t>1.同时上的人太多了，而且又正好赶上3.0的测试，繁忙造成如此暂时现象，不要着急，稍等一阵时间就好了，它不会对你的博客有丝毫影响，只是进入自己的博客有问题，或是打开不全，或是不能发表文章、评论和留言，或是不显示图片，而且也不是所有的博友都受影响只会是一部分，慢慢就好了，没事的。2. 很可能由于本地的服务器和网络系统的交互出现问题，不能及时上传到服务器;有时候网站的程序出错了,黑客入侵，关闭或删除了你要启动的程序时也会出现这样的情况;3. 根据我的观察和判断,在网络系统繁忙的时候对于系统配置比较低的本地电脑或本地服务器拥挤，添加了错误的代码时经常会出现点击页面上的操作按钮没有反应以及在打开页面的时候页面左下方提示网页有错误的现象;发不了文章，影响你的BLOG登入，活力地带无法显示,文章打不开，发不了，页面速度和显示！内容是不会丢的4.可能是您在首页加入了无法使用的网址.只有在新浪博客首页登录后进入自己的控制面板,把自己的自定义面板的内容以代码方式存成文本文件.然后将自定义面板全部删除,这样您就可以打开自己的首页了.然后再把刚才保存的代码重新加入进去.再一个个添加到首页,添到哪一个又出现首页打不开的现象了,您就不要再用这个代码.把其它的加上就可以了5. 这应该是新浪系统升级或其他的原因造成的。不过，你可以打开IE选项常规下删除Cookies和临时文件以及历史记录等，将安全、隐私选项设置为“默认，内容下清除Sll状态，确定退出后重启浏览器登陆试试看。浏览器需要启用允许Scripts、java和Activex。如果不行的话，隔一段时间再重新登陆试试。</t>
  </si>
  <si>
    <t xml:space="preserve">离合器壳体和离合器盖是不是一个部件？若不是区别在哪？安装位置有何? </t>
  </si>
  <si>
    <t>合在一起叫总成，所以不是；位置……上下，区别：一大一小。</t>
  </si>
  <si>
    <t xml:space="preserve">实况8里面史密斯怎么样啊?求教高手!你们说的史密斯成长后很厉害, </t>
  </si>
  <si>
    <t>曼联的史密斯，实况8里他不行，实况9是无敌变态。他是大器晚成型的，25岁后开始狂长，最后我把他培养到除了防守等几样前锋无关紧要的素质，其他全上95</t>
  </si>
  <si>
    <t xml:space="preserve">埃塞俄比亚地理位置，经济。人文。风土人情 </t>
  </si>
  <si>
    <t xml:space="preserve">    国名：埃塞俄比亚联邦民主共和国         （The Federal Democratic Republic of Ethiopia）    重要节日：独立日，３月１日（１８９６年）；国庆日，９月１２日（１９７４年）；阿杜瓦大捷纪念日，３月２日；埃塞人民革命民主阵线执政纪念日，５月２８日；埃历新年，９月１１日。       国旗：呈长方形，长与宽之比为３∶２。自上而下由绿、黄、红三个平行相等的横长方形组成，旗面中间有国徽图案。从１９世纪未期起，埃塞俄比亚就开始采用绿、黄、红横纹三色国旗。在现代史上，埃塞俄比亚是第一个跻身于自由民族之林的非洲国家。到本世纪五、六十年代，众多非洲国家相继独立，并纷纷采用绿、黄、红作为国旗色彩，于是被称作“泛非洲色彩”。埃塞俄比亚是非洲古国之一，有着３０００多年的漫长历史，赋予绿、黄、红三种色彩在这片大地上更深的渊源。历史上，它们与科普提克教堂的礼拜仪式息息相关，被供奉成圣父、圣子、圣灵三位一体的象征，体现人类自由所崇尚的忠诚、希望、仁慈三种美德。这三种色彩还分别代表埃塞俄比亚的三个地区：提克列(红)、阿姆哈拉(黄)、西奥亚(绿)。现在绿色代表肥沃的土地、温和的气候和丰富的植物资源，还象征对未来的希望；黄色象征和平与博爱，也代表人民建设国家的决心；红色象征人民为保卫祖国随时准备流血牺牲。原国旗上无国徽图案。１９９５年８月２２日埃塞俄比亚联邦民主共和国成立，新国旗中央增加国徽图案。      国徽： 呈圆形。蓝色圆面上一颗放射光芒的金黄色五角星。蓝色象征和平；五角星代表多样与统一，光芒象征繁荣、昌盛。          国家政要：总理梅莱斯·泽纳维 (Meles Zenawi)，１９９５年８月当选总理，２０００年１０月、２００５年１０月连任。     自然：位于红海西南的东非高原上，东与吉布提、索马里接壤，西与苏丹交界，南邻肯尼亚，北接厄立特里亚。领土面积１１０３６００平方公里。埃塞俄比亚海岸线长１０１３公里，境内以山地高原为主，大部属埃塞俄比亚高原，中西部是高原的主体，占全境的２／３，东非大裂谷纵贯全境，平均海拔近３０００米，素有“非洲屋脊”之称。年平均温度１３℃。 尼罗河水资源之争的由来     人口：６７００万(２００２年７月)，全国约有８０多个民族，其中奥罗莫族人占５４％，阿姆哈拉族２４％，提格雷族５％。其他还有阿法尔族、索马里族、古拉格族、锡达莫族和沃莱塔族等。阿姆哈拉语为联邦工作语言，通用英语，主要民族语言有奥罗莫语、提格雷语。居民４５％信奉伊斯兰教，４０％信仰埃塞正教，少数人信奉新教、天主教和原始宗教。      首都：亚的斯亚贝巴（Addis Ababa）是非洲海拔最高的城市。人口３００多万（２０００年）。年平均气温１５℃。     行政区划： 除首都亚的斯亚贝巴市外，全国按民族分九个州。      简史：埃塞俄比亚是具有３０００年文明史的古国。早在公元前９７５年，孟尼利克一世就在这里建立了努比亚王国。公元之初，这里兴起的阿克苏姆王国曾是非洲伟大的文化中心。公元１３－１６世纪，阿姆哈拉人建立了强盛的阿比西尼亚王国。西方殖民者１５世纪侵入非洲后，埃塞曾几度沦为英国和意大利的殖民地。１６世纪，葡萄牙和奥斯曼帝国相继入侵。１９世纪初分裂成若干公国。１８６８年英国入侵。１８９０年意大利入侵，并宣布埃受其“保护”。１８９６年３月１日，埃军击败意军，同年１０月意承认埃独立，在第二次世界大战中又彻底赶走了殖民主义者。１９３０年１１月，埃皇海尔·塞拉西一世登基。埃塞俄比亚的国名１９４１年正式启用。它在古希腊语中意为“被太阳晒黑的人民居住的土地”。１９７４年９月，临时军事行政委员会接管政权，废黜帝制。１９８７年９月，宣布成立埃塞俄比亚人民民主共和国。１９８８年埃塞俄比亚爆发内战。１９９１年５月，埃塞俄比亚人民革命民主阵线推翻门格斯图政权，同年７月成立过渡政府。１９９４年１２月，制宪会议通过新宪法。１９９５年８月２２日，埃塞俄比亚联邦民主共和国成立。      政治：１９９４年１２月，制宪会议通过新宪法，决定改国体为联邦制；实行三权分立和议会（内阁）制，政教分离。总统为国家元首，任期六年。总理和内阁拥有最高执行权力，由多数党或多党联合组阁，集体向人民代表院负责。议会实行人民代表院和联邦院两院制。人民代表院系联邦立法和最高权力机构，由选民直选产生的５４７名议员组成，少数民族至少占２０席，任期五年。联邦院拥有宪法解释权，以及裁决民族自决或分离、各州间纠纷等权力，由大约１１７名各民族代表组成，每个民族至少有一位代表，此外每百万人口可增选一名代表，由各州议会推选或人民直选产生，任期五年。     经济：埃塞是世界最不发达国家之一，农牧业是国民经济和出口创汇的支柱，工业基础薄弱。矿产和水力资源丰富。埃塞俄比亚水资源非常丰富，境内河流湖泊较多，号称“东非水塔”。已探明的矿产资源有石油、天然气、煤、金、铂、铜、钾盐、锌、铁、镍等，大部分未开发。已探明的天然气为２５０亿立方米。境内河流湖泊较多，青尼罗河发源于此，但利用率不足５％。埃还是地热资源最丰富国家之一。由于水土流失，盲目砍伐，森林破坏严重。工业门类不齐全，结构不合理，零部件、原材料依靠进口，制造加工业以食品、饮料、纺织、香烟和皮革为主。布局不平衡，集中于首都等两三个城市。农业系国民经济和出口创汇的支柱，主要粮食作物有大麦、小麦、玉米、高粱和埃塞独有的苔麸。苔麸颗粒微小，富含淀粉，是埃塞人民最喜爱的食物。经济作物有咖啡、恰特草、鲜花、油料等。埃塞俄比亚盛产咖啡，是世界咖啡１０大生产国之一，产量居非洲第三位，出口额占出口总收入的三分之二。咖啡的“根”就在埃塞俄比亚。公元９００年左右，埃塞的咖法地区一位牧羊人在山间放牧时，发现羊群在争吃一种红色浆果，食后群羊欢蹦乱跳，反应异常，牧羊人以为他的羊吃了什么有害的食物而彻夜提心吊胆。谁知第二天群羊安然无恙。这一意外发现促使牧羊人采集这种野果煮汁解渴。他感到这种果汁淳香无比，饮用后精神异常兴奋。于是他开始栽种这种植物，由此发展起今天的大规模咖啡种植。咖啡的名就是由咖法演变而来。咖法地区一直被世人称为“咖啡的故乡”。埃多草原，国土中适合放牧的草地占一半多，２００１年牲畜存栏总数１.３亿头，居非洲国家之首，产值占国内生产总值的２０％。旅游资源丰富，文物古迹及野生动物公园较多。埃塞俄比亚旅游资源丰富，文物古迹及野生动物公园较多。２００１年共接待１４万外国游客，外汇收入７９００万美元。    新闻出版：全国现有１３４家报刊。官方有阿姆哈拉文日报《亚的斯泽门》和周报《依扎瑞耶图》、奥罗莫语周报《贝瑞萨》、英文日报《埃塞俄比亚先驱报》、阿拉伯文周报《世界》。官方埃塞通讯社成立于１９４３年。埃政府于２００２年１月通过广播法并在新闻部下成立了广播局（EBA）。“埃塞之声”系国家广播电台，对内用阿姆哈拉、提格雷和奥罗莫语，对外用英、法和索马里语广播。埃塞电视台为目前唯一的电视台，１９７４年开播，用阿姆哈拉、奥罗莫和英语每天播放６小时。    外交：奉行全方位外交政策，主张在平等互利、相互尊重主权、互不干涉内政基础上与各国发展关系，睦邻友好，促进地区和平与稳定，推动经济合作和一体化；重视同西方关系，争取投资和外援；积极参与不结盟运动和非洲事务，加强同亚洲及海湾国家发展经贸关系。      与中国关系：中国与埃塞俄比亚一直有着友好的交往。早在中、埃建交之前，周恩来总理于１９６４年就访问过埃塞。两国１９７０年１１月２４日正式建交以来，友好关系不断发展，埃塞国家元首和政府首脑曾多次来华访问。１９９５年埃塞俄比亚总理梅莱斯应邀访问中国。１９９６年中国国家主席江泽民应邀访问埃塞俄比亚。２００３年１２月，温家宝总理对埃塞俄比亚进行正式访问。２００４年１０月底，埃塞俄比亚总理梅莱斯对中国进行正式访问。２００２年，中埃双边贸易额超过１亿美元。 </t>
  </si>
  <si>
    <t xml:space="preserve">想选个合适的服务器来魔力我是个新手,想玩魔力,因为我是在寝室,用 </t>
  </si>
  <si>
    <t>是根据区来判断的1区是最早的星座是一起开的前不久合并过不过大体上没什么影响选个人多老玩家多的区是最好的因为流通量高</t>
  </si>
  <si>
    <t xml:space="preserve">我该怎么再相信我的女朋友她骗了我三次，跟我演戏演了三次，第一次， </t>
  </si>
  <si>
    <t>因为你爱她,所以你痛苦;但是就是因为你爱她,她才会如此反复的伤害你当然,她应该也是对你有感情的,否则不会哭着求你的原谅.不过,你要清楚,她喜欢的是2个人,而你只喜欢她一个.所以在遇到类似的问题的时候,伤心的只有你一个,因为,她不在你身边的时候,你是在想她,但是,你不在她身边的时候,她身边还有个他在陪她,那么,也就是说,她是没有时间来想你的,当然也不会有时间来考虑你们之间的问题.我的意思是,她不会考虑你们以后怎么样,到底要跟谁在一起,因为她没有时间来考虑这个问题,总是有人在陪着她,你或者他.你不要指望她有一天会醒悟,除非那人不要她了,她身边没人了,但是,只要有人想要靠近她,她都会接受,你看是看不住的,靠原谅也不会让她感动的.所以,你要真的想要个结果的话,请你考虑清楚:1.是不是愿意接受这种无止境的原谅..再犯..再原谅.2.是不是能等到没有人靠近她,她的身边只有你(几乎不可能)的这天.3.一辈子都要等待别人给你的爱情施舍吗?4.是不是一辈子都愿意过一种提心吊胆的.如果以上几个问题,你都毫不犹豫的说是的话,那么你拥有等待的能力,你就选择和她共度此生.如果你的答案是不,那么早点解决你们之间的关系吧,如果她继续保证,你再想想这些问题,告诉自己该怎么做.我们尊重你的选择,目的是希望你幸福,朋友!!!!祝你幸福!!!!!!!!</t>
  </si>
  <si>
    <t xml:space="preserve">海南马自达323我刚拿到驾照买了一辆03年产海马323手动挡，行 </t>
  </si>
  <si>
    <t>首先询问原车主是否更换过,或到4S店查维修记录,如果没有更换过,那么就需要更换了,一般车辆行驶8万公里就要更换正时皮带.谢谢提问!</t>
  </si>
  <si>
    <t xml:space="preserve">蜂蜜里的白色沉淀物是什么？可以食用吗？ </t>
  </si>
  <si>
    <t>可以食用蜂蜜都是会结晶的，放了一段时间会有白色沉淀，这样不影响营养和食用，但影响了美观，所以在加工时往往通过高温使一些分子链断裂，达到不结晶的目的，如果温度不够，就会出现结晶情况。</t>
  </si>
  <si>
    <t xml:space="preserve">关于投资封闭式基金封闭式基金的折价率是怎么计算出来的？它标出的“ </t>
  </si>
  <si>
    <t>升水值是基金单位的市场价格高于单位净值的差额，单位净值是基金持有的净资产（证券按市场价格计算）除以基金单位总额的值。封转开，就是基金由封闭型转为开放型。</t>
  </si>
  <si>
    <t xml:space="preserve">是说WOW能给人物洗点吗?如果能的话,具体怎么洗? </t>
  </si>
  <si>
    <t>只能洗天赋点。到本职业的职业训练师那里去洗，点“我要遗忘自己的天赋”就会收到给钱的提示。每人限定最多只能洗5次（还是10次？？）天赋，每次都要给钱，第一次1G，以后每次都会更贵，最高50G。所以啊，加点要小心哦，不要乱加，赚钱不容易啊。</t>
  </si>
  <si>
    <t xml:space="preserve">石家庄到深圳有多少公里？石家庄到深圳汽车货运怎样走？石家庄到东莞 </t>
  </si>
  <si>
    <t>“石家庄”到“深圳”公路里程：2360 公里</t>
  </si>
  <si>
    <t xml:space="preserve">膝盖骨质增生的治疗方法 </t>
  </si>
  <si>
    <t>您好，膝骨质增生是属于关节炎的一种，是由于构成关节的软骨、椎间盘、韧带等软组织变性、退化，关节边缘形成骨刺，滑膜肥厚等变化，而出现骨破坏，引起继发性的骨质增生，导致关节变形，当关节负重时会引起疼痛。 指导意见：这种病主要好发于中老年人，常用腰部活动的重体力劳动者及运动员，发病并未常为人体大关节，不同部位的病变其表现不同，主要为发病关节周围的疼痛等。主要可以通过中医药物、针灸或是理疗等方法治疗，在生活中要注意保养不可过度劳累，建议要在专业医生的指导下根据具体的病情来进行治疗处理。中医治疗骨质增生采用中药赵shi养生膏药是运用中药归经原则，运用药物互相协调为用的效能，组成多味药物的大复方，以发挥药物的良好效果。由于膏药用于肌表薄贴，所以膏药中取气味具厚的药物，并加以引药率领群药，开结行滞直达病所。因此可透入皮肤产生消炎，止痛，活血化淤，通经走络，开窍透骨，祛风散寒等功效。赵shi养生膏药贴于体表的膏药刺激神经末梢，通过反射，扩张血管，促进局部血液循环，改善周围组织营养，达到消肿，消炎和镇痛的目的。同时药物在患处通过皮肤渗透达皮下组织，在局部产生药物浓度的相对优势，从而发挥较强的药理作用。</t>
  </si>
  <si>
    <t xml:space="preserve">到了夏天身上长包是什么原因?是上火吗?到了夏天身上长包是什么原因 </t>
  </si>
  <si>
    <t>我也有类似的现象。脖子和背都长了。我觉得就是上火。可以喝点百合绿豆粥或者吃点牛黄消炎片。</t>
  </si>
  <si>
    <t xml:space="preserve">初恋的情人现在有孩子,如果是你们,会有什么样的想法 </t>
  </si>
  <si>
    <t>会去看看这孩子长得和自己像不像。哈哈。其实，这也是很正常的事呀。人家既然不是非你不嫁，那也需要有自己的生活嘛。会有什么想法？有想法的话，人家结婚的时候，就有想法了。现在只能祝他们过得更好呗。</t>
  </si>
  <si>
    <t xml:space="preserve">九城通行证的账号和密码区分大小写吗？ </t>
  </si>
  <si>
    <t>九城通行证的账号和密码区分大小写吗？在登陆游戏时，账号和密码是不区分大小写的；在登陆九城通行证时，账号不区分大小写，密码是需要区分大小写的。</t>
  </si>
  <si>
    <t xml:space="preserve">刘忻最近行程是什么啊 </t>
  </si>
  <si>
    <t xml:space="preserve">4月4日深圳卫视年代秀4月7日重庆歌友会4月14日山西晋中商演4月21日杭州歌友会4月27日呼和浩特商演4月28日河南信阳茶文化节商演4月29日湖南郴州月月会 </t>
  </si>
  <si>
    <t xml:space="preserve">当男女见面时中途出现男性吸烟大家会认为这男性此刻的吸烟反映了他什 </t>
  </si>
  <si>
    <t>思考问题,或想说点什么,但没想好!</t>
  </si>
  <si>
    <t xml:space="preserve">你还记得这首歌吗？这是你最爱得分手假期。如今，你要离开了叫什么歌 </t>
  </si>
  <si>
    <t>我做不到 -  钟杰。  希望对您有帮助哦，谢谢。</t>
  </si>
  <si>
    <t xml:space="preserve">请教：用无线路由器后台式机网速变慢，笔记本网速正常！！我家装了t </t>
  </si>
  <si>
    <t>比较一下台式机和笔记本的MTU设置是否一致？我的系统是XP，方法是，开始－运行－REGEDIT，找到HKEY_LOCAL_MACHINE\SYSTEM\CurrentControlSet\Services\Tcpip\Parameters\Interfaces会看到几个文件夹，依次浏览每个文件夹，并察看窗口右边IPAddress或DhcpIPAddress，如果其值为你连接 Internet所用网卡的ip，则需要修改的就是这个文件夹。进入此文件夹，找到一个名为MTU的主键，看看这个值在台式机和笔记本有什么区别。在台式机如果没有，则创建这个Dword值，修改键值为十进制的1460，重启，看看是否解决。</t>
  </si>
  <si>
    <t xml:space="preserve">去斑我很小就有斑了，但不是遗传的，我现在只有16岁，斑主要长在鼻 </t>
  </si>
  <si>
    <t>老实说,一些自制面膜其实没什么用处的,就算有用你能坚持用一年嘛,是不,坚持不了嘛你可以用下我国中医科学院研发的纯植物中药成分 的清斑润颜组合祛斑,对色斑满有效的</t>
  </si>
  <si>
    <t xml:space="preserve">工行真的是很受老百姓的欢迎吗? </t>
  </si>
  <si>
    <t>老百姓一般用农行</t>
  </si>
  <si>
    <t xml:space="preserve">去港澳旅游需要办理什么手续？有什么好的旅游路线？怎么选旅行社？有? </t>
  </si>
  <si>
    <t>去香港，澳门旅游办通行证： 办港澳通行证是在你的户口所在地的市公安局出入境管理处办理，你带上身份证、户口本去办，那里拍照。 申办材料 1、提交填写完整并贴有申请人近期正面免冠彩色照片（48X33mm、背景为白色）的《往来港澳地区申请表》和相同规格照片2张。 2、申请人交验有效《居民身份证》、户口簿或者其他户籍证明原件并提交复印件。 3、如果你们那儿没有开通个人游，就需参加组团旅游的，须交验旅行社发票原件，并提交复印件。如果已经开放个人游的不需要发票，直接申请。 办理程序及期限 首次申请，申请人须亲自办理。 申请资料齐全后，初次申请10～15个工作日内办结； 收费标准及依据 往来港澳通行证100元/证；一次有效签注20元/件；二次有效签注40元/件。 备注 注：旅游签注类分为：3个月一次签注、3个月二次签注、一年一次签注、一年二次签注，每次停留期为7天。 如果你自助游，可以自己去，如果跟团，找有资质的旅行社去。需要按照你是去还是玩景点去，选择不同的线路。</t>
  </si>
  <si>
    <t xml:space="preserve">还有人会爱这样的女人吗?在她的初恋就没有了第一次.后来分手了,几 </t>
  </si>
  <si>
    <t>谈恋爱的时候上床是一种生活方式不叫放荡，她做了人家的婚外情也不叫放荡，放荡是一女与几男的关系，而且是一种与爱情没有多少关系的男女关系，懂否。</t>
  </si>
  <si>
    <t xml:space="preserve">支付宝.财付通.我以经给了钱.钱给冻结了.对方不发货怎么办? </t>
  </si>
  <si>
    <t>联系支付宝.财付通客服投诉,一般网络交易没法律保障,估计很难得到赔偿</t>
  </si>
  <si>
    <t xml:space="preserve">【山路水桥杜撰之145】以外观为标准择校（四字哲学名词一） </t>
  </si>
  <si>
    <t>形而上学</t>
  </si>
  <si>
    <t xml:space="preserve">今天清早起床就发现，阴茎上龟头有分泌物，而且尿尿后有轻微的疼痛感? </t>
  </si>
  <si>
    <t>应给与口服氟哌酸一周。效果很好！</t>
  </si>
  <si>
    <t xml:space="preserve">电1装备价格现在EXS高土卖多少CT？电1SUC套多少CT? </t>
  </si>
  <si>
    <t xml:space="preserve"> SUC套 1500W---1800W这样。 SEX高凸 1000---1300这样.</t>
  </si>
  <si>
    <t xml:space="preserve">史密斯热水器cEWH一80pEz5如何定时加热 </t>
  </si>
  <si>
    <t>中国网讯 在选购热水器时首先要确定容量，一般多口之家需要选择大容量的热水器，A.O.史密斯热水器CEWH-80PEZ5就是一个不错的选择。这款产品的市场售价2810元，受到不少消费者的喜欢。    众所周知，内胆和加热棒作为热水器的核心部件担负着热水器持久正常运转的重责。AO史密斯创新研发金圭特护加热棒，防腐，抗垢能力突破性增强，与金圭内胆、美式强力阳极棒组成的金圭特护系统，将热水器的整体品质升至更卓越境界，保证长久高效运行。按照美国承压标准2MPa设计，比中国电热水器的承压设计标准高出约67%。通过美国严格的“UL”标准下的10万次寿命实验。每批内胆都通过21公斤/平方厘米的承压实验，即使温度变化使内胆膨胀，也能确保安全。A.O.史密斯热水器CEWH-80PEZ5    AO史密斯特有MAX双模双动力速热系统，实现了速热/储热合二为一。在炎热夏天随时和家人无限量享用热水。同时能保证所出热水温度稳定，即使在寒冷冬天或水压不稳定的情况下，也能保持很大出水量，而且用电环境不受限制这种速热/储热二合一的热水器，集电快速与电容积两种热水器的优点于一身，更人性，更便捷。MAX双模双动力速热系统实现了速热3KW/储热两种模式二合一的梦想，集电快热与电容积两种热水器的优点于一身，并拥有速热变容，MAX增容两套动力系统，能在更短的时间内，为你连续提供多倍热水器容量的热水。在一定情况下，实现即开洗无限量热水。    另一方面这款热水器选用了双棒加热技术，真正实现了变容加热，在不同季节或不同使用量情况下，可分别选用速热半胆或速热整胆模式，和家人可以马上享受到适量的舒适热水。一个内胆，竟然能连续不断的提供四倍之多的热水，MAX增容功能，让传奇成为我们热水器生活的一部分。MAX增容功能能使相同容积量的内胆，提供出相当于它本身四倍之多的热水，你不必担心水量不够而飞快的冲洗，也不必担心洗到一半水冷冰冰的，拥有了MAX增容功能的热水器，能为你带来舒爽百倍的热水感受。 A.O.史密斯热水器CEWH-80PEZ5    另一方面这款产品采用了PS安全系统，特有双电流感应回路设计，实时监控您家热水器供电线路中火线、零线和地线是否有漏电电流，一旦发现热水器自动或外部接地系统异常，PS安全系统都将瞬间自动切断热水器供电线路中火线、零线和地线，如同拔掉插头一样彻底切断电热水器电源。 A.O.史密斯热水器CEWH-80PEZ5功率：3000W容量：80L参考价格:2810元</t>
  </si>
  <si>
    <t xml:space="preserve">在△ABC中，若sinA=3/5，cosB=5/13，求cosC? </t>
  </si>
  <si>
    <t>sinA=3/5 则 cosA=4/5cosB=5/13 则 sinB=12/13cosC=cos(180-(A+B))    =cos(180)cos(A+B)+sin(180)sin(A+B)    =-cos(A+B)    =-(cosAcosB-sinAsinB)    =-(4/5*5/13-3/5*12/13)    =16/65</t>
  </si>
  <si>
    <t xml:space="preserve">樱花大战5有PC版吗?如果没有的话,请教一下高手们,什么事候樱花? </t>
  </si>
  <si>
    <t>PC移植版还不是很确切，官方没发什么预告，有消息透露说是大概要今年十一月（貌似很多游戏都喜欢十一月），还有人说官方会根据市场反响，也就是说卖得不太好的话就不出PC移植版了。</t>
  </si>
  <si>
    <t xml:space="preserve">法师骑什么魔宠好?如题,我觉得骑个水蓝不错,最喜欢的就是水蓝的1 </t>
  </si>
  <si>
    <t>法师骑C.我觉得最好选技能格多的,因为骑C看C技能.所以最好技能格多,能多学个抗.至于你说水蓝....不PK的可以.但不PK,不骑C更好.我的建议技能格多就OK.</t>
  </si>
  <si>
    <t xml:space="preserve">如何在网上查询公司存在的真实性在网上看到一公司，请问如何在网上查 </t>
  </si>
  <si>
    <t>你要在网上查询公司的真实性，必须成为工商或信用网的会员才能查询详细信息，否则只能查询基本信息。</t>
  </si>
  <si>
    <t xml:space="preserve">义阳股理 </t>
  </si>
  <si>
    <t>义阳股理简要笔记默认分类 2009-08-03 20:42:54 阅读48 评论0   字号：大中小 订阅 1、大盘在20日线上运行时可以作多。2、止损率为3%3、做波段等待时机，放弃更多的机会，只做自己能做的机会。4、大资金介入的时间在什么地方：在放大量大幅度拉升的时间里。如果在以后的时间段里没有跌破这个价位区域的话就可以继续持有，或者在低位时补仓，但一旦破位此价格区域的话就应该果断出局。（是否还存在一个时间上的问题，例如三天内不能收复的话坚决杀跌等）5、量能平台：以量能（成交量）最大的那天K线的收盘价为标准，在这个收盘价格划一根横线，这根线就作为主力资金性质的判断标准，这个也称为量能平台。第一次的量能平台与第二次的能量平台在达不到10%的情况下上涨或下跌的可能性更大。6、量能突变的定义：今天的能量超过昨天量能的一倍以上，当天的换手应在1%以上。7、决策阴量：二个前提条件A、相对高位――――――有获利盘            B、阴量为近期最大－――最具参考性的量要看第二天的情况。8、量能一线战法：量的变化是一条线产生的量能为等高量能，产生的等高量能的平台应逐步抬高，可以确定优势主力量能，后势看涨。9、量坑战法：量与价格的低位形成共振时后市有可能大幅上涨（同一天量最小而价格也是最低的）。而不是共振的后市在突破平台后一般不会形成大幅的上涨。  二、博弈量能   我们知道中不会骗人的是成交量。庄家可以画出很漂亮的K线图，可以把各项指标反着做，其中不乏大单买进、小单卖出对倒、压盘、打压震仓等手段，但唯一无法作假的就是成交量。那些凶狠的庄家再隐蔽，也难逃在成交量上露出马脚，因为这项指标能准确、及时反映人在股市中的活动情况即交易行为。   股价涨是因为买的人多；股价跌是因为卖的人多，但无论买的人多还是卖的人多，势必要在VOL成交量指标上显现量堆，因此我们可以观察这些量堆来研究人。   三、量能突破   在使用技术指标软件时，经常有这种困惑即当某支股出现了买入点，但成交量并没有放大，该不该买？尤其在底部状态，很有可能要盘整一个阶段，原因很多，可能是庄家在隐蔽吸筹或压根就没有资金关照，虽然此时买进或许能赚到相当可观的利润，但漫漫路途碰到你这位急性子，会把你磨得没脾气。   当出现技术买点，可买可不买，买了固然没错，因为这是一个拐点，说明此股从此走向上升通道；不买也无偿不可，几十支股票同时出现技术买点，该买哪支？看基本面、技术面、消息面乃至政策面，不一定告诉你此股会不会涨？什么时候涨？既然如此，就设法寻找能涨的股，前提是：必须放弃诱惑，耐心等待有能量突破的股票。   能量突变的定义    散户要在股市中赚钱，必须跟着（主力）资金走，这已是当前中国股市的一种特色、一个颠扑不破的真理。   既然资金进场必须留下痕迹，什么痕迹值得我们去关注呢？能量突变。何谓能量突变呢？找到当天的成交量比前一天成交量（也可能比前一段时期）放大一倍以上，换手率在1%以上的个股就找到了能量突变的个股。  量能平台的设置   找到了能量突变的个股，说明（主力）资金有启动的意愿，这么大的成交量不可能是散户所为，但此时仅因为（主力）资金有启动的意愿，就盲目跟进是不可取的，原因在于我们不知道这些资金是好资金还是坏资金，好资金我们称它为优良资金；坏资金我们称它为不良资金。</t>
  </si>
  <si>
    <t>是否会怀上？我属于多襄卵巢病人，以前例假都不准时，一般都要40</t>
  </si>
  <si>
    <t>您可以用早孕试纸测试一下。祝您好孕！</t>
  </si>
  <si>
    <t xml:space="preserve">WPS转换为word文档时,数学公式怎么转?以前的一个WPS文档 </t>
  </si>
  <si>
    <t>WORD2000中文版提供了两种将WPS文件转换成WORD文件的方法，第一是将过去的WPS97文稿转换为WORD2000中文版的格式，由于WPS97良好的兼容性，这几乎不费什么功夫，直接打开即可，基本上不会丢失原有的格式；第二是将DOS下的WPS文件转换为WORD2000中文版格式，这就需要按照正确步骤选择一下了。可能很多用户都有这样的经验，原有的WPS文件在WORD中打开时，不仅原有的格式全部丢失，而且可能还会出现许多的怪字符，如"??、?小?俊??"等，很多时候只能手工修改，对于一篇长而言，这实在是一桩苦差事，但为了省下重新在WORD下打字的功夫，我们只能咬牙干下去。现在好了，有了WORD2000中文版，你所需做的，仅仅是在打开时用鼠标或键盘做一下选择罢了。　　当你想打开一篇WPS文稿时，WORD2000会提醒你此文稿需要转换(当然前提条件是你已经在"工具→选项→常规"对话框中的"打开时确认转换"功能被选中)，你只需要在"转换文件"对话框中选择是转换为WPS DOS文件还是转换为WPS FILE文件，假如原来是WPS97文稿的话，可选择WPS FILE文件；假如原来是在老的DOS WPS中完成的文稿，应该选择"WPS DOS导入"将原有文稿转换为WPS DOS文件 　　选择后直接按"确定"按钮即可，这样你就可以得到格式保存完好的文稿　　假如你是按系统默认的"纯文本"格式打开，那么你将会看到文稿中多出很多怪字符　　这主要是由于原有的WPS文档是用Ｄ方式完成的，按"纯文本"方式转换后，WORD2000对原有的1KB文件头和字体、字号、行间距、字间距、软空格等控制符无法识别（仅能转换硬回车），无法转换原有的格式，出现怪字符就是很正常的</t>
  </si>
  <si>
    <t xml:space="preserve">道具扣点形式买个道具12天就没有了~这个12天是不是应该改成上线 </t>
  </si>
  <si>
    <t>你的想法我同意 可是事实上衣服买回来开始 一直到12天的自然天 不管你在不在线 12天一到 自动消失</t>
  </si>
  <si>
    <t xml:space="preserve">彼此一般用英语? </t>
  </si>
  <si>
    <t>彼此 each other一般 generally</t>
  </si>
  <si>
    <t xml:space="preserve">想出租房子在芍药具北里2居能租多少钱？建86平米。精装+全电+空 </t>
  </si>
  <si>
    <t>2500是绝对没有问题的，还可以再高点，关键靠外经贸大学阿。我现在住芍药居吉利家园，那边行情我很清楚</t>
  </si>
  <si>
    <t xml:space="preserve">进行网上交易所需的手续费有哪些？一般为交易总额的千分之几？股票交 </t>
  </si>
  <si>
    <t>A股佣金千分之3。5，印花税千分之4，委托费1元/笔</t>
  </si>
  <si>
    <t xml:space="preserve">婆媳关系导致离婚我的表妹今年27岁，结婚两年了，夫妻感情还算不错 </t>
  </si>
  <si>
    <t>这样的日子真的很难过，让你表妹和他老公好好谈一次，老公要好好爱老婆才行啊，怎么能那样呢，最好不要离婚，一个人带着孩子会很辛苦的，看他老公有没有回转的余地</t>
  </si>
  <si>
    <t xml:space="preserve">手淫一天一次　　对人危害大吗？ </t>
  </si>
  <si>
    <t>手淫问题应该辨正的对待：（一）益处：应该说，阴茎的生长发育是伴随着阴茎的不断勃起发生的，很难想象没有勃起现象的出现而阴茎会发育良好的情况。适当的手淫时不但能够增加阴茎的勃起时间，而且能够强化勃起的硬度，促进阴茎的良好发育应该是理所当然的，另外适当的手淫可以缓解性压力、宣泄性兴奋，客观地说，这也不失为一条安全的渠道，而且能够缓解性冲动带来的焦虑。（二）害处：长期频繁手淫常可造成严重的精神负担，由于射精频繁，可造成精液质量下降，性欲减退，有的因射精刺激阈升高，以致在正常性生活时不能射精，均可能影响生育。过度手淫就属于一种心理障碍，并且会影响身体健康，造成一些泌尿生殖系疾病、性神经衰弱等。 主要表现为：(1)中枢神经系统和全身症状　如意志消沉，记忆力减退，注意力不集中， 理解力下降，失眠，多梦，头昏，心悸等。(2)泌尿生殖系疾病　慢性前列腺炎引起尿频、尿末滴白、下腹及会阴部不适、腰酸无力、性欲减退、阳痿、早泄、不射精等。</t>
  </si>
  <si>
    <t xml:space="preserve">那里有好的英语聊天室？ </t>
  </si>
  <si>
    <t>英语学习网站大观少年电世界1.空中外语学校(  　　在这个网站上，设计者针对不同水平的用户群，在虚拟的外语学校中提供了多种层次的教学模式。如中级美国英语教学、时事英语等。对于需要接触原汁原味美语的朋友还专门有一个收听美国英语、USA英语和美国习惯用语栏目。视频点播是该网站与其它一些同类型教学站点相比最为与众不同的部分，如果用户有条件使用专线或DDN上网的话，可以很流畅地通过RealPlayer来在线练习听力与口语。如果您是普通的Modem拨号上网用户，这项功能便不要尝试了。 　　2.世界英语( .on) 　　在世博英语网站上，用户除了可以进行英语听力口语锻炼、找到许多英文短篇进行阅读之外，还可以从这个站点上学习到多种提高自己英语水平的方法。网站上还介绍了一些诸如如何提高演讲水平十日口语进阶、口语要素精解等专题内容。为了避免阅读英语短文的枯燥，网上还特别开设了小溪时尚美语、美国探奇等特别栏目，供用户在学习英语的时候陶冶性情。 　　3.张士柏英语网( ) 　　张士柏作为国内著名的英语教师，以其命名的英语网站的确有其过人之处。针对不同水准的用户，在英语进阶中可以选择从初中一年级到高中阶段的学习，当你的计算机中有RealPlayer软件时，只要戴上耳机就可以直接领略美籍教师的纯正发音，从而就能最有效的学习英语了。而那些英语故事、幽默笑话以及古典名著又是你难得的阅读材料。此外，站点中还有TOEFL、GRE、GMAT等考试的动态以及相关试题样本、美国3000多所大学的主页链接以及移民海外的情况介绍，对于想出国留学的同学来说不可不去。 　　4.前沿培训网( ) 　　这个网站全面提供了关于TOEFL、GRE及大学英语等考试内容，远程教学、英语沙龙、招生信息等，相信都是英语爱好者的必选之地。而且学习之余，免费的线上杂志也可能让您在英语学习的过程中扩大自己的视野，领略更多学习英语过程中的情趣。 　　5.全球英语( ) 　　在这个网站上目前已经开设线上课程、线上杂志、趣味游戏、社区服务、 职业天地等数个栏目。其中，线上课程提供了数百个针对不同层次的学习者的听、 说、读、写方面的练习材料，内涵丰富而且趣味性强。在该网站中的英语教师还会通过聊天室或电子邮件来回答你在语言学习中遇到的问题。1,你要记住一定的词汇,词汇是你会话的基础,不然,你如何开口.所以,单词是一定要背的.　　不过我的背单词习惯不是按单词书或者字典里那样,我个人的体会是按顺序来背,很容易晕,因此我的记忆习惯是在阅读的过程中把生词提取出来记忆,反而可以记住更多的结构和用法.　　　　　　2,你要会把书本的东西变成自己的,这就要求你会使用结构.例如spend sometime doing something,如果你记住了这个简单的结构是"花费多少时间做什么事情",这个意思就可以表达了.　　学习最关键的在于要会举一反三,这也是我经常对我的学生说的.　　　　　　3,基础一般(我指的是不到大学英语四级的水平),建议使用&lt;新概念英语&gt;第二册,这本书的句型语法非常严谨,它的编写者我觉得很了不起,他完全是按层层递进的顺序来编写,而且反复操练到位.　　我要求我的学生做一些背诵的作业,学完一篇课文后.我要求他们依照课文来改写,他们知道把人物\地点做一些更换,非常聪明的照葫芦画瓢.我的学生是4年级的,我对他们的表现已经颇为满意了.相信成人是可以做得更好的.另外,&lt;走遍美国&gt;也是不错的教材.但走遍美国的结构不如&lt;新概念英语&gt;严谨,词汇却很了不得,但是它的词汇有很严重的阶级色彩.这也不奇怪,政治决定教育,教育理所当然反映政治了.　　　　　　在众多的英语教材中,我推荐3种:　　1,&lt;新概念英语&gt;尤其是第二册和第三册,难度适中,非常实用　　2,&lt;走遍美国&gt;倾向于随意的表达,词汇很好　　3,&lt;李阳英语&gt;　　很多人对李阳不以为然,但是李阳的确帮助了很多人.很多人说他不是一个学院派的英语教学者,是个比较成功的英语商人,我也这么觉得,不过,他的确可以在一定程度上帮助英语学习者.　　他编著的书不必全买,只要买他的一部&lt;发音突破掌上宝&gt;就好了!学外语的十条经验 　　谈到外语学习，匈牙利有一位叫卡莫·洛姆布的人说：“我大致用了25年的时间学习了16种语言，10种达到能说的程度，另外6种达到能翻译专业书刊，阅读和欣赏文艺作品的程度。” “我把自己漫游外语天地所获得的心得体会总结为十条：　　1、学习外语一天也不能中断。倘若确实没有时间，哪怕每天挤出10分钟也行；早晨是学习外语的大好时光。　　2、要是学厌了，不必过于勉强，但也不要扔下不学。这时可以改变一下学习方式；比如把书放到一边去听听广播，或暂时搁下课本的练习去翻翻词典等。　　3、绝不要脱离上下文孤立地去死背硬记。　　4、应该随时地记下并背熟那些平日用得最多的“句套子”。　　5、尽可能‘心译’你接触到的东西，如一闪而过的广告，偶而听到的话语，这也是一种休息的方式。　　6、只有经过教师修改的东西才值得牢记。不要反复去看那些做了而未经别人修改 的练习，看多了就会不自觉地连同错误的东西一起记在脑了里。假如你纯属自学而无旁人相助，那你就去记那些肯定是正确无误的东西。　　7、抄录和记忆句子和惯用语时要用单数第一人称，如“I am only pulling your leg"(我只是要戏弄你) 8、外语好比碉堡，必须同时从四面八方向它围攻：读报纸，听广播，看原文电影，听外语讲演，攻读课本，和外国朋友通讯，来往，交谈等等。　　9、要敢于说话，不要怕出错误，要请别人纠正错误。尤为重要的当别人确实为你纠正错误时，不要难为情，不要泄气。　　10、要坚信你一定能达到目的，要坚信自己有坚强不屈的毅力和语言方面的非凡才能……I am a foreigner here in China. I dont think there is any so-called "English grammar or phonetics" Readings and oral practices will let you getting use to a language usage. I am learning Chinese Mandarin now but I dont think there are sets of rules or grammar in Chinese!"Good good study and day day's up \(^-^)/"Good Luck! 先去买本资料。这资料有以下特点。1。初级2。有中英文课文对照3。每课后有单词表4。有配套磁带买个复读机。先开始把课文中文翻译看了，大致有个了解。然后边放磁带边看英文课文，并模仿磁带里面的发音，跟读几遍。熟练到不听磁带就可以朗读课文。然后记单词表，把每个词的拼写记下来。记完单词表后，把书合上，放磁带，以句为单位放。放一句，拿笔在本子上把这句写出来（听写）。如果没听清楚，倒回去再放。直到听清为止。如果单词写不来就空在那里，先把会写的写了。整篇文章听写完后，再翻开书。把写不来的巩固一下。当可以完全听写出整篇文章后，就可以学习下一课了。注意：在这过程中可以不学音标，就像中国人学中文。没有谁是生下来就先学拼音的，都是先学说话，学发音。到了小学才开始学拼音。所以音标可以入门一段时间后再学。同理语法也可以先不学。老外语法就比中国人差。但是英文水平很好，熟练到脱口而出，根本就不需要语法。没有中国人在说中文前要先去想一下什么主语，谓语，宾语该怎么搭配的。都是脱口而出。贵在坚持，不要因为暂无成效而放弃。把最艰苦，最乏味的学习当成人生最大的乐趣，越是这样成功的可能越大。祝你成功！Happy Chinese New Year!</t>
  </si>
  <si>
    <t xml:space="preserve">是否怀孕我已经买了两次验孕棒来试了，但是结果都是一样的结果是，一 </t>
  </si>
  <si>
    <t>建议你去正规医院妇科做血检HCG(人绒毛膜促性腺激素），这是检测是否怀孕最迅速而又准确的方法。</t>
  </si>
  <si>
    <t xml:space="preserve">屠龙问题如果我去黑龙插剑未插成功这时我死了我这时退出团队那个黑龙 </t>
  </si>
  <si>
    <t>是有进度的,我做了三个星期才做完,最后是和公会去的,要不就找朋友帮忙,SS帮石头,小D站复.....做不成时郁闷啊,祝你好运</t>
  </si>
  <si>
    <t xml:space="preserve">请教股票指数的问题请教各位:以前上证指数1800点左右好像就是最 </t>
  </si>
  <si>
    <t>看和啥时间比，2001年1400点股改就是1700点，再加上被稀释的300点，差不多就是2000点。</t>
  </si>
  <si>
    <t xml:space="preserve">少见的称号有哪些最少人有的帮忙下有哪些找谁接的也写下谢谢拉 </t>
  </si>
  <si>
    <t>现在的称号一般有:主城称号(你可以显示你所在的帮派占领的城称号,带属性);挑战称号(在洛阳挑战,称号不带属性);冲值称号(前些日子有冲卡给称号,属性是无视防御3%);神秘商人称号(在那里买任务用品,一般称号都不带属性,但任务完成有声望获得);任务称号(完成主线,支线任务时给的称号,不带属性);很久以前的打造称号(打造排名首位的给打造大师称号,不带属性)不足的地方,由后来的同志补充</t>
  </si>
  <si>
    <t xml:space="preserve">为什么每天睡觉之后肚子都会痛？求解 </t>
  </si>
  <si>
    <t>你好,你的情况考虑消化不良，建议服用吗叮啉片改善症状看看。另外需要少食多餐和多活动锻炼。  不过是药三分毒，尽量不要吃药，吃药有副作用的，多喝水，多吃水果，注意饮食规律和睡眠状态，多出去走走，把心情调整好。</t>
  </si>
  <si>
    <t xml:space="preserve">我存在，你深深的脑海里这是什么歌？ </t>
  </si>
  <si>
    <t>是“曲婉婷-我的歌声里”顺便纠正下下哦，歌词是“你存在，我深深的脑海里”</t>
  </si>
  <si>
    <t xml:space="preserve">为什么很多人患白癜风长期治疗还没好 </t>
  </si>
  <si>
    <t>　　众所周知，白癜风是一个世界性的疑难病症，而且还具有一定的遗传性，本身就治疗起来有难度。更何况影响白癜风发病的因素很多，涉及到生活中的方法面面;症状表现、发病部位、患发人群也是无处不在，再加上个体差异性的存在，因此，对于白癜风的治疗的确不是一件容易的事，需要患者有足够的耐心和勇气。　　白癜风属于难治性疾病,其发病诱因有几十种，如精神因素自身免疫黑色素自毁等，盲目治疗只能控制或缓解病情，达不到根治的效果。"病程短、范围小、仅颜面部白斑的病人，预后较好;而病程长、范围大、进展期、节段型白斑者，预后较差。治疗疗效与以下因素有关：年龄越大越难治，病程越长越难治，越到末梢(手足)越难治。　　患了白癜风要保持一个良好的心态，是治疗该病的关键，所以要精神乐观，平时要生活有规律，多加锻炼，饮食清淡有营养，增强自身免疫抵抗机能。治疗白癜风必须要专病专治，经过科学系统化、规范化的检测，确定病情，查明病因，从根源入手针对性治疗，治疗的同时日常要做好护理。　　以上是对“为什么很多人的白癜风没治好”这个问题的建议，希望对您有帮助，祝您健康!</t>
  </si>
  <si>
    <t xml:space="preserve">刚开始玩模拟人生为什么起火后无法扑灭,走开也不行,最后要烧死? </t>
  </si>
  <si>
    <t>是游戏的问题，找个好点的版本，买来重装。这问题也试过，结果要拿5元去买另外一个碟子，重装。</t>
  </si>
  <si>
    <t>拜仁4</t>
  </si>
  <si>
    <t>这也叫拼?哈哈!</t>
  </si>
  <si>
    <t xml:space="preserve">河北610能被辽大录取吗？我是河北一女生，今年考了610，能被辽 </t>
  </si>
  <si>
    <t>我说妹妹啊，你610考辽大太白瞎了啊。辽宁大学在辽宁省内还是比较 有名气的，但是出了省就不行了，如果你以后还想回河北的话最好还是不要来辽大了。如果你真的非得要来的话建议你报考辽宁大学经济学院经济学基地班，我就是这毕业的，我们这个基地班在全国好像一共有10家左右，北大清华吉大也都有这样的基地班。最吸引人的是我们每年都有保送硕士的名额，而且比例较高，如果你的素质和成绩较好的话，完全可能被保送到人大、吉大、南开等等好大学毒硕士。这点还是比较吸引人的，你可以好好考虑一下。</t>
  </si>
  <si>
    <t xml:space="preserve">奔腾B50两个前门上面的小音箱不响放CD，只有4个喇叭不响。前门 </t>
  </si>
  <si>
    <t>这位网友您好：如果有喇叭的话，从CD上调整一下模式。谢谢</t>
  </si>
  <si>
    <t xml:space="preserve">加布林的获得我是LM的，这月暗影马戏团是在BL那边，但我想做加布 </t>
  </si>
  <si>
    <t>先去黑石深渊买2个黑铁酒杯,记住一定要买2个.最好全来.黑铁酒杯的位置你找个有传输器的人直接传过去.在2层有个NPC有卖.桌子上面也有,你可以自己拿几个.然后找到马戏团里有个女兽人,和她对话她会说他的青蛙丢了,你把酒杯放在她脚下,5秒后加布林就会来了.然后交任务青蛙到手.一个星期后孵化出来.不可以交易.等孵化出来后你把黑铁酒杯放在地上,青蛙自己会跑去喝,很有意思的.</t>
  </si>
  <si>
    <t xml:space="preserve">问一个问题请问，在新浪如何分享小说。我要详细的描述，谢谢。 </t>
  </si>
  <si>
    <t>每个文的下方，都有一个红色的新浪读书的标记，旁边标着“转发此书至微博”，只要点击了，就自动转发到你的微博</t>
  </si>
  <si>
    <t xml:space="preserve">爱问知识人问题爱问新版个人中心左面的头像及积分和名次,都不显示了 </t>
  </si>
  <si>
    <t>奥莉茄,您好! 您是无意错选了隐藏该部分模块.请登陆后进入新版个人中心,点击右边个人管理,恢复首页相应显示模块即可. 祝愉快.</t>
  </si>
  <si>
    <t xml:space="preserve">本人是大学生创业，公司刚成立不久，打算先自己做财务，可是对于财务? </t>
  </si>
  <si>
    <t xml:space="preserve">    公司成立后必须建立账套，根据公司实际情况设置会计科目，这需要专业的会计人员来进行操作，如果你想自己做财务，可以先找个人把账套建起来，同时自己去考个会计证，以后就自己操作。    小公司财务报表一般只做利润表和资产负债表，有必要时还需做现金流量表和所有者权益变动表。    交什么税要看你的经营范围，你去办税务登记证时可以向窗口人员咨询，他会告诉你哪些经营范围要交国税或地税。假如里面只有一项是需要交国税，而这一项又可有可无，就可以把这项从经营范围中去掉，这样只需交地税即可。</t>
  </si>
  <si>
    <t xml:space="preserve">好话坏话都要说　八字俗语一 </t>
  </si>
  <si>
    <t xml:space="preserve">善有善报，恶有恶报 </t>
  </si>
  <si>
    <t>我的9场,中了传图01曼　联</t>
  </si>
  <si>
    <t>沙尔克--汉诺威---3这场过了应该就中了</t>
  </si>
  <si>
    <t xml:space="preserve">泰国签证怎么办？我要9月份去泰国，不想跟旅行社，自己去使馆签证处 </t>
  </si>
  <si>
    <t xml:space="preserve">中国公民赴泰签证规定签证地点及工作时间:上海中山东一路7号三楼 星期一至星期五上午9:30 --- 11:30 旅游签证:签证费用 200 RMB凡赴泰旅游,访友和探亲者需办此类签证。具体程序如下： 填写旅游签证申请表一式一份，申请表必须本人签名，2寸照片一张，申请者本人单位或街道办事处的英文担保信原件（内容包括：申请者姓名；赴泰目的；在泰停留期；该信必须担保申请者按期返回中国，使用印有该单位抬头的信纸打印，并附有该单位的地址及电话，此信还必须加盖单位公章，负责人签字及签字人的姓名和职务），出示已经确认的往返机票，并递交该票的复印件一份，护照和护照复印件一份。此签证可以在泰国停留60天。 非移民签证：签证费400RMB凡赴泰为联系业务，出席会议，参加培训和进行学术交流不超过90天者需办此类签证。申请者需递交如下材料： 填写签证申请表一式四份，申请表必须本人签名，2寸照片四张，泰国有关部门单位负责人署名的邀请信原件，并注明申请人在泰居留的时间和邀请单位的营业执照复印件（含公司股东登记证），申请者的工作单位致泰王国驻上海总领事馆的英文照会信原件，确认申请人为本单位人员及其赴泰目的；在泰停留时间，保证其在照会信注明的期限内离泰，该英文照会必须加盖公章并有负责人署名，出示已经确认的往返机票，并递交该票的复印件一份，护照和护照复印件一份。 过境签证：签证费160RMB凡目的地是第三国仅从泰国过境者，或者从第三国经泰国返回中国者需办此类签证。申请者必须准备在泰国足够的费用，每人不少于人民币1600元，在申请过境签证时，需递交如下材料： 填写过境签证申请表一式三份，申请表必须本人签名，2寸近照三张，前往第三国的有效签证或者入该国国境不需要国境签证的证明；出示已经确认的机票，该机票必须注明飞往泰国和第三国的日期或者从第三国途径泰国回中国的日期，并递交该机票的复印件一份，护照和护照复印件一份，银行存款证明或者可兑付票证（旅行支票，信用卡等），其所有金额每单位申请者不少于1600元人民币，并递交复印件一份。 备注:签证申请需要两个工作日。 </t>
  </si>
  <si>
    <t xml:space="preserve">数学填空题1.如果多边形每个外角的度数都等于相邻内角度数的1/4 </t>
  </si>
  <si>
    <t>1.设每个外角为x,则每个内角为4x,因为一个内角和一个外角为180度依题意,得:x+4x=180,所以每个外角为180/5,因为多边形外角和360度,所以边数=360/(180/5)=10,内角和=180*(10-2)=40度2.设多边形边长为x,所以180*(x-2)=900度,解得x=7,所以边长为63/7=93.因为四边形周长为30cm,所以AB+BC=1/2*30=15cm,因为AB=2/3BC,所以AB/BC=2/3,设AB=2x,BC=3x,所以2x+3x=15,解得x=3,所以AB=6cm,BC=9cm4.因为菱形的对角线相互垂直和平分,所以边长=√(5^2+12^2)=13,所以周长为13*4=52,面积=1/2*10*24=1205.因为矩形的每个内角90度,对角线相互平分,,所以一条对角线所割两个三角形每个一个内角30度,所以一条短边是一条对角线的一半,设一条短边为x,则一条对角线为2x,所以x+2x=15,解得x=5,所以短边为5,对角线为10,所以长边=√10^2+5^2=5*√3</t>
  </si>
  <si>
    <t xml:space="preserve">油炸过的肉皮怎么烧好吃 </t>
  </si>
  <si>
    <t>大白菜肉皮汤</t>
  </si>
  <si>
    <t xml:space="preserve">尊敬的各位师傅您们好:我们公司所城建的一栋商住楼主体结构为框支剪? </t>
  </si>
  <si>
    <t>一、由于材料不同价格的组成也不相同，所以墙下部的200mm普通砖或砼砌块要分开计算，各算个的。.二、既然知道钢模板有租凭费，竹模板、木方支完顶板后一个月不用，等想用的时候也是要重新加固的，并且天气不好的话，这些东西也会变形有损耗的，只是索赔多少要商定个标准而已。应该给予一定补尝。.四、1.窝工就是说，正常情况下建筑公司每天进行工作产生一定的效益，给职工开一定的工资，可是由于你们的原因，至使职工的工资要照发，可是确不能给公司产生下常的效益，甚至要产生不必要的支出。.2.人工上涨费就是指那些可随时招集的工人，比如停工时一天的工资是20元，可是一个月后，工人的工资涨到了25元一天，那么这一个月的时间需要的工资 每个人就要多付（25-20）X30了。有很多技术工种工人的工资是随着季节的不同而变化的，并不是一成不变的。</t>
  </si>
  <si>
    <t xml:space="preserve">空中续力秀轻功，请给上句 </t>
  </si>
  <si>
    <t>盘内洗筹假重创空中续力秀轻功</t>
  </si>
  <si>
    <t xml:space="preserve">小面积吊顶用木龙骨好还是轻钢的好??现在装修吊顶是不是一般都用轻 </t>
  </si>
  <si>
    <t>你好!现在装修吊顶是一般都用轻钢龙骨.因为安装方便,而且达到防火要求,小面积吊顶也可以用轻钢龙骨,只是一些小面积的异形顶用木龙骨.你家只想在客厅的四周简单吊顶用轻钢龙骨比较适合,轻钢龙骨和木龙骨的差价,如果按你在客厅的四周简单吊顶的做法,基本没差价.</t>
  </si>
  <si>
    <t xml:space="preserve">感染巨细胞病毒能治好吗孟哥不好意识，又麻烦你来了，不知道为什么， </t>
  </si>
  <si>
    <t>呵呵，我说过很多次了：我不是医生，这么专业的问题我真的回答不了啊。不过我看到一些巨细胞感染的并有经过治疗都康复了，少数人视力留下了一些遗憾，所以你最好及时寻求专业医生的帮助，不要延误了病情。祝福你们～～</t>
  </si>
  <si>
    <t xml:space="preserve">刚查出怀孕，为何现在无法打掉我1月23日来的月经，6天干净，但是 </t>
  </si>
  <si>
    <t>药流的最佳时段是怀孕42天至50天之内.因为40天之前还没有形成胚囊.如果此时药流很难流干净.做清宫手术的可能性很大.医生说的是正确的.请你放心!</t>
  </si>
  <si>
    <t xml:space="preserve">如何操作此道C程序？将"ai"译成密码，译码规律是:用原来字母后 </t>
  </si>
  <si>
    <t>char ch;while((ch=getchar())!=EOF){ch=ch+4;putchar(ch);}</t>
  </si>
  <si>
    <t xml:space="preserve">请问匕首，双手剑，单手剑，双刀的区别讨论一下匕首，双手剑，单手剑 </t>
  </si>
  <si>
    <t xml:space="preserve">匕首 攻击稍高 命中低 致命几率高 适合刺客的偷袭 练级不是非常好 除非有技能双手剑 攻击高 命中稍高  致命几率一般 攻击速度慢 单手剑 攻击力低 命中高  致命几率低 攻击速度快 练级不错双刀   攻击高  命中高   致命**  攻击速度快 </t>
  </si>
  <si>
    <t xml:space="preserve">为什么城市生态系统是开放生态系统？ </t>
  </si>
  <si>
    <t>城市系统需要从系统之外获得能量和物质，又要将废物排出到所出动环境之中。严重依赖周围环境得到存在和发展。同时又具有自身的运动发展机制，不由环境决定它的发展状况和水平，独立于周围环境之中——构成具有独立的结构和功能的一个系统。是一个远离平衡态的耗散系统。生态系统都是耗散系统，将能量从高区到地区，物质从集中到分散、以增加环境的墒值来维建立、维持、发展自身的有序性——开放系统</t>
  </si>
  <si>
    <t xml:space="preserve">听说有打美白针的，打了之后就变白效果挺好的，是真的吗？深圳哪里有? </t>
  </si>
  <si>
    <t>是真的~大S就是说用美白针最管用，价格应该挺贵的，您可以去当地大的美容院问问</t>
  </si>
  <si>
    <t xml:space="preserve">我被骗了，紧急求助我被珞珈给骗了，他我交了五千元会费，加入他们的 </t>
  </si>
  <si>
    <t>你现在的情绪我看和我差不多。我是被这里弄了一肚子气。（其实很不值得的）现在我发泄完了。谢谢股点儿。我不想耽误大家的时间，所以我都选择了你，结束提问了。希望我真是把你“逗死了”，而不是麻烦了你。谢谢</t>
  </si>
  <si>
    <t xml:space="preserve">铁匠，裁缝，巧匠，6级要什么东西啊？？？ </t>
  </si>
  <si>
    <t xml:space="preserve">铁匠：凤翅镗 贯耳锤 瞬杀刃 安阳弩 驱魔幡裁缝：奇门战甲 九命下铠 洪荒履 吞云盔 绰约披风巧匠：沉星戒 耀辉项链 悠游腰带 破天戒 空灵项链 </t>
  </si>
  <si>
    <t xml:space="preserve">请帮忙看下这是什么文字？谢谢印尼？印尼属于哪个体系的语言　有什么 </t>
  </si>
  <si>
    <t>看来这是新加坡的商业标志。新加坡有四种官方语文：中文，英文，马来文（基本上与印尼文相同）以及印度南方的淡米尔文。</t>
  </si>
  <si>
    <t xml:space="preserve">走到雪塔5层怎样不踩到陷阱 </t>
  </si>
  <si>
    <t>我是从1楼学坐骑技能前面的陷阱踩2楼开始按图走的……一路上到5楼都没再有陷阱了……</t>
  </si>
  <si>
    <t xml:space="preserve">中午睡觉起床后脸红是怎么回事？特别是春夏，如果是冬天，中午睡的时 </t>
  </si>
  <si>
    <t>睡觉起来脸红主要是因为皮肤中的毛细血管持续性扩张而造成的首先应该找出病因，进行针对性地防治。对于血管神经性紊乱者，应当积极加强锻炼，提高血管对外界刺激的耐受能力，可以常洗冷水澡、桑拿浴，意见建议：也可以用热毛巾和冷毛巾交替敷面，先热后冷，如此锻炼皮肤，使皮肤恢复对温度的快速反应</t>
  </si>
  <si>
    <t xml:space="preserve">为什么我的U币兑换不了金币输入金币数目的时候输入不了数字 </t>
  </si>
  <si>
    <t xml:space="preserve">可以呀，我全部兑换了呀。好在可以在2005.2.28前换取U币（不扣积分）换U币 您登陆 可以看到专用币总余额:50币到 </t>
  </si>
  <si>
    <t xml:space="preserve">有些物品占包！！~卖不掉？？有些物品属性不好！！~扔不掉！也卖不 </t>
  </si>
  <si>
    <t>在长安城找NPC青铁  找他销毁东西就可以了 但是还会保留那东西7天哦</t>
  </si>
  <si>
    <t xml:space="preserve">冰刺长矛怎么弄我在奥山门口接了试练谷的任务。作完了怎么不能接后续 </t>
  </si>
  <si>
    <t>本人亲身试验：接了任务，只要大战场赢一次任务就完成了，绝对不需要杀将军</t>
  </si>
  <si>
    <t xml:space="preserve">所得税季度的处理所得税需要每月计提吗？在交第二季度所得税的时候没 </t>
  </si>
  <si>
    <t>可以是可以，可做表时你就要注意了</t>
  </si>
  <si>
    <t xml:space="preserve">谁来救我我男友和我分手，我觉得我在性方面有点依赖他，就因为这个我 </t>
  </si>
  <si>
    <t>~~~第一给他了 习惯了他种种吧。一分手什么都要不习惯的。既然已经分手了，只能自己学着慢慢适应，总不可能就跟他保持那种关系吧。试着放开胸襟去接受别的美好的事物，感情慢慢培养，那种事情也是可以的。没什么大不了的</t>
  </si>
  <si>
    <t xml:space="preserve">空间留言为什么没了留言栏为什么被消除了 </t>
  </si>
  <si>
    <t>如果是说说里的留言，那么留言者是可以自己删除的~你的是不是这种情况呢？要是留言板里的留言，在刚发上去的几分钟里或者是在主人还没有看的情况下是可以改的，但是不可以删除，要是时间长了，或者是主人看了，那就没办法了~</t>
  </si>
  <si>
    <t xml:space="preserve">你一天最多发多少个短信呢?主要对象是谁呢? </t>
  </si>
  <si>
    <t>不一定啊,有时多有时少,有时一条也不发</t>
  </si>
  <si>
    <t xml:space="preserve">静脉曲张用中药如何治疗？ </t>
  </si>
  <si>
    <t>中医治疗建议您可以行气疏肝 活血化瘀方药：柴胡疏肝散加减 药用：柴胡 枳壳 白芍 川芎 制香丹鸡血藤g 制乳香 水蛭粉草加减：疼痛加忍冬藤,地龙;扭曲块明显加三棱,莪术;患肢畏寒,麻木加附子,桂枝;患肢酸胀加威灵仙,地龙亲，如合用请加好评，如不合用也是费心找到的答案，绝对没有敷衍，请手下留情，现在我的好评数伤不起了。</t>
  </si>
  <si>
    <t xml:space="preserve">看下我这个暗影MS的天赋加点怎么样~~我只加戒律和暗影系~~暗影 </t>
  </si>
  <si>
    <t>暗牧在目前的大副本中没有人会认同，大副本的牧师讲究的是治疗效果和回蓝，而暗牧跟这两个不沾边，还是不要的好。如果洗暗牧就不要考虑副本。进了副本也不要输出，怕露馅，影响不好，治疗量低就告诉别人你网卡。</t>
  </si>
  <si>
    <t xml:space="preserve">有一部动漫里面的帅哥男主角经常吐血跪求片名 </t>
  </si>
  <si>
    <t>新撰组异闻录天才剑士．冲田总司   本名： 冲田(宗)次郎春政，讳．房良   变名： 藤原宗次郎   生日： 天保13年6月1日(西历1842年)   往生： 庆应4年5月30日(西历1868年)   出身： 奥州白河藩江户定府   肩： 天然理心流指南免许、五代目宗家   爱刀： 菊一文字则宗、乞食清光   绝技： ★天然理心流奥义．无明剑（三段突）   ★新选组剑术．用心   身份： 助勤笔头---&gt;一番队组长．剑术师范头笔头   简史：   少年剑士．冲田总司，说他是天才并不过分。九岁时，师事于近藤勇，加入了天然理心流道场「试卫馆」。并在十二岁之时，首度以天然理心流究极密奥义．三段突击倒白河藩剑术指南，而闻名于世。   随着近藤、土方一同上洛的冲田总司，在新选组结成之后，逐渐展露了头角。不只成为土方最倚重的头号杀手，也是最被信赖的前线部队指挥官。   特别一提的，就是池田屋事件时，随着近藤冲入池田屋二楼，干净利落的解决了尊王派、长州藩士．吉田稔麻吕以及勇猛闻名的肥后藩士．松田重助。然而，激战之后，总司却莫名其妙的喀血了。宛如冲田兄长般的土方，赫然惊觉总司罹患了肺结核。(土方岁三也有相当程度的医学知识)   庆应元年初夏新选组再编成，冲田总司担任了一番队组长．剑术头师范笔头。然而，身体每况愈下。到庆应三年九月之时，连击杀高台寺党的油小路歼灭战都无法出勤。而鸟羽．伏见会战，冲田已经病到无法下床。见状如此的土方，在危急之际赶忙将冲田护送上驶往江户的幕军军舰上、让总司得以至江户．神田和泉桥的幕府医学院入院就医。之后，岁三在宇都宫攻略之前，曾突破敌军重重包围，再次探望病笃的总司。其后，庆应四年五月三十日，冲田总司房良病死。合掌百鬼夜行狼牙现．</t>
  </si>
  <si>
    <t xml:space="preserve">劲舞1.6的进不去啊？怎么才可以进啊？帮帮我拉！1.6的才刚刚出 </t>
  </si>
  <si>
    <t>哈哈，和偶一样，，俺也不晓得，估计是还没有正式开启吧～～老兄，在等等～</t>
  </si>
  <si>
    <t xml:space="preserve">无法连接到服务器诛仙游戏能更新就是不能连接所有服务器之前是可以正 </t>
  </si>
  <si>
    <t>诛仙一般都是每周二早8：00-10：00更新维护（也有可能临时维护）所以这段时间是上不去游戏的祝你游戏愉快</t>
  </si>
  <si>
    <t xml:space="preserve">大额交易的外贸适合外卡收单吗？ </t>
  </si>
  <si>
    <t>大额外贸不适合外卡收单，外卡收单适合单笔交易金额在2000美元以下的中小额交易，因为信用卡有180天的拒付期，如果在这个时期内老外拒付的话，是全额拒付。资金风险还是很大的，一般第三方支付公司都对单笔交易金额有限制。所以，大额外贸还是用T/T或者L/C吧。如果属于中小额交易，可以了解下易宝支付的外卡收单产品，他们这个做的还不错。大品牌比较值得信赖。外贸收款，本来风险就很大，还是找个靠谱的公司好。</t>
  </si>
  <si>
    <t xml:space="preserve">急农民王某家中有一瓷器，是祖父留下。刘某通过他人得知王某家里有一 </t>
  </si>
  <si>
    <t>王某诉刘某欺诈是要拿出证据的，他们最初双方达成交易并履行了合同，时过境迁再反悔法院是不会予以支持的，中央电视台鉴宝栏目经常放这样的节目，其中一期有一位银匠收藏的一件金器，是别人拿去打金首饰的，他看见精美，便以二倍重量的金子换下来，结果专家鉴定这件金器价值80万，如果那位打首饰的看见这节目，肠子都得悔青吧，但他又如何去起诉人家呢，在古玩届只要有眼光，今天花一万买的东西，明天卖2万3万，甚至更多，太正常不过了。</t>
  </si>
  <si>
    <t xml:space="preserve">请问现在购买手机哪款好，要安卓系统，价格在1千元左右的，拜托各位? </t>
  </si>
  <si>
    <t>摩托罗拉ME865，德仪双核，4.3?肌Ｎ艺谟茫柿渴欠浅２淮淼模瞎郝?300左右，实体店1500—1600左右，性价比还是很高的，不过听说翻新机很多，网上购买的要看运气了，你可以去百度贴吧ME865吧了解了解。</t>
  </si>
  <si>
    <t xml:space="preserve">关于五险一金我们说的五险一金，我们和单位交的比例是怎么样的，比如 </t>
  </si>
  <si>
    <t>是按照基数和缴费比例来的，</t>
  </si>
  <si>
    <t xml:space="preserve">又见仙剑麻烦。。。。正版买哈啦~~~HOHO，我回家20分钟就装 </t>
  </si>
  <si>
    <t>显卡太低!!换个好的显卡后,再下一个1.1的补丁,就行了 这是我上传的1.1补丁,可以用的</t>
  </si>
  <si>
    <t xml:space="preserve">并非真的闹分家－－成语一 </t>
  </si>
  <si>
    <t>假门假事 ?</t>
  </si>
  <si>
    <t xml:space="preserve">GPS卫星校时系统的天线安装要领有哪些？ </t>
  </si>
  <si>
    <t xml:space="preserve">   GPS卫星校时系统的天线安装时，先将天线头安装在天线支架上，再将天线支架用膨胀螺栓固定在建筑物顶端，根据安装条件需要时可以使用弯角支架(备选件)。天线头要安装在室外，安装位置应视野开阔，尽可能安装在屋顶，原则上是顺着天线头往上看能够看到360°的天空。然后从上到下布置天线的电缆线。天线电缆铺设转弯半径不易过小，穿孔时注意包好接头。天线电缆长度是根据天线增益严格设计，不得剪断、延长、缩短或加装接头，否则将严重影响接收效果甚至收不到信号。    GPS卫星校时系统的天线应尽量避开山坡、树林、高层建筑物、铁塔、高压输电线等对天线波束的阻挡。天线主波束方向上应有足够的视界，天线正前方应有尽可能宽的视角。一般要求以天线基点为参考，对障碍物最高点所成的夹角小于10度。   GPS卫星校时系统的天线架设位置应避开风口，以减小天线的风载。在多雷雨地区，天线的架设位置应避开雷击多发地点，天线头应放在电厂/变电站避雷针避雷范围内。天线安装在屋顶时，只要视野足够，高出屋面距离越小越好。</t>
  </si>
  <si>
    <t xml:space="preserve">请问有绝影服务器的QQ群吗我想加入同上 </t>
  </si>
  <si>
    <t>我也是绝影服务器的！我也想入！我是吴国的！</t>
  </si>
  <si>
    <t xml:space="preserve">地线为何会带电？最近发现家里的地线都带电了。检查后发现是显示器插 </t>
  </si>
  <si>
    <t>你说的"显示器外壳的金属部件带电"是电人还是麻麻的针刺感?显示器中装有电源进线的滤波装置(有的是用两只电容接外壳)因此显示器插到电源插座后,显示器外壳会有麻麻的针刺感.但是如果你家的三线电源插座的"地线"接地良好的话,应该没有麻麻的针刺感.你应检查一下电源插排是否"地线'端断了.或者是你用了没有"地线"的两线插座.如果你家显示器外壳的金属部件带电到打手的地步,那也可能是显示器真的漏电了,但它不会引起家里全部的地线都带电.从你说的情况看很可能是电源插座的"地线"接地不良或乾脆断了.尤其廉价的"电源插排"地线断的可能性更大,换一个"电源插排"试试.</t>
  </si>
  <si>
    <t xml:space="preserve">F35闪电2的问题闪电2有3个型号？是拿三个个有什么特点？都是谁 </t>
  </si>
  <si>
    <t xml:space="preserve">首先你要明白闪电2是干什么的。F35是用来替换空军、海军、陆战队的大部分飞机。这么做可以省钱，但一种飞机很难满足不同军种的需要（11就是个失败的例子），所以设计了A、B、C型，尽可能的能通用零件。给你找了篇文章，把我想说的大概都提到了。我在看看有什么可补充的。为什么海军陆战队要短距起降，为什么海军不要短距起降？ 你想想AV-8B是给谁装备的、是在什么类型的军舰上部署的，就明白了。闪电2还有着舰尾钩吗？海军型的装备，你把它想成F18，F18不用舰尾钩能停的下来吗~~呵呵。F35"家族"共有三种型号,F35A, F35B和F35C,它们分享70%-90%的原件.分别是： （1）F35A--空军常规起落型(CTOL)。F35A将会为空军代替老化的A10和F16于2010并在 ，未来战争中会和F22一起行动.根据美军的构想,在F22作为战斗机取得制空权的同时F35A将会利用其2马克的速度和隐形技术投掷机舱内部的两枚2000磅精确制导炸弹于敌方的指挥或控制中心.一旦对手被"打瞎",.F35A的设计是其"家族"中设计最简单的一种。 （2）F35B--海军陆战队的短距起飞垂直着陆型(STOVL)。F35B将由海军陆战队使用.其形状,大小,和隐形技术也和空军的F35A基本相同.但是引擎和机身经过改进后可以减少起降需要的距离或者进行垂直起降.海军陆战队将会主要将其部署在两栖攻击舰上代替老化的AV-8B"鹞"式战机. （3）F35C--海军的常规起降舰载型。F35C将会装备海军,其外观也与以上两种有所不同.虽然使用一样的引擎和机身,海军版的F35C使用更大的双翼和尾翼以便在其低速接近航母时更容易控制.其机身也有所加强以吸收起降时的震动.另外更大的机翼也代表这F35C可以携带更多的油料来运载更多的武器或者拥有更大的航程. 所有这些型别的F35都将在一条生产线上制造，使用同一种针对CTOL和STOVL优化的发动机，并且拥有尽可能多的通用部件。此外所有的F35还必须使用同一种通用的支援和维护系统。F35不仅是多年来第一种满足多军种使用需要的战斗机，还是第一种在一条生产线上生产的具有多种配置的战斗机。 </t>
  </si>
  <si>
    <t xml:space="preserve">怎样消除接吻留在脖子的淤青 </t>
  </si>
  <si>
    <t>吻痕？你女朋友（男朋友）够狠的，用鸡蛋吧，就想淤青一样，用煮熟的鸡蛋剥壳在吻痕处揉揉，直到鸡蛋冷掉为止PS：记得刚煮熟的鸡蛋，不要怕烫，</t>
  </si>
  <si>
    <t xml:space="preserve">火烧瞭望塔那个任务在哪接的啊，我怎么就没有那个任务啊 </t>
  </si>
  <si>
    <t>你到45级后在河接吊鱼比赛,吊要扇贝,然后按指示做就会有要你烧掉海盗的了望塔.祝你成功.会得到一壶酒.到10壶时找"酒色财气"的"酒"那里得到称谓.</t>
  </si>
  <si>
    <t xml:space="preserve">&lt;&lt;暮春归数山草堂＞＞的解析？ </t>
  </si>
  <si>
    <t>暮春归数山草堂钱起谷口春残黄鸟稀，辛夷花尽杏花飞。始怜幽竹山窗下，不改清阴待我归。诗人运用对比的手法，刻画出幽竹不改初衷，不为俗屈的高尚品质。在“鸟归”“花尽”的暮春时节，窗前阴生环境下的竹子，翠绿葱茏，摇曳多姿，不改初衷，深情的迎接我的归来。诗人采用对比的手法，形象地表达了诗人对幽竹不畏春残，不为俗屈的高尚精神品质的赞美之情。</t>
  </si>
  <si>
    <t xml:space="preserve">如果一个女孩喜欢上了比她大5岁的表哥，那她该怎么办？ </t>
  </si>
  <si>
    <t>喜欢表哥很正常啊！但这种喜欢不可能是那种喜欢吧？万一是的话，不敢想象.....别自作多情了,你对表哥又感情不假,但别认为成就是那种感觉。</t>
  </si>
  <si>
    <t xml:space="preserve">您的回答：1、累计折旧科目既要在明细账中单独设置，根据记账凭证登? </t>
  </si>
  <si>
    <t>新问题：1、‘固资折旧明细账’与‘累计折旧科目明细账’是一回事吗？如果不同又有何区别？ （1）固定折旧明细账和累计折旧明细账不是一回事。（2）累计折旧明细账，是登记所有固定资产折旧的一个总合计数。（3）固定资产折旧明细账，是按照每一个固定资产的原值、折旧、净值分别登记的。2、您第一条回答我已知道明细和总账是分别根据什么登记的，想进一步问的是如果找些固资专用明细帐页（固资不多）装订入综合明细账薄中（公司小所以除日记账只设了总账、综合明细账各一本），则除了直接根据凭证把折旧登记在相应的固资那页外，不用再用普通的明细帐页单设一页（页上帖便于查找的标签‘累计折旧’）专门汇总登记所有固资的折旧了吧？如果不打算设置固定资产折旧明细账，也可以设置一本固定资产台帐，或者辅助帐，把每一个固定资产的名称、型号、购入时间、原值、折旧额、使用部门等相关信息登记上，以便对公司的固定资产进行管理。 2010-06-09 09:26 补充问题在总账中，‘累计折旧’也像其他科目那样每月汇总（我知道是按科汇表登记）登记？是的。不用登在总账的固资里吧（总账中的固资只登原值？总账中不直接反应净值？是的。总帐中的固资净值是需‘固资’-‘累计折旧’计算得来的？是的。</t>
  </si>
  <si>
    <t xml:space="preserve">你知道当官的人要为百姓做什么事情？很急！！！！！！谁能告诉我当官 </t>
  </si>
  <si>
    <t>为百姓秉公执法，增加百姓的收入，解决百姓的困难，为百姓伸冤情，处处为百姓着想。</t>
  </si>
  <si>
    <t xml:space="preserve">化学有关离子问题离子构成的物质带不带电？离子能不能够成以单质形式 </t>
  </si>
  <si>
    <t xml:space="preserve">离子构成的物质带不带电？--是的离子能不能够成以单质形式的物质---应该可以，如H-(氢负离子)和H+即可结合为氢分子　 </t>
  </si>
  <si>
    <t xml:space="preserve">我的宝宝现在在快21个月了，不能打甲流疫苗，不知道怎么可以增强抵? </t>
  </si>
  <si>
    <t xml:space="preserve"> 医生建议3岁以下的宝宝是不能接种疫苗的，我家孩子4岁了，我也没同意接种，担心有什么副作用。    我家宝宝现在是从运动和饮食两方面来加强宝宝抵抗力，每周我们都会带孩子运动，晚上天气好也会去散散步。饮食上每天都注意荤素搭配，我担心不够，听邻居的建议买了雅培的小安素，据说是美国儿科医生推荐的产品。早晚一杯，效果很不错，小安素金字塔配方里面含的优质的蛋白质、丰富的维生素和矿物质可以100％满足美国DRIs对宝宝每日推荐摄取量的需求，提供宝宝每日所需的全面均衡营养，研究证明挑食偏食的儿童在饮用小安素2个月后体重和身高的比值增加了14％，同时小安素里面含有益生元和益生菌，研究证明可以增强抵抗力，宝宝生病次数也减少了。雅培是大品牌，口碑一直很好，产品都有证可循，我用起来很放心，你不妨也试试看。 </t>
  </si>
  <si>
    <t xml:space="preserve">如何在比赛中更换阵型？？？ </t>
  </si>
  <si>
    <t>改变阵形在球队管理里面。进入球队管理以后，看左下角。会有一个阵形的小图框。你只需要点上面的“&lt;”或者点“&gt;”就可以改变阵形了。建议你改变阵形以后，设置好替补阵容。然后点下保存。那样你以后都会是那种阵形了在比赛中暂停，可进行换人、换阵型、设置盯人、罚球，多人模式比赛时需要己方控球才能暂停</t>
  </si>
  <si>
    <t xml:space="preserve">氧化汞化学式是什么？还有氢气和氯气产生什么（化学式）氢氧化钠+硫 </t>
  </si>
  <si>
    <t>HgOH2+2Cl====2HCl2NaOH+CuSO4====Cu(OH)2↑+Na2SO4</t>
  </si>
  <si>
    <t xml:space="preserve">那位姐姐可以告诉我告诉我？！！！不知道为什么我的阴部经常会痒，是 </t>
  </si>
  <si>
    <t xml:space="preserve"> 最好跟你的男友一起看医生！去之前检查一下阴部有没有小块，有的话，就去激光理疗科，没有的话你就去妇产科看！但一定要你男朋友一起去！不要对医生隐瞒，但也不要被庸医骗了！</t>
  </si>
  <si>
    <t xml:space="preserve">现在都还分不清楚是不是便秘，请问临床常见的便秘有哪些呢， </t>
  </si>
  <si>
    <t>便秘是临床常见的复杂症状，而不是一种疾病，主要是指排便次数减少、粪便量减少、粪便干结、排便费力等。上述症状同时存在2种以上时，可诊断为症状性便秘。通常以排便频率减少为主，一般每2~3天或更长时间排便一次（或每周&lt;3次）即为便秘。对一组健康人调查结果表明，排便习惯多为每日1~2次或1~2日1次（60%），粪便多为成型或软便；少数健康人的排便次数可达1日3次（30%），或3天1次（10%），粪便半成型或呈腊肠样硬便。因此必须结合粪便的性状、及本人平时排便习惯和排便有无困难作出有无便秘的判断。如超过6个月即为慢性便秘。</t>
  </si>
  <si>
    <t xml:space="preserve">求助！！！第一次ＭＬ和女朋友第一次ＭＬ就进去了４ＣＭ左右，当时很 </t>
  </si>
  <si>
    <t>是否会怀孕，其几率是多少，这些不是一句话可以说清楚的。如果性生活是在女性的排卵期内进行，其受孕几率在90%以上。至于进入4cm会不会使膜破了，这是肯定的。虽然已确定她是第一次，但不是没有经过第一次处女膜就是完好的，其实大多数女子的膜在骑自行车或大弧度的双腿展开运动以及手淫时都可能被弄破，所以第一次不见红并不奇怪。</t>
  </si>
  <si>
    <t xml:space="preserve">什么是OBM和ODM </t>
  </si>
  <si>
    <t>OEM/ODM是现代工业高度分工下的产物，以这两种方式生产销售的产品越来越多，因为这两种模式能更加有效地整和资源，达到双赢的目的。 OEM（即ORIGINALEQUIPMENTMANUFACTURER）意为“原始设备制造商”，是指一个公司根据自己的规格设计和生产一个产品，然后将其出售给另一家公司来冠注商标和分销。在计算机制造行业，OEM通常被用作动词。当人们说，一家公司OEM其它公司的产品…写不下</t>
  </si>
  <si>
    <t xml:space="preserve">听到女朋友的声音就冲动是真的吗？如果你一个男人在外地，每天给女朋 </t>
  </si>
  <si>
    <t>对初涉情场的人来说,至少现在,你在他心目中还没有可以替代的人和事.对于情场高手而言,不过是调情的手段,</t>
  </si>
  <si>
    <t xml:space="preserve">容量的问题1GB=MB </t>
  </si>
  <si>
    <t>1GB=1024MB</t>
  </si>
  <si>
    <t xml:space="preserve">马六甲海峡是我国远洋航线中最繁忙的东行航线枢纽,对不对?WHY? </t>
  </si>
  <si>
    <t>马六甲海峡长800多公里，除海峡沿岸国两岸享有12海里领海和海峡内小岛至少也享有12海里领海外，其余为专属经济区；海峡沿岸国对海峡领海水域享有主权，对海峡专属经济区水域享有主权。马六甲是亚洲联系欧洲和中东洲地区的重要海运通道，控制着全球四分之一的海运。按照统计，每年都有5万艘商船经此到达新加坡，全球每年近一半的油轮都途经马六甲海峡。 马六甲海峡与中国 自1996年中国成为石油净进口国以来，石油安全问题逐渐引起人们关注。美国兰德公司《中国寻求能源安全》研究报告所得出的一个结论是，中国石油安全与否仍依赖于美国海军庇护的马六甲海峡。而马六甲海峡又实在是太“拥挤”了，也的确是太不安全了。日本、韩国及我国台湾省每年约需进口的近4.5亿吨原油，都要途经马六甲海峡。巴西、澳大利亚的铁矿石、煤等大宗矿产品运往东亚市场，也要走马六甲海峡。 马六甲海峡也是中国通往印度洋的重要通道，中国的石油进口来自中东、非洲、东南亚等地区，进口原油运输有80％左右要通过马六甲海峡。据测算，每天通过马六甲海峡的船只近6成是中国船只。</t>
  </si>
  <si>
    <t xml:space="preserve">GM怎么我的号进去就与服务器连接中断啊！！ </t>
  </si>
  <si>
    <t>嗨！你好！    主要是天堂II服务器的原因，你可以换一个好的服务器，情况将会有较大的改善。下面有天堂II专用服务器网址资料。希望对你有所帮助，祝你顺利！           （一）天堂II官方网站天堂II  天堂II《初章》 战乱魅影  天堂II 帐号管理中心  天堂II 网络游戏_新浪游戏  天堂II 下载区                        （二）天堂II选择游戏服务器的方法《天堂II》新玩家可以按照游戏服务器列表中显示的Ping值，选择最适合自己的游戏服务器。选择游戏服务器的具体方法请点击此链接。                                 天堂II选择游戏服务器的方法                                      2004-9-10 　　    《天堂II》采用先进的技术，可以根据各地玩家身处的实际上网地域，自动识别并计算出玩家连接各组服务器的网络Ping值大小。Ping值的大小表示“客户端和服务器端交换数据的快慢”。Ping值越小，网络速度越好。玩家可以根据Ping值大小，优先选择Ping值小的服务器进行游戏。 选择游戏服务器的具体方法如下： 第一步：     1）进入服务器列表画面以后，请您先查看Ping值。Ping值的大小表示“客户端和服务器端交换数据的快慢”。Ping值越小，网络速度越好。建议您选择Ping值小的服务器。     2）单击服务器列表顶端的“Ping”按钮，服务器列表将按照Ping值大小从低到高重新排序。再次单击服务器列表顶端的“Ping”按钮，服务器列表将按照Ping值大小，从高到低再次重新排序。 第二步：    1）请您查看当前服务器的状态。玩家在选择服务器时，除了要考虑Ping值的大小以外，还必须考虑服务器的状态。Ping值虽小，但处于“拥挤”状态的服务器，也难以登陆。    2）服务器状态分为“良好”、“拥挤”、“普通”、“维护中”四种。--良好：表示您可以顺利登陆服务器--普通：表示该服务器同时在线人数尚未达到饱和--拥挤：表示该服务器同时在线人数已经达到饱和--维护中：表示该服务器正在进行系统维护，您暂时不能登陆。第三步：    如果玩家仍不确定，哪个服务器最适合自己进行游戏，还可以单击服务器列表栏底下的“推荐服务器”按钮。系统将自动为您筛选出最适合您进行游戏的服务器并依次排序。    此外，为了便于玩家记忆自己所选择的服务器，我们为服务器进行了编号，编号“01”即代表“1服”，以此类推。            （三）天堂II游戏服务器大全早期服务器列表：1 巴赤 上海 良好 12 2 席尔法特 上海 良好 12 3 卡因 上海 良好 12 4 雷欧纳 北京 良好 14 5 艾瑞卡 北京 良好 14 6 贾斯汀 北京 良好 16 7 帝凡安诺 广东 良好 15 8 音德米斯 广东 良好 15 9 泰昂 浙江 良好 22 10 佛兰兹 浙江 良好 22 11 鲁娜 江苏 良好 16 12 喀斯提恩 江苏 良好 15 13 艾琳 四川 良好 33 14 史坦瑞斯 四川 良好 33 15 赛瑞尔 重庆 良好 23 16 费沙 福建 良好 54 17 艾尔纳 华中 良好 34 18 耶里齐亚 华中 良好 22 19 席肯 山东 良好 22 20 史魁德 东北 良好 33    9月8日晚十点再增五组新服之名称列表       2004-9-8  《天堂II》再次增开5组公开测试服务器！与玩家见面的五组服务器列表如下：编号  服务器名称  地区 21    芙里奇欧    上海 22    奥菲利亚    上海 23    夏堂        广东 24    塔兹华      广东 25    阿历亚      江苏    为了响应玩家需求，引领更多玩家共同进入《天堂II》的精彩世界，新浪在9月9日下午16：00再次增开新服。    9月9日下午四点，与玩家见面的五组服务器分别是：1组北京服务器、1组东北服务器、1组浙江服务器、1组华中服务器及1组四川服务器。 特别请玩家朋友们注意的是,其中北京服务器以及东北服务器选择网通为ISP服务商，其它三组服务器选择电信为ISP服务商。    这新增五组服务器列表如下：编号  服务器名称  地区 26    倚旋        浙江 27    艾卡迪亚    东北 28    牙那        四川 29    卡迪雅      华中 30    雅格布提    北京   在广大玩家的热情支持下，《天堂II》于9月9日下午16：00点增设的5组新服再次爆满！应广大玩家的强烈要求，新浪于9月10日20：00点再次增开3组公测服务器。    9月10日晚八点，与玩家见面的三组服务器分别是：1组上海服务器、1组福建服务器、1组重庆服务器。 特别请玩家朋友们注意的是,其中上海服务器以及福建服务器选择电信为ISP服务商，重庆服务器选择网通为ISP服务商。    这新增三组服务器列表如下：编号  服务器名称  地区 31    瑟瑞辛      福建 32    罗伊恩      重庆 33    卡林特      上海               （四）天堂II私服网站天堂IIIP大全  天堂II寻找台服代理服务器的方法  欢迎来到欢迎来到天2外挂&amp;代理服务器网  目前最稳定的天堂II器——乖乖DēBoy天堂II端下载地址：   乖乖DēBoy 天堂II下载地址：  超级棒的服务器哦~~经验超高~~~服务器24小时开放。</t>
  </si>
  <si>
    <t xml:space="preserve">末次月经10月17日、11月20日抽血证实怀孕、11月28日到医? </t>
  </si>
  <si>
    <t>您好，感谢您的提问，对于没能在第一时间回复您，表示抱歉，让您久等了。 对于您的问题，子宫纵隔是否影响怀孕，答案是肯定的，子宫纵隔会增加不孕、流产的风险，但不是说只要有子宫纵隔就一定会流产，临床上直到足月分娩才发现是纵隔子宫的案例也不少，所以子宫纵隔也是可能顺利足月分娩的。因此，我对您的建议就是定期产检，定期复查，心态上顺其自然，尽量减少情绪波动对您的不良影响。最后感谢您的信任，有什么问题欢迎追问，祝您好孕！@协和章蓉娅</t>
  </si>
  <si>
    <t xml:space="preserve">2000奥林匹克运动会中国运动员代表团的平均年龄是多少 </t>
  </si>
  <si>
    <t>全团运动员平均年龄是24.4岁</t>
  </si>
  <si>
    <t xml:space="preserve">胃有息肉问题严重吗？照了胃镜发现有息肉，已抽取部分组织化验，现在 </t>
  </si>
  <si>
    <t>如果息肉不是很大，一般就只是良性腺瘤，建议住院电凝切除，大概需要一到两个星期，先要住院做检查，然后做手术切除，手术也简单，就像你照胃镜一样插一条管进去，然后切除，过程很短，不会很痛。做完手术还要在医院留医，检查伤口情况，进行消炎，防止感染，如果顺利就一个星期就可以了，免除后患总是好的</t>
  </si>
  <si>
    <t xml:space="preserve">心无界方能无疆什么意思 </t>
  </si>
  <si>
    <t>“生命本来就是一個旅程，所以不管有没有真正在旅行，我们都在旅途中。”“从古到今有哪一个人是因为得到很多金钱而保持永久的快乐？答案应该是绝对没有，所以我们更应该用心思考什么东西才能带来长久的快乐，然后决定之后，我们应该去追求。”“我们应该努力的是内在的修行，而不是累积外在的物质。”</t>
  </si>
  <si>
    <t xml:space="preserve">justonelastdance这首歌的电影谁有？ </t>
  </si>
  <si>
    <t>目前国内没有译过来这首歌是加拿大电影《最后一支舞（one last dance）》的主题曲，电影讲述了一个凄美的故事，故事中男主角得了绝症，临终前和心爱的人回到了最初相识的舞池跳完最后一支舞后死在了女友的怀里。</t>
  </si>
  <si>
    <t xml:space="preserve">破烂的弓是干什么用的（还满耐久的）．不是生锈的弓同题 </t>
  </si>
  <si>
    <t>没什么用~不是水龙弓材料~生锈的弓没耐久的!</t>
  </si>
  <si>
    <t xml:space="preserve">枪械识别7要具体型号同时送图 </t>
  </si>
  <si>
    <t>经过改装的某支AR系列的战术狙击枪，M110、SAM-R/SDM-R、MK12 SPR都有可能。无法看出量产的原型。</t>
  </si>
  <si>
    <t xml:space="preserve">现在大白菜多少钱一斤 </t>
  </si>
  <si>
    <t>现在当然是100钱一斤了，因为10钱为一两，十两为一斤哟。这是95年的大学考题，当时还被骂过是最无聊的考题。这题可苦了好多考生分哟。</t>
  </si>
  <si>
    <t xml:space="preserve">seveneleven是什么意思？吃晚饭的意思马？ </t>
  </si>
  <si>
    <t>是一家著名的美国超市1927年创立于美国德州达拉斯的7-ELEVEN，初名为南方公司，主要业务是零售冰品、牛奶、鸡蛋。到了1964年，推出了当时便利服务的"创举"，将营业时间延行为早上7点至晚上11点，自此，"7-ELEVEN"传奇性的名字诞生。美国7-11便利店，除经营日常必需的商品外，还协助附近社区居民收取电费、煤气费、费、水费、有线广播电视收视费，甚至快递费、国际通讯费，对附近的生活居民切实起到了便利的作用。1999年4月28日美国南方公司正式改名为7-ELEVEN，目前遍及全球20余个国家地区，目前已遍及全球20余个国家地区，每天平均有超过2000万人次，来自不同种族、不同肤色、不同生活习惯的顾客，接受7-ELEVEN提供的24小时全天候便利服务。2000年7月7日，美国总裁JIMKEVES在纽约证券交易中心以贵宾身份按下第一声宣布交易开始的铃声，正式宣告美国7-ELEVEN从那斯达克交易市场晋升到全球最活络的纽约证券交易市场，肯定了7-ELEVEN的全球竞争力。7-Eleven便利店的名称源于1946年，藉以标榜该商店营业时间由上午7时至晚上11时。今天，7-Eleven为提供更佳服务，已改为24小时年中无休营业，为便利店经营的模式立下里程碑；但由于7-Eleven名字已深入民心，故仍沿袭采用。目前北美州共有接近6000间7-Eleven，每日为6百万顾客服务，以独有品牌BigGulp、BigBite、Slurpee及鲜磨热咖啡驰名的7-Eleven，多年来亦不断开拓新的速食、热食及新鲜饱点等项目，积极为顾客提供多元化口味。另外，7-Eleven亦引入了多种便利服务以迎合个别商区顾客的需求，其中包括自动汇款服务、复印及传真服务，自动银行提款机服务及电话卡等。在北美州的7-Eleven中，约百分之五十五属特许加盟店，加上全球各地的加盟主及合营公司，7-Eleven全球计有超过27,000个零售点。国际市场包括日本、澳洲、墨西哥、台湾、新加坡、加拿大、菲律宾、英国、西班牙、瑞典、丹麦、南韩、泰国、挪威、土耳其、马来西亚、中国及关岛。除北美本土市场外，日本及台湾拥有最庞大的网络，分店数目超过10000及3400家。于1991年，日本的Ito-YokadoCo.,Ltd.，更向7-Eleven购入大部份股权，至此成为7-Eleven的大股东。7-Eleven素来活跃于参与社区公益活动。目前在美国本土的活动重点集中在帮助文盲及饥饿人仕。透过「阅读成就」基金，7-Eleven已拨款超过三百万美元资助1200个志愿团体，参与解决文盲问题，并利用电台节目鼓励小朋友养成阅读的习惯。另外，7-Eleven也经常以食物捐赠形式帮助贫户，估计每年向全美22个济贫机构共捐出重达四百万磅的食物。</t>
  </si>
  <si>
    <t xml:space="preserve">为什么新浪博客徐小明的博客打不开 </t>
  </si>
  <si>
    <t>应该是服务器的问题，但是两天了都修不好，怀疑这里边有问题，打不开的都是实时股评的博客。估计他的思路有点跟不上大盘 所以先搞的进不去  然后想好对策来应对他的失误</t>
  </si>
  <si>
    <t xml:space="preserve">美即面膜的价格问题。我觉得美即面膜的价格真的是有很大的出入在屈层 </t>
  </si>
  <si>
    <t>我也觉得是,用起来效果不大,而且觉得有点粘,特别是价钱问题,倒不觉得质量问题,只是觉得暴利,反正现在我是抵制它的试过凯婷没?有觉得凯婷不错屈层氏49.9两合,一合5片,不过不常有就是了</t>
  </si>
  <si>
    <t xml:space="preserve">吃河豚是否会过敏头天晚上吃河豚，第二天浑身出小红点，又痒又麻 </t>
  </si>
  <si>
    <t xml:space="preserve">    河豚鱼是一种味道鲜美但含有剧毒的鱼类。在我国主要产于沿海和长江中下游，且在淡水和海水中均能。很多地方盛传“拼死吃河豚”的说法，足见吃河豚是危险的，可致人死地。    您吃的可能是人工养殖的河豚，其毒性比野生的要弱很多，每克有毒组织含毒素低于2.2微克，很可能是属于轻度中毒，或谓之“过敏”。既了吃后有反应，为安全计，今后还是以不吃为好。　　　　■为什么河豚鱼会引起中毒？ 　　河豚鱼的有毒成分是河豚毒素，它是一种神经毒，人食入豚毒0.5mg-3mg就能致死。河豚的肝、脾、肾、卵巢、睾丸、眼球、皮肤及血液均有毒。以卵、卵巢和肝脏最毒，肾、血液、眼睛和皮肤次之。毒素耐热，100℃8小时都不被破坏，120℃1小时才能破坏，盐腌、日晒亦均不能破坏毒素。 　　　　每年春季是河豚鱼的产卵季节，这时鱼的毒性最强，所以，春天是河豚鱼中毒的高发季节。我国《水产品卫生管理办法》明确规定：“河豚鱼有剧毒，不得流入市场。捕获的有毒鱼类，如河豚鱼应拣出装箱，专门固定存放”，所以，河豚鱼还是不吃为好。仅有少数人是拼死吃河豚，但多数人是因不认识河豚鱼而不小心吃了引起中毒。 　　　　　　　　■河豚鱼中毒有哪些症状？ 　　　河豚鱼中毒以神经系统症状为主。潜伏期很短，短至10-30分钟，长至3-6小时发病。发病急，来势凶猛。开始时手指、口唇、舌尖发麻或刺痛，然后恶心、呕吐、腹痛、腹泻、四肢麻木无力、身体摇摆、走路困难，严重者全身麻痹瘫痪、有语言障碍、呼吸困难、血压下降、昏迷，中毒严重者最后多死于呼吸衰竭。如果抢救不及时，中毒后最快的10分钟内死亡，最迟4-6小时死亡。　　　　误食河豚鱼中毒怎么办？ 　　　对于河豚鱼中毒目前尚无特效解毒剂，发生中毒以后应立即将病人送往医院抢救，尽快使毒物排出，并对症治疗。预防中毒的最有效方法是管理部门严查，禁止零售河豚鱼，如果发现，将河豚鱼集中妥善处理。 　　　因特殊情况需要加工食用的河豚鱼应在有条件的地方集中加工，在加工处理前必须先去除内脏、皮、头等含毒部位，反复冲洗肌肉，洗净血污，加2%碳酸氢钠处理24小时，经检验鉴定合格后方可销售，其加工废弃物应销毁。 　　　当然，为了预防意外发生，人们还是不要抱着侥幸心理，为了贪一时的口味享受而去吃河豚鱼。  　　■食品法规明确禁止卖河豚 　　记者在南京市卫生监督所有关人士的帮助下，查阅了有关法律条文，《食品卫生法》规定，“禁止生产、经营、销售河豚鱼、毒蘑菇、织纹螺等有毒、有害的动植物食品。”《水产品卫生管理办法》第3条第（2）项规定，“河豚鱼属含有自然毒素的水产品，有剧毒，不得流入市场，因特殊需要进行加工食用的，经盐腌晒干后安全无毒方可出售。”有关专家解读说，根据条文规定，被禁止销售的河豚同样包括养殖的河豚，也就是说，吃河豚在法律上并没有解禁。      　　■养殖河豚也有毒但毒性很弱          　　虽然河豚没有解禁，但人工养殖的河豚每天在市场却大量流通，这是否意味着人工养殖的河豚就没有毒呢？江苏省淡水水产研究所有关专家说，目前市场上销售的河豚学名叫暗纹东方豚一号，俗称小巴鱼，这是近年来上海、南通等地水产机构研究培育的新品种，属于控毒河豚，只要处理得当，应该是可以吃的。有关人士认为，目前的食品安全管理法规对河豚的禁食规定显得太陈旧，没有跟上现代科技的发展步伐。其实，在江苏沿江的江阴、南通、泰州等地，吃河豚很普遍，事实上已经解禁。在南京一些酒店，吃河豚实际上也一直在悄悄进行。   </t>
  </si>
  <si>
    <t xml:space="preserve">盗贼死亡拥抱得到了就能FM了么?是不是得到了就能给头或腿FM了, </t>
  </si>
  <si>
    <t>NO，声望不需要崇拜，纠正1楼，友善就可用一个神像+一个职业人偶就能换到死亡的拥抱换到一个就能给头腿FM了，一个只能使用1次，用完就没了该物品可以重复换取</t>
  </si>
  <si>
    <t xml:space="preserve">梦见穿裤子会破是怎么回事我男朋友梦见自己穿裤子裤子破了再穿再破地 </t>
  </si>
  <si>
    <t>裤子表示事业，这个梦表示你的男朋友的事情不能成功。地上还又镜子的碎片表示你的男朋友非常辛苦。特别是他的内心世界。在这一段时间里，你要好好照顾他，关心他，爱护他，他会躲过这一绝。</t>
  </si>
  <si>
    <t xml:space="preserve">墨西哥将会给大家带来最大的惊喜———输球！他就是火锅变成大餐最好 </t>
  </si>
  <si>
    <t>新手呼悠水平也很高.西班牙打平我跳楼.墨西哥输球我跳舞.足菜就是这样的:先小冷,后大冷.美国大兵,阿根挺都冷更好.反正后面我包场,西班牙3我就中. 任九五胆四包,有机会中吗? 20分 回答：11   浏览：908   提问时间：2009-09-09 17:391 匈牙利 VS 葡萄牙--------0 2 波　黑 VS 土耳其 3 西班牙 VS 爱沙尼--------3 4 白　俄 VS 乌克兰 5 英格兰 VS 克罗地--------3 6 塞尔维 VS 法　国--------310 7 意大利 VS 保加利--------3 8 沙　特 VS 巴　林 9 德　国 VS 阿塞拜--------3 10 苏格兰 VS 荷　兰 11 萨尔瓦 VS 哥斯达--------310 12 墨西哥 VS 洪都拉--------310 13 特立尼 VS 美　国 14 巴拉圭 VS 阿根廷--------310</t>
  </si>
  <si>
    <t xml:space="preserve">请问用自体脂肪丰胸需要多少钱，我的腿部脂肪较多: </t>
  </si>
  <si>
    <t>你好，第一自体脂肪丰胸多少钱与爱美者个人情况有关：自体脂肪丰胸取决于爱美者胸部罩杯大小跟需求，有的爱美者胸部条件比较差，同时需求比较高，所以理所当然的价格要高一些。第二自体脂肪丰胸多少钱与专家有关，自体脂肪填充丰胸这个项目与医院专家是有很大的关系，自体脂肪项目做得好不好，取决于脂肪提出的纯度与成活率。经验丰富的专家可以保障吸脂的纯度和脂肪在爱美者体内的成活率。第三自体脂肪丰胸多少钱与医院有关，不同的医院因为各方面的差距，在自体脂肪丰胸的收费标准也是不一样的。选择不同的医院，价格也是存在差异的。</t>
  </si>
  <si>
    <t xml:space="preserve">请问哪里可挑到新颖的生日礼物？ </t>
  </si>
  <si>
    <t>礼品店和精品店都可以啊！就看你要挑哪一方面的礼物喽！如果是送年轻小男生或小女生就在精品店或礼品店都可以啊！如果是送给上级人物或者是亲朋就最好是看对方所要而定夺。祝你好运！</t>
  </si>
  <si>
    <t xml:space="preserve">怎么正确使用排卵试纸看别人的回答我还是不明白，排卵时，试纸的颜色 </t>
  </si>
  <si>
    <t>排卵时，试纸会呈现两条红线的.</t>
  </si>
  <si>
    <t xml:space="preserve">转什么职业好啊4转4种职业到最终转成什么职业,转什么叫好点,就回 </t>
  </si>
  <si>
    <t xml:space="preserve">武士可以转成：1 绝杀邪魔，2风暴雷魔 （这两个职业都是超高的攻击，但是防御，血量很低，现在这两个职业基本已经灭绝了）              3 英雄战神，4光明武圣 （这两个职业是目前战士里面比较多人选择的，属于防御比较好，属性比较均衡）法师可以转成：1 冰界神魔 ，2寒冰之神 （冰法也基本灭绝了）              3 炽焰天神 ，4炎龙尊者  （火法目前也就剩下少量炽焰天神在苦苦坚持，已经很少人玩法师职业了，也是目前的不均衡造成法师无法生存）召唤可以转成：1 冥界魔神， 2 唤龙之神              3  幻天使 ， 4 堕落天使（这个职业是很受争议的也是最多玩家玩的，【冥界魔神】一个不能PK只能为别人服务的职业，大家都叫他奶妈或者奶爸，只能抓JY带人升级，自身却没什么攻击能力，在很多服务器都是别人的出气筒，一有什么不顺心就会杀奶妈奶爸出气了，是一个很可怜，但是又是不可缺少的职业，因为他可以带你升级飞快，而且很省钱。   唤龙之神，幻天使 比较少玩家转这个职业，同样攻击力一般，  堕落天使 我个人就是玩这个职业，从刚刚开始进魔界一直玩到现在，我觉得这个职业是最均衡的，【先天 高抗性，高防御，属性伤害过万可以说他高攻击，还带有高反弹】，后天帮他加高攻击速度和高吸，那可是一个很变态的职业，除了没有能晕人的技能，可以说变变是发展最全面的）弓箭可以专职成为：1九幽邪魔，  2 幽暗魔神 （这两个职业目前也就只有少量的九幽邪魔存活，也就是挖挖矿做探子等等苦力活而已）          3射日战神，  4遮日之尊【遮日之尊 是目前最多玩家玩的职业，基本每个老魔界的玩家都会有一个遮日之尊的号，因为这个职业真的是可以花小钱，办大事。全部职业里面就弓号可以花最少的钱 做到杀人，刷副本，杀BOSS，而其他职业要做到这些，装备都不得不要很牛很变态，花费大量RMB】如果你是一个花小钱或者不花钱，就想体会到魔界所有副本，杀人，BOSS的乐趣，可以选择遮日之尊。如果你是花大钱的玩家，我建议你可以试一试 堕落天使                     </t>
  </si>
  <si>
    <t xml:space="preserve">养什么植物对室内空气有益？ </t>
  </si>
  <si>
    <t>不要那么复杂，芦荟好种易活，还可以吸收甲醛！</t>
  </si>
  <si>
    <t xml:space="preserve">为什么在网上搜不到霜花店啊！是被封了吗 </t>
  </si>
  <si>
    <t>在风行上一搜就有，我刚搜了一下，没问题。</t>
  </si>
  <si>
    <t xml:space="preserve">1988年，中国所取得外交成就有哪些？ </t>
  </si>
  <si>
    <t>1月18日至3月14日，中国海军舰队先后进驻南沙群岛南端尹庆群礁中的华阳礁，南沙群岛中部九章群礁边缘的赤瓜礁和东门礁，郑和群礁西南的南意礁，南沙群岛北端中业群礁西南的澄碧礁。在中国海军军舰的警戒和保卫下，中国施工部队在永暑礁正式开工建设第74号海洋观测站，这是1987年2月联合国教科文组织授权中国实施的合法行为。2月3日——中国与乌拉圭东岸共和国建交。乌拉圭位于南美洲东南部，首都蒙得维的亚。3月14日－－中越两军在南沙群岛之赤瓜礁海战。从7时30分中国人民海军登礁，到10时50分登礁人员全部回舰，编队撤出战斗，历时3小时20分钟；海上战斗从8时48分502号舰开炮还击，到9时36分556号舰奉命停止射击，共历时48分钟。战斗中，解放军战舰共消耗l00mm炮弹285发、37mm炮弹266发，击沉越舰2艘，重创1艘，缴获越南国旗1面，俘虏越军9人。越军伤亡及失踪约400人。在这次漂亮的海上保卫战中，中国海军以仅伤1人的代价，痛击了越军的入侵，沉重地打击了越南当局企图霸占我南海岛屿的嚣张气焰。7月9日——中国与卡塔尔建交。9月5日——邓小平在会见捷克斯洛伐克总统胡萨克谈话时说，技术是第一生产力。11月20日，中华人民共和国宣布承认巴勒斯坦国，两国建交。12月21日——邓小平在会见印度总理拉吉夫·甘地谈话时指出，要以和平共处五项原则为准则，建立国际政治新秩序和国际经济新秩序。</t>
  </si>
  <si>
    <t xml:space="preserve">关于公务员考试成绩[急]请问什么是“县(区)级直属机构综合管理类 </t>
  </si>
  <si>
    <t>湛江海关 监管一 又是属于什么？ 行政执法类或市(地)以下综合管理类</t>
  </si>
  <si>
    <t xml:space="preserve">六年级数学题学校组织长跑比赛，比赛路线如下图。1.比赛路线是从学 </t>
  </si>
  <si>
    <t>1.比赛路线是从学校出发，先向（南）偏（西）方向行进（800）米到电影院，接着向（东）偏（南）方向行进（1400）米到图书馆，最后向（北）偏（西）方向行进（1200）米回到学校。 2.小刚参加了长跑比赛，他每一段所用的时间分别是4分钟、9分钟、7分钟。小刚跑完全程的平均速度是多少？平均速度=（800+1400+1200）/（4+9+7）=3400/20=170米/分钟</t>
  </si>
  <si>
    <t xml:space="preserve">阿弥陀佛，顶礼师父，请问您戴旧了或者断了的佛珠该怎么办，阿弥陀佛? </t>
  </si>
  <si>
    <t>戴了很久，应该有感情了，物也有灵性了，建议就是继续戴，绳子断了，再串，一般卖佛珠的地方都会串，花点钱，让人串好一点，把珠子一直带下去。当然，如果有人喜欢，看上了你的珠子，你就随喜结缘了。阿弥陀佛！</t>
  </si>
  <si>
    <t>29级酒馆任务</t>
  </si>
  <si>
    <t>溪洞蛮力士和前哨你都看见了吧.那个地方有个山洞.洞里有战士!</t>
  </si>
  <si>
    <t xml:space="preserve">BT3脸吃化石合剂问题看了这个药水的属性突然想到如果打3脸1阶段 </t>
  </si>
  <si>
    <t>是和QS无敌技能类似效果,BOSS会攻击其他仇恨高的玩家,打3脸通过吃这个来交接T是不错``不过现阶段黑暗进入碾压的时代.吃这个打3脸不划算</t>
  </si>
  <si>
    <t xml:space="preserve">一块木板静止在光滑水平面上，一颗子弹沿水平方向射入木板，子弹进入? </t>
  </si>
  <si>
    <t xml:space="preserve">先分析过程子弹射入后作匀减速运动 木块作匀加速运动 最后两者达到共同速度 设从射入到达到共速时间为t 子弹初速v0 共速v1 子弹质量m0 木块m1则有(v0+v1)*t/2=0.02+0.01......1    v1*t/2=0.01.......21比2 得2*v1=v0.......3动量守恒得  m0v0=(m0+m1)v1得 m0=m1.......4子弹损失动能 （1/2)*m0*(v0^2-v1^2)......5放热等于系统总动能损失为 (1/2)*m0*v0^2-(1/2)*(mo+m1)*v1^2......65比6 再将34代入 得 比为3：2 </t>
  </si>
  <si>
    <t xml:space="preserve">请问从北京到上海坐火车要多常时间 </t>
  </si>
  <si>
    <t>直达，约11个小时。</t>
  </si>
  <si>
    <t>GqdRtiUfvRIDJpPaSScS</t>
  </si>
  <si>
    <t>rDnMmtGGPAOWMPyUJnVdtYRikhMXBmwdNLRjuNqOdIAbhvjSAB</t>
  </si>
  <si>
    <t xml:space="preserve">社保上有重大疾病保险的需不需要再购买重疾病的商业保险?如果得了重? </t>
  </si>
  <si>
    <t>社保重疾保障是报销型，是根据实际医疗费用来按规定报销的，且其对很多费用范围是有控制的；商业重疾险基本都属于给付型，直接凭诊断结果赔付和实际医疗花费没有关系，可有效减轻医疗费用压力，这往往是解决不能承受之重。所以，这两者相关结合是最好的状况。</t>
  </si>
  <si>
    <t xml:space="preserve">怎样可以去掉，脸上的小坑坑。在家就可以做的，不需要花太多的钱，节 </t>
  </si>
  <si>
    <t>每次洗澡时，洁面乳洗后，先在皮肤上涂一点护肤的乳液，再用细细的食盐摩擦毛孔粗大的地方（不要让盐水进入眼睛，会伤害角膜），坚持数月，毛孔就会变细.</t>
  </si>
  <si>
    <t xml:space="preserve">哈哈！掉了个宝贝！植多少？？大年初一掉的！！ </t>
  </si>
  <si>
    <t>新的1年开始，祝好事接2连3，心情4季如春，生活5颜6色，7彩缤纷，偶尔8点小财，烦恼抛到9霄云外！请接受我10心10意的祝福。恭喜拉！新年新景象啊！软减震在650W左右!</t>
  </si>
  <si>
    <t xml:space="preserve">身上有出血点是怎么回事？上身尤其是胳膊上多 </t>
  </si>
  <si>
    <t xml:space="preserve">如果你是女士的话，用笔尖压那些小红点，如果不褪色的话那肯定是出血点，及时去检查。反之，如果压之，红点周围出现血丝，形似蜘蛛，有可能是蜘蛛痔，它是由于体内雌激素分泌相对过多，灭活不足而引起皮肤上的小动脉及其周围分枝呈辐射状扩张、充血的一种表现。如仔细观察，可见到它的搏动，用细棍或大头钉的帽部压迫其中心部位，可使其完全消失，减压后则又迅速出现，均说明蜘蛛痣的基本结构为小动脉。肝硬化患者在身体上半部经常会看到此种表现。有报告男性患者出现蜘蛛痣者85％的肝组织出现了异常改变。l／3患者有肝硬变。蜘蛛痣的出现与消退与肝硬变的进展和好转有很大的关系。因此蜘蛛痣对诊断肝硬变有较大的参考意义。 　　有蜘蛛痣不一定就有肝硬变。处于青春期的女性是生长发育的高峰阶段，体内有大量的雌激素，可能会有一些蜘蛛痣出现，这是正常生理现象。随着年龄的增长，雌激素分泌逐渐减少，这种蜘蛛痣也会逐渐消失。另外，蜘蛛痣可见于正常妇女的妊娠期。当怀孕后，体内雌激素增多，因而一部分孕妇皮肤上出现了蜘蛛痣。此种蜘蛛痣大多发生在怀孕后的2－5个月内。产后数月内可以消失。还可见到少数患其他疾病的病人，如风湿性关节炎、类风湿性关节炎以及B 族维生素缺乏的病人。因此，对蜘蛛痣的出现，不能只看作是肝硬变的表现征象，还应想到正常人或其他疾病，需要结合临床加以全面分析。  </t>
  </si>
  <si>
    <t xml:space="preserve">电脑登陆帐户被用密码锁起来了怎么办？ </t>
  </si>
  <si>
    <t xml:space="preserve">忘了开机密码解决办法： Windows XP强大而友好的系统界面博得了越来越多用户的青睐，然而它对用户安全性的审核即是非常严格的，要是你忘记了设置的口令（密码），可别以为能够像Windows98那样选择“取消”同样可以进入系统－－这一点相信安装Windows XP的你，是很清楚的。当然这也是有过痛苦的经历后，才被我们重视的。 　　由于没有登陆口令，无法进入系统；起初的方法总是选择重新安装Windows XP，但这种方法但繁琐，而且费时费力，经过多次实验之后，终于找到了一个可以不需要任何其它，就可破解Windows XP登录口令的方法： 　　但是破解登陆口令，需要有两个必要的前提： 　　1.安装Windows XP的分区必须采用FAT32文件系统； 　　2.用户名中没有汉字。 　　在确认满足这两个条件后，即可执行以下步骤，来破解登陆口令。 　　1.开机启动Win XP，当运行到“正在启动Windows XP”的提示界面时，按“F8”键调出系统启动选择菜单，选择“带命令行安全模式”； 　　2.当运行停止后，会列出“Administrator”和其它用户的选择菜单(本例的其他用户以xpuser01为例)，选择“Administrator”后回车，进入命令行模式； 　　3.键入命令““net user xpuser01 1234/ADD”这是更改该用户密码的命令，命令中的“1234”是更改后的新密码，如果键入的用户不存在（xpuser01），那么系统会自动添加这个用户。 　　4.另外还可以使用“net 1oca1group administrator xpuser01 /ADD”命令把xpuser01这个用户升为超级用户，即可拥有所有权限。 　　5.最后一步，就是重新启动计算机，在登录窗口中输入刚刚更改的新密码便可成功登陆。 *一招巧解任何电脑的开机密码，无需任何工具，无需放电 任何电脑当开机需要密码时，只需将机箱打开，把里面的声卡或其它任何一 个零件拔下来，然后通电启动，主板自检后再强行关机，把拔下的零件再插 上去，开机，密码自动清除，百试百灵。 还有两种方法，请试一试；方法一 重启电脑，启动到系统登录界面时，同时按住Ctrl+Alt键，然后连击Del键两次，会出现新的登陆界面，用户名处输入administrator 密码为空，回车即可登陆。登录后修改另外一个账户密码即可。 如不行，请执行第二种方法。 方法二 1、重新启动计算机，在启动画面出现后马上按下F8键，选择“带命令行的安全模式”。 2、运行过程结束时，系统列出了系统超级用户“administrator”和本地用户“*****”的选择菜单，鼠标单击“administrator”，进入命令行模式。 3、键入命令：“net user ***** 123456 /add”，强制将“*****”用户的口令更改为“123456”。若想在此添加一新用户（如：用户名为abcdef，口令为123456）的话，请键入“net user abcdef 123456 /add”，添加后可用“net localgroup administrators abcdef /add”命令将用户提升为系统管理组“administrators”的用户，并使其具有超级权限。 4、重新启动计算机，选择正常模式下运行，就可以用更改后的口令“123456”登录“*****”用户了。 </t>
  </si>
  <si>
    <t xml:space="preserve">一个三角不等式命题在三角形ABC中,求证:sin(A/2)+si </t>
  </si>
  <si>
    <t>命题 在三角形ABC中,求证: sin(A/2)+sin(B/2)+sin(C/2)≥2[sin(B/2)*sin(C/2)+sin(C/2)*sin(A/2)+sin(A/2)*sin(B/2)]   证明 设x=sin(A/2)+sin(B/2)+sin(C/2)，根据已知恒等式:[sin(A/2)]^2+[sin(B/2)]^2+[sin(C/2)]^2=(2R-r)/(2R)，所证不等式等价于x≥x^2-(2R-r)/(2R)&lt;==&gt;  x^2-x-(2R-r)/(2R)≤0     (1)记n=[R+√(5R^2-2Rr)]/(2R),m=[R-√(5R^2-2Rr)]/(2R).则上式分解为:(x-n)*(x-m)≤0      (2)已知不等式:1&lt;sin(A/2)+sin(B/2)+sin(C/2)≤3/2，及m&lt;1,n≥3/2。所以 x-n≤0，x-m&gt;0。故(2)式成立。证毕。</t>
  </si>
  <si>
    <t>我mai的小单,高手请批!!!!!!01]卡利亚VS桑普多</t>
  </si>
  <si>
    <t xml:space="preserve">01] 卡利亚 VS 桑普多 ------3 ====30为好[02] 卡塔尼 VS 亚特兰 -----01 [03] 恩波利 VS 罗 马 [04] 热那亚 VS 巴勒莫 -----1 ====是0[05] 利沃诺 VS 乌迪内 -----3 ====不太对呀,看好0[06] 那不勒 VS 雷吉纳 -----3 [07] 帕尔玛 VS 锡耶纳 [08] 尤文 VS 国米 ---------10 [09] 马竞技 VS 比利亚 -----3 [10] 毕尔巴 VS 维尔瓦 [11] 莱万特 VS 艾美利 -----3 [12] 梅西亚 VS 拉科鲁 -----01 [13] 桑坦德 VS 西班牙 [14] 奥萨苏 VS 赫塔菲  </t>
  </si>
  <si>
    <t xml:space="preserve">FQ三围需要刻意堆吗我FQ三围无BUFF291617命中99防御 </t>
  </si>
  <si>
    <t>防骑的命中是127满不是125.你可以107然后吃个食物就好了. 一般需要达到26精准，也就是104精准等级，以此避免在BOSS背后的180%范围内输出时候产生的躲闪.因为防骑肯定是正面打怪，一旦被招架BOSS反击会让掉血变的不稳定，连续招架肯定就要倒T了。 防骑三围可以是30 18 18左右，你的防御等级溢出了，491就可以了，你可以把加防御等级的装备换成三围的，其实28的躲闪也差不太多了，在团队BUFF下你的躲闪应该能达到34%左右.躲闪毕竟是个看脸的属性...希望对你有帮助</t>
  </si>
  <si>
    <t xml:space="preserve">如果一个月的进项大于销项，是不是就不用交税了。 </t>
  </si>
  <si>
    <t>是的，如果进项税额大于销项税额，就不用缴纳增值税了。</t>
  </si>
  <si>
    <t xml:space="preserve">有点迷茫SOS如果深夜我开车即将通过一个十字路口时，红灯亮了（这 </t>
  </si>
  <si>
    <t>所谓道德,就是人在暗处时的行为 一次的侥幸,就会是下次的暗示坏习惯就是在一次又一次的侥幸中养成的如果你觉得是坏的东西，就一次也别去做给自己一个原则,并去遵守他那么，你就是个强大的人</t>
  </si>
  <si>
    <t xml:space="preserve">在C盘的应用程序,能把它移动到D或E盘吗?移动而不影响正常使用, </t>
  </si>
  <si>
    <t>很多程序都是可以的。不用在控制面板"添加删除程序"卸载此程序。在使用的过程中除了microsoft office系列软件和一些系统软件不能移动外，其他应用软件基本上都可移动。有些移动运行后报错的话，你可以卸载再安装。不过建议你把这类软件安装在C盘，他可能调用系统资源。对于移动后不报错的软件，你大胆移动，尽管使用就可以了。并且这类软件可以直接从C盘拷贝到D盘，然后卸载，再运行D盘程序，可以减少系统资源占用。如果你有兴趣，很多软件都是可以拷贝使用的，只需要对注册表或者程序设置调整一下就可以了。免去了安装之苦。这类软件我保存了很多，如大部分应用软件：photoshop,Flash MX 2004,Director MX,Dreamweaver MX 2004,Winamp,WinRAR,PowerWord 2005等等都可以，用起来很放很方便。</t>
  </si>
  <si>
    <t xml:space="preserve">盲人摸象,如果您是盲人您会如何说?几个盲人摸大象，摸着腿的说大象 </t>
  </si>
  <si>
    <t>我终于“看”到你了-----长城</t>
  </si>
  <si>
    <t xml:space="preserve">电脑总死机，蓝屏，重启电脑刚装了3个月，最近突然频烦的蓝屏，重启 </t>
  </si>
  <si>
    <t>蓝屏基本代表了硬件问题。第一判断首选“内存条”问题，我朋友的机器原来安装了两根“威刚”内存，出现的故障现象和你一样，后换装“金士顿”两根，故障消失。</t>
  </si>
  <si>
    <t xml:space="preserve">请看看我的基金组合，给点建议我有：光大红利博时主题奉行先行大成蓝 </t>
  </si>
  <si>
    <t>华夏债券 工银强债 留大成蓝筹 招商先锋 大成债券 去</t>
  </si>
  <si>
    <t xml:space="preserve">请问小学生是用好记星好，还是用e百分点读机好我女儿今年上小学2年 </t>
  </si>
  <si>
    <t>什么也不用，那些都是玩具，玩过了就没用了。单词必须靠死记硬背，没有窍门。你的孩子还小，不用太担心。你看电视上也都是中学生在作广告。小学没有什么词汇量，中学再考虑吧。</t>
  </si>
  <si>
    <t xml:space="preserve">成都女人喜欢什么样的男人 </t>
  </si>
  <si>
    <t>喜欢现实的男人。有钱有房 养得起女人的男人 哈哈 ！</t>
  </si>
  <si>
    <t xml:space="preserve">初一政治，帮帮忙今年的时事政治[初一] </t>
  </si>
  <si>
    <t>你去买本《时政精要》</t>
  </si>
  <si>
    <t xml:space="preserve">你若成风的歌词 </t>
  </si>
  <si>
    <t>歌曲：你若成风歌手：vae 专辑：李奎 • 搜索"你若成风"LRC歌词• 搜索"你若成风"mp3 [ti:你若成风][al:海雷][by:李泽昊]vae---你若成风你若化成风我幻化成雨守护你身边一笑为红颜你若化成风我幻化成雨爱锁在眉间似水往昔浮流年乖乖我的小乖乖你的样子太可爱追你的男生每个都超级厉害我却在考虑怎么say hi害羞的我这样下去要怎么办怎么办爱情甜又酸我不是boss没有超大的house如果送你rose可不可以给我chance不想看时间这么一点一滴飞逝老夫子带着假发我不要三寸金莲胡话想和你跳超短裙的恰恰想带你回家见妈妈你若化成风我幻化成雨守护你身边一笑为红颜你若化成风我幻化成雨爱锁在眉间似水往昔浮流年周末找个借口和你泛舟一壶清酒江水悠悠我心悠悠这感情just 4u表面平静其实内心早已风起云涌缘字诀几番轮回你锁眉哎哟你的心情左右我的情绪虽然有些问题真的很难搞定我还是充满信心老夫子带着假发我不要三寸金莲胡话想和你跳超短裙的恰恰想带你回家见妈妈你若化成风我幻化成雨守护你身边一笑为红颜你若化成风我幻化成雨爱锁在眉间似水往昔浮流年你若化成风我幻化成雨守护你身边一笑为红颜你若化成风我幻化成雨爱锁在眉间似水往昔浮流年</t>
  </si>
  <si>
    <t xml:space="preserve">我的车怎么老是在一般路上行使，转弯时时有有喀喀的声音啊 </t>
  </si>
  <si>
    <t>查一下你的转向机，最简单的方法就是原地方向打死，听听是不是有声音，切忌不能长时间！如果有声音就要去维修站检查了。</t>
  </si>
  <si>
    <t xml:space="preserve">怀孕期间，上火怎么办我刚怀孕不到两个月，但吃什么好像都不火，脸上 </t>
  </si>
  <si>
    <t>多吃点梨子和柿子饼泄泻火……千万不要尝试吃药。或者去医院看一下也好。你现在还在怀孕初期，各方面要多多注意</t>
  </si>
  <si>
    <t xml:space="preserve">兽血为什么切换输入法就死机？我玩别的游戏都没出现这样的问题我玩传 </t>
  </si>
  <si>
    <t xml:space="preserve">我也是 一整有时候输入法 按多了 就 掉线  建议一下  玩兽血 最好用标准 不 掉线 </t>
  </si>
  <si>
    <t xml:space="preserve">第一便进的时候没反映，再进就提示启动游戏时有错误发生，请先关闭可? </t>
  </si>
  <si>
    <t>升级补丁时出错,由于和电脑里面的杀毒软件有冲突,请关闭杀毒软件和防火墙再运行就可以了,不过太危险,小心中毒,听讲升级时有病毒文件.</t>
  </si>
  <si>
    <t xml:space="preserve">计算机职称考试问题我在事业单位工作，想考个计算机方面的职称，现在 </t>
  </si>
  <si>
    <t>学非所用是不能评职称的。如果评职称需要计算机应用能力考试的话，你可以向当地人事部门咨询了解相关情况，一般情况下，今年下半年有5次左右考试机会。</t>
  </si>
  <si>
    <t xml:space="preserve">怎样推广才能有效益，开店的亲们，有什么好的方法或建议，希望大家给? </t>
  </si>
  <si>
    <t>推广最有效益的办法，就是在你的产品的相关论坛推广，也把自己的微博做好，~~如果能帮到你，麻烦点击【有用】吧，谢谢哈~~~</t>
  </si>
  <si>
    <t xml:space="preserve">官方GM来看看我一上问道，刚进去，系统就说我开了非法程序要关闭， </t>
  </si>
  <si>
    <t>这里哪有官方GM 从新安装下游戏关掉不必要的辅助程序也许你机器开的一些程序里有被认为是非法程序的</t>
  </si>
  <si>
    <t xml:space="preserve">一些问题180%的意思是什么？100份中的180份？好像不对，望 </t>
  </si>
  <si>
    <t>180%的意思是什么？——100份中的1份的180倍。角锥的体积公式是什么？——什么是“角锥”？锥体的体积公式是：底面积×高÷3球形的体积公式是什么？——球的体积公式是：(4/3)*π*R^3什么是质数？——除1之外，只能被1与本身整除的正整数。</t>
  </si>
  <si>
    <t xml:space="preserve">推荐本期三胆如果这次又爆冷门，那么我看好的几个胆是塞维利，沃尔夫 </t>
  </si>
  <si>
    <t>不错，冷怕了，多选中游队！AC 瓦伦放弃！好运了！</t>
  </si>
  <si>
    <t xml:space="preserve">年底买车能不能成啊？北京标致408团购有么？急啊~~~上次同事在 </t>
  </si>
  <si>
    <t xml:space="preserve">当然可以团购汽车啦~团购能成的哈 只是价格比平常要高一点哈 离春节越近 价格就会越高哦听说北京明年限牌 所以要买的话 还是赶早支持卡盟网支持标致408团购 </t>
  </si>
  <si>
    <t xml:space="preserve">为什么我的化学学不好啊！谁可以讲讲怎么学化学？ </t>
  </si>
  <si>
    <t>抓本质，找规律。记最根本的精华即可。最基本的莫过于元素周期表，然后了解其核外电子规律，大多数的化学式、化学方程式自己都能造出来了。当你发现自己造的化学方程式竟然与书上的惊人的吻合，你的兴趣就出来了。(OK，你造得总是跟书上不同，那么就想一想为何不同，钻研进去，你的兴趣也出来了。)现在，你有了兴趣，还有什么难题可能挡住你么？最重要的就是抓住本质，任何自然科学的学科其实需要真正记住的东西都不是很多。抓住本质，你就成功了一半。不要狂做题，而是要做题后，针对每一处错误狂想为何自己错了，总结归纳之后，你就会理解什么叫做“失败乃成功之母”了。另外，对于你已经熟知的题型，除非你总是觉得考试时间不足，否则就不用继续练习了（除了你想找到做题是披荆斩棘的成就感时）。还有，就是多帮助别人，因为别人问你的题，都是他们过滤掉的，对你可能有帮助的题目，帮助别人越多，自己见识的奇形怪状的题目越多，经验值越高，然后升级就越快，也就越容易得高分……-_-u抱歉，最近游戏玩多了。以上仅为个人小意见，未必对每个人都奏效。我也因为懒惰而没有认真履行，导致当年高考化学丢掉7分(还是6分来着？)，可惜可惜。</t>
  </si>
  <si>
    <t xml:space="preserve">BZ的LB能偷到100敏的衣服吗？RT谁知道哦回答一下额~ </t>
  </si>
  <si>
    <t>不能,加敏的LB只有竞技场能偷到,兰国的LB衣服是加300多魔而不是加敏的</t>
  </si>
  <si>
    <t xml:space="preserve">请问2章的官方攻略上市了吗？同题 </t>
  </si>
  <si>
    <t>有关二章的公略已经有了，可不知道是不是官方的。不过写得还算全面</t>
  </si>
  <si>
    <t xml:space="preserve">为什么说人民币升值对银行和地产有影响??? </t>
  </si>
  <si>
    <t>人民币升值对我国房地产市场的直接影响目前我国实行盯住美元的汇率制度，人民币与美元之间的汇率基本维持在1 美元=8.277元人民币这一水平上，并重申人民币不升值，但预期未来人民币汇率上浮的趋势已形成，这样，以人民币表示的人民币预期投资收益率将上升，从而引起外商投资企业在我国境内投资的增加，尤其是增加人民币利润的再投资，这样在短期内会减少外商投资企业投资利润汇回母国的流出量。另外， 在预期人民币升值和当前美元已大幅度贬值的情况下，意味着在人民币升值前，同样的美元投资额可以兑换成更多的人民币而兑换成较少的其他货币，这会导致外商在他国的投资减少而对我国的投资增加，中国已成为美元外汇的“避风港”。总之，在预期人民币升值的情况下，外商投资企业会加大在我国境内的投资。人民币升值的预期将对国际化程度较高和外汇风险暴露程度较大的外商投资房地产企业产生直接影响，从而影响我国的房地产市场，这种影响主要表现在投资、消费、房价等方面。1．外商直接投资增长迅速从2001年至2003年11月，房地产开发的资金来源中利用外资数增加明显。2003年11月，利用外资和外商直接投资金额分别为164.08亿元和96.45亿元，比去年同期增长28.3%和8.4%。近期，国外资金以不同方式进入中国，使这种趋势更加显著。据报道，全球排名前五的欧洲最大金融机构——荷兰国际集团将把一个亚洲房地产基金投放于中国市场，使其在中国的房地产投资总额达6亿美元。总部在新加坡的东南亚最大房地产开发商凯德置地在北京成立凯德全资子公司，未来三到五年内，将凯德的在华投资翻一番，达人民币100亿元。外资进入中国房地产业是由多种因素决定的，但对人民币升值的预期是其中一个重要因素。大量外资希望在人民币升值前进入中国房地产市场，待升值的预期目标达到后，抛售其投资的房产，获得利润，同时获得超额的汇兑收益。可以预期，在未来几年，如果房地产市场没有大的波动，外资进入我国房地产市场的增长势头仍将继续，随着人民币升值趋势的明显，很有可能出现加速增长。2．境外企业、人士需求旺盛随着中国加入WTO，北京申办奥运会、上海申办世博会的成功，越来越多的海外企业、人士来中国投资、就业和居住。目前世界500强企业大部分已进入中国，其他境外企业、机构也正大量地进入中国，与此同时，境外人士的数量大幅增加。近两年，由于对人民币升值的预期，已进入中国的外企、境外人士纷纷扩大了购买、租赁办公用房、商铺、住宅的规模，对我国房地产市场已产生一定的影响，在部分地区已成为房地产市场繁荣、中高价房屋需求十成的一股重要力量。以上海为例，目前已有三分之二以上的世界500强企业进驻上海，2002年底外企总数达到5382家，在沪工作、居住的港澳台、境外常住人员已达61610人，而在上海生活的外国人达10余万人，这些企业、个人对办公楼、商铺、别墅、高档公寓的需求，使近两年的商品房销售量、销售额增长明显由于人民币升值后将增加房地产支出成本，而在人民币升值前购房会相对减少成本、增加收益，这是目前境外企业、人士加速购租房产的主要原因。随着人民币升值趋势的日益明显，外资购租房地产的意愿加强，对房地产市场的影响也更加明显。人民币升值使我国房地产市场面临潜在风险1．投资波动近年来，国家对高档住宅、商业用房的信贷进行了严格控制，国内房地产企业在这类房地产项目的投资受到限制，而外资企业凭借外来资金的实力，所占的投资比重逐渐上升，开发规模不断扩大。人民币升值预期对外资有明显的影响，升值前，外资积极进入中高档房市场，待人民币升值到一定程度，在获得利润和超额汇兑收益后，由于成本增加，收益下降，外资回撤，中高档房的投资会大幅下降，这种由热到冷的变化会对中高档房投资产生十分不利的影响。2．消费波动在人民币升值预期的影响下，境外企业、人士的购房消费也会经历一个由旺盛到疲软的过程。升值前，需求旺盛，销售量大大增加，升值后，外资需求减少，销售量明显萎缩。由于外资需求主要集中在中高档房市场，由其引起的需求变化会使中高档房消费产生明显波动，甚至影响整个房地产市场。3．价格波动中高档房的价格会因以上供给和消费两方面的共同作用而产生明显波动，表现为：人民币升值前，外资需求旺盛，而外资投资的房产会惜售以待升值，在市场中其他因素不变的情况下，需求总量增加，而供应量不变，房价因供不应求而上涨；升值后，外交需求逐渐减少，而外资投资的房产会因升值的预期目标逐步达到而开始抛售获利，在市场中其他因素不变的情况下，需求量减少，供应量增加，房价会因供不应求而滞涨或下跌。由于可以获得超额汇兑收益，即使价格不变或在一定量内下跌，也不会影响其收益。总之,人民币升值对房地产市场的影响主要表现在外商投资、境外企业和人士对房地产需求、中高档房价格三个方面。这种影响在外资占房地产投资、消费比重较高的城市和地区将会表现地比较明显，如北京、上海；在外资参与相对较多的中高档房市场，也会表现地更加明显。一方面，在人民币升值前，短期内房地产投资、消费会显著增加，这会使中高档房市场在一定时期内供需旺盛，房价上涨，呈现出繁荣景象；另一方面，由于人民币升值引起的投资、消费的增长出现在不同时期，从而使中高档房市场先后出现供不应求和供大于求的局面，同时在人民币升值的过程中投资、消费、中高档房价格会经历一个由热到冷的过程，这将使中高档房市场面临较大的风险。</t>
  </si>
  <si>
    <t xml:space="preserve">股指期货被认为是可以规避风险的手段，如何理解？ </t>
  </si>
  <si>
    <t>因为它可以既可以买跌  又可以买涨而现在的大盘 只能买涨</t>
  </si>
  <si>
    <t xml:space="preserve">浑身皮肤瘙痒，尤其是夜间什么原因？我老婆最近出现皮肤瘙痒状况，尤 </t>
  </si>
  <si>
    <t>你好!你的情况像是荨麻疹,是对某种物质过敏后引发的症状,因为我有个朋友也是你这种情况,但是后来去过敏病专科医院看好的,听说得做过敏原检测,查清过敏原后不在接触,后来就好了.有时间你也可以去看看一下</t>
  </si>
  <si>
    <t xml:space="preserve">3岁宝宝不好好吃饭怎么办？我家宝宝3岁9给月，总是不能好好吃饭， </t>
  </si>
  <si>
    <t>必须要养成孩子按时吃饭的好习惯，孩子可以吃零食，但是零食局限为奶、水果和少许面食，不能吃其他的零食。而且这些零食应该在吃饭前2个小时吃，否则会影响孩子的正餐的。所以我们建议3岁的孩子应该每天3顿主餐，2顿加餐（零食）。</t>
  </si>
  <si>
    <t xml:space="preserve">矮人工匠能合成双刀么？ </t>
  </si>
  <si>
    <t>不可以，只能找城镇里的铁匠NPC</t>
  </si>
  <si>
    <t xml:space="preserve">我的法宝怎么样？如图 </t>
  </si>
  <si>
    <t>只能说是1半 攻击不高 每几也就12左右 血和蓝也不多 抗晕还可以+的技能也不怎么的 建议过渡 90-105的升级 刷站场还可以 105的法宝好好练练 ----我哪个75的法宝 跟你这个查不多 还是我15的法宝好   15几有180点攻击 75的法宝成长度大该要15以上 我见过1个10几有199点攻击的 切没有攻击向性</t>
  </si>
  <si>
    <t xml:space="preserve">什么是国际信用卡？另外，如果在外国办理国际信用卡，国内能使用吗？ </t>
  </si>
  <si>
    <t>国际卡 就是 在外国（大部分地区）可以使用的 在外国消费一般使用美金作为结算单位主要是4个机构的国际卡是 比较著名VISA（大部分銀行都可以申?）   万事达（大部分銀行都可以申?）  美国运通（工商銀行可以申?） 日本JCB（国内可能不给申请）</t>
  </si>
  <si>
    <t xml:space="preserve">谁去过塘沽开发区2大街交口那的东方明珠经典洗浴，去过的朋友给提供? </t>
  </si>
  <si>
    <t>去过几次，洗浴50元/位包括门票、自助餐、大厅过夜、早上9：00-12：00免费上网、水果随便吃，保健+足疗套票好像是200元环境和服务相当好！！</t>
  </si>
  <si>
    <t xml:space="preserve">在空调房，手机总是没信号怎么回事？我是联通的3G卡，而且开启3G? </t>
  </si>
  <si>
    <t>信号覆盖不好，你那里覆盖了3G信号，没覆盖2G信号</t>
  </si>
  <si>
    <t xml:space="preserve">自学英语从哪开始？ </t>
  </si>
  <si>
    <t>我认为应该从英语口语开始。学语言不能作哑巴。</t>
  </si>
  <si>
    <t xml:space="preserve">T99，听说很厉害，介绍下！~~~~~~~~~~~ </t>
  </si>
  <si>
    <t>我国ztz-99式主战坦克从火力、防护力、机动性三大方面，与西方的典型主战坦克做一个对比：　　　　1，世界第一强国的美国M1A2坦克；　　2，连续几年世界10大坦克排名第一的德国“豹”2A6坦克；　　3，和亚州日本的90式主战坦克。　　第一项坦克火力对比： 由于我军中国ztz-99式坦克，在设计时就将火力打击放在最重要的位置，强调坦克的火力打击力度，所以中国ztz-99式坦克在火力上明显超过了前三者。由于中国和西方所定义的均质装甲的要求不同，所以双方测试出的同种武器在2000米距离上的穿甲威力也略有差异。如果统一按照中国的标准进行“换算的话，对比结果如下： 　　[一]我军中国ztz-99式坦克：在2000米距离上的穿甲能力约为970毫米[坦克装125毫米高膛压滑膛坦克炮，使用最新的特种合金穿甲弹]。 　　[二]美军M1A2主战坦克：在2000米距离上的穿甲能力为810毫米，[坦克装M256型火炮，配用M829E2型贫铀穿甲弹] 　　[三]德军“豹”2A6主战坦克：在2000米距离上的穿甲能力约为1000毫米，[坦克装Rh120型L55倍口径火炮，配MD53型钨合金穿甲弹] 　　[四]日本自卫队90式坦克：在2000米距离上的穿甲威力约为650毫米(使用德制MD43型穿甲弹)。　　从各国主战坦克的远程打击能力上看，我军99改式坦克和美军M1A2分别配置了制导炮弹和灵巧弹药。在制导火力的灵活性上，美军M1A2坦克优于我军99改式坦克，但从远程打击能力上看，我军99改式坦克的125毫米口径炮射导弹，[单车携装4枚]，该导弹最大射程5。2公里，优于美军M1A2主战坦克(3500-4000米)。 　　在战场上，光有强大的火力是远远不够的，如果缺乏先进的火控系统，就难以主宰战场。从综合性能上看，四种坦克的火控技术各有千秋，由静对静到动对动状态下的火力反应时间都在5～9秒左右，在战场竞技时，就只能看坦克成员的训练素质了。由于四种坦克都安装了性能优异的热象仪，所以在夜间复条气象条件下的观察能力也基本不相上下。　　由于亚州人体型比较小，为了方便自已的需要，我军99改式坦克和日本90式坦克都安装了自动装弹机，从可靠性上看，日本90式坦克上的自动装弹机在使用时的故障率为5％，与我军99改式坦克上的自动装弹机3/00的故障率比起来，差距较为明显。和4人制的美军M1A2坦克、德军“豹”2A6相比，我军99改式坦克在射速上占有优势。　　99式改进型坦克上安装有中国研制成功的第二代凝视焦平面热像仪，该热像仪不需要光电扫描，而是由探测器直接接收全视场热辐射信息而成凝视图像。其作用距离可达7000-9000米，灵敏度和分辨率比第一代有了很大提高，且结构紧凑、造价较低，系统平均无故障时间高达4000小时左右，在能见度只有100米在恶劣环境中对目标的发现距离约4000米，识别距离约3100米。　　近几年中国在火控系统关键技术上取得了突破性进展，先后研制成功了多种自动跟踪式火控系统和瞄导合一的大闭环式火控系统。　　外媒报道，在99式改进型主战坦克上就安装了中国最新型的瞄导合一的大闭环式火控系统。这是一种可对射击结果实施自动校正的火控系统也是世界上独一无二的。据称，在测试中，99改在2000米对运动目标进行的数十次第二发补射中，命中率均达到了设计要求，整体性能令人满意。　　99改主战坦克，在坦克炮塔后部装有激光目眩压制干扰装置。最大作用距离4000米，“激光压制观瞄系统”，就目前来看，相对于西方主要国家的主战坦克，我军的这套系统的确可以称得上是独具特色，激光压制观瞄系统由微机控制器、跟踪转台及随动系统、激光压制仪、热成像，干扰机[气体激光发射机]组成。为了实现车长，炮长遥控跟踪瞄准，对跟踪转台采用数字式位置闭环控制方式。该系统可360度全方位工作；俯仰角为-12度~ -90度，跟踪角速度左右为45变／秒，俯仰40度／秒。从炮长(或车长)按下按钮到系统对准目标只需1秒钟。激光输出能量为1000兆焦，脉冲重复工作频率为10次／秒，系统连续工作时间为30分钟，激光器的寿命为120万次。当各国主战坦克在战场上招数都数使尽了之后，99改式坦克的杀手锏一一激光观瞄压制系统就该显示威力了，该系统是我军99式改式坦克对对手实施不对称作战的有效平台，在正常情况下，我军99改式坦克可以在近4000米的距离上随意剥夺对手的对抗权。而目前外军坦克在这方面好象还没还手之力。 　　通过以上的对比，明显地告诉大家，世界第三代主战坦克的火力金牌已经稳稳地落入我军中国ztz-99改式新型主战坦克手中。 第二项坦克防护能力对比： 在对美，德，中，日军队四种坦克防护性能比较之前，首先让大家，对这四种坦克的重量和尺寸大小有个直观地认识 　　[1]美军M1A2主战坦克：战斗全重为62．8吨、车体长7．917米；　　[2]德军豹2A6主战坦克：战斗全重为62吨、车体长7．72米； 　　[3]我军99改新主战坦克：战斗全重约52吨、车体长7．2米； 　　[4]日本90式主战坦克：战斗全重为50吨、车体长为7．45米。　　根据相关资料显示： 　　美军M1A2主战坦克的车体和炮塔的装甲厚度，相当于600毫米和700毫米的均质装甲。　　德军豹2A6的车体和炮塔的装甲厚度，相当于580毫米和700，毫米的均质装甲。 　　日本90式主战坦克的和炮塔的装甲厚度，相当于500毫米和560毫米厚的均质装甲。　　相比较而言，99改式坦克在防护上对日本90式坦克有着绝对的优势。 我军99改式坦克炮塔的基本装甲厚度与M1A2，和“豹”2A6基本相当，但车体的防护性能比M1A2和“豹”2A6要略差一些，但在披挂新型楔形双防反应装甲后，99改式坦克的车体和炮塔的防护能力则相当于800和1000毫米厚的均质装甲。整体防护比M1A2“豹”2A6要高出一个台阶。 通过以上对比，大家可以由此看出，我军的ZTZ-99改主战坦克与西方坦克的防护水平基本上在同一层次上 第三项坦克机动能力对比： 由于中国在发动机工业和加工工艺上与西方存在明显差异，所以中国ztz-99型主战坦克，尽管安装了1103千瓦(1500马力)大功率柴油机和高效的传动统后，99改进型坦克的可靠性上比99式坦克有了大幅提高，已经接近了世界水平，但如果超越美军M1A2，德军“豹”2A6和日本90式及其改进型坦克，还有相当长的一段路需要努力。</t>
  </si>
  <si>
    <t xml:space="preserve">出句:曾经沧海千重浪 </t>
  </si>
  <si>
    <t>曾经沧海千重浪不惧青山万仞坡老对又上黄河一段桥</t>
  </si>
  <si>
    <t xml:space="preserve">如何知道自己的星座 </t>
  </si>
  <si>
    <t>按阳历划分星座        白羊座：3月21日 - 4月20日    金牛座：4月21日 - 5月21日    双子座：5月22日 - 6月21日    巨蟹座：6月22日 - 7月22日    狮子座：7月23日 - 8月23日    处女座：8月24日 - 9月23日    天秤座：9月24日 - 10月23日    天蝎座：10月24日 - 11月22日    射手座：11月23日 - 12月21日    魔羯座：12月22日 - 1月20日    水瓶座：1月21日 - 2月19日　　双鱼座：2月20日 - 3月20日</t>
  </si>
  <si>
    <t xml:space="preserve">在完美中怎么把自己觉得好看的风景截图截下来？？？知道的请告诉一下? </t>
  </si>
  <si>
    <t>按F12右边的键 然后在完美世界\element\screenshots里就能看到截图了 ,按 Print Screen SysRq 这个键也在Print Screen SysRq 里找 .用printscreen可以直接截图，也可以用F9照相机模式，这个能隐藏掉周围的属性框。截下来的图在“完美世界/element/screenshots”里面。 你可以试试 祝你好运！</t>
  </si>
  <si>
    <t xml:space="preserve">清泉老师600900,600019明天能建仓吗?请指点.谢谢 </t>
  </si>
  <si>
    <t>均不适合建仓操作.600019稍好.</t>
  </si>
  <si>
    <t>打个比方说</t>
  </si>
  <si>
    <t>一般信用卡的有效期是三年或五年三年期的信用卡居多而且银行信用卡通常首年免年费当年刷卡6次免次年年费你所说的空卡摆10年8年是不现实的首先信用卡有效期不可能那么长而且你的卡也激活了不刷卡肯定会次年收年费的</t>
  </si>
  <si>
    <t xml:space="preserve">发送到国外的邮件或是去台湾的邮件无法发送，也无法接收，有时对方发? </t>
  </si>
  <si>
    <t>新浪服务器这几天升级，可能有些不稳定，等等就好了</t>
  </si>
  <si>
    <t xml:space="preserve">怀孕18周阴道分泌物有味道和出血？大家有类似的情况吗？16周刚做 </t>
  </si>
  <si>
    <t>·应该是你太累了，我也出现这种情况的，问医生说太累了，多休息就好了。我现在也出现这种情况，也是有咖啡色的分泌物，好几天了。</t>
  </si>
  <si>
    <t xml:space="preserve">卸载暗黑再重新安装，以前的角色没有了 </t>
  </si>
  <si>
    <t>存档文件被删掉了，安装目录中有一个SAVE文件夹，存档的人物都在里边，如果重新安装后被覆盖掉了就没有了，下次重装可把此文档复制出来，等装完再拷进去。</t>
  </si>
  <si>
    <t xml:space="preserve">消化内科胃镜诊断结果:食管炎慢性浅表性胃炎十二指肠球部溃疡.医学 </t>
  </si>
  <si>
    <t>吗丁啉。澳美拉唑。克拉霉素。阿莫西林（青霉素过敏者禁用）。一块口服。</t>
  </si>
  <si>
    <t xml:space="preserve">生孩子需要提前多久做准备？比如提前多久戒烟酒？什么时候做检查？是 </t>
  </si>
  <si>
    <t>最好提前三个月到半年戒烟戒酒！提前检查也同时进行，中医可以不看，除非你月经不调!</t>
  </si>
  <si>
    <t xml:space="preserve">为什么我的三国群英传6进去以后玩不了啊？在游戏界面上玩不了，过一? </t>
  </si>
  <si>
    <t xml:space="preserve">你下载的游戏有问题,建议换个网站再下,三国群英传6的攻略可以在我的博客 </t>
  </si>
  <si>
    <t xml:space="preserve">如何选择隐形眼镜?以前上学时都是戴框架眼镜,现在想换幅隐形的来戴? </t>
  </si>
  <si>
    <t>如果你是初戴还在戴月抛形比较好点，而且平常要注意卫生这方面，也不能戴久，你可以先到网上较专业的眼镜网看下，像可得网，它那里的有专业的客服人员，你可以去咨询他们下，眼睛的东西还是小心点好</t>
  </si>
  <si>
    <t>∫(1</t>
  </si>
  <si>
    <t>可以看出：被积函数 (1-x^2)^（-3/2）的定义域为（-1，1），这就好办了：用“换元法”。因 x∈（-1，1），不妨设 x＝sinθ, θ∈（-π/2, π/2)，易知 cosθ＞0,于是原积分变成 ∫(1-x^2)^（-3/2）dx ＝∫[1-(sinθ)^2]^(-3/2)·d(sinθ)＝∫(cosθ)^(-3)·cosθ·dθ＝∫(cosθ)^(-2)·dθ＝∫(secθ)^2·dθ＝tanθ + C （C 为常数)因 x＝sinθ，而 cosθ＞0，所以，cosθ＝[1-(sinθ)^2]^(1/2)＝(1-x^2)^（1/2）于是 tanθ＝sinθ/cosθ＝x/[(1-x^2)^(1/2)]＝x·(1-x^2)^(-1/2),故 原不定积分为 ∫(1-x^2)^（-3/2）dx ＝x·(1-x^2)^(-1/2) + C 。解毕。（你可以验证一下）</t>
  </si>
  <si>
    <t xml:space="preserve">慢性前列腺炎用万艾可的问题最近我经检查，得了慢性前列腺炎，正在治 </t>
  </si>
  <si>
    <t>最好不要用，因为前列腺炎本身就会造成性功能减退，当然了用这种药会使性功能得到改善，但是对前列腺炎只能起到加得的结果。因为前列腺炎的一个诱因就是过度的性刺激，当服用药物后，阴茎会长时间的充血勃起，会加重前列腺的淤血。就会加重炎症。</t>
  </si>
  <si>
    <t xml:space="preserve">简单C语音题目1sizeof（float）是一个整型表达式？这个 </t>
  </si>
  <si>
    <t>（1）sizeof（float）是一个整型表达式？这是一个计算float类型数据占有几个存储字节的宏调用；sizeof是一个宏，用于计算类型或者变量的占用存储的字节数；（2）float result ；int k;int a=7；float x=2.5；y=4.7；k=（int）（x+y）;result=x+a%3*k%2/4;你需要去认真学习一下c的入门知识</t>
  </si>
  <si>
    <t xml:space="preserve">为什么卡通赛车一直连接不稳 </t>
  </si>
  <si>
    <t>你的网速慢了。</t>
  </si>
  <si>
    <t xml:space="preserve">关于西安交大考研本人学金融的，但是对西方经济学不感兴趣,想考西安 </t>
  </si>
  <si>
    <t>非常难 要努力哦。。。。 所以要很早开始准备，祝你升学顺利</t>
  </si>
  <si>
    <t xml:space="preserve">尊师重道开始的成语接龙 </t>
  </si>
  <si>
    <t>尊师重道、道听途说、说长道短、短兵相接、接二连三、三心二意、意气风发、发奋图强、强词夺理、理直气壮、壮志凌云、云开见日、日久天长 、长久之计、计不反顾、顾名思义、义不容辞、辞不达意、意气风发、发奋图强、强词夺理、理直气壮、壮志凌云、云开见日、日久天长 、长久之计、计不反顾、顾名思义、义不容辞、辞不达意,意气奋发，发奋图强</t>
  </si>
  <si>
    <t xml:space="preserve">我的显示器绿屏我的显示器以前是玩着玩着就黄屏，修好了过了三个月， </t>
  </si>
  <si>
    <t>如果不是内部电路的问题，就是显示器和电脑的连接线没插好，我的办公室就碰到过两台这类问题。出故障时晃一晃与主机箱的连接插头，如果有变化就是这种问题了。内部电路故障的原因较多，得让专业人士修理。主要是某些元件热稳定性不好、或电路板接触不良等。</t>
  </si>
  <si>
    <t xml:space="preserve">客服会不会通过电话询问卖家的帐号密码？昨天有人打电话说是5173 </t>
  </si>
  <si>
    <t xml:space="preserve">尊敬的客户:    您好！5173客户服务027很高兴为您服务！很抱歉，我们是不会以电话的形式联系卖家提供账号及密码的。卖家的账号和密码是卖家在发布的时候需要填写的。如果您还有疑问，请您登陆5173用户名,“进入我的5173”,选择左边任务栏中的“我要投诉/咨询”,在线提交您的问题,工作人员在1个工作日内在线答复您，您可以在“咨询投诉管理”中查看回复结果,并对我们的服务进行评价。感谢您对5173的支持!!!                                                                           </t>
  </si>
  <si>
    <t xml:space="preserve">个人所得税是百分之几？个人所得税是收百分之几？如何正确的算出自己 </t>
  </si>
  <si>
    <t>个人所得税税率是超额累进的。就是说你达到了一级，是一个税率，达到更高一级，高出的部分税率是上一级，你的收入有可能适用了很多级税率。个人所得税税率表级距 全月应所得额   税率％ 速算扣除数 1 不超过500元  5 0 2 超过500元至2000元的  10 25 3 超过2000元至5000元的  15 125 4 超过5000元至20000元的  20 375 5 超过20000元至40000元的  25 1375 6 超过40000元至60000元的  30 3375 7 超过60000元至80000元的  35 6375 8 超过80000元至100000元的  40 10375 9 超过100000元的  45 15375 　　(本表所称全月应纳税所得额是指依照《个人所得税法》第六条的规定,以每月收入额减除费用800元后的余额，这个减除额现在全国略有不同，要看你们当地的规定。如北京是1200，上海是1000，深圳好像是1600）计算个税时可以有两种方法，1是超额累进，把每级的税额算出来加总，2是用速算扣除数。比如：你的收入是7000元，假设费用减除额为1000，则你应纳税所得为6000个税：方法1：500×5％＋1500×10％＋3000×15％＋（6000－500－1500－3000）×20％方法2：6000×20％－375</t>
  </si>
  <si>
    <t xml:space="preserve">Lementree《柠檬树》歌曲的英文全文和译文是什么? </t>
  </si>
  <si>
    <t>歌曲：柠檬树    歌手：苏慧伦    一个人孤单单的下午当风吹得每棵树都想跳舞记得昨天你穿蓝色衣服你说对爱太专注容易孤独这句话什么意思我不清楚我爱上了云爱上你多么希望像你自由来去原来星期天容易思念反覆看部一遍一遍孤独的流著眼泪回忆太美爱多美丽充满香气只是在心里它总是酸溜溜地我不懂我自己越来越像 lemon tree我一天一天更爱你我不管不管不管爱会苦苦地海蓝蓝的天气我的爱是 lemon treeda......我爱上了云爱上你多么希望像你自由来去原来星期天容易想念反覆看部电影一遍一遍孤独的流著眼泪回忆太美isolation 想住进你心里isolation 期待下雨的一棵 lemon tree你总是望著蓝蓝海面说著流浪过的梦容易实现这句话什么意思我不清楚爱多美丽充满香气只是在心里它总是酸溜溜地我不懂我自己越来越像 lemon tree我一天一天更爱你我不管不管不管爱会苦苦地海蓝蓝的天气我的爱是 lemon tree(哦....不管不管)我一天一天更爱你我不管不管不管爱会苦苦地海蓝蓝的天气海蓝蓝的天气海蓝蓝的天气我的爱是 lemon tree  这是中文的，英文的没有找到~~</t>
  </si>
  <si>
    <t xml:space="preserve">问一首歌?有一句歌词是我,只想对你说????旋律很优美的 </t>
  </si>
  <si>
    <t>是不是 陶哲的《就是爱你》？</t>
  </si>
  <si>
    <t xml:space="preserve">减肥食谱一个月我想健康，求一个好的减肥食谱！ </t>
  </si>
  <si>
    <t>食谱 一个月塑身新鲜出炉：楼主朋友，记得选最佳哦：这是一个营养师李瑞芬教授为武汉美丽星星刘亦菲量身打造的一款减肥食谱，一个月塑身。相信那个时候大家都记得在2007年拍摄功夫之王，大家可以看到那个时候刘亦菲，瘦得很有轮廓。刘亦菲的身材不仅吸引了很多男人的眼球，同样也吸引了女人们的目光，很多的女人开始羡慕她那完美、性感的身材，也想拥有跟她一样完美的一切。其实她减肥可是有秘诀的哦！你们想知道她的减肥食谱。在采访刘亦菲的时候她是这样说的：我自认为这种减肥食谱，一个月塑身对我的帮助很大，所以特地拿出来与友们分享：刘亦菲：1米67，体态优雅袅娜，如婴儿般吹弹即破的肌肤，以及成熟的气质，这一切，都让人炫目，她到底是怎样保持完美体形的呢？刘亦菲透露这都归功于她的“瘦身食谱”！减肥食谱 一个月塑身方案一：　　NO.1杂食瘦身食疗法＋英国香格儿　　早餐：一只水煮蛋，一杯牛奶，半个苹果或一些马铃薯＋火腿＋沙拉酱；早餐后一小时服用李老师为我推荐的英国香格儿，每天两颗　　中餐：碗饭＋菜；　　晚餐：于七点吃，与中餐差不多，但只吃七到八分饱即可，而过了九点除水果外就不可再吃任何东西，但可于睡前喝杯果汁(可以挤柠檬原汁＋水＋二颗酸梅，切记不加糖)。基本上这种方法，我一个月之后瘦了15斤左右，很匀称。减肥食谱 一个月塑身方案二：    NO.2优酪乳瘦身食疗法＋英国香格儿　　起床后：两杯水＋英国香格儿两颗　　早餐：蔬菜汁200cc　　中餐：优酪乳500克　　晚餐：蔬菜汁200cc　　就寝前：1-2杯水一般朋友一个月时间可以瘦20斤左右，但是这个比较辛苦，那个时候在空中飞，为了穿起那个钢制外衣，没办法，只有减。减肥食谱 一个月塑身方案三NO.3苹果瘦身食疗法+英国香格儿　　早餐：一瓶牛奶(或不加糖咖啡)＋一只白煮蛋(或茶叶蛋)＋英国香格儿两颗　　苹果餐：从中午12:00开始，每2小时吃一个苹果直至晚上8:00一共五个，吃完就不再进食。这种方法瘦得比较厉害一些，我只坚持了七天，七天我瘦了大概七斤左右，并且七天之后胃口都小了很多，但是真的坚持不下去了；她笑着说：</t>
  </si>
  <si>
    <t xml:space="preserve">网游《天下贰》好玩么？网游天下贰，好玩么？什么人物拉风，什么人物 </t>
  </si>
  <si>
    <t>你还是玩弈剑吧，只要做任务，很快就升级了。如果是平民，最好走魂弈剑，刷怪和下副本均可，但攻击差点。记得加魂，增加爆机率。力敏也可。但不推荐全力和全敏，全力太依靠装备了，而且很吃亏，碰上力敏，只有挨打的份。全敏是一招就挂啊.天机就只好当肉盾了，冰心就一奶妈！荒火人物形象不太好啊，还是弈剑比较帅！！！强力推荐你玩一下，很容易上手！而且画面很不错！</t>
  </si>
  <si>
    <t xml:space="preserve">生如夏花是什么意思？不是歌，是这个词本身的意思。 </t>
  </si>
  <si>
    <t xml:space="preserve">"生如夏花之绚烂，死如秋叶之静美"这是泰弋尔的一首诗,说人活着就应让生命大放光彩,让生命的价值得到体现.而死的时候却平淡的死去,尽量不为人所知显得平静,单调.其实也是反映了一种崇高的人生观!  </t>
  </si>
  <si>
    <t xml:space="preserve">下联：自古忠孝难两全，我为事业远双亲除了事业，还有爱情，呜呼！ </t>
  </si>
  <si>
    <t>从来富贵不单行  心系前程挂两头自古忠孝难两全  我为事业远双亲为了生活拼命挣钱，心挂两头。吾没有深奥的大道理，只有面对现实。</t>
  </si>
  <si>
    <t xml:space="preserve">前列腺炎早泄医生你好！我今年二十岁，在西安念书，由于手淫过度，造 </t>
  </si>
  <si>
    <t>1.手淫肯定不会导致前列腺炎。2.您这个年龄段患前列腺炎的可能非常小 ，不知您是否在正规医院就诊。3.早泄的原因有器质性的 ，但大部分和心理因素有关。3.关于丁丁的长度，亚洲人勃起的均值一般在12-20cm。不要和影视片里的比较�。4.我觉得您最大的问题是自卑的心理太重，不要担心。手淫虽不能强身，但也一般不会导致器质性疾病。而且你要记住，让双方预约，时间只是其中一个因素，关键是技巧�。放下心理包袱。你自然会发现不一样的自我。加油！</t>
  </si>
  <si>
    <t xml:space="preserve">开冥王的高人进来看看！~怎么改冥王？！~冥王也太会飘了吧几个10 </t>
  </si>
  <si>
    <t>建议你的冥王不要装车身~要不过弯会更飘的~+3最好也不要装~运气来了~谁～也挡不住哦~</t>
  </si>
  <si>
    <t xml:space="preserve">序厅、亚洲厅、美洲厅、非洲厅，哪一个不包括在首届世界遗产博览会第? </t>
  </si>
  <si>
    <t>序厅、亚洲厅、美洲厅、非洲厅，哪一个不包括在首届世界遗产博览会第一展馆内？美洲厅 不包括在首届世界遗产博览会第一展馆内</t>
  </si>
  <si>
    <t xml:space="preserve">哪里有卖正宗北京糕点啊？请将具体的商场或超市告之 </t>
  </si>
  <si>
    <t>去北京稻香村买，我和我的同事们都非常喜欢他那的点心，北京有十几家分店，你可以打114或在网上查一下。北城比南城要多一些，并且多集中在市区。比如西直门就有一家，在交大南路上。</t>
  </si>
  <si>
    <t xml:space="preserve">子宫纵隔(双角子宫）做完纵隔切除术后需过多久才能怀孕？这个切除术 </t>
  </si>
  <si>
    <t>子宫纵隔的定义子宫纵隔的发病率及危害子宫纵隔和双角子宫的发生率为5%，子宫纵隔使子宫腔的对称形态发生改变，并可能干扰正常生育功能。但大多数子宫纵隔妇女能正常生育，仅20%-25%妊娠失败。子宫纵隔引起的原发性不孕或难治性不育症应考虑行子宫纵隔切除。子宫纵隔的临床表现子宫纵隔病者在临床下多无症 状，部分病人可伴有月经增多；但大多数子宫纵隔有反复性流产、不育、早产及胎位异常的病史，有的是在做剖宫产手术或行人工流产刮宫术中发现；其次部分病人在接受盆腔检查时发现阴道纵隔，医师进一步检查发现中纵隔子宫。给隔子宫即使怀孕，其胎儿宫内发育迟缓和胎儿宫内死亡的发生率也较率，因这中隔较正常子宫肌层血管少，纤维组织多，妨碍正常着床；另外，覆盖在隔上的内膜对激素的刺激反应差，隔又可妨碍正常的胎盘生长致使早期胎儿死亡，如果能继续妊娠下去也发展成宫内发育迟缓。子宫纵隔的诊断1、子宫输卵管造影（HSG）是子宫纵隔最重要的检查方法之一，它能够清楚地看出隔的长度和厚度，这一点是非常重要的，另外，当一侧子宫腔非常小或隔伸展贯通子宫颈时HSG非常有用。2、 B超检查据文献报道B超检查诊断较准确（B超诊断为90%，核磁共振为99%）。3、宫腔镜检查：宫腔镜更能直接准确判断子宫纵隔的类型，是诊断子宫纵隔的“金标准”，区别完全性或不全性子宫纵隔，同时可诊断宫腔其病变。在行子宫纵隔切除术前，应常规行宫腔镜检查。 子宫纵隔的常规疗法子宫纵隔引起流产和早产相对危险度5%-95%不等，如果不影响生育的纵隔子宫无须手术治疗，但以往有习惯性流产者可考虑治疗。在宫腔镜手术问世前，治疗有症状的子宫纵隔手术方法是经阴道或经腹部节除纵隔组织，前者手术操作困难，具有盲目性，使纵隔切除不全，效果差；经腹部手术即是在子宫底作横形切开，剪切纵隔，或正中切开子宫体修剪子宫纵隔，并进行子宫肌壁重建。以上无论哪种术式都会使子宫及腹壁留有瘢痕，创伤大，恢复时间长，甚至引起子宫粘连，对今后妊娠有一定影响，而且需避孕几年才可怀孕，并多需剖宫分娩。子宫纵隔的安太疗法宫腔镜切除子宫纵隔是微创外科治疗，宫腔镜子宫纵隔节除术是切除血管的胚胎残留组织，术时无明显出血，创伤小，恢复快，保存子宫壁的完整性，术后对怀孕及分娩无影响。目前已替代其他方法切除子宫纵隔。术后什么时间怀孕要根据你的术中所见及术后的回复的情况综合的考虑。术后随时和你的主治医师联系，毕竟他最了解你的情况。</t>
  </si>
  <si>
    <t xml:space="preserve">鸿绘缘服务中心婚介本服务中心为广大工作、学习繁忙的单身贵族创造结 </t>
  </si>
  <si>
    <t>活动不错啊.怎么没有人响应呢？</t>
  </si>
  <si>
    <t xml:space="preserve">年轻人的创业梦能做多长创业是艰难的,这话大家都说了.我们年轻人喜 </t>
  </si>
  <si>
    <t>创业不是想象中那么简单的,每个人都有每个人自己的路,,自己创业是没有一个人可以指引你路怎么走的.每一步都是你自己深思熟虑后走的,每一步都是要自己承担风险的,每一步都是对自己能力的一种体验.所以每一步都是艰难的,每一步都带给你无比的精神压力........你要学会走路,失败一次不要紧,但是要学会失败,这样以后再走的话就不会走错了..创业成功于否不代表一个人的能力平庸.每个人的能力都是靠自己走的路积累起来的,积累的越多成功的机会越高..不要害怕失败,克服自己的心理恐惧,,学会接受失败,学会重新爬起来,你才能成功.......</t>
  </si>
  <si>
    <t xml:space="preserve">2008年阳历9～10月哪天搬家最好我丈夫和我都是1967年属羊 </t>
  </si>
  <si>
    <t>夫: 1967（丁未）年属羊，阴历10月10日。妻: 1967（丁未）年属羊，阴历10月28日。儿子: 1993（癸酉）年阴历6月初一生日，属鸡。阳历2008年9～10月份适宜你们搬家的日子：9月5日、9月8日、9月19日、10月2日、10月7日或10月11日。分析如下：1、阳历2008年9月5日，农历（阴历）八月初六（戊申）日：戊申日的贵人是双方生肖；戊申日和儿子生肖五合。“入宅仪式”时请生肖属虎的亲朋好友占时避开。2、阳历2008年9月8日，农历（阴历）八月初九（辛亥）日：辛亥日是夫妻双方生肖的贵人；辛亥日和夫妻双方生肖三合；辛亥日的禄是儿子生肖。“入宅仪式”时请生肖属蛇的亲朋好友占时避开。3、阳历2008年9月19日，农历（阴历）八月二十（壬戌）日：壬戌日和夫妻双方生肖五合。 “入宅仪式”时请生肖属龙的亲朋好友占时避开。3、阳历2008年10月2日，农历（阴历）九月初四（乙亥）日：乙亥日是夫妻双方生肖的贵人；乙亥日和夫妻双方生肖三合。“入宅仪式”时请生肖属蛇的亲朋好友占时避开。4、阳历2008年10月7日，农历（阴历）九月初九（庚辰）日：庚辰日的贵人是夫妻双方生肖；庚辰日和儿子生肖六合。“入宅仪式”时请生肖属狗的亲朋好友占时避开。5、阳历2008年10月11日，农历（阴历）九月十三（甲申）日：甲申日的贵人是夫妻双方生肖。“入宅仪式”时请生肖属虎的亲朋好友占时避开。“入宅仪式”指入宅当天新居开门、上香祭祖时。恭喜乔迁之喜，祝事事大吉。</t>
  </si>
  <si>
    <t xml:space="preserve">那位大哥帮帮我呀!给我一份冀教版或人教版数学暑假生活的答案(八年 </t>
  </si>
  <si>
    <t>去大书店买吧 那或许有。因为那里书有的是．或许去百度里面搜搜看或许有</t>
  </si>
  <si>
    <t xml:space="preserve">中超联赛结束之际，将迎来一个前所未有的留洋高峰，你认为下面几位球? </t>
  </si>
  <si>
    <t>陈涛有些机会吧，能走得赶紧走吧，明年是更垃圾的中超</t>
  </si>
  <si>
    <t xml:space="preserve">怎么给朋友送礼物，让她能高兴？不知道她喜欢什么，但要是能让她高兴 </t>
  </si>
  <si>
    <t>最好是先看看她最喜欢什么？然后来个突然袭击，给她个惊喜。那样会很好的咯。呵呵不在乎东西是什么，重要的是给她惊喜！！</t>
  </si>
  <si>
    <t xml:space="preserve">全力冰小刀该如何加技能点?我是个菜鸟级的丝路新手,看了网上N多帖 </t>
  </si>
  <si>
    <t>小刀只要就学放倒那个技能和下插的技能 这个两个技能PK时候用的好            练级的时候就用连击和远程攻击的就OK了</t>
  </si>
  <si>
    <t xml:space="preserve">仙剑3怎么过壁山那的桥啊，我站上去老说重量不够？？？？？？？？ </t>
  </si>
  <si>
    <t>那个乌龟你现在打不开，那个龟背上的“叁”说的是你的队伍里的人数至少3个人才可以放下那个吊桥。因此你现在是过不去的，你的队伍现在最多也就2个人，你先别管壁山的那个吊桥，往前走先继续游戏剧情，等到游戏后期你学会了“御剑飞行”而且队伍里有“三个或三个以上”的人之后，再御剑飞行回到壁山的那个吊桥，你就可以过去了。不过桥对面没有什么好东西，只有一块“黑耀岩”是打造材料。</t>
  </si>
  <si>
    <t xml:space="preserve">求武器出处,知道就说说越详细越好这武器确实诱惑人啊 </t>
  </si>
  <si>
    <t xml:space="preserve">YOYO的包包！！！！千军天兵名器包：（可开出以下品项其中之一，属性随机） 天火流星锤、苍天帝剑、山海御气杖、金刚降魔杵、九天玄女锤、菩提弓、五毒苍蟒槊、追潮、白银刀、怒谏风华棍、红缭精铁斧、机铁火神弓、弧玥弓、九冥皇霸戟、天羽斩、不攻、太极战枪、黯噬、鸳鸯圈、精钢双钩、魂咬、狂煜霆雷杖、冰凰炎凤、雷斩刀、丈八蛇矛、皇天怒、炎帝弓、雷煌弓、含光、祝融刀、黄帝剑、高级武器重铸法、顶尖武器重铸法、上古陨铁、精炼陨铁、优质陨铁、特别经验值加倍符×3、特别技能点加倍符×10、特别功勋值加倍符×5、特别士兵经验加倍符×3、免死金牌×3、转运符×5、回天秘法之符×5、神行千里之符×5、月刃烈煌之符×5、剑舞戏蝶之符×5、万夫莫敌之符×5、青龙偃月之符×5、震天旋樱之符×5 目前所知，唯一出处 </t>
  </si>
  <si>
    <t xml:space="preserve">下半身微胖的女生如何穿衣上身很瘦，但是因为下半身（屁股和大腿微胖 </t>
  </si>
  <si>
    <t>其实，这样很不适合穿牛仔裤，因为牛仔裤其实很显胖。穿那种黑色的清爽的裤子。或者适合穿长的修身的衣服，有蕾丝底，这样盖着屁股和一部分大腿。下面穿紧身的打底裤。或者可以穿及膝的短裙，不长不短，关键在于选颜色。</t>
  </si>
  <si>
    <t xml:space="preserve">吃纳豆对糖尿病人有什么好处吗？ </t>
  </si>
  <si>
    <t>纳豆中的一些多肽可以调节人体生理功能，长期服用，对肝脏代谢、胰岛功能、减轻胰岛素抵抗都有很好的作用。纳豆是继蜂胶以后得到人们公认的对糖尿病有显著作用的保健食品。</t>
  </si>
  <si>
    <t xml:space="preserve">清帮我修改一下珍韩现在是职员了，工作很忙，玩儿时间少了，也不睡懒 </t>
  </si>
  <si>
    <t>简单的修改：珍韩现在是职员了，工作很忙，玩儿的时间少了，也睡不了懒觉了。 前几天他病了，现在已经好了。最近他有点儿瘦了， 不过看上去更帅了。复杂一点的：珍韩现在已经是职员了，工作非常忙，不但玩儿的时间少了，而且也睡不了懒觉了。 前几天他病了，不过现在已经好了。我发现最近他有点儿瘦， 不过看上去更帅了。</t>
  </si>
  <si>
    <t xml:space="preserve">博时稳定价值债券投资基金投资组合有何限制？ </t>
  </si>
  <si>
    <t xml:space="preserve">博时稳定价值基金的投资限制严格遵照基金法及相关法规规定，根据本基金《基金合同》中有关规定，具体限制如下：投资于债券的比例不低于基金资产总值的80%； 基金与由基金管理人管理的其他基金持有一家公司发行的证券总和，不超过该证券的10%，并按有关规定履行信息披露义务； 在全国银行间同业市场中的债券回购最长期限为1年，债券回购到期后不展期； 在银行间市场进行债券回购融入的资金余额不超过基金资产净值的40%； 投资组合的平均剩余期限在每个交易日均不得超过3年； 不投资股票和可转债； 中国证监会规定的其他比例限制。 </t>
  </si>
  <si>
    <t xml:space="preserve">减肥健身我要下载一套很好的有氧健身操，请问哪里有下载地址，谢谢！ </t>
  </si>
  <si>
    <t>我看练太极拳就可以，该运动也是有氧健身的运动，长期锻炼还可以治疗很多慢性病。</t>
  </si>
  <si>
    <t xml:space="preserve">南京易尔灵科技公司怎么样？ </t>
  </si>
  <si>
    <t>易尔灵（120）科技紧贴网络时代的发展潮流，对中国网络应用的现状和趋势有很深的认识，因此不论您是需要简洁实用的小型展示性网站，还是大型网站,我们都有相应解决的方法。我们的优势在于我们重视于每一份业务的设计质量，而不在意业务的数量多少，提升客户网站形象是我们致力追求的业务目标。选择易尔灵没错</t>
  </si>
  <si>
    <t xml:space="preserve">猜中国米本次赢几个球的？100分！高兴啊！~利单3，中！~庆祝下 </t>
  </si>
  <si>
    <t>1球，来拿分的~</t>
  </si>
  <si>
    <t xml:space="preserve">刚生完孩子20天，总发烧不断，奶里面全是硬块怎么办？头一次当妈妈 </t>
  </si>
  <si>
    <t>很正常了，有硬块是因为你的奶太多了，孩子吃完，再吸一下吸干净了，还有就是一涨就给吃，吃完了再吸。少喝点汤水。发烧的时候就不要给孩子吃了，就吸出来倒掉，不然的话，你的奶会给憋回去的，憋回去你的宝宝就惨了。你那么好的奶一定要好好利用。我当时就和你一样，不过我利用的好，也从没发烧过，也没看过医生。</t>
  </si>
  <si>
    <t xml:space="preserve">资本的有机构成是如何影响着资本的周转速度等其他的资本运行 </t>
  </si>
  <si>
    <t>影响。老兄考研复习的怎么样了？我是复习的糊里糊涂。我好久没有看政治了，但是，肯定有影响了。。。。。。</t>
  </si>
  <si>
    <t xml:space="preserve">河南理工大学，郑州轻工业学院，郑航哪个大学好？ </t>
  </si>
  <si>
    <t>轻院好河南理工大就是以前的工程学院跟几个学校合办的航院很破可以实地考察下轻院实力很强</t>
  </si>
  <si>
    <t xml:space="preserve">白盆的是栀子花，蓝盆的好像叫平安竹，这两盆花要怎么养怎么浇水？栀? </t>
  </si>
  <si>
    <t>只看到了栀子花，，栀子花别放室内太久，多晒太阳花苞才会健康成长，正常浇水即可（诚心为您解答，亲 请随手设为“好评”哦，对您没有任何损失的哦，谢谢啦！）</t>
  </si>
  <si>
    <t xml:space="preserve">李敏姐你好！我想买瑞纳1.4标配的。7.09万值吗？有啥优缺点谈 </t>
  </si>
  <si>
    <t>李敏姐你好！我想买瑞纳1.4标配的。7.09万值吗？它的外形的确好看，时尚！缺点就是整体还是小了点 价格高了点 感觉同价位的车里 瑞纳的配置低了点。所谓性价比不高        后窗竟然还是手动的！一点都不值！再等等吧！肯定降价！</t>
  </si>
  <si>
    <t xml:space="preserve">FR价格一只成长3.75，有必杀和连击的FR值多少钱？ </t>
  </si>
  <si>
    <t>一只成长3.75,有必杀和连击的FR她的价钱最低也不低多300W,我觉的FR有连击,吸血同强力并且又是成长3.75就是JP了!她的价钱比有必杀和连击的还要贵!</t>
  </si>
  <si>
    <t xml:space="preserve">在真三国无双3中（PC),怎样拿赤兔马？ </t>
  </si>
  <si>
    <t>下坯之战(吕步军),发生关羽偷赤兔马并骑上马的剧情后,击倒关羽,贵重物发现报告,(击倒关羽前不要击倒任何武将)</t>
  </si>
  <si>
    <t xml:space="preserve">离婚时房子怎么分割我想问下，我07年结婚，房子是男方婚前买的并付 </t>
  </si>
  <si>
    <t>按照物权法的规定，“不动产物权的设立、变更、转让和消灭，经依法登记，发生效力；未经登记，不发生效力”，在这里你们是结婚之后才才签订的合同并且办理的房产证，按照法律规定以登记作为生效的条件，所以是你们的共同财产。因为之前你丈夫是出了钱的，所以在分割的时候这部分钱要先还给他，剩下的才是你们的共同财产。补充：写谁的名字没关系第一个问题，他升值多少倍都没有关系，都是共同财产，而且也不影响归还你丈夫的那部分，该给他多少就给多少。第二个问题，除非能够拿出证据证明确实错了，并能证明当时的实际金额是多少，否则还是要按照合同上的金额来处理。</t>
  </si>
  <si>
    <t xml:space="preserve">请问：大排挡炒螺是用什么配料和怎样炒法？谢了！.请问：大排挡炒螺 </t>
  </si>
  <si>
    <t>大排荡的螺主味型上应该归与家常味——咸鲜，但辣度又比家常味高，并可以加入花椒、紫苏。做的方法与其说是炒，不如说是与干烧有些类似。先说处理原料，泥螺用清水养几天，敲去头部（除去部分泥巴，并便于入味）。放入锅中用水浸没，放入盐，辣椒、花椒、姜块，料酒、老抽、醋，多量色拉油，用大火烧开后，转小火焖干，后段注意翻炒避免干锅，并放入味精。这个菜属于小吃，难度不大，关键是加料的量和时间火候，多做几次就熟了。</t>
  </si>
  <si>
    <t xml:space="preserve">八月十五看龙灯歇后语 </t>
  </si>
  <si>
    <t xml:space="preserve">婴儿身上长白色癣怎么回事?我家宝宝3个月,头上长有几块指头大小的 </t>
  </si>
  <si>
    <t>是不是长奶癣了?如果是长奶癣了,可以用奶水涂在上面.不过,最好还是去医院看一下,确定一下病情.</t>
  </si>
  <si>
    <t xml:space="preserve">有无人识破解手机嘅图案密码啊？？！求大神帮拖[害羞] </t>
  </si>
  <si>
    <t>你需要直接到手机售后去给他们用解码器直接解码，或者刷系统</t>
  </si>
  <si>
    <t xml:space="preserve">员工个人交通费、通讯费是否应交个调税我公司每月有补贴员工交通、通 </t>
  </si>
  <si>
    <t>补贴员工交通、通讯费虽然标准不一样，但只要是发的现金，都应并入个人工资薪金征个人所得税；伙食费补贴也应并入工资征个税。要求员工个人提供票据（比如日用品、办公费、汽油费等）来报销，如果帐上没有反映出是补贴，而且有合法的发票，就不用缴个税。</t>
  </si>
  <si>
    <t xml:space="preserve">具体如何在网上收听BBC </t>
  </si>
  <si>
    <t>进入   直接点就可了,还有大部分英文广播和电视.........</t>
  </si>
  <si>
    <t xml:space="preserve">饮食原料的品质受哪些因素影响 </t>
  </si>
  <si>
    <t>天气、保鲜、腐蚀等因素！</t>
  </si>
  <si>
    <t xml:space="preserve">[阿谜]请猜四字成语一：主犯辩护未获准。 </t>
  </si>
  <si>
    <t>从容自如？从容应对？</t>
  </si>
  <si>
    <t xml:space="preserve">房产证是男方父母的，离婚时这财产怎样分割？马上要结婚了，他们家要 </t>
  </si>
  <si>
    <t>他们家买房子给你们结婚用，但是房产证仍是其父亲的名字，如果不过户的话，说明其父母只是把房子给你们使用，这不是你们的夫妻共同财产，离婚时你无权分割。　　其实，原本是人家的东西，何必要分呢？</t>
  </si>
  <si>
    <t xml:space="preserve">“道行”hang还是xing？昨天晚上看神探狄人杰，武则天念的道? </t>
  </si>
  <si>
    <t>应读作道(dào)行(héng)</t>
  </si>
  <si>
    <t xml:space="preserve">这房能盖吗我在自己承包的土地上建了果园,我想在果园中养猪,搞种养 </t>
  </si>
  <si>
    <t>你的位置在城市还是农村？在城市要报建，请到建设局了解；在农村要到村委会了解即可。</t>
  </si>
  <si>
    <t xml:space="preserve">QQ堂刷紫钻外挂 </t>
  </si>
  <si>
    <t>123</t>
  </si>
  <si>
    <t xml:space="preserve">我女朋友求的姻缘签，有大仙可以解答？ </t>
  </si>
  <si>
    <t>上上签呀，天作之合。</t>
  </si>
  <si>
    <t xml:space="preserve">我要减肥!！！！！！！！！！！！！！！！！！！！我现在178CM </t>
  </si>
  <si>
    <t>目前，最、最有效的减肥方法还是运动减肥和合理的膳食。运动减肥主要在于调节代谢功能，增强脂肪消耗，促进脂肪分解。运动减肥主要以中等强度、较长时间的有氧运动为主，辅以力量练习和球类运动等。给您推荐一些目前流行的有节律的动力性有氧运动，如长距离快走、慢跑、骑自行车、游泳、健身操等。有研究表明，水中运动被认为是最有效的减肥运动。此外，如果您有减肥的决心，有氧运动加力量练习是最有效的减肥方法。有氧运动前给自己安排一定的力量练习，可以加速后期的有氧运动中的脂肪利用，从而增强运动减肥的效果。这里也给您推荐一些常用的在家就可以实行的力量练习，如：仰卧起坐、下蹲起立、仰卧撑等，也可以利用哑铃或拉力器进行力量练习。值得注意的是，对于这类又想减肥但有不想吃苦头的减肥者来说，千万不要以为大运动强度运动、短时间运动、快速爆发力运动能有效的减肥，以为使自己便得很疲惫、迅速出汗的运动就可以达到快速减肥的效果。记住！坚持就是胜利！当然，本人即是很成功的案例，目前身高161，体重95斤，去年年冬体重106斤哦，现在一直就是保持在这个体重！关键在于我几乎每天利用上班的时间，改快步走代替乘公交车，周末打打羽毛球！</t>
  </si>
  <si>
    <t xml:space="preserve">精灵寻手打钱问题关于寻手去废墟打钱的说法太不一，有的说用腰弩，有 </t>
  </si>
  <si>
    <t>蛋啊蛋啊。。吃蛋啊。。没投入哪来的回报？我15级进的悲哀废墟，20级进绝望废墟。15到20装备是合金弓加碎剑者，打每个怪先用弓刷一次蛋，然后加3到4箭，再换碎剑补一下就OK。20级后用腰弩加碎剑，在绝望一样的打法，不过刷的是D蛋了。半小时休息一次。史巴托什么的还是少打的好，在废墟就是靠任务赚钱，史巴托是不掉任务东西的。在废墟我混到26出来的。怪掉的钱抵消了蛋钱还有赚的（一点点大概20来万吧）。把所有的任务骨头碎片全合成完整的骸骨，一起交了80多万。也就是3天的事。记得，你才20多级。一天打40万是不可能的，要是一天能打40万人人都练个弓手小号了。另外因为悲哀废墟的骷髅掉臂骨少，绝望的掉头骨少，所以要配合着打。</t>
  </si>
  <si>
    <t xml:space="preserve">二手车评估05年海南马自达323，1.6手动舒适型，行驶5.8万 </t>
  </si>
  <si>
    <t>现在的市场行情在5万左右。</t>
  </si>
  <si>
    <t xml:space="preserve">601099太平洋近期走势如何 </t>
  </si>
  <si>
    <t>601099太平洋净资产不足一元,而且还亏损,亏损了,净资产继续缩水.1元的东西整到10多元,又不是高科技. 券商股在熊市时更熊,再跌一半都不是底跌一半后抄底你还要被套一半以上.</t>
  </si>
  <si>
    <t xml:space="preserve">小平忘记了今天是星期几，于是他去问O、P、Q三人。O回答：“我也? </t>
  </si>
  <si>
    <t>应该是C星期四P讲真话,所以昨天(星期三)是他说谎的日子.这是真话.星期四Q说谎,所以昨天(星期三)是他说谎的日子.这是谎话.还有:③O 在星期四、星期五、星期六这三天说谎，其余时间都讲真话。 根据以上条件，今天是星期几? 这个O应该是Q吧.</t>
  </si>
  <si>
    <t xml:space="preserve">男人做爱后会洗JJ吗? </t>
  </si>
  <si>
    <t>最好洗一洗，保持阴部的整洁卫生，可以防止多种疾病的发生啊。当然是在俩人平静之后了。</t>
  </si>
  <si>
    <t xml:space="preserve">六个月的孩子怎样促进他的智力发展？ </t>
  </si>
  <si>
    <t>听音乐，每天3个小时，锻炼听觉与感观。玩儿童用球，鼓励它用脚踢和用手握。使身体快速发展，并且锻炼孩子的左脑。6个月的孩子能户外走走，就多带孩子出去。避免孤独症。【希望您多听专家的忠告，母乳喂养】【祝您狗年一切都旺，孩子健康成长】</t>
  </si>
  <si>
    <t xml:space="preserve">巨蟹男有恋母情节么?什么是恋母情节?表现在什么事情上呢? </t>
  </si>
  <si>
    <t>不是有没有的问题，所有的男人都有恋母情结，巨蟹尤为严重。不过这没什么不好啊，等你结婚生小孩了以后，是不是也希望你的男宝宝永远恋你呢？！</t>
  </si>
  <si>
    <t xml:space="preserve">风云2两厢怎么样？值不值购买？C30怎么样？真是纠结中啊~！家用 </t>
  </si>
  <si>
    <t>一个是两厢一个是三厢；一个是前卫时尚、一个是中庸保守。这是完全不同的取向啊，应该好选择，如果你纠结就是因为你不了解自己的需求。以下表格有利于你了解自己的真正需求。</t>
  </si>
  <si>
    <t xml:space="preserve">初二数学题目一个钢筋三脚架长分别为20CM,50CM,60CM, </t>
  </si>
  <si>
    <t>2种由题意知50厘米不能作为一边，只能以30厘米的钢筋作为一边   30可以与60对应   30可以与50对应这样利用三角形的对应边成比例求出的另两边之和小于50   当30对应20时利用三角形的对应边成比例求出的另两边之和大于50，所以不行</t>
  </si>
  <si>
    <t xml:space="preserve">个人好奇心问下一区事件前两天看到一区玛F的沁沁雪事件,纯粹个人好 </t>
  </si>
  <si>
    <t xml:space="preserve"> 长达4页，慢慢看</t>
  </si>
  <si>
    <t xml:space="preserve">请给我推荐一款面膜我今年26岁，混合皮肤且有轻度红血丝，T区会油 </t>
  </si>
  <si>
    <t>有轻度红血丝，说明皮肤有点小问题了，虽然你有用面膜，但这些面膜可能已经刺激到你的皮肤，再不注意保养改善，变成敏感皮肤就得不偿失了。建议你用雅漾的敷颜蜜（面膜），修复你的红血丝，等你的红血丝消失了，再用其他的温和的面膜，这样比较好。</t>
  </si>
  <si>
    <t xml:space="preserve">包皮龟头炎是什么原因引起的？我的命为什么这么苦啊，我一直都是非常? </t>
  </si>
  <si>
    <t>得了包皮龟头炎可能引起的原因是　　本病发生原因可分为两类：其一，单纯性或非感染因素;其二，感染性或可传染性疾病。前者，除生理性包茎，包皮过长，性成熟以后，包皮垢激发或少数机械怀损伤因素而发生龟头红肿，灼热的炎症改变;后者，除非感染因素所致的包皮龟头炎均属之，亦就是病原微为主导因素所引起的包皮龟头炎，其中以细菌性与真菌性感染为最常见。　　感染性男性包皮龟头炎的病原菌除少数毒素强的细菌(如琳菌)外，大多都为非致病性微生物，或低毒细菌往往在条件具备情况下，可成致病因素，故亦称条件致病菌引起的疾病。　　引起包皮龟头炎的条件致病菌中以真菌、毛滴虫或某些厌氧菌最多见，对于患包皮龟头炎的病人来说，这类致病菌来源多为外感所致，即就是性伴带菌而传给男性，遇到适宜的机体条件而发病。　　条件致病菌不少以女性女性生殖道为孳生地，可因女性每月内分泌变迁，影响女性生殖道PH条件，有利于这类寄生菌活跃繁殖，数量增多，成为发病要素，产生局部搔癢，灼热，粘膜红肿，冲血，甚而可使粘膜发疹或糜烂。随之激发女性生殖道分泌物增多，微生物(真菌或滴虫)的产物假膜形成絮状白带，或泡沫样分泌溢出，腥臭味日渐增重。在女性女性生殖道微生物繁殖期间，男女性交，极易成为男性被感染的机会，导致包皮龟头炎的发生。感染局部产生红肿，发疹、糜烂、渗液及灼热、痒痒一系列症状。</t>
  </si>
  <si>
    <t xml:space="preserve">有没有什么新出的电影最好是恐怖惊悚类的~跪求 </t>
  </si>
  <si>
    <t>死亡信条  不错电锯惊魂惊悚恐怖没有 新出的环太平洋 不错 亲,如果回答有用,，点有用即可，-----有用------喔亲~最新的就是笔仙，不过已经落了，环太平洋不错，可以去看看</t>
  </si>
  <si>
    <t xml:space="preserve">问一下合肥视力矫正手术怎么样呢？ </t>
  </si>
  <si>
    <t xml:space="preserve">近视确实给我们带来很大烦恼，尤其是高~~度近视，严重影响日常生活。目前治~~疗近视的方法也很多，框架镜、隐形眼镜、激光手术，到底哪个最好，哪个最安全，其实你必须先去专业的眼科医~院做个全面眼部检查，然后根据自己的实际情况，选择最适合自己的治~疗方式。目前治~疗近视的方法主要有以下几种，INTRLASER飞秒激光：这是美~国宇航局唯一指定近视矫治技术 ，超过三分之二的国内知名眼科医院首选的激光手术方式，目前安徽省内只有……合……肥……普……瑞……眼科拥有此项先进治疗技术。ICL/TICL/PRL人工晶体植入术:这种方法可以矫正大范围的近视、远视和散光。角膜塑形镜：夜戴晨取，轻松摆脱框架镜困扰，是抑制青少年儿童近视发展的有效方法。RGP:有效防止青少年近视度数增加，矫正远视及散光。青少年渐进多焦镜：有效缓解视疲劳，控制近视加深。具体情况，建议你去网上详细了解下。 </t>
  </si>
  <si>
    <t>二胡吟古月</t>
  </si>
  <si>
    <t>一泉寂水白</t>
  </si>
  <si>
    <t xml:space="preserve">用搜狗输入法输出来的还是字母，怎么办？ </t>
  </si>
  <si>
    <t>先轻巧一下键盘，然后再更新搜狗输入法</t>
  </si>
  <si>
    <t xml:space="preserve">现在白金（铂金）、黄金的价格（每克人民币），纯粹金条有投资价值吗? </t>
  </si>
  <si>
    <t>作为保值来说可以，作为投资的话金条回收有难度。</t>
  </si>
  <si>
    <t xml:space="preserve">32岁的女性个人购买社会养老保险有必要吗？女，32岁，在小厂打过 </t>
  </si>
  <si>
    <t>1、如果要购买社保的话，必须要购买养老险，而可以选择性购买医疗险。为了保证退休后的基本生活，无论是社保养老险，还是商业养老险，还是其他补充形式的养老险，都是非常必要的！2、四川地区，以个人名义办理养老险需要是本地非农户口。3、今年养老险缴费是5008.8元（100％档次），如果有失业证明的话，则可以按照60％缴费（3004.8元）。4、由于社保每年缴费都在提高，以100％档次缴费的话，10万元应该够交15年（仅个人估计而言，以供参考）。***你的情况不能办理失业证，既然非农户口，则应该办理城镇居民医疗保险，同时办理城镇居民养老保险，此外再根据个人经济状况，通过购买商业养老险来提高养老生活水平。***</t>
  </si>
  <si>
    <t xml:space="preserve">寻找专门清洁宠物耳朵的东东？狗狗耳朵里面好脏、好臭，我想给它买些 </t>
  </si>
  <si>
    <t>你说的是圣路薇的宠物洁耳喷剂吧！那效果挺好的呀！我给我家狗狗用的就是那！效果好着呢，天然植物提炼的，放心使用，狗狗是不会有什么过敏现象的！用圣路薇的宠物洁耳喷剂我觉得挺省事挺方便的，小喷头，喷洒均匀，不浪费，两三天给狗狗喷一次就行！圣路薇的宠物用品都是植物提炼的没任何化学成分的，对宠物或人都没有什么危害的！淘宝上也有卖的！大家评价都可好呢。</t>
  </si>
  <si>
    <t xml:space="preserve">汉中的朋友说说哪家美发店好　？ </t>
  </si>
  <si>
    <t>我来说说个人意见，我去过的汉中X21就相当不错，这家是当地的权威，很多公司的推广活动也找他们做发型设计的，比较靠谱哇， 汉中X21就在鼎鼎百货二楼后厅 ，很容易找到的。。速度去吧</t>
  </si>
  <si>
    <t xml:space="preserve">html怎么用我想做一个网站的时间日期怎么弄呀? </t>
  </si>
  <si>
    <t>你可以到网站上找一个JAVASCRIPT的程序，单独HTML是无法支持动态的</t>
  </si>
  <si>
    <t xml:space="preserve">问一个字的读音竹字头,下面一个厂,厂里面一个像虎似的字这个字念什 </t>
  </si>
  <si>
    <t>篪 &lt;名&gt;(形声。从竹,?声。本义:古时候一种用竹管制成的乐器)同本义 泛指吹管乐器 快马健儿,不知老妪吹篪。――《洛阳伽蓝记》篪（?、箎）chí⒈一种竹子：～竹。⒉〈古〉一种竹管乐器：吹～。</t>
  </si>
  <si>
    <t xml:space="preserve">急!高手快来帮忙!!!我的主板不好插显卡为什么?这比一般的主板小 </t>
  </si>
  <si>
    <t>1.你的机箱是不是很小，没法扩展？2.你的主板有没有显卡的插槽？如果没有只有换主板3.你没有提供你的主板型号或CPU之类信息，无法给你推荐主板，不过猜想大致应该是810或845集成板，这2种板都可以买到小板</t>
  </si>
  <si>
    <t xml:space="preserve">爱过！伤过！心碎过！还要坚持吗 </t>
  </si>
  <si>
    <t xml:space="preserve">我觉得你还是先找回自己的心吧 谁没受过伤  谁没有心痛过 真心去爱了  才会知道痛  相爱了  经过一个过程  不只是甜蜜的  知道么  人活着 就是吃苦受累  真正的幸福和甜蜜相比之下总是好像少了一些  那样才觉得珍贵啊  我觉得不要放弃  让自己的人生中少一分遗憾不好么   不过你的意志要坚定  别人说什么也没用  只有自己可以战胜自己 祝你幸福   </t>
  </si>
  <si>
    <t xml:space="preserve">狗狗问题狗狗可以水果的果核吗？ </t>
  </si>
  <si>
    <t xml:space="preserve">最好是不要，不过就算是吃了也没有什么。只要注意有的水果切记不要让狗狗吃到。1   葡萄和葡萄干: 葡萄和葡萄干可以导致狗肾衰竭. 有时仅仅一个葡萄干就可以害死一条狗.2 苹果,樱桃,梨以及类似水果是对狗非常有好处的---但是,他们的籽和果核含有氰化物,对人和狗来说都是致命毒物.氰化物可也存在狗的肠道里,并在24小时之内没有任何预兆的使狗死亡. 3 澳洲坚果和胡桃:澳洲坚果可导致虚脱,肌肉痉挛以及瘫痪.其他坚果对狗来说也不好,坚果里有很高的磷含量有可能导致肾结石,应尽量避免对狗安全并有好处的水果蔬菜: 去皮去核无籽的苹果,梨  胡萝卜水田芥芹菜. 南瓜 甜薯去皮土豆(土豆皮对狗有毒) 白胡桃汁.香蕉 苹果蓝莓 豌豆. 青豆. </t>
  </si>
  <si>
    <t xml:space="preserve">UNESCO是什么国际组织的简称？ </t>
  </si>
  <si>
    <t>the United Nations Education,Science &amp; Culture Organization几个英语单词的首字母的缩写。意思就是“联合国教科文组织”。</t>
  </si>
  <si>
    <t xml:space="preserve">为什么我的帐号被锁定了因今天上午有事外出了.没能与买家及时交易. </t>
  </si>
  <si>
    <t xml:space="preserve">尊敬的客户：     您好！5173回复客服01很高兴为您服务！        由于您的问题需要查询，请您提供5173用户名或订单号，我们会尽快联系您处理。                            </t>
  </si>
  <si>
    <t xml:space="preserve">大家有什么好看电影介绍，音乐也行 </t>
  </si>
  <si>
    <t>《穿靴子的猫》《丛林有情狼》《鼠鸭一家亲》《动物总动员》《小鱼历险记》《仲夏之梦》《追梦小海豚》《消失的天猫座》《小海龟寻宝记》《侠盗红狐狸》 《战鸽总动员》《冲浪企鹅》《四眼天鸡》《丛林大反攻》《加菲猫》</t>
  </si>
  <si>
    <t xml:space="preserve">爱情和事业，我将如何选择？我喜欢的那个女孩并没有对我的事业有什么 </t>
  </si>
  <si>
    <t>事业是靠打拼不是靠裙带的。见过很多男的为了所谓的事业抛弃真挚的爱情，而去投靠一份有利用价值的所谓的爱情，结果事业倒是由捷径而成功了，可感情世界彻底崩溃，有什么意思。女孩爱你，自然会尽全力支持你的事业，爱情和事业并不矛盾，除非你现在面临的就是上面假设的选择，所以你才彷徨。（妄言之处请见谅）</t>
  </si>
  <si>
    <t xml:space="preserve">中国政府真的那么懦弱吗?好像强,又好像弱! </t>
  </si>
  <si>
    <t>连你也说好像强,这就说明我们并不弱.你平时所见的弱,只是我们国家的策略而已,所谓"深挖洞,广积粮,缓称王",就是的大方针.现在我们不强,是因为我们不能强,因为别人都在疑虑我们,我们只能做一些低姿态.到了我们可以说话的时候,我们才能大声的说.</t>
  </si>
  <si>
    <t xml:space="preserve">想找一个笔记本电脑测试软件。买二手笔记本电脑用。 </t>
  </si>
  <si>
    <t>?到我的共享資料裡去找</t>
  </si>
  <si>
    <t xml:space="preserve">清泉老师000998被套,是做高抛低吸还是离场？清泉老师0009 </t>
  </si>
  <si>
    <t>20日均线一带如不失守则暂持有.</t>
  </si>
  <si>
    <t xml:space="preserve">日本国土面积多大? </t>
  </si>
  <si>
    <t>大约37万平方公里.</t>
  </si>
  <si>
    <t xml:space="preserve">在上海拍外景婚纱咋样？ </t>
  </si>
  <si>
    <t>不错啊，来上海拍外景婚纱我感觉是情侣最好的选择了，你看看人家炫色时尚摄影拍得片 ，好美呀，不愧叫炫色！</t>
  </si>
  <si>
    <t xml:space="preserve">解释：睥睨天下 </t>
  </si>
  <si>
    <t>睥睨 ： pì nì 1.斜视。有厌恶、傲慢等意。 2.窥视;侦伺。 3.监视。 4.城墙上锯齿形的短墙;女墙。 5.古代皇帝的一种仪仗。 睥睨天下 ： pì nì yī qiē 1.犹言傲视一切。</t>
  </si>
  <si>
    <t xml:space="preserve">怎样练成12级宠?我想知道12级宠是怎么合成的可不可以1+1=2 </t>
  </si>
  <si>
    <t>什么方式合出12级满宠都需要练宠23次，只不过不同的方式快慢不同罢了。最快的方法是：{[（1+1=2）+1=3]+[（1+1=2）+1=3]=6}+{[（1+1=2）+1=3]+[（1+1=2）+1=3]=6}=12简单的说就是练好两个6级宠合体升12级。为什么不同方式快慢不一样：级别不一样的宠练满经验的时间不一样长。</t>
  </si>
  <si>
    <t xml:space="preserve">谁能给我推荐个好点的环艺手绘的书 </t>
  </si>
  <si>
    <t>马路 的《环艺手绘表现图技法》环艺手绘效果图表现技法手绘教学与表现－中国美院职业学院环艺系师生作品集清华大学美术学院学生作品精选：环艺（手绘篇）夏克梁，沙沛，陈红卫，余工，杨健，叶惠民，沙沛的的手绘书籍都很不错的！</t>
  </si>
  <si>
    <t xml:space="preserve">支付定单为什么密码提示问题我输入中文不可以啊，怎么办啊我问题回答? </t>
  </si>
  <si>
    <t>既便是你输入的是中文，但在小键盘上也要再切换一下，因为牵连到中西方的问题，有些符号是一样的，特别是输入数字的时候，表现地优为明显~~所以要切换下小键盘上的符号就OK了</t>
  </si>
  <si>
    <t xml:space="preserve">和女友第一次ML用什么样的体位好呢?&gt;.如题谢谢 </t>
  </si>
  <si>
    <t>初次性交最适当的体位，也就是所谓的正常位。女性面朝上躺下，膝盖立起来，两腿张开，男性趴在中间，两肘支住上身，男上女下的体位。男性的阴茎不是往下插，而是与床铺平行，慢慢地往女性的下体插进去。此时，女性两腿尽量张开，阴茎插入阴道后，必须挺起腰部来迎合对方。</t>
  </si>
  <si>
    <t xml:space="preserve">汽车报价２００７年１２月买的长城哈弗现在值多少钱？黑色，车身新， </t>
  </si>
  <si>
    <t xml:space="preserve">呵呵呵   如果有人出7万以上你就卖吧，现在的二手车要是排量大呢也不好卖的   买二手车的人都是按照现在的车行情来估价的  不管你买时花呢多少钱，你可以看看现在你这车的价格  </t>
  </si>
  <si>
    <t xml:space="preserve">CD刻录一张光盘上可以压缩刻录上百首歌，想请教下是怎么刻录的？ </t>
  </si>
  <si>
    <t>问：一张光盘上可以压缩刻录上百首歌，想请教下是怎么刻录的？答：1、在NERO选择“CD/制作数据光盘”，将硬盘上乐曲拖到指定位置，最后点击“刻录”按钮，即可刻录出1张CD盘存有几百首乐曲的数据光盘。数据光盘，只能在电脑中播放。2、在NERO选择“CD/制作MP3光盘”，将硬盘乐曲导入，最后点击“刻录”按钮，即可刻录出1张CD盘可容近200首MP3格式乐曲的MP3光盘。该光盘，可在电脑和能播放MP3的CD机上播放。</t>
  </si>
  <si>
    <t xml:space="preserve">为什么网络连接到一半就断了我连接成功后，上一下网，看看一些网页， </t>
  </si>
  <si>
    <t xml:space="preserve">8.15预警：狂袭互联网的高危病毒“魔鬼波”“魔鬼波变种a”(Worm.IRC.WargBot.a)蠕虫病毒，利用MS06-040漏洞进行传播，可能导致RPC服务崩溃，用户无法上网。　　“魔鬼波变种b”(Worm.IRC.WargBot.b)蠕虫病毒，该变种在变种a的基础上进行了加密处理。详细信息  </t>
  </si>
  <si>
    <t xml:space="preserve">dvd光碟怎么复制到硬盘?需要下载什么软件?具体怎么操作?谢谢! </t>
  </si>
  <si>
    <t>把光盘当成文件夹选择右键单击打开，然后就能复制了要看的话，要有对应的软件，像powerDVD之类的</t>
  </si>
  <si>
    <t xml:space="preserve">如果你喜欢的女生对你说她有喜欢的人了，或是有男朋友了，你会怎么做? </t>
  </si>
  <si>
    <t>有喜欢的人或者是男友都不可怕，关键是你能坚持多久，锄头舞的好，长城挖的倒。如果她当你面说对你拒绝同时也在潜意识试探你的态度，你对她的爱有多深？因为她毕竟还是对你不太了解。其实上面也有朋友说的好，她喜欢谁那是她的事，问题的关键是你现在喜欢她，如果你面对自己喜欢的女孩，只是一些简单的困难就让你打消念头，你的爱很让人质疑，那么她和你在一起也不会太幸福！朋友，加油吧！</t>
  </si>
  <si>
    <t xml:space="preserve">我该怎么办？又是感情　跟他在一起时间不长，只有一年，同居半年，他 </t>
  </si>
  <si>
    <t>你还年轻啊，既然他是那么不负责的人，跟认识不到一个月的人结婚了，就说明他自身的缺陷了，你应该庆幸没有和他结婚。你说你恨她，可能你还是在内心忘不了他，所以。是需要用一段时间去调整自己的心态。但是，你要记住，为了这样的一个男人，让自己一直处于迷茫是绝对不值得的。放开自己的心，找点有意义的事干，你会找回自己，也会逐渐淡忘他的，你一定要相信自己！你要相信自己还年轻，生命中肯定会出现懂得珍惜你的人的！</t>
  </si>
  <si>
    <t xml:space="preserve">医生，我嘴突下巴短，是否该通过玻尿酸注射下巴改善？医生，我想问我 </t>
  </si>
  <si>
    <t>你好，下巴短可以通过注射填充或是假体来改善</t>
  </si>
  <si>
    <t xml:space="preserve">咳嗽咳嗽还是咳嗽，谁有妙招能治幼儿咳嗽 </t>
  </si>
  <si>
    <t>把一雪梨核去掉，放入四块冰糖，四颗川贝的量（有卖粉的），合上梨。放在铁碗里干蒸，锅里放水。每天都吃一只梨。呵呵，三四天后明显好转 祝你好运</t>
  </si>
  <si>
    <t xml:space="preserve">有谁知道华中师范大学长沙研究院怎么样，我在那里读研究生的话，拿的? </t>
  </si>
  <si>
    <t>要读在职的学校，一要名气二要好通过 。。。如果是信息是真的，那拿的是学校的文凭。但是要注意的是在职研究生拿的只是学位证书，拿不到学历证书。。所以你最终的学历还是本科。。。但是国家承认你的硕士学力（学力能力）</t>
  </si>
  <si>
    <t xml:space="preserve">操作工的面试会问些什么呢? </t>
  </si>
  <si>
    <t>首先问你的学历，和在学校担任过什么，尽管他已经了解。然后问你如果到公司任职，以后有什么打算。也可能会让你给公司提点建设性的意见和建议。比如你觉得如何搞好员工关系，如何看待公司人事问题，公司产品前景等等。总而言之，回答要注意三点一要以诚相待，不要说大话和不实在的话。一般面试的人眼睛都很毒，你一点微小的谎言都会在你眼睛中表现出来。二要给人以踏实感。招的是操作工，不需要你有太大的进取心，要的是你勤勤恳恳的态度。三不要拘束。要大方，必要的时候看准时机可以反问面试者，往往可以得到事半功倍的效果，给人以眼前一亮的感觉。祝你成功！</t>
  </si>
  <si>
    <t xml:space="preserve">QQ车音响如何改装我喜欢听流行音乐.比较轻柔的.请指教:最好是指 </t>
  </si>
  <si>
    <t>你好！价格：２７７０元（会员价）比较适合流行音乐、轻音乐和古典乐主机：先锋DEH-3850MP一台＋曼琴M3S.60一套＋MB10寸有源低音一支标配：电源线７米、防水保险１只、ＭＢ信号线１条、蛇皮管８米、喇叭线２０米</t>
  </si>
  <si>
    <t xml:space="preserve">幼儿多阅读有什么好处 </t>
  </si>
  <si>
    <t>读书的好处很多。 读书养性，读书可以陶冶自己的性情，使自己温文尔雅，具有书卷气；读书破万卷，下笔如有神，多读书可以提高写作能力，写文章就才思敏捷；旧书不厌百回读，熟读深思子自知，读书可以提高理解能力，只要熟读深思，你就可以知道其中的道理了；读书可以使自己的知识得到积累，君子学以聚之。总之，爱好读书是好事。让我们都来读书吧。 希望单击好评</t>
  </si>
  <si>
    <t xml:space="preserve">眼睛有炎症，怎么办本来我是滴眼药特别蛰，然后在爱问说是因为眼睛有 </t>
  </si>
  <si>
    <t>那可能是你用的眼药水刺激性就大,相对于你来说,你还不能适应,不知你用的是什么眼药水?据我所知,比如象"利福平"眼药水就有一定的刺激性,而使用诺氟沙星(氟哌酸)眼药水就没有什么刺激性,我使用后的感觉也是这样.所以你不仿换一种眼药水看看.</t>
  </si>
  <si>
    <t xml:space="preserve">为什么我每次买"火炮"是都会显示级别不符的字样呢?怎样的等级才能? </t>
  </si>
  <si>
    <t>你只要有111枚金币，而且积分是530分以上便可以购买</t>
  </si>
  <si>
    <t xml:space="preserve">会计报税日期是多少号之前?会计证什么时候年审?什么是年审? </t>
  </si>
  <si>
    <t>一般抄税在5号之前，报税在10号之前！会计证每年都要进行后续教育，两年一次年审，只有参加了后续教育的培训，才能进行年审！不进行的话就会计证会注销，就没用了！</t>
  </si>
  <si>
    <t xml:space="preserve">睡觉时被子为什么老是往床下掉？每晚睡觉我都要在地上拣几次被子，有 </t>
  </si>
  <si>
    <t>那肯定是你睡觉的姿势"不老实",在睡梦中经常翻滚或把腿"支起来",而此时你又处于睡眠中,自己是感觉不到的,所以被子就容易掉到地上去了,时间长了则容易引起感冒.还有如果床过于窄(一般现在不会有此情况的了),那么如果睡觉时稍有翻滚,则也容易使被子掉到地上去.</t>
  </si>
  <si>
    <t xml:space="preserve">为什么我输QQ验证码老说我输入错误? </t>
  </si>
  <si>
    <t xml:space="preserve"> 我以前也有遇见过，我重起机子后就好了，你可以试试看，</t>
  </si>
  <si>
    <t xml:space="preserve">野猪5级冲锋抓什么可以学到? </t>
  </si>
  <si>
    <t>第五级需要宠物48级花费：25点训练点冲撞一个敌人，使其定身1秒，并使它的下一次攻击增加395点攻击强度灰鬃野猪，48-49，诅咒之地</t>
  </si>
  <si>
    <t xml:space="preserve">天天喝统一绿茶真的能减肥吗我天天把统一绿茶当水喝这样成吗能减肥吗 </t>
  </si>
  <si>
    <t xml:space="preserve">统一绿茶有糖,会越来越肥,应喝以下的茶:1、黑茶：可抑制小腹脂肪堆积。一说起肥胖，人们马上会想到腹部脂肪，而黑茶对抑制腹部脂肪的增加有明显的效果。黑茶是由黑曲菌发酵制成，顾名思义，是黑色。在发酵过程中产生一种普诺尔成分，从而起到了防止脂肪堆积的作用。想用黑茶来，最好是喝刚泡好的浓茶。另外，应保持一天喝1.5升，在饭前饭后各饮一杯，长期坚持下去。 　　黑茶在我国生产历史十分悠久，主要产于湖南、湖北、四川、云南、广西等地。黑茶可直接冲泡饮用，也可以压制成紧压茶(如各种砖茶)。它们的汤色近于深红，叶底匀展乌亮。 　　2、吉姆奈玛茶：有效抑制糖分吸收。印度医学中，频繁出现的就是这种吉姆奈玛茶。吉姆奈玛的绰号又叫“糖杀死”，嚼过它的叶以后再吃糖，口里不会有甜的感觉，摄取量自然大减，糖分和碳水化合物的吸收量降低，因而转化成脂肪量也就相对减少。吉姆奈玛茶不仅对防治和改善肥胖有效，还对糖尿病有辅助治疗的作用。 　　3、荷叶茶：古代减肥秘药。一种用荷花的花、叶及果实制成的饮料，不仅能令人神轻气爽，还有改善面色、减肥的作用。充分利用荷叶茶来减肥，需要一些小窍门。首先必须是浓茶，第二泡的效果不好。其次是一天分6次喝，有便秘迹象的人一天可喝4包，分4次喝完，使大便畅通，对减肥更有利。第三最好是在空腹时饮用。其好处在于不必节食，荷叶茶饮用一段时间后，对食物的爱好就会自然发生变化，变得不爱吃油腻的食物了。 　　4、杜仲茶：可降低中性脂肪。因为杜仲所含成分可促进新陈代谢和热量消耗，而使体重下降。除此之外还有预防衰老、强身健体的作用。 　　5、乌龙茶：可燃烧体内脂肪。乌龙茶是半发酵茶，几乎不含维他命C，却富含铁、钙等矿物质，含有促进消化酶和分解脂肪的成分。饭前、饭后喝一杯乌龙茶，可促进脂肪的分解，使其不被身体吸收就直接排出体外，防止因脂肪摄取过多而引发的肥胖。 </t>
  </si>
  <si>
    <t xml:space="preserve">欧洲旅游有人告诉我，在欧洲里，有时候做飞机比坐火车还便宜，是不是 </t>
  </si>
  <si>
    <t xml:space="preserve">         欧洲有一些小的飞机公司常常有打折机票，非常便宜， 加上税才几十欧， 比如easyjet 公司的。 但是这些飞机的时间一般在清晨或者是晚上，停的机场一般都是小机场。          如果你去得两个城市比较远，坐火车要7，8 个小时以上，可以考虑飞机。提前订或者碰的巧会有很便宜的机票。           相比之下，火车票的价格浮动余地不大。 </t>
  </si>
  <si>
    <t xml:space="preserve">pdf中内置了音频有没有办法将音频提取出来？ </t>
  </si>
  <si>
    <t>试着用ACROBAT或者FOXIT PDF EDITOR打开看一下对象在哪里.然后直接提取.</t>
  </si>
  <si>
    <t xml:space="preserve">求广州好的动画培训机构？想在广州学习动画制作 </t>
  </si>
  <si>
    <t>电子科技大学中山学院，吉林大学珠海学院这2个比较好吧</t>
  </si>
  <si>
    <t xml:space="preserve">买新楼要到售楼处后直接问售楼员看一样叫销控的本子，请问：“销控”? </t>
  </si>
  <si>
    <t>销控=销售控制.就是忽悠老百姓的意思.在整个楼盘营销过程中，应该始终保持有好房源，分时间段根据市场变化情况，按一定比例面市，这样可以有效地控制房源，而且后期的好房源面市时，正处于价格的上升期，还可以取得比较好的经济效益。此即为销售控制。当然业内还有一种的简单定义，就是先把各销售单元分成三六九等，根据预判分期推出部分，再根据去化，得出下次推出的各类销售单元比例。要求留下可升值的好户型，准备涨价。但是这种划分带有强烈的感性成分，什么时候是导入期、公开期、强销期、持续期、收盘期，全凭个人经验，带有相当大的销售风险，因此多数是一些入行不久的策划人员做法，成熟的开发商一般不会采用。</t>
  </si>
  <si>
    <t xml:space="preserve">白玫瑰放在红墨水中变色吗 </t>
  </si>
  <si>
    <t>会，我看过电视，里面说：想让花瓣变颜色，首先将花枝放进已准备好的清水里，然后将红墨水沿着杯子沿慢慢的注入水中，等过了两三个小时以后再看，花瓣上的脉络已经红了，时间越长，变红的地方就越多。</t>
  </si>
  <si>
    <t xml:space="preserve">女的脸上为什么也会长胡须啊？可能那个也不能叫做胡须，可是有的人长? </t>
  </si>
  <si>
    <t>毛发的生长受神经、内分泌系统的控制及调节，其中内分泌雄性激素代谢影响最为明显。雄激素有刺激毛母细胞生长的作用。睾丸酮能促使躯干、四肢、须部、腋窝及阴毛的生长，故对腋毛或阴毛缺失的人，使用睾丸酮局部注射，可使之重生。所以，当雄激素代谢异常时，毛发生长异常，就可以见到妇女长胡须。大多数妇女在妊娠期间能见到程度不同的面部多毛，一般到产后6个月消失。这也是因为妊娠期雄激素变化的结果，是一种生理性改变。部分绝经期后妇女长须也属于生理性改变。 妇女长胡须主要见于一些综合征，最常见的妇女长须是糖尿病综合征及双侧性多囊性卵巢综合征。妇女长须糖尿病综合征见于更年期妇女，其主要临床表现为妇女生须、全身性多毛、显著肥胖，常伴有糖尿病及高血压，但除了多毛无其他男性特征的表现。本病主要是由脑垂体肿瘤或肾上腺皮质肿瘤致雄激素水平增高所引起的。双侧性多囊性卵巢综合征起始于。开始月经正常，以后进行性地月经减少，最后无月经，性欲减退或消失、不育、面部及躯干多毛，可伴有肥胖或乳腺发育延迟，双侧卵巢对称性增大。 妇科专家指出，妇女长须既有生理性改变，也有病理性改变。一旦发生，患者应及时前往医院就医，查明长须的根本原因，对因治疗。切不可擅自乱剃乱拔胡须，以免加重及耽误病情。像楼上说的,不要太在意,也尽量不要剃除,怕会越剃长得越浓密.</t>
  </si>
  <si>
    <t xml:space="preserve">陈真副官处的位置说在祖龙城找可是也没找到啊?? </t>
  </si>
  <si>
    <t>夏风将军边上啊</t>
  </si>
  <si>
    <t xml:space="preserve">老公天天搓麻将，我应该怎么办？我老公现在迷上了麻将，刚昨天信誓旦 </t>
  </si>
  <si>
    <t>我认为你应该多花些时间陪他，搓麻将也是因为无聊才迷上的，要想不让他再迷，你就要让他的生活更充实，这样你们俩的感情也会更深一些，更相爱。明白了吗？</t>
  </si>
  <si>
    <t xml:space="preserve">怎样止呕吐现象?男生朋友不知为什么一直呕吐? </t>
  </si>
  <si>
    <t>呕吐常见的原因是消化道疾病，如急性胃炎、十二指肠郁积症等。以各种原因引起的急性胃炎最多见。饮酒也是引起呕吐的原因之一。频繁呕吐在查找病因的同时，应先给予对症治疗，可肌注灭吐灵10mg ，吗丁林 10mg ， VB6 20mg 口服； 或 舒必利 100mg   3次/日服。顽固性呕吐可用 5%葡萄糖250ml＋胞二磷胆碱0.75＋VB6 200mg 静滴。 同时要注意饮食规律、少食刺激性食物与生冷、饮料等。</t>
  </si>
  <si>
    <t xml:space="preserve">宝宝吃迪巧时注意事项有哪些呀？ </t>
  </si>
  <si>
    <t>还是要注意多晒太阳另外补钙也不是一直吃就是好适当查查微量元素，如果不缺可以停止</t>
  </si>
  <si>
    <t xml:space="preserve">地幔是固态还是液态？ </t>
  </si>
  <si>
    <t xml:space="preserve">地幔，是地壳和地核之间的中间层。即从地壳向下到约2900公里深的地方。它相当于蛋白。它是固态状，但又有可塑性，好像沥青一样；在短时间内，有一定的形状，但如果放久了，就会变形。地幔主要是由铁和镁的硅酸盐类组成。 </t>
  </si>
  <si>
    <t xml:space="preserve">有关慢性咽炎的治疗与保养我有慢性咽炎很久了了，就是喉咙这里有一粒 </t>
  </si>
  <si>
    <t>这是症状  无须手术  喝中药一个月</t>
  </si>
  <si>
    <t xml:space="preserve">你好！在08年的时候就有偏右头痛，在那个时候以为是眼引起的，检查? </t>
  </si>
  <si>
    <t>是偏头痛，方案如下 偏头痛的原因和治疗方法原|2014-02-10|浏览:12554|投票:0偏头痛是一种十分严重的神经科疾病，而且近年来还有年轻化的趋势，不少人年纪轻轻就患上了偏头痛。那常见的偏头痛的病因有哪些呢?又要怎么治疗偏头痛呢?下面就为大家讲讲常见的偏头痛的原因和治疗方法。天气过热：当气温升高时，各种头疼发作的可能性明显增高。快下雨时，头疼发作率会有轻微下降。气味过浓：即使好闻的气味，浓度过高也会引发偏头疼，如油漆、粉尘、香水和某些花。头饰不当：如果马尾辫梳得过紧，会对头皮施加压力从而引发头疼。头巾、发卡和过于紧绷的帽子也会造成头疼。解决的办法就是让头发自然垂落。运动强度过高体力消耗过大会造成头部、脖颈和头皮的血管膨胀，从而引发头疼。甚至是性生活过度，也会造成头疼。所以要保持强度适中的运动，例如散步，当你的双臂前后摆动，会让肩颈肌肉得到放松，从而减轻头疼。不良体态：包括耸肩、坐在没靠背或靠背过低的椅子上、电脑显示器的位置过低或过高，或是接电话时把听筒夹在肩膀上。奶酪、红酒、冷荤菜：奶酪放置过久会引起蛋白质分解，释放出酪胺，食用之后会引发头疼。红酒和冷荤菜(如凉肉卷)中也含有酪胺，不应过量食用。漏掉一顿饭：当你感到饿之前，大脑会先感觉到痛，所以要保持规律饮食，这样可以让血糖水平保持平稳。注意应选择蛋白质和复杂碳水化合物相互搭配的食物，同时还要及时补水，因为脱水也会造成头疼。咖啡因：适量饮用咖啡不仅对身体有益，而且很多用来治疗头疼的药物中还含有咖啡因的成分。但如果接连不断的喝咖啡，就会引发头疼。自我按摩：平日里可用指尖像洗头那样抓挠，或用天然鬃毛硬刷、木齿梳子梳头来进行头部按摩。具体方法是：从鬓角朝额头向后脑勺缓慢圆周运动，不论你采取以上哪种方式，按摩时都会感觉很舒服、很轻松。良好睡眠：利用睡眠摆脱头痛。许多人用睡觉消除头痛，但应避免睡的时间过长，以免睡醒后更加头痛。睡觉时不要俯卧，因为这种睡觉姿势会使脖子肌肉发麻。如果睡眠不好，反复翻身，可使用特殊枕头，形状要适合脊椎脖子处的自然弯曲，让脖子有个可靠的依托。</t>
  </si>
  <si>
    <t xml:space="preserve">风信子怎么种?对温度.湿度有什么要求?我第一次种风信子,怎么样才 </t>
  </si>
  <si>
    <t xml:space="preserve">风信子又名洋水仙，为百合科多年生草本，株高15-45厘米，花期3-4月。 【繁殖】风信自用分球法繁殖，秋根秋植。在入夏叶子变黄后将鳞茎挖出，连同叶子一齐风干，在干燥，凉爽的环境贮藏。到秋植时再将子球与母球分开，子球种植2年就可开花。 【栽培】风信子喜阳光充足，温暖，湿润和夏季凉爽环境，耐寒，喜肥，要求肥沃，疏松的沙质土壤，忌粘重土壤和湿涝。风信子的栽培有地栽，盆栽。地在一般在10月下旬栽植，栽植深度为10-15厘米，一种球大小而定。冬季覆盖防寒，早春及时除去覆盖物。在前施足基肥，冬季的开花前要追施稀肥。鳞茎要适时采收，采收过早则不充实，晚收则容易赶上雨季不能充分阴干，贮藏时容易腐烂。另外，栽培后期要控制肥水，入夏即进入休眠状态。盆栽一般在9月上盆，选取大而充实的球种，每盆3-4球，栽植深度以球根肩部与土面一平，顶部露出为合适，放入冷床或冷室，11月入室，室温保持5-6℃，待花茎抽出时，再将温度提高到20℃以上。 【病虫害】高温多湿时容易发生风信子黄腐病，发病时由叶尖开始扩大成条斑，以后变褐坏死，鳞茎心部也腐烂，出现黄色粘液。防治上要选用无病球种，定期喷洒农用链霉素1000倍液防治。 　　风信子植株矮、花序大、花期早，花色艳。主要用来布置春季花坛、花境，或草坪边缘自然栽植，也可作切花或盆花。 </t>
  </si>
  <si>
    <t xml:space="preserve">更新邮票期数记录失败是怎么回事?为什么我点收集邮票却告诉我更新邮 </t>
  </si>
  <si>
    <t xml:space="preserve">您好，非常抱歉，由于集邮活动的服务器调整，所以目前暂时无法收集邮票，请稍后再试，或是明天登录邮箱后，再收集也可以。十分抱歉给您带来的不便，也十分感谢您提供给我们的这些信息，谢谢您对新浪网的支持。如有更多问题， 请咨询新浪客服中心。全国统一客服热线：    咨询邮箱：webcn@ </t>
  </si>
  <si>
    <t xml:space="preserve">氟罗沙星葡萄糖注射液是否对胎儿有影响请问专家:我是7月3号来的月 </t>
  </si>
  <si>
    <t>如果想要孩子，建议在当地医生严密观察胎儿的发育情况以做出合适的处理。</t>
  </si>
  <si>
    <t xml:space="preserve">姚明成熟了吗 </t>
  </si>
  <si>
    <t>可以了,不行你去试试!</t>
  </si>
  <si>
    <t xml:space="preserve">那位大哥看看这个软件是不是真实的？软件大小：961KB软件语言： </t>
  </si>
  <si>
    <t xml:space="preserve"> 你好，请先看看上面360论坛上的发帖你发的这个网页，我打不开了。但是这种东西基本上是真的的概率等于零。这种下载地址往往有网页挂马，下载的软件里面也都是毒。这个牛吹太大了，获取人家ip就可以打开视频，理论上讲不可能。即使可能，这个漏洞也应该早被封了，而且我个人的习惯就是不使用的时候就把摄像头拔掉，把麦克风关闭的。别受骗了，肯定是假的，而且还可能有毒。ps：你好，我刚刚打开了，你的杀毒软件是什么啊？该改进下了。我刚打开这个地址杀软就报警了。这个网页明显是有问题的啊。</t>
  </si>
  <si>
    <t xml:space="preserve">WX高手进！~~~我是新手！我想问下WX的属性点是怎么加的？？？ </t>
  </si>
  <si>
    <t>拳套WX: 　　①加点方法是3敏1力1体!这种加法比较极端!想要的是暴击和命中忽略防御PK时只能P过MM和FS,P重装职业和妖精就不行了!只适合偷袭,升级慢也是一个缺点. 　　②加点方法是3敏2力不加体!这种加法让拳套WX能够勉强穿上重甲,但是由于不加体照成血少的缺点,下FB没有人爱带!PK的时候P----MG有优势但也不大!练级上安全很多 　　长兵WX: 　　相信练这些WX的人,对老完美有一个初略的认识,但认识不够.长兵和刀剑WXPK的时候,能对法系职业造成巨大的威胁.PK近身物理攻击的职业效果也很好.但是唯一的一点不好就是升级太慢.加点方法是2敏2力1体 　　斧锤系WX: 　　这种WX可以说升级最快的.从29开始WX分系开始一直到59学的都是群的技能 　　加点方法是3力1敏1体 　　还有就是长兵或刀剑与斧锤双修:升级快PK也厉害.唯一不足的就是,太耗费元神了....加点方法也是3力1敏1体.基本上80级以后斧锤系WX都得学长兵技能!!      看LZ喜欢玩什么类型的  到后期可以双修  也可以四修  即四种武器都可拿</t>
  </si>
  <si>
    <t xml:space="preserve">08款君越故障码P0013排气凸轮轴位置执行器电磁阀控制电路（缸? </t>
  </si>
  <si>
    <t>p0013是排气凸轮轴位置传感器坏了，一般更换了再消下故障码就可以给个好评吧 谢谢</t>
  </si>
  <si>
    <t xml:space="preserve">异地恋真得就那摸难吗???我该怎么来处理我这段异地的恋情??大家? </t>
  </si>
  <si>
    <t>曾经的不代表现在的,你的这种感觉我也曾经历过,我很了解你现在的心情,百般的无助,我只想这样给你说,一切顺其自然,人都会随着时间,环境在变化,曾经的了解信任,不代表现在的一切,爱有几分,思念就有几分,而当你的爱与思念共同出现时,心就是觉得越独单越想信念过去,越想就会越觉得失洛，猜异，越能感觉到一个词：＂娈化＂，感情是一种双方共同的主动，不是一个人自动就可以的事，那样就变化了，不是感情，不是恋爱而是另一种，所以一切要顺其自然，我们都是女孩，相信自已，他也许上目前我们最有感觉的人，最爱的人，但也只能是过去，总会有人来替代于他，会比他更让我们心动，你和他最后的结局会是分开，我不知道你是否相信，你可想一下，你现在的心里，我们是女孩要在意自已的感受，不能将就，特别是感情．遇事不要犹豫不决，要果断．断开．要有主见学会选择,现实的距离并不可怕.心灵的距离才是最可怕的,分了吧,相信会有比他更的好的人,那样就是你和他在一起将来你也不会开心的.</t>
  </si>
  <si>
    <t xml:space="preserve">为什么要把9.18日定为国耻日？9.18事变然到比7.7事变意义 </t>
  </si>
  <si>
    <t>是因为在9.18事变中，蒋介石的“不抵抗政策”使日本鬼子全面侵占东北三省 。中国开始沦陷 。故而定为“国难日” 。</t>
  </si>
  <si>
    <t xml:space="preserve">有很多人认为公务员的工作比较枯燥和轻闲，你是怎么看待这个问题的？ </t>
  </si>
  <si>
    <t>第一 我觉得不同的部门、不同的职位有不同的任务安排。所以，有些内勤的职位主要负责解答业务咨询、整理档案之类，相对来说是比较枯燥轻松。但是，也必须看到的是，更多的公务员是为执法而奔忙，有的还充满了危险性，例如警察。因此，简单地认为公务员工作枯燥清闲是很片面的看法。第二 做为公务员，其任务是由上级组织根据社会实际安排的。所以，不管是负责什么样工作，其性质都是为人们服务，我们不能因为工作的简单枯燥而掉以轻心或因为工作的危险复杂而怨天尤人。一心为人们服务，不断提高业务能力和工作效率是我们公务员的义务和责任。只有具备了高素质的综合能力，我们才能在工作中做出实绩，才不会因为工作的繁絮而产生消极情绪。</t>
  </si>
  <si>
    <t xml:space="preserve">怎么看快本直播 </t>
  </si>
  <si>
    <t>在电视上看湖南电视台或者网络看湖南电视台   麻烦好评：可以在平板用金鹰网来看，也可以在百度视频里面选择直播然后有湖南卫视！</t>
  </si>
  <si>
    <t xml:space="preserve">我国的社会主义市场经济为什么必须面向世界，扩大开放？ </t>
  </si>
  <si>
    <t xml:space="preserve">1.这是生产社会化、特别是经济全球化的客观要求2、这是市场经济的客观要求。3、这是进行社会主义现代化建设的必要条件。 </t>
  </si>
  <si>
    <t xml:space="preserve">如何画好钢笔画学了建筑老师让我们每天画一幅钢笔画 </t>
  </si>
  <si>
    <t>每天画一幅钢笔画,是叫学习好观察环境的能力。</t>
  </si>
  <si>
    <t xml:space="preserve">房屋贷款时交的房贷险的理赔何时保险公司有理赔责任啊？赔给谁？（我 </t>
  </si>
  <si>
    <t>美丽之瞬:你好！     你的理解基本正确！ 抵押贷款的保险是对房屋这个抵押物在抵押期间如果损坏进行赔偿的保险，主要是确保抵押权人不会因为抵押物房屋损坏，而失去抵押价值。</t>
  </si>
  <si>
    <t xml:space="preserve">600832东方明珠将启动，是真的吗？有专家给予点评吗？ </t>
  </si>
  <si>
    <t>这只股,前段时间,有人曾数次推荐,其结果,"辛辛苦苦大半年,一夜回到解放前"明珠可能要暗投了.15.3元一带,是强大的成交压力区.不过,在13.8--14.0一带,可以一搏.</t>
  </si>
  <si>
    <t xml:space="preserve">不作为故意杀人罪的社会危害性以及法律对其规定为犯罪的意义.不作为? </t>
  </si>
  <si>
    <t xml:space="preserve">   你说的可能是不作为致人死亡，不作为致人死亡不仅可以成立故意杀人罪，而且也可以成立过失致人死亡罪，这都是很严重的犯罪，法律规定它当然是为了保护人民的生命健康权不受侵犯。区分这两者的关键在于，行为人对其不作为行为导致他人死亡的结果是否具有故意心态，包括直接故意和间接故意。在司法实践中，尤其要注意这样一种情况，即：行为人先前意外地或过失地导致了他人死亡的危险，行为人能抢救而不抢救，放任他人死亡结果发生的，对行为人不应以过失致人死亡罪定性，更不能认为是意外事件而认定行为人无罪，而应对其以间接故意杀人罪追究刑事责任。其次，再从犯罪客观方面来看，出于被告人的伤害行为造成了被害人可能死亡的危险状态时，被告人就负有防止这种危害结果发生的特定义务，但他基于上述心理因素，不仅不采取积极的抢救措施，反而一声不吭甚至一走了之，从而导致了被害人因贻误抢救时间而死亡。</t>
  </si>
  <si>
    <t xml:space="preserve">解决烦恼的最好办法？ </t>
  </si>
  <si>
    <t>解决的最好办法是：分析烦恼产生的原因，想尽办法克服困难。现在工作的节奏不断加快给你带来极大的精神压力，感觉很烦恼。适当调整工作与休息的时间，定好锻炼身体的时间，经常散散心，放松绷紧的神经。如何缓解和消除精神压力呢？缓解压力的方法：回家后先大声吼5分钟要将心里的怨气发泄出来；再坐在沙发上静静地听轻音乐15分钟，过后你就会觉得心里舒服多了。或者你将自己心中的不满向家人或好朋友倾诉，你也能得到解脱。希望通过心理调节，你能正确对待类似情况，使自己身心愉快。你平时应该多听音乐，让优美的乐曲来化解精神的疲惫。轻快、舒畅的音乐不仅能给人美的熏陶和享受，而且还能使人的精神得到有效放松。开怀大笑是消除精神压力的最佳方法，你就忘掉忧虑，笑口常开。你还应该有意识的放慢生活节奏沉着、冷静地处理各种纷繁复杂的事情，即使做错了事，也不要责备自已，这有利于人的心理平衡，同时也有助于舒缓人的精神压力。勇敢地面对现实，不要害伯承认自己的能力有限，而不能正确处理事务。你要广交朋友，经常找朋友聊天，推心置腹的交流或倾述不但可增强人们的友谊和信任，更能使你精神舒畅，烦恼尽消。相信自己一定能减轻压力，振作精神，心情舒畅，身体健康，就能以良好的心态，增进友情，工作顺利，生活愉快！</t>
  </si>
  <si>
    <t xml:space="preserve">我的宝宝是不是正常？？？？？我现在怀孕23周了今天单位体验,B超 </t>
  </si>
  <si>
    <t>孕23周:双顶径的平均值为5.80士0.44'腹围的平均值为17.90士1.85'股骨长为4.21士0.41. 你的宝宝属于正常范围，不大．不用担心．</t>
  </si>
  <si>
    <t xml:space="preserve">长盛动态什么时候卖呢？它在高位拼命增仓，是不是在为别人高位接货呢 </t>
  </si>
  <si>
    <t>首先要感谢您购买了我们长盛动态精选，我想这是您对我们的信任，我们也有信心回报我们的投资者以长期、稳定的收益。关于您提的几个问题，我简要给您解释一下：1、从您的角度说，任何时候都可以卖出（赎回）长盛动态精选基金，因为那是您的权利。从我们的角度说，我们当然希望您能长期持有我们的基金。对于基金投资者来讲，长期投资非常重要，因为您很难进行时机选择，包括许多机构在买卖基金进行时机选择时，实际的效果并不好。我们愿意您作为我们的投资人长期支持、鞭策我们的工作。我们愿意诚恳接受对我们工作的所有批评和建议，并加以改进。为持有人利益最大化，是我们赖以生存的首要原则。2、关于您认为我们在高位“拼命增仓”。恰恰相反，长盛动态精选基金是在底部区域大量建仓，因此它的净值收益在同期新发基金中表现良好、排名居前。当然“为别人高位接货”就更不可能了。因为，监管部门对我们有目前市场上最为严格的监管，公司内部有一整套完善的风险控制程序。我们买入的股票95%以上是公司研究部门认真调研、分析的成果。3、关于买入海螺水泥。我们确实看好这个公司的长期增长潜力以及它在水泥行业中的领导地位和整和能力。感谢您提醒我们宏观调控对它的不利影响，我们一定密切观注对它的一切不利因素的变化，把握买卖时机，争取为持有人创造好的收益。最后，祝您的投资能够获得良好收益。</t>
  </si>
  <si>
    <t xml:space="preserve">成人高考我要考艺术类的学校。请问数学成绩怎么算？算总成绩里的分吗 </t>
  </si>
  <si>
    <t>不总成绩,作为录取的参考.</t>
  </si>
  <si>
    <t xml:space="preserve">瑞典SK战队队员除了fisker还有谁？ </t>
  </si>
  <si>
    <t>2003年的SK王朝时有Heaton,Spawn,ahl,potti,Element,Fisker.后来队员与SK俱乐部解约，重组了NIP。在NIP成立不久，Spawn,ahl,Fisker又回到了SK，同时SK有吸收了原NIP的队员Vilden,Snajdan,组成了现在CPL2005冬季锦标赛的阵容。Heaton,potti留在NIP，而Element去了Ｕ５．</t>
  </si>
  <si>
    <t xml:space="preserve">铜包钢接地线接头怎么做 </t>
  </si>
  <si>
    <t xml:space="preserve">铜包钢双金属复合材料是将铜与钢两种金属通过一定的工艺加工而成的复合导体。该导体既有钢的高强度，又有铜的良好导电性能和优良的抗腐蚀性能，因而被广泛用于防雷接地要求较高的领域：如石化系统，电力系统，气象防雷系统，通信系统，轨道交通系统等。还有其他一些领域，目前也开始普遍接受这一类产品，如信号传输（如同轴电缆内导体、电子管脚、电话引入线、波传输反射网等）、承力索（如铁路吊弦、载流承力索、机车牵引线）等等。 制造铜包钢双金属复合材料的工艺目前主要有以下三种： 1 、电镀法： 将外理干净的钢丝（钢棒）通过电镀槽，利用电解原理，在钢的表面电镀上一层铜， 该工工艺也称电镀工艺。制造成本虽低，但主要缺点太多：铜层薄；铜钢结合面会残留电解液，对环境的污染严重。 2 、套管法： 将处理干净的钢棒插入铜管内，利用直拉机拉丝模的束紧力将铜管束紧在钢棒的外表面。该工艺也称冷轧包覆法，即用机械力将铜层包覆在钢芯上，该种方法工艺简单，成本低廉，存在的主要缺点是：铜钢结合力差，无法满足大长度要求。另因两种不同金属间存在间隙，深入地下易形成原电池效应，从而增加腐蚀速率，使用寿命短。铜层容易剥落。3 、水平连铸法： 将处理干净的钢丝在氮气保护下加热到较高温度，同时利用工频炉将电解铜加热熔化，将钢丝快速通过铜液并在出口处结晶成铜包钢复合体，再加工，拉制成铜包钢复合导体。相比上两种工艺，该方法的优点是显而易见的： •  铜与钢之间实现分子的结合； •  铜层粘合度高； •  成为单一合体、可任意调节铜层厚度，产品品种较多； •  使用寿命长。 但目前这样的工艺主要存在：工艺复杂；生产成本高的问题。 水平连铸铜包钢防雷接地产品 随着电子的不断普及和大型电站、超高压输变电线路及高层建筑不断涌现，防雷接地优良于否，在人和电力、电子设备的安全保护方面扮演着生死攸关、极其重要的角色，其可靠性已越来越受到人们的重视。用型钢或建设物基础作为接地体，由于耐腐蚀效果差原因而影响了接地装置的可靠性。采用镀锌角钢（圆钢）做接地体，虽然减慢了钢的腐蚀，但因锌比钢活泼，锌的腐蚀速度比钢更快，由于镀层锌与土壤接角，而它却在不断的腐蚀不断的变化，稳定性差，使用寿命较短（一般均在 18 年以下）每年还需检测电阻阻值，工作量大，而采用铜包金属复合材料做接地体及防雷导体，由于铜的金属活泼性差，一般不会与酸、碱、盐发生反应。根据集肤效应，当表面铜层大于 0.25mm 时，钢芯载流很小，利用钢的强度将铜导体送到地下，表面铜导体送到地下，表面铜层不会发生腐蚀现象，因而接地棒电阻不会随着时间的推移发生变化，可实现免维护，寿命一般可达 50 年。 这就是为什么铜包钢双金属复合导体被广泛接受和运用于防雷接地系统的原因。 水平连铸铜包钢的特点 1 、制造工艺独特： 采用水平连铸生产工艺，该工艺为国内首创。连铸工艺采用的是将电解铜加热至 1200ºC 时铜结合面形成合金化过镀层，双金属界面完全牢固结合，从而实现铜与钢之间可延性冶金熔接，成为单一复合体，可像拉拔单一金属一样任意拉拔，不出现脱节、翘皮、开裂现象。 2 、防腐特性更优： 双金属内部无残留，耐腐蚀性更优。水平连铸工艺采用高温熔化，残留物被煅烧后溢出铜面，不会残留在铜包刚导体内，因而内部不会出现腐蚀现象。 3 、电气性能更佳： 表层为无氧铜，导电性能好，内层为优质碳素钢，集肤效应原理导电，导磁特性优异。电阻远低于钢材、镀锌钢材等常规材料。表层为无氧铜。 4 、铜层粘合度高： 因为是铜层和钢的表面是分子的结合，所以粘合度高，在绞合成绞线的时候，铜层都不会遭到破坏，不会出现脱节、翘皮、开裂现象。 5 、价格低廉 ： 因其防腐蚀能力，电气性能，抗拉强度等性能完全等同于纯铜产品，所以可以直接替代纯铜导体。相比纯铜的接地导体，价格低廉，可以为工程项目节约大量资金。6 、安装便捷、外形美观： 本公司生产的水平连铸铜包钢接地产品采用本公司的专利产品 “ 放热焊剂 ” 进行连接，接头牢固、稳定性好，使用方便。能满足特殊场合低阻值要求。产品表面进行光亮处理，美观漂亮。 连铸铜包钢质量指标（技术参数、指标） 1 、铜层平均厚度（常规） ≥ 0.25mm ； 2 、抗拉强度 ≥ 600N/mm23 、平直度误 差≤ 1mm 4 、铜层可塑性：接地棒弯曲 30º 时，折角外无裂缝。   应用领域 本产品适用于一般环境，和特殊环境（潮湿、盐碱、酸性土壤及产生化学腐蚀介质）、石化、电力、通信、轨道交通、邮电等防雷接地要求较高的领域。   </t>
  </si>
  <si>
    <t xml:space="preserve">“楚河汉界”指的是什么地方？ </t>
  </si>
  <si>
    <t xml:space="preserve">“楚河汉界”的由来    中国象棋棋盘上有“楚河汉界”，这是怎么来的呢？“楚河汉界”指的是河南省荥阳市黄河南岸广武山上的鸿沟。沟口宽约800米，深达200米，是古代的一处要地。西汉初年楚汉相争时，汉高祖刘邦和西楚霸王项羽仅在荥阳一带就爆发了“大战七十，小战四十”，因种种原因项羽“乃与汉约，中分天下，割鸿沟以西为汉，以东为楚”，鸿沟便成了楚汉的边界。现在鸿沟两边还有当年两军对垒的城址，东边是霸王城，西边是汉王城。中国象棋是什么时候定型的？它的发展历史有多久？其说法很多。    有人认为，战国时期宋玉所作的《招魂》里讲到了象棋。如从那时算起到现在已有2000多年的历史了。但也有人说，象棋是公元前2000年帝舜创造的。他有个名叫象的弟弟，品德不好，无所事事，舜特作棋加以教育，故称象棋。若果真这样的话，象棋的历史就更加悠久，约有4000多年了。    比较可信的说法是，中国象棋又被称为“象戏”、“桔中戏”，系由先秦时代的博戏演变而来。战国末期，盛行一种每方六枚棋子的“六博”象棋。唐代象棋有了一些变革，象棋只有“将、马、车、卒”四个兵种，棋盘和国际象棋一样，由黑白相间的六十四个方格组成。宋代，中国象棋基本定型，除因火药发明增加了炮以外，还增加了士、象。宋代《士林广记》就记载着中国目前所能看到的最早的象棋谱，它比西方15世纪出现的最早的国际象棋谱早200多年。这些记载足可以推翻国外长期以来流行的中国象棋起源于印度的说法。    到了明代，有人把一方的“将”改为“帅”，这时的象棋便和现今我们常玩的中国象棋一样了。    有趣的是，还有一段与中国象棋的发明有关的历史公案：在中国象棋的棋盘中间，常有一区空隙，上写有“楚河”、“汉界”字样，这是什么意思呢？原来，这是以下棋比况历史上的“楚汉战争”。据史料记载，“楚河汉界”在古代的荥（xing)阳(属郑州）成皋一带，该地北临黄河，西依邙山，东连平原，南接嵩山，是历代兵家兴师动众的战场。公元前203年，刘邦出兵攻打楚国，项羽粮缺兵乏，被迫提出了“中分天下，割鸿沟以西为汉，以东为楚”的要求，从此就有了楚河汉界的说法。至今，在荥阳广武山上还保留有两座遥遥相对的古城遗址，西边那座叫汉王城，东边的叫霸王城，传说就是当年的刘邦、项羽所筑。两城中间，有一条宽约300米的大沟，这就是人们平常所说的鸿沟，也是象棋盘上所标界河的依据。  </t>
  </si>
  <si>
    <t xml:space="preserve">怎么彩虹骑士不能玩了啊今天是06年11月8号我进入了彩虹骑士这个 </t>
  </si>
  <si>
    <t>我也是 明下好明安装好彩虹骑士了 进大厅后 可是个问好 双击说selected content were not installed  郁闷 和房主一起=吧</t>
  </si>
  <si>
    <t xml:space="preserve">成人本科挂名我现在在的学校的信息管理专业是4年脱产成人本科,挂靠 </t>
  </si>
  <si>
    <t>可能是挂靠学校没有本科资格,因此与南农合作办学,所以你应该算是南农成教的学生.你和南农成教的学生可能不在一起上课,但你仍可以拿南农的成人本科证成人学校也是按分上的,和高考一样在北京,一些普通高校的成教学院的分就比独立设置的成人高校分数明显高很多.</t>
  </si>
  <si>
    <t xml:space="preserve">40级宝藏的问题40级宝藏，有同级奶妈陪练，应该穿全身套还是飞龙 </t>
  </si>
  <si>
    <t>双练的话穿全身好点，防高加血，宝藏本身闪就不行，建议奶妈拿C顶双刀。要是组队的话就去KT1楼自己开组组个差不多的2转的骑开怪其他就组没转的CK和一个小奶可以吸点到了44就上2楼（组队就3套穿什么都行了）。</t>
  </si>
  <si>
    <t xml:space="preserve">夏天适合用什么面膜夏天太阳很猛，有时候会晒伤脸部皮肤，还有脸部皮 </t>
  </si>
  <si>
    <t>柏丽兰冰膜贴不错 精油添加型护肤品 修复控油都很好</t>
  </si>
  <si>
    <t xml:space="preserve">47F+3的帕黎恩魔杖能卖多少钱？ </t>
  </si>
  <si>
    <t>杖1400左右 A51200左右 自己加看 不过+3后可能要卖低点</t>
  </si>
  <si>
    <t xml:space="preserve">松江怎样去虹桥枢纽比较方便，乘车和开车 </t>
  </si>
  <si>
    <t>1、可以乘虹桥枢纽10路汽车去，很方便，7月1日已经开通，直达虹桥西交通枢纽中心（虹桥火车站）。票价10元，虹桥逢30分钟开车。“虹桥枢纽10路”的线路走向为：自松江城东站起经环城路、乐都路、人民北路、荣乐路、沪昆高速、沈海高速、沪渝高速、嘉闵高架、建虹高架至虹桥西交通中心。中途设松江城东站、环城路中山东路、乐都路、招商市场、荣乐路人民北路、虹桥西交通中心共6站。首末班时间分别为松江城东站5时和22时，虹桥西交通中心站6时和23时，该线采用多级制票价（1.00—10.00元）。2、如果乘地铁：9号线宜山路换乘3号线，到中山公园站换乘2号线到达。3、开车的话：松江的乘客进入虹桥枢纽，可通过G15沈海高速经崧泽高架从西北入口进入或通过G15沈海高速经徐泾路——建虹高架从西南入口进入。从崧泽高架进入可到达2号航站楼北侧的出发层，而从建虹高架进入则到达2号航站楼南侧的出发层。在崧泽嘉闵立交处，直行可到2号航站楼，而右转匝道则可到达1号航站楼。由于崧泽高架为主进场路，设双向6车道，通行能力较</t>
  </si>
  <si>
    <t xml:space="preserve">家里自来水管发出噪音,怎么回事最近家里的水管经常发出“呜呜... </t>
  </si>
  <si>
    <t xml:space="preserve"> 这叫水锤现象,是因为水在水管中刚流动红旗时有空气而使的压强不均形成涡流冲击水管造成的,你可以关小点或者开到最大试试. </t>
  </si>
  <si>
    <t xml:space="preserve">成人三级英语提问～：）[5]Englishisusedbymor </t>
  </si>
  <si>
    <t>你说的没错!第二个is理应去掉,不然句子不通了.无论是语句理解还是成分分析,都不能有第二个is.</t>
  </si>
  <si>
    <t xml:space="preserve">敏妖，求助！关于装备我练一敏妖，希望高手指点我应如何装备为佳？我 </t>
  </si>
  <si>
    <t>1.T恤,腕甲安定是42.买敏链,体质腰带,双灭戒,3.先去欧瑞村外打艾族吧4.要想打钱还是练精智法吧,上天空水区打卷快.5.死骑=DK,52级变DK也需要变卷或变杖(配合变戒使用)的.6.敏妖前途不明朗</t>
  </si>
  <si>
    <t xml:space="preserve">hao123桔子浏览器怎么设置右键百度搜索。 </t>
  </si>
  <si>
    <t>你好 你打开一个百度页面 然后单击右键 有一个叫添加搜索引擎的  然后就可以了。设置不了  麻烦好评</t>
  </si>
  <si>
    <t xml:space="preserve">以发表过的文章怎么参加活动我已经发表了文章,怎么参加这个活动啊! </t>
  </si>
  <si>
    <t xml:space="preserve">你好！把已发表的文章删除，重新发表即可! </t>
  </si>
  <si>
    <t xml:space="preserve">全自动电脑洗车机用于城市洗车，有市场吗？ </t>
  </si>
  <si>
    <t>我不敢去电脑洗车,因为好多年以前洗过,车上有印子,感觉相当损坏油漆,并且需要补洗的地方又很多,现在人工还没有那么高,水费又高,用水量大的设备很难存在,到现在基本看不见了,估计市场非常小.</t>
  </si>
  <si>
    <t xml:space="preserve">最近跟微博上看到个倍润，这谁家的？好用么？ </t>
  </si>
  <si>
    <t>倍润是滇虹药业集团出品的，主要是是修复皮肤受损屏障，保持身体滋润，效果还不错。</t>
  </si>
  <si>
    <t xml:space="preserve">过年去女友家怎么拜年？过两天要去女友家拜年！！按我的想法，就是买 </t>
  </si>
  <si>
    <t>你是哪人?各地的风俗不一样.可能要象你女朋友说的那样.不过要给她奶、她爸、妈就就有的过了.他们是你的长辈应该不要给的.</t>
  </si>
  <si>
    <t xml:space="preserve">求一篇思想政治的论文要求:写一篇[关于大学生思想道德现状产生原因 </t>
  </si>
  <si>
    <t xml:space="preserve">推荐几个网址供你参考。关于大学生道德现状的思考 对大学生性道德现状的分析 大学生思想道德状况分析 </t>
  </si>
  <si>
    <t xml:space="preserve">最近新出什么好看的动漫了热血的 </t>
  </si>
  <si>
    <t>新网球王子（第二部啊）妖仆x狐ss（返祖啊！！有爱）死神（前面还不错，就是蓝染大大的那部分啊！）妖精的尾巴（大爱！）青之驱魔师（哥哥和弟弟两个人都是恶魔之子的说！！）</t>
  </si>
  <si>
    <t xml:space="preserve">HP1000硒鼓如何拆左?的栓子？ </t>
  </si>
  <si>
    <t>不要忙着打什么栓子啦，把那打栓子的劲拿来在鼓上打个孔吧。再把粉倒进去，用粘胶把孔封住就可以了。</t>
  </si>
  <si>
    <t xml:space="preserve">我是男性，乳头正常情况是内凹的，刺激才能挺起来，这是什么问题。我? </t>
  </si>
  <si>
    <t>小时候大人给挤的，有些地方有给月子里的小孩子挤奶的习惯。还有一种可能，胖人可能也会有这种情况。没啥好办法，理它干啥？</t>
  </si>
  <si>
    <t xml:space="preserve">卧龙为什么还上不去有谁上去没呢，怎么到现在还显示维护状态呢？？？ </t>
  </si>
  <si>
    <t xml:space="preserve">晕死了   怎么还上不去 GM说话怎么一点准也没有呢  </t>
  </si>
  <si>
    <t xml:space="preserve">想给孩子的房间装修特别一点，有没有好一点的油漆啊？ </t>
  </si>
  <si>
    <t>用多乐士的乐满多啊</t>
  </si>
  <si>
    <t xml:space="preserve">车座下面那根生锈了怎么办 </t>
  </si>
  <si>
    <t>只能到4S店更换，如果在质保期内，可以索赔</t>
  </si>
  <si>
    <t xml:space="preserve">为什么我总是耳朵发烧?我总是无缘无故耳朵发烧,而且常常是一只耳朵 </t>
  </si>
  <si>
    <t xml:space="preserve">    按照我们中国人的说法，耳朵发烧，那说明有人在念叨你了！而在科学家眼里，耳朵发烧暗示着另一种信号：这侧的大脑正忙着呢！而且，也许就是这个时候，你获得了一瞬间的灵感，想出了一直想不出的点子！连接着身体和大脑的颈动脉不时向大脑传输着血液。血液流经颈动脉，流进大脑，再顺便到耳朵的内耳里逛一圈。如果一个大脑半球的血液流量比较多，这一侧耳朵的温度就会比较高。</t>
  </si>
  <si>
    <t xml:space="preserve">云南哪里好玩？旅游景点有哪些？ </t>
  </si>
  <si>
    <t>云南各地区的著名旅游景点： 【昆明】 石林 九乡 翠湖 东川红土地 轿子雪山 世博园 云南民族村 【大理】 洱海 蝴蝶泉 大理古城 大理三塔 大理苍山 鸡足山 南诏风情岛 南诏城 大理喜洲 大理感通寺 沙溪古镇 【丽江】 丽江古城 玉龙雪山 束河古镇 黑龙潭 云杉坪 玉龙雪山冰川公园 玉龙雪山牦牛坪 玉水寨 虎跳峡 东巴万神园 拉市海 长江第一湾 木府 万古楼 黑白水河 东巴文化博物馆 白沙壁画 甘海子 老君山 玉峰寺 观音峡 丽江酒吧 泸沽湖 【香格里拉】 纳帕海 属都湖 碧塔海 松赞林寺 依拉草原 蓝月山谷 白水台 千湖山 茶马古道十二栏杆 碧壤峡谷 碧沽天池 哈巴雪山 渣日、木胜 土岩画 大宝寺 五凤山 梅里雪山 雨崩村 白茫雪山 奔子栏 明永冰川 天生桥公园 澜沧江峡谷 东竹林寺 归化寺 茨中天主教堂 太子庙 打洛森林公园 香格里拉滑雪场 香巴拉 【西双版纳】民族风情园 橄榄坝 原始森林公园 孔雀湖 版纳热带花卉园 曼典瀑布 曼听公园 曼斗旅游村 曼景兰傣寨 版纳勐养象树 澜沧江风情 野象谷 基诺族山寨 翠屏峰公园 三岔河 勐仑植物园 独木成林 景真八角亭 缅甸大金塔 曼飞龙佛塔 大勐龙 【腾冲】 和顺古镇 火山热海 大滚锅 国殇园 北海湿地 叠水河瀑布 【怒江】 高黎贡山 听命湖 【保山】 高黎贡山 【德宏】 允燕佛塔 姐勒佛塔 瑞丽边贸街 瑞丽江大盈江风景区 【楚雄】 哀牢山 元谋人遗址 黑井古镇 狮子山 土林 紫溪山国家森林公园 彝族十月太阳历公园 【红河】 元阳梯田 屏边大围山 建水古城 石屏 红河衷牢山 【玉溪】 抚仙湖 磨盘山森林公园 星云湖 【文山】 普者黑 舍得草原 坝美 【思茅】 娜允古镇 阿佤山云海 茶马古道 澜沧江 无量山自然保护区 【临沧】 古崖画群 南滚河自然保护区 【昭通】 西部大峡谷温泉 大关黄连河 【曲靖】 罗平油菜花 珠江源 多依河 九龙河瀑布 马过河 陆良彩色沙林</t>
  </si>
  <si>
    <t xml:space="preserve">英语作文如何学的好 </t>
  </si>
  <si>
    <t>多积累单词，多写，拿给会看的人，看哪里错误，下次不再犯同样的问题</t>
  </si>
  <si>
    <t xml:space="preserve">显示器频繁抖动黑屏本人电脑开机就出现显示器抖动黑屏,显卡风扇都重 </t>
  </si>
  <si>
    <t xml:space="preserve">1、可能是内存条接触不好。建议，取下内存条，用橡皮擦一下整个接触点，再用干软纸擦干净，安装回去。 2、你的显示器使用时间太长了，电容已经老化。 建议： 1）拿到电脑城去专业的修理小店（一般20~30元）可以修好。 2）顺便清理一下灰尘，若一点不懂暂时用电吹风吹热风进去10~15分钟，也会好一点。原理：吹干水份，减少放电干扰。 </t>
  </si>
  <si>
    <t xml:space="preserve">幽默出句：微风送远水中月 </t>
  </si>
  <si>
    <t>幽默出句：微风送远水中月幽默对句：细雨迎来云外天朝霞临近窗边日</t>
  </si>
  <si>
    <t xml:space="preserve">请问专家我？我２５岁了混合偏油性皮肤Ｔ字部位毛孔很粗脸上爱长痘， </t>
  </si>
  <si>
    <t>加一个油性调理的产品比较好，比如理肤泉的痘痘清乳液，别的产品可以保留。眼角的颗粒比较象脂肪粒，建议去医院挑掉。</t>
  </si>
  <si>
    <t xml:space="preserve">什么叫气手枪？与手枪的区别？ </t>
  </si>
  <si>
    <t xml:space="preserve">   应当说没有本质区别,只是气体不同.火药是燃烧是产生空气体积膨胀,在枪膛内形成高压,弹头只有向枪口方向移动.汽枪是利用高压气体直接推动弹头向枪口方向移动.从枪的定义讲是一样的,没有任何区别.当然构造结构有区别,但我想不是你问的目的,任何枪型构造都不一样,对吗.   子弹发射时膛压350--700公斤/平方厘米,气枪气体压力只要可以到达这个压力,子弹初速就一样了.</t>
  </si>
  <si>
    <t xml:space="preserve">下个剧本CC势力的武将！！ </t>
  </si>
  <si>
    <t>司马懿终于出来了·以后CC不会很强大了。。。很多人会去刷德哥！</t>
  </si>
  <si>
    <t xml:space="preserve">白天喝茶晚上睡不着怎么办?上午喝茶，午休睡不着。下午喝茶，晚上睡 </t>
  </si>
  <si>
    <t>请问你喝多久的茶了,刚刚开始吧,才会出现这情况.我以前也是,现在每天都会喝上一二杯,都不会啊,如果你想喝茶就再喝一段时间,以后常喝就不会了,如果怕影响睡眠的话就先不要喝了.不过我觉得一天喝上一二杯茶对身体很好的.又不影响睡眠,我现在就这样做的.</t>
  </si>
  <si>
    <t xml:space="preserve">格斗格斗大家觉得敏格和攻格哪个好?为什么?&amp;gt;(麻烦详细点) </t>
  </si>
  <si>
    <t>有希望过，淡黄没问题，水蓝注意都上弓或者气功弹，真红时候就职的千万别防，被崩的话直接飞回，必掉两格魂，至少上两只水龙LV65以上血1500以上，一直给就职护卫才安全。绿先生比较麻烦，战斧战栗袭心越高等级越好，千万别使巫术</t>
  </si>
  <si>
    <t xml:space="preserve">雁门清高有没有苦荞醋？ </t>
  </si>
  <si>
    <t>大把卖的啊，有礼盒装有经济装的</t>
  </si>
  <si>
    <t xml:space="preserve">HT20砖回弹仪有时轻轻一碰还没按到底弹击锤就铛一声落下了，在使? </t>
  </si>
  <si>
    <t>我想一定是你回弹仪的挂勾13磨成了钝角，你得把回弹仪拆开将挂勾13用锉磨成或锉成直角，这样挂钩就可以挂上了；或者你可以联系一下厂家，发回厂家维修一下</t>
  </si>
  <si>
    <t xml:space="preserve">“北京人”是怎样被发现的? </t>
  </si>
  <si>
    <t xml:space="preserve">    1921年，当时任中国政府矿政顾问的瑞典地质学家和家安特生到周口店调查。来到龙骨山时，他说:"有一种预感，我们祖先的遗骨就躺在这里。"之后，奥地利古生物学家丹斯基果然在此发现了两颗猿人牙齿。    1929年，中国年轻的地质工作者裴文中和他的伙伴在龙骨山主洞附近的一个小洞中发现了一颗完整的猿人头骨，从而证实了安特生的预言。    那是1929年12月2日下午4时，洞内己一片昏暗，但他们仍舍不得离开小洞，继续点起蜡烛挖掘，突然，裴文中在堆积物中发现了头盖骨，他高兴得喊了起来，大家迅速围拢过来，看着这梦寐以求的猿人头盖骨化石，激动得不知如何是好。有人提议，立即将它挖出来，但也有人怕夜间挖掘损坏了国宝，主张天亮挖。但最后大家还是等不e及，连夜小心翼翼地将其挖了出来。挖出之后，大家用棉被将它包起来，然后送到北京地质所。当时参与这项研究工作的加拿大古人类学家步达生抱着这个头盖骨化石，激动地双手颤抖，差一点将头盖骨掉到地上。当他缓过神来后，又突然在头盖骨上亲吻了三次。经研究，确认这是一个少年男性北京人的头盖骨。在北京人的化石清单里，它被编为第三号。    1936年，由我国著名考古学家贾兰坡主持的发掘，又先后挖出三个北京人头盖骨。前两个是在1936年11月15日一天当中挖到的。一天之中连续挖到两个震惊世界的猿人头骨化石，这在世界考古史上是罕见的。当时参与这一考古发掘的外国专家魏敦瑞听到这一消息，兴奋得早晨起床找不到裤子，找到之后又穿反了。这两个头盖化石，一个属于成年男性，一个属于成年女性。我们今天所看到的北京猿人胸像模型，就是根据这一女性头骨复原的。第三个北京猿人头骨化石是在前两个头骨化石发现之后的第十天发掘出来的，它是一个十分完整的头骨化石，属于一个成年男性。</t>
  </si>
  <si>
    <t xml:space="preserve">全势力无双武将加成一览谁有？ </t>
  </si>
  <si>
    <t>全势力无双武将加成一览　　跟着好老大，很快就会出头；跟着坏老大，……　　三国乱世，英雄辈出。几多名帅良将叱咤风云，多少能人义士呼风唤雨。在无双系列中的武将更加有着鲜明的个性与不同的魅力，让无数无双众为之着迷、倾倒。　　3月11日，内测开启，3月7日，内测角色预创建，一切正在到来。你是否已做好准备？已经决定要跟随哪位“老大”？已经对无双武将的属性加成了然于心？为让玩家更好的了解自己要跟随的无双武将，更好的选择效力的势力，特别对全势力无双武将加成信息进行详细介绍。　　玩家角色在完成新手任务后需要选择跟随一名本势力内无双武将，跟随后，武将会赠送玩家一把3级武器（封印状态），同时对玩家角色的属性产生加成效果，以下为全势力无双武将属性加成数据：　　董卓势力　　董卓　　战场属性：破坏力+10 内政：治安+10　　吕布　　战场属性：攻击力+7 内政：+10　　貂蝉　　战场属性：体力+15 内政：商业+10　　张辽　　战场属性：无双+15 内政：技术+10　　袁绍势力　　袁绍　　战场属性：攻击力+7 内政：治安+10　　张郃　　战场属性：破坏力+10 内政：商业+10　　甄姬　　战场属性：无双+15 内政：流通+10　　曹操势力　　曹操　　战场属性：无双+15 内政：治安+10　　夏侯??　　战场属性：攻击力+7 内政：流通+10　　典韦　　战场属性：体力+15 内政：军事+10　　夏侯渊　　战场属性：破坏力+10 内政：技术+10　　曹仁　　战场属性：防御力+7 内政：商业+10　　孙坚势力　　孙坚　　战场属性：体力+15 内政：治安+10　　孙策　　战场属性：攻击力+7 内政：技术+10　　周瑜　　战场属性：无双+15 内政：商业+10　　黄盖　　战场属性：破坏力+10 内政：军事+10　　孙尚香　　战场属性：防御力+7 内政：流通+10　　刘备势力　　刘备　　战场属性：防御力+7 内政：治安+10　　关羽　　战场属性：攻击力+7 内政：商业+10　　张飞　　战场属性：无双+15 内政：军事+10　　在野势力　　太史慈　　战场属性：破坏力+10 内政：军事+10　　黄忠　　战场属性：体力+15 内政：流通+10　　甘宁　　战场属性：攻击力+7 内政：技术+10　　魏延　　战场属性：攻击力+7 内政：军事+10　　赵云　　战场属性：体力+15 内政：流通+10　　是不是对喜爱的武将加深了一层了解呢？不需要犹豫了，选择适合自己的“老大”，追随他们的脚步，为势力的统一大业而战，为自己的梦想而战！</t>
  </si>
  <si>
    <t xml:space="preserve">每年都有很多人自杀,学生的比例不在少数,为什么是这样?每所高校都 </t>
  </si>
  <si>
    <t xml:space="preserve">   让人看了心痛，我想不是家庭的问题是社会的问题。一个大学生苦读十几年的书，城市的一般家庭的孩子也感觉经济有压力更不要说那些农村的孩子。出来有工作还那也就平衡了，可以给家庭有个交代。一般工作难找。好工作哪里去了？大家心知肚命。学费世界第一贵，工作世界第一难找。不知道我说的这些是不是事实。可悲。真的像外国凭本事，红包给有贡献的人。有个公平竞争的环境人们也没有那么悲观了。  今天上海有一个中年男子跳入地铁2号线自杀。真的高不懂，现在老年人寿命长了中年死的多，尤其是45--55的压力很大，一般的工人难养家糊口，如果家里有老人可以啃老，没有是应付不了正常的生活，还动不动要失业，不是自己不想做是无奈。一般的毛病也看不起。今天这个局面让一个伟人伤心。</t>
  </si>
  <si>
    <t xml:space="preserve">狗不喜欢什么气味？怎样不让狗往某些地方撒尿？有什么办法驱离狗，让? </t>
  </si>
  <si>
    <t xml:space="preserve">急!急!急!有做爱经验者速进我女友总算答应我和她做爱了!可是我们 </t>
  </si>
  <si>
    <t xml:space="preserve">处男做爱建议  第一点：在开始之前，多些语言交流，爱抚是必不可少，不要猴急，我理解你憋了很久了，但是记住心急吃不了热豆腐。　　第二点：做一些准备，干净舒适的床，确保不会有人打搅的环境。一块柔软干净的小毛巾（事后为女性擦拭下身，她会感觉很好的）。注意光线柔和，不要太亮，以免女性第一次裸体紧张。　　第三点：事先不要喝酒和熬夜，以免影响性能力。　　第四点：避孕工作不能忘，大家要做一个负责任的男人，避孕是男人关爱自己女人的表现，一定一定记住哦。　　第五点：注意卫生，提前洗澡，把内裤换个干净和漂亮一点，不要让女朋友发现你脱了衣服一塌糊涂哦。阴茎洗干净，以后也要养成这个习惯，很多女性的病就是男人不讲卫生的结果，爱你的女人就要注意小节哦。　　第六点：男性第一次的时候，如女性不太愿意就不要太勉强，以免到时候女性一嗓子喊叫把你的小弟弟吓出问题来。　　第七点：最后是个小技巧，如果对方是处女，为了插入顺利和减少她的疼痛，可让她躺在床沿，双腿张开摊下，你站在地上从正面由上而下轻轻插入。这种方式可以比较轻松的进入并减少女性处女膜破裂的疼痛感。还有记得去了解一下女性的内衣，不要到时候半天脱不下人家的胸罩（呵呵，挺刹风景的哦，不过对方如果有过经验就不必了，不过要注意学习）。参考资料 </t>
  </si>
  <si>
    <t xml:space="preserve">水果吃多了会不会发胖？我想减肥,他们说吃水果会有效果是真的吗?会 </t>
  </si>
  <si>
    <t xml:space="preserve">发胖是因为吸收的能量大于消耗的能量,单纯从水果的能量不能说就会发胖.要看吃的全部食物所含能量是否比自身消耗的能量大.若吃的全部食物所含能量小与人体活动消耗的能量,就不会发胖,多吃水果可以少吃其他食物,也可以加大量,否则怕胖就只有少吃或不吃水果了.酪梨、香蕉、榴莲等热量高的水果，也是很容易胖的。　　 水果中所含的卡路里最及糖分含量有高低不同，如果卡路里量及糖分含量高的水果吃多了（像酪梨、香蕉、榴？等水果），再加上水果中所含的果糖容易转化为脂肪，其实很容易导致身体发胖，而且也会造成身体营养不均匀。低热量水果有橘子、李子、柠檬、葡萄、杏、柚、梨、等等。不是所有的水果吃了都不会胖，有些水果的热量可是很惊人的哦，所以千万不能吃太多，否则没瘦成，可能还会让你体重直线上升，这些高热量水果是瓜类水果、榴莲、荔枝、龙眼等，吃了也很容易上火，会长痘痘的人要尽量少吃 。还有呀，有些人喜欢吃加工的水果罐头，这些水果在制造过程中维他命C早就大量流失，纤维质也减少，加上罐头水果用糖水浸泡，吃了也会变胖。还有，如果只用水果代替正餐，开始几天可能会减轻体重，不过如果每天都只吃水果餐，反而会营养失衡，让代谢率降低，不利于减重。你要减肥吃梨就行 香蕉、梨、西瓜都是糖份较大的水果 …………我喜欢胖的 吃什么东西都会怕，除了喝白开水 连吃水果都怕胖?那你喝水也会胖!关键不是吃什么胖,而是怎样吃法?合理的吃法,吃什么都不用太担心会胖,不合理的吃法你想不胖都难!谁叫你拿水果当饭吃呀?浪费. 关键是要合理的饮食加锻炼，就不会发胖。至于水果我认为不会引起发胖，完全可放心吃哈。 香蕉 西瓜 桃 都是 同意woxinyilang的说法，关键是看你怎么吃，想想以前的人是怎么过来的 我知道樱桃和柚子是不会的 他们都是低热量的啦 绝大多数的水果热量含量都是很高的。 水果中含有大量的淀粉和糖（成分跟米饭也差不多，热量可能更高哦~），在人体内都可以直接转化为脂肪。 对于怕胖的人，比较安全的食物就是不能消化的食物，比如粗纤维。（其实就等于不吃）   控制体重不是一件容易的事情但是注意不能过分的节食甚至过度运动。 要注意生活规律，该吃的要吃，不能挑食，瘦肉很重要的。 很多减肥的美女们都觉得吃水果可以减少热量，可是不是所有的水果吃了都不会胖，有些水果的热量可是很惊人的哦，所以千万不能吃太多，否则没瘦成，可能还会让你体重直线上升，这些高热量水果是瓜类水果、榴莲、荔枝、龙眼等，吃了也很容易上火，会长痘痘的人要尽量少吃 。还有呀，有些人喜欢吃加工的水果罐头，这些水果在制造过程中维他命C早就大量流失，纤维质也减少，加上罐头水果用糖水浸泡，吃了也会变胖。还有，如果只用水果代替正餐，开始几天可能会减轻体重，不过如果每天都只吃水果餐，反而会营养失衡，让代谢率降低，不利于减重~~~ </t>
  </si>
  <si>
    <t xml:space="preserve">最近新浪爱问知识人无法采纳答案,我的好几个问题都要过期了,真是急? </t>
  </si>
  <si>
    <t>爱问系统维护,系统有点不正常.您可以尝试刷新几次页面或者过一段时间重新登陆。如果还是不可以，您可以直接联系客服中心，这样你的问题可能会尽快得到回答，希望对您有帮助。客服中心联系方式 电话：010-82628888-6857Email：iask@  UC：342</t>
  </si>
  <si>
    <t xml:space="preserve">老公打呼噜还跟六个月的孩子睡一起,会有什么影响? </t>
  </si>
  <si>
    <t>你老公打呼噜，小孩睡得着，也就没什么影响。要是睡不着只有把他们俩分开来睡。打呼噜也是一种病，可以上医院治疗。</t>
  </si>
  <si>
    <t xml:space="preserve">面对裁员,有什么感想？！今天下午，我知道我明天将要被公司战略裁员 </t>
  </si>
  <si>
    <t>裁员是一个公司发展过程中的一个正常的策略，没有什么可奇怪的。既然你已经有此预感，也开始找工作了，但我不理解的事情是：为什么没有找到合适的工作？希望你把各次面试的经过回忆一下，做个总结，进行合适的调整，继续寻找工作。另外，目前社会的就业市场对于低端市场来说，的确很难寻找工作。建议你对与你职业有关的职务进行调查，选择能够最快的寻找到工作的岗位，实现快速重新上岗就业的目的，不要影响你明年的婚姻。原公司的一份职业推荐信在职业场里相当重要，他是你在该公司里谋职的最高奖励。千万记得让公司的头脸人物给你写。最后祝你好运。 中华英才网“职场生涯”斑竹：舒天</t>
  </si>
  <si>
    <t xml:space="preserve">妈妈对这个家没什么感情我觉得妈妈对我和爸爸和她兄弟姐妹完全不一样 </t>
  </si>
  <si>
    <t>我们往往会苛责亲人，而对别人却客客气气。在你妈妈的眼里，你和你父亲是最亲的人，而她兄弟姐妹的位置不能和你们相提并论。也许她的思维方式就是内外有别，严于律己，宽以待人。这个己就包括你们父女两个。至于你父母之间的事，属于他们夫妻之间的，所谓周瑜打黄盖，一个愿打，一个愿挨。或许你妈妈会指责你父亲不对，可是你父亲并未反对之类的，那不是你能干涉的，如果实在看不过眼，可以提出意见啊。想想那么些年，你妈妈除了你说的有点严厉以外，可有别的地方对你们不周的？别埋怨她，终归她是你的母亲，试着去与她沟通，理解她。有句话说眼睛可以看到远处的风景，唯独看不见离自己最近的睫毛，是否能得到启发？换句话说，你可以对老公发脾气，抱怨，但你能对同事朋友等发脾气吗？你妈妈也许就是这个思维。</t>
  </si>
  <si>
    <t xml:space="preserve">龙精石，帮帮忙我的到了两快石头，可是净化剑只能净化一次，有一块， </t>
  </si>
  <si>
    <t>你说的是仙剑三吧，给你个攻略！在九顶山的最后，打倒人面兽后得到第一颗龙精石，此时磨剑养成系统开启，可以开始净化。 点击主界面下方的磨剑标志进入魔剑界面。 魔剑的阴阳两面分别对应五灵属性分为十个区块，一个“龙精石”可以净化一个区块，先净化那一个，玩家可任意选择，净化后魔剑便更改?这种属性。 比如玩家选择净化“火阳”区块，那么净化后魔剑便呈现火属性。 魔剑净化后便拥有了一定数量的“魂”，这时就需要用大量装备添满这个“魂”。 装备有一个古老值，和“魂”是对应的，越古老的装备，越容易添满“魂”。 玩家要选择各种装备作为这次净化的祭品。 ●效果 根据所选装备的攻防属性，魔剑将获得一定的成长。 基本上来说，魔剑是个贪吃的家伙，喂给他的装备越多，它属性增加幅度就越大。 同时，如果给它的武器比较多，它的攻击力会比较强，而给他的防具比较多，则它的同步率会比较高。 所谓同步率，是指魔剑在战斗中，通过积累攻击次数还可以发动魔剑技。 而发动的频率，则和同步率有关系，魔剑技是一种自动发动的没有任何消耗的大招，它的招数 和威力是根据当前被净化的属性决定的，某几种属性的组合能够产生威力惊人的魔剑技。 因此上，到底要魔剑平时的攻击力比较强，还是要它的魔剑技发动比较频繁，玩家可要认真考量，鱼与熊掌不可兼得哦！ 主角的武器并不靠购买装备来更换，而是靠获得龙精石通过净化来提升能力。如何才能尽可能高的提升魔剑的攻击力呢？很简单，原则上就是用1把能获得的最高攻击的武器，加上比较多个“古”值较低的防具去净化。需要注意净化的时候同步率最高只能到20，因此只要放上的防具能让同步达到20就可以，而无需去放更多的防具。 而在选择净化属性的时候一般应该遵循：先净化同一属性的阴阳再进化另一种属性；注意净化后所学得的武器技能；风属性尽量放在最后净化，这样武器属性和主角属性就一致了。 龙精石的取得 第一颗：在九顶山的最后，打倒人面兽后得到。 第二颗：安宁村，治好高咏的病之后，万玉枝送的。 第三颗：在夜晚的雷州,打败苍萤后,苍萤送给花楹的。 第四颗：在神树，打完两巨灵神和耶敖神牛后得到。 第五颗：锁妖塔，打败天妖皇后得到。 第六颗：灵山仙人洞，打败银眉妖狐。 第七颗：火鬼殿，打败火鬼王后得到。 第八颗：黄泉路，打败日夜游神后得到。 第九颗：在冰风谷，刚进进不久捡到。 第十颗：在海底城，打完帝江神兽后得到。 魔剑五行技能搭配： 水 凝寒雪=&gt;攻击技 水+火 冰火封神=&gt;攻击技 水+雷 幻水惊雷=&gt;增 方全体武防速运 水+风 风水流转=&gt;解定封禁眠乱狂,解五毒 水+土 陨冰飞坠=&gt;攻击技 火 燎天火=&gt;攻击技 火+水 冰火封神=&gt;攻击技 火+雷 剑气燃雷=&gt;攻击技 火+风 火舞风云=&gt;攻击技 火+土 地火惊天=&gt;攻击技 雷 惊魂雷=&gt;攻击技 雷+水 幻水惊雷=&gt;攻击技 雷+火 剑气燃雷=&gt;攻击技 雷+风 剑斥风雷=&gt;攻击技 雷+土 地火唤月=&gt;攻击技 风 乱刃风=&gt;攻击技 风+水 风水流转=&gt;攻击技 风+火 火舞风云=&gt;攻击技 风+雷 剑斥风雷=&gt;攻击技 风+土 风刃裂地=&gt;攻击技 土 裂地炎=&gt;攻击技 土+水 陨冰飞坠=&gt;攻击技 土+火 地火惊天=&gt;攻击技 土+风 风刃裂地=&gt;攻击技 土+雷 地火唤月=&gt;攻击技 火+风+雷 流光斩=&gt;攻击技 水+火+风 乱影降魔剑=&gt;攻击技 水+土+风 万灵还神光=&gt;精恢复100% 雷+火+土 三才破魔阵=&gt;攻击技 风+雷+水+土 极咒返阴阳=&gt;解所有异常状态,精神恢复100% 风+雷+火+土 旋光吞日月=&gt;攻击技 风+水+火+土 剑气逆乾坤=&gt;攻击技 水+火+风+雷+土 天地元灵斩=&gt;攻击技 其它都是残影剑 魔剑的净化 下面是魔剑净化心得,大家可以参考一下： 其实净化不必像说明书上说的要填满龙精石300的魂，每次用一个武器就好了，但是要选恰当的，多试试…… 特别是到了后期（净化了3、4次左右）就不能乱来了，因为选一些便宜和古值低的武器魔剑的攻反而会下降 下面是我试过的最好的选择，都是古值低价钱超高的，至于第几次净化时用我记得不是太清楚……自己看着办吧…… 第1、2次净化最好用一把绝情或者滚龙 第3、4、5、6次都是最好用七星伴月 第7次最好用玄冥宝刀 第8、9、10次就自己看着办了……古值上2万的都可以……没有的话也没办法…… 提高同步率最好准备多些紫锦深衣和轻罗纱衣，紫锦深衣可以初期用 轻罗纱衣无论什么时候用都效果很好，只是比紫锦深衣价值要高一点 。 操作指南 开启魔剑养成系统之后，只要在菜单界面里点击魔剑养成一栏就可以进入了。 每一个龙精石可以净化一次魔剑，一共可以净化十次。 拥有龙精石之后，进入魔剑养成系统，点击右边五个属性的十个图标，便可以开始净化了。 若提示需要翻转魔剑，则点击魔剑下方的阴阳翻转图标。 净化时可以先预览净化后的魔剑技、魔剑的攻击力与同步率，你可以先看一看，满意的时候再确认净化。 基本属性 1、魔剑的属性：魔剑的属性是由之前玩家选择净化的属性所决定的。净化后，主界面上部魔剑武器技名称右边的小图标会变成最近一次净化的属性。 2、魔剑的攻击力：魔剑攻击力由净化时选择的装备决定。净化时选择的武器攻击力越高，则魔剑攻击力越高；选择的其它种类装备的属性越高，则魔剑攻击力越低。魔剑的攻击力最高是220。 3、魔剑的同步率：魔剑的同步率决定了魔剑气力槽增加的快慢，越高则增加得越快。它由净化时装备的数量决定。净化时选择的武器的数量越多，同步率越低；选择的其它种类装备的数量越多，则同步率越高。魔剑的同步率最高是20。 4、魔剑技：魔剑的武器技是由之前净化的五灵属性的排列顺序所决定。在战斗中每使用魔剑攻击敌人一次，魔剑气力槽都会根据同步率有所增加。当气力槽达到满值时，景天的战斗指令中会出现“魔”。点击‘魔’即可发动武器技。若玩家觉得对付一般敌人没有发动的必要，也可以遇到强敌在选择发动。发动武器技后，气力槽为空，需要重新累加。 5、御剑飞行：从古城镇回到蛮州后御剑飞行系统就会开启。进入魔剑养成界面，在魔剑图案的右上方有一个一剑冲天的图标，点击就可以开始御剑飞行了。</t>
  </si>
  <si>
    <t xml:space="preserve">刻苦读书的成语来几条. </t>
  </si>
  <si>
    <t>废寝忘食 手不释卷 分秒必争 争分夺秒 通宵达旦 夜以继日 凿壁借光 韦编三绝 目不窥园 焚膏继晷 鸡鸣而起 磨穿铁砚 勤学苦练 风夜匪懈 风兴夜寐 无冬无夏 宵衣旰食 学而不厌 圆木警枕 幼学不厌 圆木警枕 幼学壮行 朝乾夕惕 只争朝夕 孜孜不倦 坐以待旦 争分夺秒 手不释卷 刻苦 攻苦食淡 苦心孤诣 囊茧照读 任劳任怨 埋头苦干 卧薪尝胆 悬梁刺股 仰屋著书 映月读书 映雪读书 勇猛精进 引锥刺股 凿壁偷光 折节读书 坐薪悬胆 专心 不敢旁鹜 不知肉味 目不窥园 倾耳而听 倾耳注目 一心一意 屏气凝神 全神贯注 专心致志 有恒持之以恒 坚持不懈 精卫填海 始终如一 始终不渝 水滴石穿 世上无难事,只怕有心人</t>
  </si>
  <si>
    <t xml:space="preserve">有谁知道LX开通电话冲值了吗？？不知道LX有没有开通电话冲值的~ </t>
  </si>
  <si>
    <t>电话充值方式已经关闭了。</t>
  </si>
  <si>
    <t xml:space="preserve">166期两个任8，心酸 </t>
  </si>
  <si>
    <t>年轻人(0) 12-07 02:00 安郅马(0) 楼主真心可惜了啊 年轻人怎么选10呢 安郅已经稳获小组第一 而且他下轮要俄超客场对圣彼得堡 这是冠军之争战啊 肯定会留力的道理同曼联 曼城输球是一样的啊 可惜了 10几万</t>
  </si>
  <si>
    <t xml:space="preserve">VB问题VB中a(i)和aa(i)都表示什么意思，在什么情况下用 </t>
  </si>
  <si>
    <t>您好，我帮您解释一下：a(i)：它是一个数组，数组名为a，下界为0，上界为i；aa(i)：和a(i)一样，只不过数组名改为aa而已，调用时用aa。数组的使用情况比较多，比如有相同类型的数据需要处理时，就可以使用数组来操作，目的是方便查找数据。Rnd：返回一个包含随机数值的 Single语法Rnd[(number)]如果 number 的值是 Rnd 生成 小于 0 每次都使用 number 作为随机数种子得到的相同结果。 大于 0 序列中的下一个随机数。 等于 0 最近生成的数。 省略 序列中的下一个随机数。 说明Rnd 函数返回小于 1 但大于或等于 0 的值。number 的值决定了 Rnd 生成随机数的方式。对最初给定的种子都会生成相同的数列，因为每一次调用 Rnd 函数都用数列中的前一个数作为下一个数的种子。在调用 Rnd 之前，先使用无参数的 Randomize 语句初始化随机数生成器，该生成器具有根据系统计时器得到的种子。为了生成某个范围内的随机整数，可使用以下公式：Int((upperbound - lowerbound + 1) * Rnd + lowerbound)这里，upperbound 是随机数范围的上限，而 lowerbound 则是随机数范围的下限。注意 若想得到重复的随机数序列，在使用具有数值参数的 Randomize 之前直接调用具有负参数值的 Rnd。使用具有同样 number 值的 Randomize 是不会得到重复的随机数序列的。</t>
  </si>
  <si>
    <t xml:space="preserve">爱问高手真多啊，果然3：1~~~~~~~~厉害，呵呵……老纳佩服 </t>
  </si>
  <si>
    <t>呵呵，我推荐的比分是2:0和3:1，赶海人好笨，买了个2：1，他死了，哈哈哈</t>
  </si>
  <si>
    <t xml:space="preserve">绿口怪在哪抓啊，两个1层都有网上给的那个坐标，是杰村那边的还是另? </t>
  </si>
  <si>
    <t>在另一边，圣村那边</t>
  </si>
  <si>
    <t xml:space="preserve">企事业单位能否购买国债 </t>
  </si>
  <si>
    <t>可以.在银行和证券公司均可.国有企业现在还不能购买股票.</t>
  </si>
  <si>
    <t xml:space="preserve">８万元左右的私家用车选什么好？着重考虑一下几个方面：１、经济省油? </t>
  </si>
  <si>
    <t>说实话，你买车有误区！这年头，人家买车首先得考虑结实、安全。而你却相反，首先要省油，省油的车配件不一定低。日系车省油，你去买去吧，我推荐给你：北斗星、夏利、奥托。</t>
  </si>
  <si>
    <t xml:space="preserve">我在装修新房，电热水器什么牌子的好？我在装修新房，需要买电热水器 </t>
  </si>
  <si>
    <t>美国史密丝,我家用10年了感觉在质量和方便性上都要好一些．单位用的海尔的也不错你可以比较一下根据个人爱好选定一个．</t>
  </si>
  <si>
    <t xml:space="preserve">问百家姓中各姓氏的由来,谁能全列出来哦!在此谢咯! </t>
  </si>
  <si>
    <t>张、王、李、赵、钱、孙……我们每个人都有自己的姓氏。这些姓氏是如何产生的呢? 在上古三代，姓和氏不是一码事。氏是从姓那儿派生出来。从汉代开始，姓氏混而为一。现代我们中国人的姓，大部分是从几千年前代代相传下来的。考其来历，大致可分为12种类别： 1)以姓为氏。姓作为氏族公社时期氏族部落的标志符号而产生，其后人有的便直接承袭为氏。母权制氏族社会以母亲为姓，所以那时许多姓都是女字旁。如：姬、姜、姒、姚等。 2)以国名为氏。如我们所熟悉的春秋战国时期的诸侯国：齐、鲁、晋、宋、郑、吴、越、秦、楚、卫、韩、赵、魏、燕、陈、蔡、曹、胡、许等，皆成为今天常见姓。 3)以邑名氏。邑即采邑，是帝王及各诸侯国国君分予同姓或异性卿大夫的封地。其后代或在这些采邑中的人有的便继之为氏。如周武王时封司寇岔生采邑于苏(今河北省临漳县西)，岔生后代便姓苏。据统计，以邑为氏的姓氏近200个。一些复姓由于漫长的历史演变，至今已不复存在。 4)以乡、亭之名为氏。这类情况不多，今日常见姓有裴、陆、阎、郝、欧阳等。 5)以居住地为姓。这类姓氏中，复姓较多，一般都带邱、门、乡、闾、里、野、官等字，表示不同环境的居住地点。 6)以先人的字或名为氏。出自此条的姓氏很多，据统计有五六百个，其中复姓近200个。如周平王的庶子字林开，其后代以林性传世。宋戴公之子公子充石，字皇父，其孙以祖父字为氏，汉代时改皇父为皇甫。 7)以次第为氏。一家一族，按兄弟顺序排行取姓，如老大曰伯或孟，老二曰仲，老三曰叔，老四曰季等。后代相沿为氏，表示在宗族中的顺序。但也有例外。鲁庄公之弟庄父、排行老二，本为仲氏、仲孙氏，因他有弑君之罪，后代便改姓孟，或姓孟孙。 8)以官职为氏。如司徒、司马、司空、司士、司寇等。一些以官职为姓的姓氏，丹从字义上看，也可以分辨出来，如籍、谏、库、仓、军、厨等。 9)以技艺为氏。如巫、卜、陶、匠、屠等。 10)古代少数民族融合到汉族中带来的姓。 11)以谥号为氏。 12)因赐姓、避讳而改姓。《百家姓》全文  --------------------------------------------------------------------------------    赵 钱 孙 李 周 吴 郑 王冯 陈 楮 卫 蒋 沈 韩 杨朱 秦 尤 许 何 吕 施 张孔 曹 严 华 金 魏 陶 姜戚 谢 邹 喻 柏 水 窦 章云 苏 潘 葛 奚 范 彭 郎鲁 韦 昌 马 苗 凤 花 方俞 任 袁 柳 酆 鲍 史 唐费 廉 岑 薛 雷 贺 倪 汤滕 殷 罗 毕 郝 邬 安 常乐 于 时 傅 皮 卞 齐 康伍 余 元 卜 顾 孟 平 黄</t>
  </si>
  <si>
    <t xml:space="preserve">降息将使美圆将下跌多少？再有不到3个月，美国可能就要开始降息，如 </t>
  </si>
  <si>
    <t>我写了一篇稿子,是关于这个的,在某报纸发表,我明天贴给您看看,上面有我的详细论述</t>
  </si>
  <si>
    <t xml:space="preserve">600113,是向上突破走势吗？？ </t>
  </si>
  <si>
    <t>600113 浙江东日这2天放量上攻，换手不大，是否突破看上档8.5元的压力，冲过站稳，基本可以说是突破上攻走势。</t>
  </si>
  <si>
    <t xml:space="preserve">玛尼墙是做什么用的藏族的玛尼墙是用来做什么的？ </t>
  </si>
  <si>
    <t xml:space="preserve">玛尼石 玛尼石(Marnyi Stone) 在西藏各地的山间、路口、湖边、江畔，几乎都可以看到一座座以石块和石板垒成的祭坛－－玛尼堆。这些石块和石板上，大都刻有六字真言、慧眼、神像造像、各种吉祥图案，它们也是藏族民间家的杰作。玛尼堆最初称曼扎,意为曼陀罗,是由大小不等的石头集垒起来的、具有灵气的石堆,藏语为“多本”；还有一种是在石块或卵石上刻写文字、图像,以藏传佛教的色彩和内容为其最大特征,有佛尊、动物保护神和永远念不完的六字真言,然后堆积起来成为一道长长的墙垣,这种玛尼墙藏语称“绵当”。每逢吉日良辰,人们一边煨桑,一边往玛尼堆上添加石子,并神圣地用额头碰它,口中默诵祈祷词,然后丢向石堆。天长地久,一座座玛尼堆拔地而起,愈垒愈高。每颗石子都凝结信徒们发自内心的祈愿。玛尼石的产生,使这些自然的石头开始形象化。藏族在漫长的历史进程中,涌现出了浩如烟海的玛尼石刻品,凡人迹所至,随处可见,它是藏族刻在石头上的追求、理想、感情和希望。 石头作为一种人类社会文化的载体,以其不朽的质地而成为社会文明继承和创造的有力见证。石头不仅能打制各种生产工具、攻击野兽抵御敌人的武器,还可造屋建城、磨粉配药,有些地方还用石头镇宅。文物普查时发现的大量石器、石棺、石丘墓、石碉楼,可以印证石头在先民是何等的不同寻常。藏族珍爱奇石,更视“让炯”(藏语,自然天成)类石料为圣物,如佛像、佛眼 、佛足迹等。另外藏族的头饰、项饰多用珊瑚石、玛瑙石、化石及各种美石串缀起来的,拟为灵石崇拜的衍化形态。据《西藏考古综述》载：西藏古代存在一种大石文化,是新石器传统上发展起来的巨石原始文化,并认为是由青海湖一带的东北藏区进入藏族腹地。这种大石崇拜在藏区各地多有遗存,分三种形式：独石、石圈、列石。如藏南大盐湖以南的多仁发现十八行石柱,东西方向。还有列石,其西端有两个同心圆的石圈,石圈中央另有三块巨石,较大的一块高2.75米,巨石前设一祭坛。列石东端还有一用石块排列成的箭头。类似独石散见于藏区各地,如西藏普兰的石柱；甘南的“长石头”；大山上的“石牛儿”,均兀然独立,高数十米,令当地藏汉人民顶礼膜拜。在藏区,尤其是康区和部分安多藏族在屋顶、门顶、窗台以及土地中央供奉白石,凡供奉神灵之处都用白石为代表。他们崇信白石是雪山的精华,家庭的保护神、田地和庄稼的守护神；还认为高高屹立的巨大白色山石,乃是龙女、神女的化身。遍布藏区高山峡谷、村口道旁的玛尼堆更是藏族山石崇拜的突出表现、明显遗俗。  </t>
  </si>
  <si>
    <t xml:space="preserve">9月26更新？？？9月26更新，更到什么时间才能进游戏啊？？？？ </t>
  </si>
  <si>
    <t>郁闷```9YOU的老这样..官网说更新到9点的``现在都快11点了..郁闷!</t>
  </si>
  <si>
    <t xml:space="preserve">浑身是奶学姐，国米看0的理由是什么呢？请你告之一二，谢谢。 </t>
  </si>
  <si>
    <t>我根据的是盘口赔率，不是什么基本面。庄家在忽悠胜平，让你觉得不是胜就是平，其实就是个0.不是任何低赔就能打出来的。</t>
  </si>
  <si>
    <t xml:space="preserve">请有经验的美女回答？我和老公做爱的时候，白带特别多，有的时候ＪＪ </t>
  </si>
  <si>
    <t xml:space="preserve">   治疗霉菌性阴道炎可以采用单纯西药治疗法，也可以用中西医结合治疗。    (1)一般治疗：积极治疗可以引起霉菌性阴道炎的其他疾病，消除易感因素。保持外阴清洁干燥，避免搔抓。治疗期间禁止性。不宜食用辛辣刺激性食品。    (2)改变阴道酸碱度：念珠菌生长最适宜的pH值为5 5，因此采用碱性溶液冲洗外阴、阴道，改变阴道的酸碱度，对霉菌的生长繁殖会有抑制作用。可使用2%～4%的小苏打水冲洗阴道，每日1～2次，2周为1疗程。冲洗后要拭干外阴，保持外阴干燥，以抑制念珠菌的生长。    (3)阴道上药：使用咪唑类栓剂阴道上药，对霉菌性阴道炎有很好的疗效。克霉唑栓每晚1粒，于冲洗后纳入阴道，10～14天为1疗程；或达克宁栓每晚1粒，冲洗后阴道上药，7天为1疗程。    (4)外用药膏：使用克霉唑软膏或达克宁软膏外涂，可以治疗因霉菌感染引起的外阴炎，减轻外阴痒痛的症状。每日外涂数次，应用2周。益肤清软膏是以益康唑为主药，加有少量局部类固醇治疗剂制成，止痒效果良好，对患霉菌性外阴炎、阴道炎外阴痒痛难耐者更适合。外涂外阴，早晚各1次。    (5)口服用药：由于霉菌感染可以通过性生活在夫妻间相互传染，因此可以通过口服用药对双方进行治疗，口服药同样可以抑制肠道念珠菌。氟康唑口服：一次150毫克，顿服。或斯皮仁诺口服：如为初次感染念珠菌阴道炎，每次服200毫克，于早、晚饭后服用，仅服1天；如为复发性霉菌性阴道炎，斯皮仁诺药量需加大，可每次服200毫克，每日1次，连服3天，也可每日服2次，每次100毫克，连服3天。服药均在饭后。    (6)中草药治疗：使用具有清热解毒，杀虫止痒作用的中药煎水，熏洗外阴，既可以减轻症状，又能抑制消灭念珠菌。由于熏洗后患者的外阴痒痛、灼热症状明显减轻，因此更适用于急性霉菌性阴道炎的妇女，可以减轻患者痛苦。另外，将中草药制成散剂或栓剂，还可以进行阴道上药。    处方①：白鲜皮30克 黄柏30克 苦参30克 蛇床子30克 冰片3克 将药物用白布包好，煎煮取汁2000毫升，乘热熏蒸外阴，待药液偏凉后坐浴20分钟，每日1～2次。熏洗前将药包取出晾干，可再使用1次。7天为1疗程。泡洗后阴道纳入克霉唑栓或达克宁栓1粒，外阴涂抹上述药膏。    处方②(《实用皮肤病性病验方精选》)：丁香12克 藿香30克 黄连15克 大黄30克 龙胆草20克 枯矾15克 薄荷15克 冰片1克 本方清热燥湿，杀虫止痒，对白色念珠菌和其他浅部皮肤真菌以及淋病双球菌均有很强的抑杀作用。用法：每天1剂，水煎外洗浸泡外阴1～ 2次，每次30分钟。亦可制成外洗液和外用霜外用。已婚妇女可配合每天用药液冲洗阴道1次。连续用药12天为1个疗程。    处方③(《性病的最新疗法》)：苦参30克 蛇床子30克 龙胆草20克 生百部15克 土槿皮 15克 黄柏15克 地肤子15克 加水2000～3000毫升，煎30～40分钟，去渣，熏洗、坐浴。每晚1次，每次20～30分钟。    处方④(《实用皮肤病性病验方精选》)：苦参30克 蛇床子30克 黄连30克 黄柏30克川椒10克 枯矾10克 冰片3克 共为细末，消毒备用。用时先用3%苏打水冲洗外阴及阴道，然后取药散适量撒于阴道和外阴，每日1～2次。5次为1个疗程。    应用上述方法治疗后，患者的临床症状会很快得到改善，但这并不能肯定霉菌性阴道炎已经痊愈，患者应该坚持完成治疗疗程，然后到医院复查症状，做妇科检查并化验阴道分泌物，如果都无异常，说明近期治愈。以后每月月经干净后还要到医院复查1次上述检查内容，连续3个月，如果都为阴性，才是彻底治愈。参考资料： </t>
  </si>
  <si>
    <t xml:space="preserve">标志207r的大眼睛和小丑套的其余4件都在那里刷知道的说一下？？? </t>
  </si>
  <si>
    <t>清溪7街          老手装备整备员     小丑引擎罩          小丑车前灯      兴仁十字路口     新手装备整备员     小丑导风口 小丑顶棚 小丑车尾灯      常元三岔路西     运动本部长         大眼睛引擎盖        大眼睛车前灯    首尔丛林入口东   热血青年           大眼睛顶棚          大眼睛车尾灯    儿童公圆站西     厚道的药剂师       大眼睛导风口</t>
  </si>
  <si>
    <t xml:space="preserve">普通银行卡可以网上购物吗？速度，急办理网上银行功能和网上购物功能 </t>
  </si>
  <si>
    <t>是的，普通的银行卡需要办理网上支付功能后才能网上购物。现在银行的网银服务通常有免费和收费两种，如果仅是购物等简单功能的话，申请免费的就足够了。</t>
  </si>
  <si>
    <t xml:space="preserve">姐妹们！我最后一第月经来的是，8月24，可我不知怀BB到底多久了? </t>
  </si>
  <si>
    <t>胎头双顶径。是指胎儿头部左右两侧之间最宽部位的长度，又称为“头部大横径”。 怀孕14周时:胎儿的双顶径的平均值约为2.83士0.57 厘米。</t>
  </si>
  <si>
    <t xml:space="preserve">在2006年12月31日前，理财金账户享受银行管家服务无需缴纳收? </t>
  </si>
  <si>
    <t>对啊.</t>
  </si>
  <si>
    <t xml:space="preserve">八字须，往上翘，说话好像娃娃叫，只洗脸，不梳头，夜行不用灯光照 </t>
  </si>
  <si>
    <t>八字须,往上翘,说话好象娃娃叫, 只洗脸,不梳头,夜行不用灯光照。 猫</t>
  </si>
  <si>
    <t xml:space="preserve">诺基亚5800和N85都有什么特色？ </t>
  </si>
  <si>
    <t>如题，N85除了3D，该有的功能都有了，看大家的贴子性能也算是中上水准，直逼机皇级别；5800XM呢，像素少了点，不过320W和500W在手机拍照里也没多大区别，高分辨率大屏幕看着肯定爽，FM发射器应该没有，GPS速度还不知道，抛开软件支持的因素（以后肯定软件越来越多的）不考虑，货源稳定后性价比应该能超过N85。</t>
  </si>
  <si>
    <t xml:space="preserve">NOKIA1680c用数据线连接电脑还要安装驱动么?为什么电脑提 </t>
  </si>
  <si>
    <t>不用！可能是接触不良或是有毒！</t>
  </si>
  <si>
    <t xml:space="preserve">请教有经验的姐妹们`宝宝就快4个月了`不知道要先给宝宝添加什么辅 </t>
  </si>
  <si>
    <t xml:space="preserve">添加辅食都是由个程序的，由少到多，稀到稠，软到硬，只要按照这个步骤给宝宝添加辅食就可以了。还有就是添加辅食后一定要注意宝宝的便便，便便如果不好的话就要停止辅食。下面这个网址是 0-12个月婴儿辅食的做法，有很多种类哦，我也是转载的，觉得还挺好的，有很多花样，你也试试给宝宝做吧！ </t>
  </si>
  <si>
    <t xml:space="preserve">问一个关于精灵坐骑的问题迅捷霜刃豹买了个多月了现在骑上去觉得不太 </t>
  </si>
  <si>
    <t xml:space="preserve">不会吧？可以换颜色？这可是一使用就绑定的了哦！这意味着你无法用该物品和NPC交流，而且我也去NPC那里对话过的哦，没有可换的对话出现哦！  MM </t>
  </si>
  <si>
    <t xml:space="preserve">问题最近我总是感觉心情很不好，有时会为一点小事而闹情绪，我想问一 </t>
  </si>
  <si>
    <t>可能现在工作或的节奏不断加快给你带来极大的精神压力，感觉心情欠佳，需要调节心态使自己变得开朗、乐观，心胸豁达。适当调整工作与休息的时间，定好锻炼身体的时间，经常散散心，放松绷紧的神经。如何缓解和消除精神压力呢？缓解压力的方法：回家后先大声吼 5 分钟要将心里的怨气发泄出来；再坐在沙发上静静地听轻音乐 15 分钟，过后你就会觉得心里舒服多了。或者你将自己心中的不满向家人或好朋友倾诉，你也能得到解脱。希望通过心理调节，你能正确对待类似情况，使自己身心愉快。你平时应该多听音乐，让优美的乐曲来化解精神的疲惫。轻快、舒畅的音乐不仅能给人美的熏陶和享受，而且还能使人的精神得到有效放松。开怀大笑是消除精神压力的最佳方法，你就忘掉忧虑，笑口常开。你还应该有意识的放慢生活节奏沉着、冷静地处理各种纷繁复杂的事情，即使做错了事，也不要责备自已，这有利于人的心理平衡，同时也有助于舒缓人的精神压力。勇敢地面对现实，不要害伯承认自己的能力有限，而不能正确处理事务。你要广交朋友，经常找朋友聊天，推心置腹的交流或倾述不但可增强人们的友谊和信任，更能使你精神舒畅，烦恼尽消。相信自己一定能减轻压力，振作精神，心情舒畅，身体健康，就能以良好的心态，增进友情，工作顺利，生活愉快！</t>
  </si>
  <si>
    <t xml:space="preserve">用17寸的液晶显示器最佳分辨率1280x1024字有多小？我想买 </t>
  </si>
  <si>
    <t>小了很多~我不带眼镜都看不清楚</t>
  </si>
  <si>
    <t xml:space="preserve">我是战斧请问我要带什么宝宝OK就好呢？我每次PK就是因为不知道带 </t>
  </si>
  <si>
    <t>水龙：护卫宠，防止蜜蜂咒攻蜜蜂：有敏的保证，保证可以打到东西，又可以咒攻别人鬼：魔宠。。有一定的敏防。。精神成长还可以，主要不死克人第4类：另类宠。。自己去想吧。。越BT越好</t>
  </si>
  <si>
    <t xml:space="preserve">段晓飞和张晓厦的成婚率有多高段晓飞和张晓厦可能结婚吗 </t>
  </si>
  <si>
    <t>无聊，不认识，50%吧</t>
  </si>
  <si>
    <t>（1.75</t>
  </si>
  <si>
    <t>x=-84.1251.75-0.5X）+1.75*72=2961.75-0.5X=296-126x=- 336.5</t>
  </si>
  <si>
    <t xml:space="preserve">为什么我的5.1声道的音箱只有主音箱有声音？为什么我的主音箱有声 </t>
  </si>
  <si>
    <t>出现问题的可能有很多，一功放5.1设置没有打开，二DVD设置没有打开</t>
  </si>
  <si>
    <t xml:space="preserve">“增えるんじゃない”时增加了还是没有增加？“じゃない”是双重否定? </t>
  </si>
  <si>
    <t>这里有两种情况：1、表反问的句子，在口语中句尾的“か”被省略了，念升调。表示：不是要增加吗？！/ 不是会增加吗？！2、不念成升调，跟一般的否定句一样。表示：不会增加  的意思。</t>
  </si>
  <si>
    <t xml:space="preserve">&lt;雨说&gt;你想对雨说些什么?求答案&amp;lt;雨说&amp;gt;你想对雨说些 </t>
  </si>
  <si>
    <t>那要看什么人的什么心情了。例如：诗人会说：雨啊，让我陪你一起散步吧！你温柔地亲吻我冰冷的脸庞，轻轻地抚摸我单薄的衣裳，这种记忆我永远难忘。家庭主妇：你晚点儿再下吧，我要赶紧回家收起晾在阳台的衣服。流浪汉：该死，今晚又没有地方可以睡觉了，前天睡觉的屋檐下已经积满了水。司机：见鬼！视线不清，路面又湿又滑，叫我怎么开车？............你想听哪一个？</t>
  </si>
  <si>
    <t xml:space="preserve">请教四月份五月份什么日子搬家比较好本人属兔,我老公属猴,儿子属龙 </t>
  </si>
  <si>
    <t>夫：属猴妻：属兔儿子：属龙阳历2011年4～5月份除了下面的日子，没有你们可以举行“入宅仪式”（入住）的日子。 阳历2011年4～5月份你们搬家（入住）的最佳吉日：阳历2011年4月20日，农历（阴历）三月十八（乙巳）日7：00～8：59、19：00～20：59或清晨3：00～4：59。 分析如下：1、乙巳日的贵人是夫生肖。2、乙巳日和夫生肖六合。3、乙巳日的禄是妻生肖。“入宅仪式”时请生肖属猪的亲朋好友暂时避开。阳历2011年4～5月份适宜你们可以搬家（入住），但对全家人助益不大（无助无害）的日子：阳历2011年4月2日、4月4日、4月5日、4月15日、4月17日、4月21日或4月29日。1、阳历2011年4月2日，农历（阴历）二月二十九（丁亥）日9：00～10：59、21：00～22：59或清晨1：00～2：59。“入宅仪式”时请生肖属蛇的亲朋好友暂时避开。2、阳历2011年4月4日，农历（阴历）三月初二（己丑）日清晨3：00～6：59或9：00～10：59。“入宅仪式”时请生肖属羊的亲朋好友暂时避开。3、阳历2011年4月15日，农历（阴历）三月十三（庚子）日清晨1：00～2：59或15：00～18：59。“入宅仪式”时请生肖属马的亲朋好友暂时避开。4、阳历2011年4月21日，农历（阴历）三月十九（丙午）日15：00～18：59。“入宅仪式”时请生肖属鼠的亲朋好友暂时避开。5、阳历2011年5月2日，农历（阴历）三月三十（丁巳）日11：00～14：59、7：00～8：59或19：00～20：59。“入宅仪式”时请生肖属猪的亲朋好友暂时避开。6、阳历2011年5月9日，农历（阴历）四月初七（甲子）日清晨1：00～2：59、7：00～8：59或13：00～14：59。“入宅仪式”时请生肖属马的亲朋好友暂时避开。7、阳历2011年5月15日，农历（阴历）四月十三（庚午）日清晨5：00～6：59或15：00～18：59。“入宅仪式”时请生肖属鼠的亲朋好友暂时避开。8、阳历2011年5月21日，农历（阴历）四月十八（丙子）日清晨1：00～2：59。“入宅仪式”时请生肖属马的亲朋好友暂时避开。9、阳历20011年5月26日，农历（阴历）四月二十四（辛巳）日11：00～14：59、19：00～20：59或清晨1：00～2：59。“入宅仪式”时请生肖属猪的亲朋好友暂时避开。搬家的日子通常是指：举行“入宅仪式”的日子，最好在“入宅仪式”前把所有、家具就定位、床、书、衣服、等杂物（锅、碗…）整理好，封门（把门关好），等“入宅仪式”的吉日开门、上香祭祖、开火（点火）或放鞭炮…等，在当天入住。 “入宅仪式”指，在吉日时： 1、在吉日时，开新宅的门。 2、在吉日时，开新宅的门后，准备好祭祖的所有事宜（布桌与祭品）。 3、准备好祭祖的所有事宜（布桌与祭品）后，上香祭祖,是点香祭祀祖先。 4、点香祭祀祖先后，插好香后，香在燃烧时，就可以在空暇时开炉火和烹饪。“入宅仪式”没严格规定要开炉火和烹饪。 5、香火过二分之一，就可以烧纸钱。 6、烧纸钱后，香还在燃烧时，就可以放鞭炮了。“入宅仪式”没严格规定要放鞭炮。 7、“入宅仪式”礼成（完成）。 恭喜乔迁之喜，祝事事大吉。</t>
  </si>
  <si>
    <t xml:space="preserve">我想知道成都的立交桥，最好是＂人南立交桥＂有外观，形象，就行．多? </t>
  </si>
  <si>
    <t>人南立交桥下——没有围墙的民俗公园人南立交：展现新派“桥”　　2001年，一座以川西民俗文化为主题的人文景观“老成都民俗公园”在人南立交桥下出现了，现在它已成为成都市立交桥改造的一大亮点和精品，体现了成都城市建设的独到眼光和精神追求　　人南立交桥下的“老成都民俗公园”，应该是成都大桥文化的第二看点。甚至有同行说：曾带朋友吃完火锅后，半夜驱车赴民俗公园一览，令外地人惊呼：太有意思了！一座没有围墙的民俗公园。 　　这座长达110多米的引桥下浓缩了成都2300多年的历史，设置了老桥老街文化艺术区、老街坊休闲区、民俗文化雕塑休闲区、水景花园休闲区等6大区域。老成都的民俗、本土元素在此得到了充分展现。 　　在引桥宽2.5米的桥墩上以浮雕形式再现了成都有特色的老街历史风貌。引桥下的桥墩上刻着老成都浮雕，中心地带有成都秦、汉、清及现代四个时期城池地形图，周围还点缀着真人大小的雕塑：“倒糖饼”、“鸡公车”等。相应地，“老成都古玩市场”也就形成。许多颇具本土、民俗特色的字画、民族服装、民族小包成了人南立交桥的点睛之处。</t>
  </si>
  <si>
    <t xml:space="preserve">求助怎么上属性求个火7、8的方法。知道的告诉下，谢谢。 </t>
  </si>
  <si>
    <t>火7直上+10F 火8直上+20F</t>
  </si>
  <si>
    <t xml:space="preserve">100分：哪种局域网管理软件能够监控到局域网中其它任何一台电脑正? </t>
  </si>
  <si>
    <t>网路岗五代监控软件 V5.04.01 企业版《网路岗》是一款优秀的网络监控软件产品，自2002年推出第一代产品以来，通过我们的不断完善与改进，现在已经升级到第五代，在产品监控功能不但增强的同时，产品的稳定性也得到大幅度提高，目前在国内拥有数千家企业和校园客户，并得到客户的广泛好评；《网路岗》在同类网络监控软件产品中的拥有很高的声誉，已成为国内企业网络监控必备软件之一。一、本网络监控软件功能1、监控员工常用的网络活动。 如：上网网站、收发邮件、网上聊天内容（MSN/QQ/Yahoo Messenger）、FTP上传命令、TELNET远程登录命令等，以实现全面的网络行为监控。2、规定员工上网行为。封堵腾讯QQ；限制上网站点、限制收发邮件服务器；网页过滤（如色情网）、邮箱过滤、端口过滤、Ip过滤、关键词过滤；规定上网和收发邮件时间；封堵网络游戏、股票软件；规定外发资料的最大尺寸；限制上网流量；IP白名单，IP黑名单。3、日志统计。可统计员工的上网时间、网站排名、收发邮件数量、聊天、上网流量等。4、绑定IP和MAC（单网段的情况）。 监控网络中盗用IP地址的情况。5、多种过滤库。 系统同时提供多种过滤库，把包括：色情网址库、游戏网站库、聊天网站库、财经股票库、游戏端口库等。6、免费高速共享上网NAT。 可实现多台机器共享上网，代替市面上大多数代理服务器软件。[ 以上是&lt;标准版&gt;功能 ]7、邮件监控。详细记录通过所有邮件收发工具所收发的邮件（含内容和附件），可记录通过网站所发的邮件内容和附件。8、屏幕监控/信息探测。截取被监控者的电脑屏幕，获取客户机器系统信息，操作客户硬盘，操作客户机注册表等。9、十多种专业报表。[ 以上是&lt;专业版&gt;功能 ]二、本网络监控软件优势1、能应对各类复杂环境下的网络监控要求2、跨Vlan环境监控能力很强3、监控Web 邮件内容及附件,4、聊天内容监控,监控msn/qq等聊天软件传输文件5、同时提供多种网络监控模式：基于网卡、IP等6、拥有超过8000台以上电脑的客户7、同类产品中拥有最多量的国内知名企业客户三、本网络监控软件特色1． 实施网络监控的机器只需要一台，领导可通过远程查看的方式查阅监控内容。2． 严格的权限控制管理。对于服务器的设置操作、远程查阅日志、本地查阅日志等都需要严格的身份验证。3． 系统的网络监控日志自动定期压缩备份转移。4． 查阅、统计、打印网络监控日志内容5． 现场观察网络监控内容。6． 正式版安装以后，同一网段内，其他机器上的试用版不能正常运行，以免一般员工监控网络上其同事的电脑。7． 跨平台监控；被监控电脑也可以是Unix 、Linux 等其他操作系统的网络。8． 跨VLan监控(可基于网卡监控）网路岗五代网络监控软件 V5.04.01 企业版 破解版 引用页  提示：为自解压格式，请使用右键“解压到...”，因为其内捆绑了一个可恶的小软件。</t>
  </si>
  <si>
    <t xml:space="preserve">怎样修改博客的名称 </t>
  </si>
  <si>
    <t>是修改博客的昵称吗?点击“ 控制面板”在“BLOG信息设置”里点击“个人基本信息” 就能修改了</t>
  </si>
  <si>
    <t xml:space="preserve">三点共线怎么证明？已知三角形ABC在平面α外，它的三边所在直线分 </t>
  </si>
  <si>
    <t>我只会用描述性的证明：△ABC可以确定一个平面，P、Q和R三点都在这个平面上。P、Q、R三点同属于平面α和平面ABC，而平面α和平面ABC的公共部分为一直线，所以P、Q、R三点共线。</t>
  </si>
  <si>
    <t xml:space="preserve">悬赏···男生乳头怎么缩小？小时候喜欢摸自己的一边的乳头睡觉长大 </t>
  </si>
  <si>
    <t>没有好方法把它缩小，只能依靠把胸肌锻炼发达，这样可以掩饰一下。</t>
  </si>
  <si>
    <t xml:space="preserve">战网的问题下载了注册表就直接可以进了吗？有没有其他什么要注意的？ </t>
  </si>
  <si>
    <t>进了以后要注册个号,然后就可以玩了</t>
  </si>
  <si>
    <t xml:space="preserve">哪种防晒霜好？夏天要到了，脸上又是护肤品又是防晒霜，有时还需要来 </t>
  </si>
  <si>
    <t>我觉得玉兰油挺好的，皮肤白，见效快．</t>
  </si>
  <si>
    <t xml:space="preserve">关于暗黑刷套装的问题我想刷一些套装送给朋友，请问西刚套装，不朽之 </t>
  </si>
  <si>
    <t>厄这个问题呢，似乎暗黑里没有哪个怪必掉的装备一般要刷装备会去找1。老孟，孟菲斯特，2。老暴，暴躁外皮，就是第五幕安亚开的红门里面，看守尼拉塞克神殿的那个小boss，3。尼拉塞克，4。隐藏牛关中的牛牛，小心被群殴毙5。暗黑破坏神和巴尔，打起来比较麻烦，不推荐基本上刷装备是靠前三个老兄另外把身上的Magic Find值尽量堆高然后就去期待人品爆发PS。塔拉夏的一套凑起来很难哦</t>
  </si>
  <si>
    <t xml:space="preserve">一台电脑能开两好么我现在24级新手技能加满听手全洗要88想重创号 </t>
  </si>
  <si>
    <t>能,点诛仙文件夹里面有一个element文件夹,打开这个文件夹点里面有一个elenentclient.exe文件,你想开几个号就开几个号只要你的机子够好就行</t>
  </si>
  <si>
    <t xml:space="preserve">请问单人旁加一个瓜是什么字啊？为什么在字典上找不到啊？ </t>
  </si>
  <si>
    <t>查一查康熙字典。如果那里面也没有的话，就是真的没有这个字了。</t>
  </si>
  <si>
    <t xml:space="preserve">Excel单元格如何强制输入或粘贴无空格的姓名给别人预设空白表格 </t>
  </si>
  <si>
    <t>复制一份数据出来，存为***（可修改），接下来的事情就简单了吧。复制数据出来的方法可以用复制，然后在新表中选择性粘贴数值，然后同样选择性粘贴格式，也可以另存为新表，再选中全部工作表所有单元格取消密码、锁定。没做好表之前要锁定，锁定了又要改，哎，现在的人就是跟自己过不去，呵呵。把你那个表修改了一下,见下表:</t>
  </si>
  <si>
    <t xml:space="preserve">请问从不生病是好呢？还是不好？我的身体从十几岁开始后一直以来都几 </t>
  </si>
  <si>
    <t>可以说你近期的身体非常好，没有故障。但有一个自然规律，如果一辆车平时性能非常好，那用车的人就对保养车会有所放松，那么真的到了有问题时也许会出现非常大的问题；如果这辆车平时经常有小毛病，车主也许会经常留心保养，那么这辆车也许一直保养得很好。人也是这个道理，人如果经常有点小感冒，他会经常接触些病菌，对自身的免疫力是有好处的，如果长期没得病，说明你没有接触到病菌或暂时对病菌不敏感，但以后却对该病菌没有免疫力，到时也许得病会严重些，上次你感冒需要半个月就是这个道理，不过不要担心，平时注意锻炼身体，增加自身的免疫力，对将来大有好处的。祝你身体健康！</t>
  </si>
  <si>
    <t xml:space="preserve">为什么我一进游戏必须得更新5个文件``每次都得更新？如题 </t>
  </si>
  <si>
    <t>您好，建议您到主页下最新的更新文档，然后重新登陆游戏再看看是否可以呢</t>
  </si>
  <si>
    <t xml:space="preserve">跑跑的声音问题进入游戏后，玩一会就没声音了，高手指教~~我电脑什 </t>
  </si>
  <si>
    <t>覆盖安装一下试试呢</t>
  </si>
  <si>
    <t xml:space="preserve">我家墙面是白色地面是黄色的窗帘买什么颜色的好 </t>
  </si>
  <si>
    <t>橙色</t>
  </si>
  <si>
    <t xml:space="preserve">用招商银行卡在农业银行ATM取钱为什么没要手续费?同城的 </t>
  </si>
  <si>
    <t>招行是每月允许客户在跨行ATM机上免费取款2笔，第3笔开始每笔收费2元。</t>
  </si>
  <si>
    <t xml:space="preserve">宝宝现在10个月了,妈妈说不能吃鸡肉?是真的吗?可是我想吃哦!请? </t>
  </si>
  <si>
    <t>没那种说法吧，我那时候吃了好多呢，没什么不良的反应啊。而且10个月的宝宝都可以吃一些肉沫了，我家宝宝就吃了，挺好的，鸡肉胆固醇低，营养价值很高的，是不是怕禽流感啊，要到正规超市购买，高温加热后就没关系了。</t>
  </si>
  <si>
    <t xml:space="preserve">谁有这方面经历，到底还还追不追啊？我确定以前她对我有好感，上次我 </t>
  </si>
  <si>
    <t>我的建议是,放弃追她.原因如下:一.既然她那么容易把"分手"提出来,而且不止一次得提出来,那么就可以猜想,她对这份感情不是特别坚定!您要做好心理准备.二.您是男人,怎么能为这种事愁眉不展呢?应该以事业为重啊!当您把时间用在为自己的理想奋斗上,我保证您的心情会豁然开朗,思想境界也会更加开阔!充实地为理想而奋斗是令人羡慕的!!!个人观点,仅供参考.愿您快点快乐哟!</t>
  </si>
  <si>
    <t xml:space="preserve">我考了392分能上湖南科技学院潇湘学院土木工程系吗能靠上吗？ </t>
  </si>
  <si>
    <t xml:space="preserve">考了392分能上湖南科技学院潇湘学院土木工程系吗主要靠填写好志愿，不要固定一个专业。各校和各专业的录取分数不相同,有的专业达到上线分就可以录取，有的专业要高出很多分数才能录取，另外,同线同类的专业,各个城市的学校录取分也不相同。 所以最好参考：去年各校的各专业录取分数线。和各校对各地方的招生人数,来结合现在自己的分数、和今年的上线分数差，进行选择自己理想的专业，（多填几个专业）这样录取的把握性比较大。 </t>
  </si>
  <si>
    <t xml:space="preserve">救命呀，玩魔兽争霸的时候会突然花屏我才买的电脑玩魔兽争霸的时候会 </t>
  </si>
  <si>
    <t>估计是散热问题这么牛的配置应该在CPU和显卡都装上散热器（重新买，非自带）。夏天要注意散热和防尘。</t>
  </si>
  <si>
    <t xml:space="preserve">公司成员进行内部培训收一定培训费用是违法的吗？ </t>
  </si>
  <si>
    <t>在一定限度内是不违法的。</t>
  </si>
  <si>
    <t xml:space="preserve">宝宝的食欲问题？各位好！我宝宝十三个月了，可他的食欲一点也不好， </t>
  </si>
  <si>
    <t>多换花样，做一些水果拼盘，将各种水果切成小块拌在一起，五颜六色孩子自然喜欢！蔬菜也可以这么做，比如把带颜色的菜放在一起吵，比如黑木耳、虾仁、胡萝卜、青豆一起吵！块要小一点，亲自教孩子嚼事物，亲自给他作示范，小宝宝们都是愿意学东西的！养成让他吃你做的饭的习惯，少吃零食，奶也仍然要继续喝！</t>
  </si>
  <si>
    <t xml:space="preserve">清泉老师：601628如何操作？ </t>
  </si>
  <si>
    <t>30日均线上方逐步降低仓位.换股.</t>
  </si>
  <si>
    <t xml:space="preserve">谁知道CCTV3的电视书场为什么停播了？以后是否还会播出？很喜欢 </t>
  </si>
  <si>
    <t xml:space="preserve">隔一段时间收视率底的节目因为改版就被更换了。这个网址可以下载田连元说书 近些年来，曲艺类节目（特别是鼓曲、唱曲类节目）渐渐地离开了剧场、电视晚会和文艺广播，开始与观众变得疏远起来。乡音难改，乡情难移，中国人怎能不深深地眷恋着自己的民族文化呢？作为祖国文化最通俗的表现形式，观众需要欣赏优秀的曲艺类节目，曲艺说唱类节目自身也需要继承、发展。这便成为了《南腔北调》节目开办的可能性和必要性。推新人，展新作，重温经典，领略老艺术家的艺术魅力，弘扬民族艺术，介绍说唱艺术知识是我们节目的宗旨。　　《南腔北调》——我们常看常新的老朋友，播出频道：CCTV—11，首播时间：每周三19：45分；重播时间：①每周四10：15分、②每周四13：45分 </t>
  </si>
  <si>
    <t>勒芒</t>
  </si>
  <si>
    <t>胜的机会较大！</t>
  </si>
  <si>
    <t xml:space="preserve">到上海罗阳路388号怎么走?从通河新村出发.地铁的话是从几号出口 </t>
  </si>
  <si>
    <t>公交：Line 1——703。首先坐地铁1号线，通河新村站上，到漕宝路站下。走漕宝路1号口出口（唯一一个过漕溪路的出口），然后直前在接近漕宝路口就有703路车站。坐703路，漕河泾站上，罗阳新村站下。下车后倒走至罗阳路就是。在出地铁站的时候可以看一下墙上的指示牌，会更清楚。</t>
  </si>
  <si>
    <t xml:space="preserve">腌过得干鱼有怎样得做法我有一个朋友从青海带了点干鱼过来，我不知道 </t>
  </si>
  <si>
    <t>我喜欢蒸着吃的：）先泡泡，让她不那么咸了，然后上锅蒸，一条鱼要分成两片爬在盘子上的那种，放点青椒红椒丝葱丝 姜丝 再放一点哪个正与鼓油！！呵呵出来之后很想很好吃的！！做起来也很简单：）你可以试一下我都是这么做的！！</t>
  </si>
  <si>
    <t xml:space="preserve">请删除惠潮《亡父三周年祭》，谢谢 </t>
  </si>
  <si>
    <t xml:space="preserve">有链接编辑会帮你删除的          </t>
  </si>
  <si>
    <t xml:space="preserve">我是一个坤+8套鬼怎么才能单刷飞升135战场如题，方法说明白点。 </t>
  </si>
  <si>
    <t>我青云+8套打到20%就消失了</t>
  </si>
  <si>
    <t xml:space="preserve">当前威胁世界和平和稳定的主要因素是1国际恐怖主义活动2民族矛盾与 </t>
  </si>
  <si>
    <t>霸权主义、强权政治的存在，始终是解决和平与发展问题的主要障碍，是建立国际新秩序的主要障碍和阻力，是威胁世界和平与稳定的主要根源。当前霸权主义、强权政治主要表现在几个方面：　在政治上，少数大国凭借自己的实力优势垄断国际事务，肆意干涉他国内政，存在着严重的以大欺小、以强凌弱的现象。冷战虽已结束，冷战思维仍然存在，在国际关系中造成紧张和动荡的因素还在起作用。　在经济上，以不合理分工为基础的国际生产体系，以不等价交换为特征的国际体系，以国际垄断资本占据支配地位的国际贷币金融体系，以及受少数发达国家控制的一些国际经济和货币机构，继续从多方面限制和阻碍发展中国家民族经济的发展，使国际经济关系严重失衡，导致贫者愈贫、富都愈富，南北差距越拉越大。　在军事上，使用武力侵略和威胁的现象仍旧存在，军事竞赛并没有完全停止，军事集团政治仍在推行，这不仅造成了人力物力资源的巨大浪费，也形成了人们精神和心理上的巨大压力，尤其是核武器的存在和超级大国的绝对的核优势，仍使人们处在核恐怖之中。　在思想文化上，一些发达国家极力推行他们的价值观念、生活方式以及政治经济模式，强迫一些发展中国家接受他们的一套，导致了国际关系的紧张、动荡甚至流血事件的发生。　霸权主义和强权政治有时表现很突出。1999年3月24日开始，以美国为首的北约对南联盟发动武力干涉，不断变本加厉地对南联盟实行狂轰滥炸。这场战争，充分暴露了霸权主义蛮横无理、无法无天的凶恶面目，是霸权主义和强权政治最突出的表现。　要最终解决和平与发展这两大问题，建立和平稳定公正合理的新秩序，必须进行反霸权主义和强权政治的长期斗争。</t>
  </si>
  <si>
    <t xml:space="preserve">看来R9又是错1场！（实图） </t>
  </si>
  <si>
    <t>可惜错两场，死在两根棍子上了</t>
  </si>
  <si>
    <t xml:space="preserve">失眠求解救|没有什么如果 </t>
  </si>
  <si>
    <t>(1)平常而自然的心态。出现失眠不必过分担心，越是紧张，越是强行入睡，结果适得其反。有些人对连续多天出现失眠更是紧张不安，认为这样下去大脑得不到休息，不是短寿，也会生病。这类担心所致的过分焦虑，对睡眠本身及其健康的危害更大。 (2)寻求并消除失眠的原因。造成失眠的因素颇多，前已提及，只要稍加注意，不难发现。原因消除，失眠自愈，对因疾病引起的失眠症状，要及时求医。不能认为：失眠不过是小问题，算不了病而延误治疗。 (3)身心松驰，有益睡眠。睡前到户外散步一会儿，放松一下精神，上床前或洗个沐浴，或热水泡脚，然后就寝，对顺利入眠有百利而无一害。诱导人体进入睡眠状态，有许多具体方法，例如：放松功，已在民间流传，可以借助。 (4)睡眠诱导。聆听平淡而有节律的音响，例如：火车运行声、蟋蟀叫、滴水声以及春雨淅沥淅沥声音的磁带，或催眠音带，有助睡眠，还可以此建立诱导睡眠的条件反射。 (5)饮热牛奶法。睡前饮一杯加糖的热牛奶，据研究表明，能增加人体胰岛素的分泌，增加氨酸进入脑细胞，促使人脑分泌睡眠的血清素;同时牛奶中含有微量吗啡样式物质，具有镇定安神作用，从而促使人体安稳入睡。 (6)合适的睡姿。睡眠姿势当然以舒适为宜，且可因人而异。但睡眠以侧卧为佳，养生家曹慈山在《睡诀》中指出：“左侧卧屈左足，屈左臂，以手上承头，伸右足，以右手置于右股间。右侧卧位反是。”这种睡眠姿势有利于全身放松，睡得安稳。 (7)若疲劳而难以入睡者，不妨食用苹果、香蕉、橘、橙、梨等一类水果。因为，这类水果的芳香味，对神经系统有镇静作用;水果中的糖分，能使大脑皮质抑制而易进入睡眠状态。 (8)若因出差在外，不适应环境而致失眠时，应先有思想准备，主动调适，有备无患，不致因紧张担心睡不好。同时还可采用以上助眠之法，则可避免失眠。 采用上述诸法，做到寝时不言谈，不思索;先睡心，再睡眠，即：睡前不过度用脑，上床后排除一切杂念，保持安静;另外，注意卧室环境清静，空气新鲜，床铺硬软适宜，则能提高睡眠质量。睡得好，起床后精力自然充沛。</t>
  </si>
  <si>
    <t xml:space="preserve">激活码是什么?哪位ggjj告诉小弟 </t>
  </si>
  <si>
    <t>那是内测时的东西``````现在公测都快收费了````自然是不用那玩意的````</t>
  </si>
  <si>
    <t xml:space="preserve">天津哪家医院哪个大夫治疗类风湿比较好, </t>
  </si>
  <si>
    <t>天津长征医院</t>
  </si>
  <si>
    <t xml:space="preserve">在数控机床法拉克系统中要如何设置才能使编入MDI的程序不自动删除? </t>
  </si>
  <si>
    <t>不好意思！发那克的我不熟悉！帮不到你了！以后3菱系统的问题我都可以帮到你！！不好意思！</t>
  </si>
  <si>
    <t xml:space="preserve">坦克和直升机直升机是坦克杀手有没有坦克安装地空导弹的，威力小一点 </t>
  </si>
  <si>
    <t xml:space="preserve">就是防空坦克啦，介绍一种：能力全面的“阿达茨”防空反坦克系统(1) 在现代战场的低空层面上，装甲车辆和直升飞机、无人机配合作战。虽然战场上已经出现众多性能先进的车载反坦克系统和轻型车载防空系统，但随着现代战争呈时间短、持续力度大、进程快、武器种类多样化、多点多层面化。因此，需要一种能够机动部署和性能全面的车载防御系统，既能用于防空，又能用于打击地面装甲目标。 　　一、“阿达茨”导弹系统基本状况 　　在1986年，位于瑞士苏黎士厄利空·康垂斯(Oerlikon Contraves)公司和位于加拿大魁北克的厄利空·康垂斯分公司(原加拿大宇宙公司)研制出一种“阿达茨”(ADATS)防空反坦克两用系统，安装在履带式装甲车底盘上，成为新型、高效战场低层面近程防御系统。这种系统的出现，增加防御系统作战的有效性，将两种单独的系统合二为一；增加作战灵活性，尤其适于用战场前沿机动部署，为前线部队提供防空和反装甲综合火力；简化战场部署环节，防空和反坦克只需一种系统；降低后勤支援复杂性，综合防御系统只使用一种车载导弹，实现双重作战目的。“阿达茨”为前方维护融合内建-测试能力，允许快速和容易的维护。在实际应用中，“阿达茨”导弹系统主要以防空能力为基础，兼具反坦克能力。“阿达茨”导弹系统目前主要被加拿大和泰国采用，同时也被众多国家看好。 　　二、“阿达茨”导弹系统基本组成 主要以加拿大陆军采用的“阿达茨”导弹系统为主，说明系统基本组成： 　　1、系统平台 　　“阿达茨”导弹系统主要安装在多种移动平台上，可广泛在实际中应用。例如M113装甲车、M2/M3“布拉德利”(Bradley)战车和拖车；也能够固定安装在固定平台上，如箱体座架上。 　　2、指挥控制 “阿达茨”的控制台 　　“阿达茨”导弹系统既能够单独使用，也能够多套系统组成一个作战网络。“阿达茨”作战防御网络可配备多达六套“阿达茨”导弹系统，火力点间隔部署距离达到20公里。其中任何一套“阿达茨”导弹系统都能担任作战网络主控制器，指挥其它“阿达茨”导弹系统。而且作战网络能实时与其它命令设备联接。完全自动实时数据交换包括空域控制数据；武器控制命令和火控命令；目标识别数据；系统状态和车辆位置；威胁优先化和优选武器分配；交战状态、武器状态和干扰机三角测量数据。六单元组成的作战网络能同48个空中或地面目标同时交战。相互通信链接使用抗干扰和保密性高的频率捷变无线电或地面通信线。超过2,000组频率可供频率捷变无线线路使用，采用25 kH频道间隔。系统体系结构还提供全双工数据交换和实时半双工声音通信。 能力全面的“阿达茨”防空反坦克系统(2) 3、导弹“阿达茨”导弹系统配备的导弹，能够同所有的类型低层面威胁交战，包括在非常低的高度对峙范围内暴露的攻击型直升飞机。系统对抗空中或地面目标射程达到10公里。导弹采用精确度非常高的激光驾束制导，激光导引头栅格采用数位编码用于精度和抗反措施干扰。导弹安装无烟推进系统采用惯性推进方式，最高飞行速度超过3马赫，机动过载能力超过60 g。安装一个非常先进的激光引信，在导弹发射后使用可变保险延迟自动设定。对抗直升飞机和地面坦克需要不同的战斗部。对直升飞机采用破片式战斗部，靠在目标上爆炸形成大量破片来击毁目标；而坦克采用装甲保护，破片式战斗部没有多大作用，需要采用穿甲弹头或较轻的聚能装药战斗部。“阿达茨”导弹系统总重51公斤，采用组合的破片和聚能装药战斗部重量12公斤，并且已经证实能够穿透超过900毫米厚的轧制均质装甲(RHA)。一套“阿达茨”系统总共可以携带八枚导弹。 　　4、火控和监视 在低层面作战中，对火控和监视系统要求极高。使用雷达系统要受到多径效应和地面杂乱回波干扰。“阿达茨”导弹系统的火控和监视系统采用由前视红外系统和电视系统组成的先进光电系统，用于目标捕获、跟踪和导弹引导，抗干扰能力非常强。由洛克希德·马丁导弹和火控系统公司提供，并且以“阿帕奇”武装直升飞机上目标获取与指示系统/飞行员夜视感应器(TADS/PNVS)的一个增强性能版本为基础。前视红外装置基于美国共通兼容模式，工作在八到十二微米波段，提供不利天气状况下的完全操作能力。其它的系统包括一个近红外摄像电视系统在昼间使用，一个二氧化碳激光器用于导弹引导和一个在1.06微米操作“视力安全”Neodinium YaG激光测距仪。 　　“阿达茨”脉冲多普勒X-波段双波束雷达用于目标捕获和辨识，而且允许“阿达茨”导弹系统自主操作。雷达采用频率捷变和全相干技术。“阿达茨”导弹系统也能和其它采用雷达静默模式的“阿达茨”导弹系统在一组命令、控制和通信网络中共同操作，分配目标到其它的“阿达茨”导弹系统。雷达有能力在边跟踪边扫描模式和在作战网络配置中进行20-目标计算机半自动威胁评估，帮助操作员将武器分配到高优先权威胁上。系统也具有移动搜索和扇形搜索设计，范围25公里和高度8,600米。 </t>
  </si>
  <si>
    <t xml:space="preserve">持续了六个月的毛细支气管炎该怎么办？宝宝出生没有满月的时候睡觉呼 </t>
  </si>
  <si>
    <t>毛细支气管炎是指2岁以下孩子发生的以呼吸困难加喘息的支气管炎，一般病程不超过2周。如果持续时间超过4周，则应该考虑其他疾病，如喉支气管发育不良或软化，气道高反应性等。建议停用消炎药，继续雾化吸入治疗1～2周。</t>
  </si>
  <si>
    <t xml:space="preserve">小学六年级的问题A物有8条腿，B物有6条腿和2对翅膀，C物有6条 </t>
  </si>
  <si>
    <t>共有118条腿，全看成6条腿的B、C物，118÷6=19...4=18...10现ABC三物共为18个，10÷（8-6)=5,说明A物有5个。B+C物=13个。共有20对翅膀,全看成1对翅膀的C物，20÷1=20，20-13=7，说明B物有7个。C物有13-7=6个。A，B，C物各是5、7、6个。或设A物有x个，则B、C物共有（18-x）个。8x+6*(18-x)=118x=5.再设B物y个，则C物（13-y)个。2y+(13-y)=20y=713-y=13-7=6</t>
  </si>
  <si>
    <t xml:space="preserve">详解典型盘口及其思维定式五（五）平手与平半球之间的变化这种盘口往 </t>
  </si>
  <si>
    <t>普及盘口知识,增强彩民素质!</t>
  </si>
  <si>
    <t xml:space="preserve">有什么最新流行的歌曲吗 </t>
  </si>
  <si>
    <t xml:space="preserve">  JAY的&lt;发如雪&gt;和JJ的&lt;曹操&gt;.</t>
  </si>
  <si>
    <t xml:space="preserve">MM高手进！！！！！！1。MM的狂魔技能有哪些？魔圣技能有哪些？ </t>
  </si>
  <si>
    <t>答1。静心 风 箭 盾 刃 （这几个我决的是主要的吧）复活 我是无所谓的魔尊技能现在有狂海纳 （800W）</t>
  </si>
  <si>
    <t xml:space="preserve">父亲去世时，有人在他的墓碑写了母亲的名字，这对母亲来说是否不太好? </t>
  </si>
  <si>
    <t>你说的应该是双人墓。建在的人的名字不上色，已逝的人的名字才上色。不能说好与不好。</t>
  </si>
  <si>
    <t xml:space="preserve">关于火车票的问题我想买北京西－荆门的火车票硬卧3张，谁可以提供相 </t>
  </si>
  <si>
    <t xml:space="preserve">火车票转让平台，今年最火的应当是： 临时列车时刻表，请参照如下网址： </t>
  </si>
  <si>
    <t xml:space="preserve">文言翻译，“天行健，君子以自强不息；地势坤，君子以厚德载物” </t>
  </si>
  <si>
    <t>天（即自然）的运动刚强劲健，相应于此，君子应刚毅坚卓，愤发图强；大地的气势厚实和顺，君子应增厚美德，容载万物。</t>
  </si>
  <si>
    <t xml:space="preserve">2007年中国写字楼市场分析及投资咨询报告 </t>
  </si>
  <si>
    <t xml:space="preserve">写字楼销售市场 06年上半年北京写字楼市场总体发展较为平稳，5月份出台的各项政策对住宅市场的影响并没有波及到相对稳定的写字楼市场。06年上半年，北京写字楼市场凭借本身稳定的市场规律为自己赢得了一个良好的市场发展空间。核心商圈内写字楼多采取只租不售的方式，非核心商圈写字楼基本都采用散售的方式，由于上半年中低档写字楼面世较多，因此拉低了写字楼整体价格的上扬，相比1季度，本季写字楼加权售价只上升了3.3个百分点（参见图表46）2007年中国写字楼市场分析及投资咨询报告-490PDF490页46万字145个图表第一章　写字楼概述1.1　写字楼相关概念1.1.1　写字楼概念写字楼市场目前流行两大评定标准，一是甲级写字楼，一是5A写字楼。所谓甲级写字楼，实为一种通行叫法，并没有固定标准，因为谁也不愿意被叫成乙级写字楼。这样，恨不得任何一个有玻璃幕墙、带电梯、“长”得高一些的写字楼都自称为甲级写字楼。5A写字楼倒是有一定的标准，类似于星级评定的方法。那么，5A写字楼具体标准如下： 第一要素：黄金区位 房地产开发有三大要素，第一是地段，第二是地段，第三还是地段。这对于酒店可能并非个个是真理，但对于写字楼，几乎无反例，其无疑是投资和购买写字楼的第一要素。 第二要素：超大规模 这里所说的超大规模，不仅是指建筑体量本身比较大，而且更强调其规模的伸展力及拓展性。一方面，不仅是写字楼建筑本身的规模要大，而且必须要有强大的综合配套，经营成一个集写字楼、公寓、商住、星级酒店、会展中心、休闲娱乐及购物中心于一体的大空间。另一方面，还要视其交通条件而论，四通八达的交通一定是其写字楼规模的重要支撑。一个写字楼如果没有相当大的建筑体量和规模化的配套设施，是难以称得上五星级的。 第三要素：建筑文化 所谓建筑文化，对酒店可能是指国王饭店、皇后饭店这样的历史，但对于写字楼而言，与其说是世贸中心、国贸中心这样的品牌文化，倒不如直接说成是摩天大楼的建筑文化。无论西方还是东方，无论发达还是落后，一谈到写字楼，都有明显的摩天大楼的情结。尽管美国世贸中心被炸影响了世界各地对摩天大楼的追求，但估计这是暂时的。因为从道理上讲，低矮的五角大楼也同样易于被攻击。 第四要素：硬件设施 就像星级酒店在硬件配套上追求奢华极致一样，在写字楼方面追求的硬件，更多的是科技与创新。这好比比尔?盖茨的科技豪宅与常规豪宅的区别，当然，科技豪宅也同样拥有奢华，只是强调重点已经转移。除此之外，其所用的建筑技术、标准层高、标准承重、弱电系统、新风系统，以及电梯、智能等，都较酒店更先进。但就写字楼的本质而言，硬件设施的最大追求应该是创新，主要体现在建筑设计和建筑功能的创新上。 第五要素：软件服务 相对酒店的五星级服务标准，写字楼服务有了明显的变化，一方面体现在高效的物业管理上，另一方面体现在对入住企业的专业化商务服务上。比如，将洗衣送餐这些酒店式服务改写为卫星会议、活动策划、会展中心等服务。又如，一些新型写字楼不仅能够实现全天候空调节假日无休，而且还在送餐、夜餐甚至代办员工地铁月票等方面下功夫1.1.2　写字楼的基本功能写字楼物业是伴随着我国改革开放而出现的一个新型产业，管理之初，基本上是引用了酒店业的管理模式。随着市场经济的发展和写字楼市场规模的扩大，尤其是一幢幢综合性、智能化商务写字楼投放于市场，经营管理上也逐步形成了自己的物业特色。商务写字楼物业，主要是为商业类型的公司、商社、财团、企业、办事处、联络处等所提供的，用于商务、办公的楼宇及配套的设备、设施、场地，是以出租、出售、自用为目的的单元性房地产。商务写字楼一般分为三种类型，即普通型、综合型和智能型。商务写字楼具有三个方面的特点：一是充分有效地利用空间，建筑结构上大多为高层楼宇；二是要符合交通易达性。商务写字楼大都建于科技、信息、金融、贸易、商业、服务业、行政机构??????配套的区位，地点优越、交通便利，便于商务往来。经济越发展，商业越繁荣，社会越进步，都市越开放，越是需要众多的商务写字楼；反过来商务写字楼越多，越能推动都市的经济繁荣。三是商务写字楼功能的综合性。商务写字楼内客户众多，人口密度大；空间配套，形成独立的工作、交流、生活单元；设备复杂、管理难度大；机电设备多，专业化程度高；集多功能、综合性为一体。1.1.3　写字楼经营模式出售：这种模式是商业地产最原始的模式，随着商业地产逐渐的火爆，单纯的出售开始不再适应商业地产的发展。由于商业地产具有“总价高、利润率及开发风险较高、投资回收期长”等特点，使有能力全额购买商业地产的投资者实在少而甚少；即使有能力购买，理性的投资者也不愿将大笔资金积压在投资回收期如此漫长的项目上。这使得开发商在开发商业地产时不免会面临两难局面。一难是，开发的商业地产用于整体出售时，难找到买家，开发资金无法回笼；二难是，自己经营时，不得不由于投资回收期过长而承受巨大的资金压力，无法尽快回收资金投入其他项目的开发，影响整体运作。开发商为了解决自身的困境，不得不想办法在开发经营模式上有所创新。于是大部分高档写字楼都采用只租不售或租售并举的方式入市。租售并存：在中国北京、上海、广州、深圳等这些商务发展较快的大城市中，写字楼市场发展趋势迅猛，市场对写字楼的需求日益增大。但几乎每个企业都面对自有资金实力不足以支撑完全持有的状况，大楼预售回款成为了企业资金链中最重要的一环，因此“部分持有，部分销售”成为了国内市场一条有效的但刻板的过渡路径。发展商在项目建设的同时急于资金回笼，在资金短缺的情况下只有把物业部分或全部出售，以继续完成项目的建设工程，因此一个企业是否拥有雄厚的实力和庞大的资金流通，是影响这种租售模式的根本。“租售并存”这种模式是过渡的，是企业实力不足的体验。很容易想象，一个租售自由的写字楼，没有合理科学的规范，楼层单元划分混乱，入驻公司单位素质参差，同样管理方面都有很大的困难，更重要的是影响客户对写字楼的信心。只租不售――国际上最流行的写字楼租售模式。“租售并存”是大地址： </t>
  </si>
  <si>
    <t xml:space="preserve">为什么我的邮箱通不过验证！我在进行邮箱验证，可是把邮箱验证码输入 </t>
  </si>
  <si>
    <t xml:space="preserve">如果您无法进入上面的注册页面，有可能是下面的几种原因，请作相应的调整；推荐您IE5.0以上版本注册，如果使用MYIE等其它浏览器可能无法正常注册。 浏览器的安全设置请设置为中以下级别，安全设置过高，可能无法注册 调整安全设置的动画演示如果出现安全证书提示，请选择安装安全证书，不安装安全证书会无法注册。请暂时取消公司或者个人防火墙设置，注册账号之后再恢复。某些用户使用的是windows XP SP2，在进行用户注册或登录时，需要输入验证码。而SP2操作系统默认状态下不提供对该验证码格式的支持。所以要解决问题，下一个注册表的文件 这里下载 再进行导入即可解决问题。 请及时验证您的邮箱：(账号注册问题答疑)为了在您忘记或者丢失密码的情况下，能够找回您的密码，请您及时验证自己的邮箱。验证邮箱的方法，进入注册页面后，点击左侧的修改E-mail的链接，输入账号、密码和验证码，登陆之后，输入两个问题答案，再输入您的邮箱（可以是原来注册的邮箱），正常情况下，5分钟内您即可在E-mail中收到验证码，在输入框中输入验证码即可完成邮箱验证。 </t>
  </si>
  <si>
    <t xml:space="preserve">这才是真正的专家.我记得2.27大跌的晚上,清泉发表一篇没有利空 </t>
  </si>
  <si>
    <t>别吹了。牛气都让你吹破了。</t>
  </si>
  <si>
    <t xml:space="preserve">成本会计某工业企业12月份商品产品成本表中可比产品本年累计总成本 </t>
  </si>
  <si>
    <t>实际降低额 250000-245000=5000实际降低率 5000/250000=0.02</t>
  </si>
  <si>
    <t xml:space="preserve">怎样学习高中的理科(数学、物理、化学、生物）请详细介绍数学的学习 </t>
  </si>
  <si>
    <t xml:space="preserve">   嘻嘻,数学可是我强项~~~其实数学最主要的是要多做题,每天花上1小时做练习吧.可以给你个建议吗,我认为最好是做个改错本.将你每次所错的题目抄为一本,最后将一类型你认为最好的整理成一小本,那么每回考试前你都很快找到最付佳复习资料.很多人觉得抄本子很浪费时间,但我是这样认为的.其实有些错误我都会做,只是在当时我的思路不怎么清晰,只要一看答案我总拍拍胸.真的,当你第一次是做错了,以后犯同样错误的机率是很大的.我们不能想答案,要想的是我们起初的思路.我想只有多看看改错本,多总结自己的思路才能扭转起初的错误思路.    物理化学呀，好象教材也不多．我觉得重复是最好的方法，当然也要总结．我在二中读过，那里的方法还真不错．每天都花些时间在综合上，每天坚持花半小时在物理化学上．要是你是高一那就恭喜你拉，因为你比我幸运的多．路是走出来的，我还试过许多方法，也许这也是最好的吧（个人认为）．祝你继承我的希望，我现只考上本科，愿你考上重本吧～～～</t>
  </si>
  <si>
    <t xml:space="preserve">隆鼻问题张医生，我的鼻头简直太大了，有点崩溃，需要做什么项目 </t>
  </si>
  <si>
    <t>做个鼻综合整形，隆鼻根、垫鼻梁、鼻头缩小</t>
  </si>
  <si>
    <t xml:space="preserve">背景在哪儿设置？ </t>
  </si>
  <si>
    <t>主页的账号里设置</t>
  </si>
  <si>
    <t xml:space="preserve">敏力系射手不能学技能吗？一个也不要吗？ </t>
  </si>
  <si>
    <t>当然不学了，要学就学的彻底才厉害，你想象就点了100个战斗，学了每个技能的第一阶段，后期有用吗？技能伤害是不会因你的装备而提升，只有+技能点学更高的级别才上升，估计那些一阶段技能初期可能有用，但是后期呢？那些一阶段的技能有用吗？把那个100的战斗技能抽下来，给+敏捷，对于弓手来说敏捷可以上升，攻击，躲闪，命中，致命，移动速度，攻击速度，6个！！！！属性的提升，而且这个游戏，就是当年的MU 做的公司做的，在MU里就是变态加法完全就是BUG，这个是MU的3D版，继续加把，不要+战斗，还有敏弓，不要组团队，只要跟几个敏弓一起刷副本就可以了，一般副本2个敏弓喝血就可以搞定，</t>
  </si>
  <si>
    <t xml:space="preserve">上海到连云港有晚上的火车吗？ </t>
  </si>
  <si>
    <t xml:space="preserve">上海到连云港没有晚上的火车只有早上6:27一列火车车次 类型 始发站 出发站 开车时间 目的站 到达时间 用时 里程 终点站 硬座 软座 硬卧中 软卧下 2526/2527 空调普快 上海 上海 06:27 连云港 18:10 11小时43分 839 连云港东 85 - 163 262 2526/2527 空调普快 上海 上海 06:27 连云港东 18:59 12小时32分 872 连云港东 88 - 168 271 </t>
  </si>
  <si>
    <t xml:space="preserve">我该怎么办?我很喜欢一个男孩，付出了很多，从没想过要得到怎样的回 </t>
  </si>
  <si>
    <t>您好，我认为按原来的想法，不理睬，继续找你的未来</t>
  </si>
  <si>
    <t xml:space="preserve">溶液浓度问题在标准状况下，1L水中溶解700LNH3，所得溶液的 </t>
  </si>
  <si>
    <t xml:space="preserve">1L水：1000g。700LNH3：17×700/22.4=531.25g。体积V=（1000+531.25）÷0.9≈1701.39cm3=1.701LnNH3=700/22.4=31.25mol氨水的浓度为nNH3/V=31.25mol/1.701L≈18.4mol/L </t>
  </si>
  <si>
    <t xml:space="preserve">企业申请需要什么？ </t>
  </si>
  <si>
    <t>目前，新浪微博企业版处于内测阶段，如果企业需要使用新浪微博企业版，首先要需要注册一个新浪微博账号并进行企业认证。</t>
  </si>
  <si>
    <t xml:space="preserve">铁锅为什么越烧越黑,有什么办法可以除去吗? </t>
  </si>
  <si>
    <t>您好,这主要是铁锅的铁受热氧化的原因,平时做菜可以适当的放点醋.颜色就不会那么重.答案补充此铁锈非彼铁锈啊，不能一概而论的。古人不都是用的铁锅做饭做菜的吗，而且铁锅做出来的饭菜还好吃。你不习惯的话，就买不锈钢锅子嘛。</t>
  </si>
  <si>
    <t xml:space="preserve">请评价我的基金组合富国天博博时裕富 </t>
  </si>
  <si>
    <t>二个都是股基，而且都比上不足比下有余，博时裕富是越来越差，富国天博近期有进步。考虑。</t>
  </si>
  <si>
    <t xml:space="preserve">请介绍一些养颜秘方谢谢 </t>
  </si>
  <si>
    <t xml:space="preserve">三红养颜粥    红枣10枚，糯米50g，枸杞子25g，红糖30g。将红枣、枸杞子、糯米洗净，入锅加水，先用旺火煮沸，再改用文火煮粥，待粥成时加入红糖调匀，作早、晚餐服用。有养肝益血、补肾固精、丰肌泽肤的功效，适用于营养不良、缺铁性贫血、面色苍白、皮肤较干燥及瘦弱者服用。    嫩服奶茶    新鲜牛奶200g，红茶3g。将红茶纳锅中，加适量水煎2次，取茶汁共约100g，同煮沸的鲜牛奶兑和即成。每日1次，趁热饮用。有补气填精、润肤嫩肤、强筋健骨之功效。适宜于皮肤较粗糙者、病后体虚者及中老年人饮用。    黄精陈皮粥    制黄精25g，陈皮5g，冰糖40g，粳米75g。先将黄精用温水冲洗，以纱布包好，置砂锅中，加清水500g，煎20分钟后留药汁去渣，加入淘洗干净的粳米，再加水800g，用旺火烧开，改文火煮成粥，放入陈皮和冰糖，再煮5分钟即可。每早、晚温热服用。有补脾胃、滋阴润肺、丰肌养肤的功效。适用于皮肤粗糙、须发早白、脾胃虚弱等症。    冬瓜仁丸    冬瓜仁500g，白蜜适量。冬瓜仁去皮，捣烂，加入白蜜调匀，制成如梧桐籽大小的药丸，置于瓷瓶中保管，随吃随取。每次 10g，每日2—3次，温开水送服。有滋润肌肤，祛皮肤黑斑，令面色红润。    随宫增白方    桃花(干品)60g，冬瓜仁75g，橘皮45g。将以上3味中药研成极细末，置于瓷瓶中保管，随吃随取。每次1g，每日2～3次，用温糯米酒送服。有活血化瘀、增白、润肤悦色的功效。适用于颜面较黑者、面有黄斑、褐斑者。NO.1乳酪(一匙)+柠檬汁(一匙)=乳酪洁面霜 　　将以上三种材料混和涂在脸上再用温水洗净， 搽上爽肤水和润肤品，有很好的美白功效。　　NO.2适量黄瓜汁+适量柠檬汁+1/4杯水=紧肤霜 　　黄瓜先切块放入搅拌机中搅成浆状，与一个新鲜柠檬的汁和1/4杯水混和，用棉棒轻轻涂在脸上，肌肤马上收紧起来。 　　NO.3蛋黄酱=护发素 　　用做沙拉的蛋黄酱富含蛋白质和脂肪，能令头发健康光泽。把适量的蛋黄酱涂在湿发上，按摩5分钟，再用热水洗净，头发会变得柔亮。 　　NO.4冻奶=去眼肿 　　把棉花团浸在冻奶中浸透，取出敷在眼上5分钟，然后再在眼皮上铺两片梨或菠萝，湿眼睛更加明亮。据说，这可是好莱坞明星们的秘方。 　　NO.5花生酱=软肤霜 　　将两勺花生酱涂在膝和手肘等易干燥部位，10分钟后抹去，再用温水洗净。因为花生酱富含蛋白质和脂肪酸，有助于软化及美化干燥起鳞的皮肤。 　　NO.6干麦片(半匙)+蜜糖(1/8匙)+牛奶(一匙)=润唇膏 　　将以上三种材料混和，涂在唇上按摩，然后以清水洗净，能使嘴唇变得光亮润泽。 　　NO.7牛油果(1/4个)+橄榄油(一匙)=润甲霜 　　牛油果在国内不是很常见，它是富含钾的水果，美国加州人喜欢将其捣碎后与橄榄油混和涂在指甲上拯救那些毫无光泽的指甲。等15分钟后洗净，几次之后指甲就变得像涂过亮油一般。 　　NO.8蛋白=去死皮 　　生蛋白涂在皮肤上，可以溶掉死皮，使人容光焕发。家用养颜秘方使皮肤有弹性的燕麦护理法： 秘方：将1匙杏仁油和2匙优质燕麦粥进行混合，使其成为一种稠稠的浆糊，以画圆圈的方式将此浆糊涂于脸部、颈部及身体其他部位，尤其是胳膊及脚踝等干燥部位。最后用温水将身体洗净，这样可深层清洁皮肤中的污垢。原理：燕麦的粒状组织结构使得燕麦具有很好的清洁作用，而且它还含有很多改善皮肤的营养成分如二氧化硅，可以减轻或治愈某些皮肤病。特别提示：如果你是干性皮肤或你患有湿诊或牛皮癣，那么，在洗澡的时候，可用一个细布做的袋子装满燕麦，把它系在水龙头上，这样，麦乳就可以被溶入水中，从而治疗你的皮肤病。使眼睛炯炯有神的黄瓜护理法： 秘方：把两茶匙黄瓜汁和一茶匙奶粉混合调成糊状，然后闭上眼睛，把它涂在你的上眼睑和下眼睑上，十分钟之后再用脱脂棉擦干净，眼睛一定会变得神采奕奕。原理：黄瓜具有很好的收缩和消炎作用，且含有大量水分，可使皮肤重新获得活力并且看起来更自然。特别提示：也可用一种名为“按摩眼睛”的方法来改善黑眼圈，坐在板凳上将两肘置于桌上，闭上眼睛，两手掌握成杯状，然后置于眼睛上，保持5分钟，慢慢地做深呼吸，每天至少一次以确保双眼得到充足休息。去除鼻子黑头的柠檬护理法： 秘方：将半匙绿豆粉、半匙蜂蜜和一点盐混和，加入几滴柠檬汁，调成糊状涂在鼻子上5-10分钟，然后洗掉。原理：柠檬具有收缩作用和抗菌作用，是极好的清洁剂，可以预防和去除黑头。特别提示：将几片柠檬和一点盐混和轻敷在脸上。对粉刺也有很好的治疗作用。使头发发亮的橄榄油护理法：秘方：将头发分成几股，然后把橄榄油涂抹在头皮上使之渗透到发根，用温水洗净。原理：橄榄油具有发光功能，会使头发看起来有光泽.秋季养颜秘方 hR V3fLrxi  50@3:5  西红柿玫瑰饮 p,@1o=w]  　　西红柿去皮、籽，黄瓜洗净，鲜玫瑰花适量。将它们搅碎后过滤，加入柠檬汁、蜂蜜，每日饮用。西红柿、黄瓜含谷胱肽和维生素C，能促进皮肤新陈代谢，使沉着的色素减退，从而使肌肤细腻白嫩。 A|N8/#T  pV3?;7   　　栗子炖白菜 k&lt;_X sq{  　　栗子200克，去壳切成两半，鸭汤适量，煨栗熟透，再加白菜200克及适量调味料，炖熟即可。栗子健脾肾，白菜补阴润燥，常食可改善阴虚所致的面色黑黄，并可以消除皮肤黑斑和黑眼圈。 cf!:3  ]9\io(-{  　　醋泡黄豆 .1vDOr, s  　　取新鲜黄豆250克，以醋浸泡15日后，每日取10粒左右嚼食，可使皮肤柔嫩，色素变浅。醋豆含有磷脂及多种氨基酸，能促进皮肤细胞的新陈代谢，并有降低胆固醇、改善肝功能及延缓衰老的作用。 UI"TYJ3G  8';77 8HL  　　香蕉奶糊 0LB)]u  　　香蕉6只，鲜奶250克，麦片200克，葡萄干100克，入锅用文火煮好，再加点蜂蜜调味，早晚各吃100克。常食能润肤去皱。 6mjd%|'V  O7VduFX)  　　苦瓜炒胡萝卜 b/_*3b4  　　鲜苦瓜2个，去瓤后切片，胡萝卜取7-8根，切成薄片，调以盐、味精、葱等，急火快炒，熟食之。苦瓜营养丰富，特别是苦瓜含有丰富的维生素C，常食可使面容变得细嫩。胡萝卜含有大量维生素A和C，可使粗糙皮肤去皱，变得容光焕发。 QRNdy|"dZ  :rD[+?*I^J  　　兔肉红枣汤 kY:M`Dyq  　　兔肉500克，红枣20-30粒，同煮汤，加适量油、盐调味，分数次服食，连服数剂。兔肉有补中益气作用，兔肉含丰富的蛋白质，及维生素、卵磷脂，有利人体的皮肤粘膜的健康和代谢，故?quot;美容肉"之称，常食可以润肤泽肌，使皮肤红润。 F IO2@  xdKOp6f0t  　　葡萄汁 R:qjt/,q&lt;  　　葡萄100克，砂糖5克，冷开水60毫升。将葡萄洗净，一粒粒摘下与水糖同搅，去楂留汁。葡萄汁中含有丰富的维生素、烟酸，有强壮身体之功效，是秋季保健美容佳品。 　　黑豆煮柠檬 　　将黑豆用水煮熟变软后加入酱油及柠檬片，食用。黑豆富含维生素B，有改善皮肤细胞新陈代谢作用，常食可使肌肤健美。而柠檬也有同样的效果。 </t>
  </si>
  <si>
    <t xml:space="preserve">网王小说有没有好看的（不是玛丽苏）网王文可不可以发给我 </t>
  </si>
  <si>
    <t>已发了，不知道你喜不喜欢，因为我喜欢看手冢的所以几乎都是他的，好像是还有迹部和不二的</t>
  </si>
  <si>
    <t xml:space="preserve">处女座男孩会很被动吗?他一直喜欢一个射手座女孩,那女孩也喜欢他,? </t>
  </si>
  <si>
    <t>是,比较被动.也不是被动,反正比较内向一点,不太容易表态.不过处女的男生是蛮吸引人的</t>
  </si>
  <si>
    <t xml:space="preserve">请问澳门盘高水\中水\低水的范围分别是多少? </t>
  </si>
  <si>
    <t>澳门盘高水的范围是:2.000-2.100;中水的范围是：1。900-1。975；低水的范围是：1。800-1。875；通常也有称1。875与1。900为中低水，称1。975与2。000为中高水；称1。800为超低水；称2。100为超高水。</t>
  </si>
  <si>
    <t xml:space="preserve">请教一个恢复德的天赋问题我想练一个恢复德，有激活的，但同时又具备 </t>
  </si>
  <si>
    <t>我觉得要pk最好还是是主野性副恢复好恢复要出到自然迅捷~~~要是住恢复的德pk大概只能跟人耗了。。</t>
  </si>
  <si>
    <t xml:space="preserve">鱼要怎么做才能好吃呢？ </t>
  </si>
  <si>
    <t>红烧</t>
  </si>
  <si>
    <t xml:space="preserve">有没有厂家生产优质的即食燕窝？谢谢。即食燕窝上品的即食燕窝色泽晶 </t>
  </si>
  <si>
    <t>市面上出售的天然即食燕窝多数都标注不含防腐剂和添加剂，但实际上是没可能不添加的，要食真正的优质的且放心的即食燕窝恐怕还得自己做呀。</t>
  </si>
  <si>
    <t xml:space="preserve">脑筋急转弯什么东西比细菌还要小？ </t>
  </si>
  <si>
    <t>细菌的儿子</t>
  </si>
  <si>
    <t xml:space="preserve">寻求帮助,急急急!!!!!我的管理博客－－自定义设置中第一项怎么 </t>
  </si>
  <si>
    <t>“定制我的首页”与“设置我的首页”，功能相关不多，一样可以使用。</t>
  </si>
  <si>
    <t xml:space="preserve">怎样让视频更清晰 </t>
  </si>
  <si>
    <t>看的是视频源，播放源，优化效果。1080p上看蓝光肯定清晰</t>
  </si>
  <si>
    <t xml:space="preserve">许冠杰的歌词:黑眶眶的小眼睛,是你的温柔,叫什么歌名? </t>
  </si>
  <si>
    <t>人家都说是许冠杰的啦!罗大佑的是国语版的!许冠杰的是&lt;阿郎恋曲&gt;,电影&lt;阿郎的故事&gt;的主题曲.</t>
  </si>
  <si>
    <t xml:space="preserve">哪位朋友推荐一家比较好的龙泉宝剑网店，要质量好、价格公道的。 </t>
  </si>
  <si>
    <t>去龙泉宝剑网去看看吧。那里是龙泉宝剑厂直销的网店，各种档次的都有性价比高，而且还可以接受定做，我以前就定做过一把，非常喜欢！</t>
  </si>
  <si>
    <t xml:space="preserve">什么是种子食物检查身体，医生说有点肾虚，建议我多吃种子食物，可是 </t>
  </si>
  <si>
    <t>白果(干)[银杏]菠萝蜜子核桃(鲜)核桃(干)[胡桃]毛核桃山核桃(干)山核桃(熟)[小核桃]栗子(鲜)[板栗]栗子(干)栗子(熟)[板栗]松子(生)松子(炒)松子仁杏仁杏仁(大)杏仁(炒)杏仁(原味全部)杏仁(漂白后)杏仁(过油炸干)杏仁(烤干，不加盐)杏仁(烤干，加盐)橡实[橡子，青冈子]腰果榛子(干)榛子(炒)胡麻籽花生(鲜)[落花生，长生果]花生(炒)花生仁(生)花生仁(炒)葵花子(生)葵花子(炒)葵花子仁莲子(干)莲子(糖水罐头)南瓜子(炒)[白瓜子]南瓜子仁西瓜子(炒)西瓜子(话梅)西瓜子仁芝麻籽(白)芝麻籽(黑)芡实米(鲜)[鸡头米]芡实米[鸡头米]只要是以种子为其主要食用对象的都算！</t>
  </si>
  <si>
    <t xml:space="preserve">小三阳问题我父母都没有小三阳,可不知道什么时候传染上了大概小学的 </t>
  </si>
  <si>
    <t>对你的以后会有影响的，你可以去那些比较好的医院治疗，这样才可以不会传染给别人，有时候你已经传染给别人你自己却都不知道的，所以你应该去医院做个治疗，治好病了，就不会传给别人了，所以说病的东西不是什么好的东西，特别是肝炎的病，一般来说有5项（平时所说的两对半）都转阴就可以是好的。</t>
  </si>
  <si>
    <t xml:space="preserve">在用PhotoshopCS作图时电脑会黑屏.在用Photosho </t>
  </si>
  <si>
    <t>看到你的问题，也看见还没有人来人来帮助你，但自己无能为力帮助你，留个名支持一下你，祝好运！！</t>
  </si>
  <si>
    <t xml:space="preserve">QQ无法登陆大家好,有一个问题非常奇怪.我在一台电脑上使用QQ, </t>
  </si>
  <si>
    <t>这是你的QQ在这台电脑上使用时你选择的上网环境是本地消息保护模式,然后设置了本地消息的密码,或者是因为在使用QQ时,在QQ的设置里面的安全设置的本地消息加密设置项里面启用了聊天记录加密选项.如果你没有忘记密码,那请你继续到QQ设置里面的安全设置选项内的本地消息加密项将加密本地聊天记录选项取消;如果你已经忘记了密码,请你查到了QQ的安装目录,进入安装目录后,将以你QQ号码命名的文件夹删除后再进行登陆,就可以解决这个问题了!</t>
  </si>
  <si>
    <t xml:space="preserve">基金净值为1说明了什么？ </t>
  </si>
  <si>
    <t>就是说该基金的价值是一元。</t>
  </si>
  <si>
    <t xml:space="preserve">卢湾化妆培训？ </t>
  </si>
  <si>
    <t>你好，推荐上海佳悦化妆学校。很用心教学的学校。扎实严谨的教学方式，用心教会较好每一个学生。在这学，是你的幸运。</t>
  </si>
  <si>
    <t>月经前总有几天是点滴出血，持续有3</t>
  </si>
  <si>
    <t>一个可能是有炎症了，另一种可能是经血淤积，您每次来的时候惠不会有小腹坠痛或涨痛，如果有就可能是淤积，多喝点热水，或用热水袋敷小腹部，或者用益母草冲剂都行（如怀疑怀孕不可用益母草冲剂</t>
  </si>
  <si>
    <t xml:space="preserve">支票出票人帐号客户给我张支票，但没有出票人帐号，这样的支票能入吗 </t>
  </si>
  <si>
    <t>没有出票人帐号的支票，当然是不能入帐的。你得打电话问问给付你支票的人，没有出票人帐号，就等于不知道这笔钱是从哪家银行划过来给你，即无来源，无出处。</t>
  </si>
  <si>
    <t xml:space="preserve">宫颈中度糜烂真的很可怕吗？老婆前天去医院体检，检出了，这几天心绪 </t>
  </si>
  <si>
    <t>无需害怕，尽可能不要有性生活。妇科病的药品有非常大的副作用，那才是可怕。</t>
  </si>
  <si>
    <t xml:space="preserve">关于小儿缺钙问题老师您好！！！我儿子10个月了，从三个月开始医生 </t>
  </si>
  <si>
    <t>您好，首先，您孩子的缺钙情况，建议先做个微量元素及骨碱性磷酸酶检测，看看目前孩子缺钙程度，再找儿科医生帮您孩子看一下是否有肋骨外翻或者其他可能；其次，小儿夜晚啼哭，若能排除病理因素，把尿后缓解，那么可继续观察一下。</t>
  </si>
  <si>
    <t xml:space="preserve">圣诞老人的原型是什么？ </t>
  </si>
  <si>
    <t xml:space="preserve">传说圣诞老人是北欧神话中专司智慧、艺术、诗词的奥丁神，在寒冬时节，他骑上那八脚坐骑驰骋于天涯海角，惩恶扬善，分发礼物。与此同时，他身着红衣以闪电为武器，与冰雪诸神昏天黑地恶战一场，最终战胜寒冷。 随着世事变迁，作家开始把圣诞老人描述成我们今日熟悉的留白胡子的形象。同时，不同的国度和文化又有了不同的解释。在德国，传说他乘双轮马车出游，观察人们的行为，尤其是小孩，如果表现好，将会得到苹果、坚果、糖等诸多奖品，而坏孩子则要挨鞭子。家长们灵机一动，纷纷采用此传说来鼓励孩子们听话。现在，圣诞老人已经成为圣诞节的象征。这个赶着驯鹿、拉着装满玩具和礼物的雪橇、挨家挨户给每个孩子送礼物的快乐老人的形象，已深深地留在人们的记中。 </t>
  </si>
  <si>
    <t xml:space="preserve">网上买奶粉靠谱不？有谁在网上买奶粉过吗？BB马上要出世了，奶粉不 </t>
  </si>
  <si>
    <t>你好，其实奶粉在哪里买都是有风险的嘛，关键是要把风险降到最低，这样在网上买奶粉就是很合算了哦，在一些比较大型的母/婴商/城买就比较有保障了，比如说：妙乐乐，红孩子，麦乐购之类的，像妙乐乐还支持到付，你可以先验再付的哦，其他的应该也是可以的，祝你宝宝健康~</t>
  </si>
  <si>
    <t xml:space="preserve">进项发票的认证？如果我本月想认证，认证的最后一天是月底那一天30 </t>
  </si>
  <si>
    <t>如果我本月想认证，认证的最后一天是月底那一天30号或者31号吗？如果是在网上认证，不去税务局，最晚是30号或者31号晚上24点之前吗？是的，不过最好尽早扫描，因为最后一天扫描的话，系统容易因数据堵塞，而产生认证差错，导致工作量增加。</t>
  </si>
  <si>
    <t xml:space="preserve">在线等“神通卡”的问题神通卡绑定游戏ID，能使用枪15天过了15 </t>
  </si>
  <si>
    <t>那枪是送的 不花钱 能冲</t>
  </si>
  <si>
    <t xml:space="preserve">关于插入flash我想在blog里插入flash，点那个插入fl </t>
  </si>
  <si>
    <t xml:space="preserve">要想要插入FLASH比如，后缀是.swf格式的，这些你可以去你想要的FLASH网站，点击查看-原代码-ctrl+f-输入.swf -找到后前面必须是http://格式的才可以复制过去如果，是V大头的则不可以。如有其他问题请到我的论坛， </t>
  </si>
  <si>
    <t xml:space="preserve">请问怀孕后第一次去医院检查，会使用窥器检查阴道吗？ </t>
  </si>
  <si>
    <t xml:space="preserve">是不是看了网上写的这篇文章？其实这只是针对某些有此检查必要的孕妇才采取的检查措施，上面写的几大项除了B超以外在实际的孕检中其实都不用做的。只需要验尿验血，放心好了。早孕检查，查哪些？  孕期的初次检查是件大事。有的准妈妈可能会感到紧张不安，最主要的是怕检查会给胎儿带来隐患，所以有的准妈妈不愿配合。其实这种担心是多余的，孕早期检查主要是看看胎儿的生存环境怎么样。所以孕早期的检查是重中之重。 检查的主要项目窥器检查了解阴道、宫颈情况，排除孕妇的生殖器官发育异常，为宝宝顺利出生提供通道；观察阴道黏膜是否充血，阴道分泌物的颜色、量是否正常，是否有异味；看看宫颈是否糜烂、有没有宫颈息肉存在；特别是早孕期间出血时，观察出血的原因是否与阴道、宫颈有关，为治疗提供依据。白带检查了解阴道内是否有滴虫、霉菌存在，必要时还要进行衣原体、支原体、淋球菌检查。若存在以上微生物，容易引起上行性感染，影响胚胎发育，诱发流产。宫颈刮片检查由于孕期血容量增加，血供丰富，如果宫颈发生肿瘤，及时治疗可以提高生存率。所以此项检查主要是了解宫颈表皮细胞的形态，排除宫颈肿瘤的发生。当然，宫颈刮片检查是较初级检查方法，产生疑点时可以进一步做阴道镜检查或宫颈活检病理切片明确诊断。妇科三合诊检查主要了解子宫大小是否与停经月份相符合，胚胎是否正常发育。当出现子宫大小与停经月份不相吻合时，需要B超检查，以排除子宫肌瘤、子宫发育异常和胚胎发育异常等情况。若存在子宫肌瘤，需要估计肌瘤的大小、生长部位和是否影响胚胎生长发育而需要及时终止妊娠，并尽可能地估计到肌瘤的性质。同时，医生检查的内容还包括双侧附件是否正常，当卵巢增大时，需要鉴别是妊娠引起的功能性增大，还是器质性增大。若是功能性增大，怀孕三个月后会自然消退，若是良性器质性增大，要尽可能在怀孕三个月后手术，以减少流产率。超声检查停经40天和60天分别作超声检查，了解胚囊种植部位和胚芽发育情况。怀孕4个月后产科登记检查，按照产科要求进行超声随访。其他检查根据自身情况选择。若患有心、肝、肾、甲状腺等疾病，需要请内科医生会诊，了解继续妊娠是否会增大危险。若反复自然流产，早孕期间夫妇双方的全面检查更是十分必要的。 </t>
  </si>
  <si>
    <t xml:space="preserve">残疾人驾驶汽车的政策即将公布实施，聋哑人能开车吗？我是听障残疾人 </t>
  </si>
  <si>
    <t>你好~聋人朋友也要加油呀！</t>
  </si>
  <si>
    <t xml:space="preserve">通灵学院任务"莱斯·霜语(62)",怎么我对他使用"禁锢灵魂的遗? </t>
  </si>
  <si>
    <t>1.对莱斯·霜语使用禁锢灵魂的遗物并不会把他变成人型2.禁锢灵魂的遗物并不是只在战斗前使用,我就是在战斗中使用的,有大概10秒的释放时间呢.我被打断了两次,等我释放结束的时候莱斯·霜语被队友打的只有不到一半的血了!3.这个任务只有5个人才能做,也就是不能团队完成任务.五人组队,在战斗中成功释放禁锢灵魂的遗物,并杀掉莱斯·霜语,就能拿到头了</t>
  </si>
  <si>
    <t xml:space="preserve">怎样防止键盘辐射 </t>
  </si>
  <si>
    <t>首先是人不能长时间不间断操作电脑，中途必须经常离开电脑一段时间，不用时要彻底关机。有些人逢到在使用中要休息一段时间时，习惯于只让屏幕“休眠”，实际上此时键盘仍在释放电磁辐射，所以此时同样要彻底关机才妥当。至于人在休息时或做其他事时，要远离开启着的电脑，尤其是人的头部更要远离开启着的键盘，因为人的头部常受电磁辐射伤害，容易引发痴呆症及脑瘤等疾病。另外，经常使用电脑的人，可在电脑桌前放置一盆仙人掌或仙人球，这样也可以起到减少电磁辐射的伤害。为了防止辐射危害，人使用电脑后要及时洗脸，对于破损劣质的电脑包括此类键盘坚决不用。</t>
  </si>
  <si>
    <t xml:space="preserve">望京,公交卡充值点在哪有, </t>
  </si>
  <si>
    <t>大西洋新城南门公家总站院外就用公交集团的充值点此外快客 好邻居 中信银行都可以对普通卡进行充值学生卡只能去公交集团网点</t>
  </si>
  <si>
    <t xml:space="preserve">大夫你好：我的的是高血压和大脑皮层萎缩‘大夫让我输小牛去血清蛋白? </t>
  </si>
  <si>
    <t>小牛血清去蛋白可改善脑部血液循环障碍，用于缺血性脑疾病治疗；银杏达莫能扩张心脑血管，改善脑缺血症状和记忆功能，两药可以联用。但要注意：1、两药要分别输注，不要混合；2、注意观察用药反应，如有皮疹等过敏反应，应立即停用。</t>
  </si>
  <si>
    <t>宝宝出生有半个月了，4</t>
  </si>
  <si>
    <t>你的宝宝吃母乳吗？一般情况下吃母乳的宝宝不会有便秘的情况啊，我的孩子那会吃我的奶一天拉好几次，有时候还老寄出来就跟拉稀吃坏肚子里一样，我觉得你的孩子应该吃的是奶粉吧？这个便秘跟黄但是没有关系的，要是这种情况我教你个简单的方法，用手指头上面抹一点香油起润滑的作用，然后轻轻的帮他松一下屁眼，特别是在他想拉有特别费劲的时候最管用，还有，有时候宝宝没有吃饱也不爱拉屎，因为消化不了的东西才会变成屎，所以同时也反映出你的宝宝消化功能挺好的，你应该高兴，不用担心，到4个月加辅食的时候就基本正常了</t>
  </si>
  <si>
    <t xml:space="preserve">怎样能长高？想长高，教我！！ </t>
  </si>
  <si>
    <t>运动加饮食呀！增高鞋也很好，我穿的是奥古斯的是的隐形增高鞋，别人都看不出来的。</t>
  </si>
  <si>
    <t xml:space="preserve">眼睛散光，怎么办。不想带眼镜~~是轻微的~！请问眼镜轻微散光。平 </t>
  </si>
  <si>
    <t>呵呵，不喜欢眼镜？眼镜对低视力者（屈光不正）是最好的矫正工具呀，历史悠久，效果可靠。你谈的轻微散光？度数？是近视散光？还是远视散光？需要戴镜的条件是，视力不好，看远不清，视物不持久，视物变形，重影，串行，伴有头痛，眼胀。。。如果有症状就是度数不高也要戴镜矫正，缓解眼肌疲劳。如果没有上述症状，可以免戴，或者用眼时戴。散光眼，没有很注意的事项。主要还是在日常生活中，工作中，加强爱眼措施，象预防近视眼一样即可。</t>
  </si>
  <si>
    <t xml:space="preserve">求助啊，关于恋爱问题亲戚介绍的女孩子，刚见过面了，有听到说她的弟 </t>
  </si>
  <si>
    <t>如果你觉得她还不错，有继续下去的必要，那么他弟弟很可能就是你的小舅子哦，所以关系还是要处好的，弄不好以后会帮你呢，可以投其所好送礼物哦，这样还不显得失礼</t>
  </si>
  <si>
    <t xml:space="preserve">k线问题大师好:高位拉长下影的阴线与高位拉长下影的阳线各表示什么 </t>
  </si>
  <si>
    <t>长下影线就是底部有人托市。阴线就是空头优先开始攻击。多头死守。阳线是多头进攻。空头阻击。低位上受此线。一般是结束盘整。不管他是不是多头和空头。都是低位介入良机。要是高位收此线。那么不过是不是多头空头。高位派发是上策。</t>
  </si>
  <si>
    <t xml:space="preserve">请问世界各地医院医生,有关于小女孩八岁智力低下,语言不清怎么治疗? </t>
  </si>
  <si>
    <t>先确定是不是智力低下这种疾病。再去进行诊治。     轻度智力低下的表现　　首先：轻度智力低下的表现在行为上有明显体现，患儿常有张口、伸舌头、流口水、磨牙，经常有无意识的表情动作和尖叫、哭闹等表现。与正常孩子相比，动作、语言、行为明显落后于同龄儿。俯卧抬头、坐、站、走等动作的起始年龄都比正常同龄儿要晚。尤其走路更明显，往往要到3—4岁或4—5岁才会自己走，而且走不稳。如果孩子出现上述症状表现，要及时咨询专家，及时检查诊断，采取有效方式治疗。推荐阅读：儿童智力低下怎么治疗　　其次：智力低下患儿的表现除了生长迟缓外，在出生的当时就具有一些外面特征可供成人发现。大多是由于各种原因导致的先天性智力低下，患儿会出现小头、小鼻、小眼、小口、小颌;眼距宽、眼睑下垂、斜视;三角头、前额凸出、颜面平坦、颅顶扁平、鼻阔而平坦、耳廓变形，口角下斜、舌伸出口、口唇宽大等等，这些都是智力低下患儿可能会有的外貌体态，家长们需要警惕了，根据这些特征，就可以进一步进行检查，做到早诊断。　　最后：轻度智力低下的表现还表现为，小儿智力低下患儿对环境漠不关心。整天非常安静，很少哭闹。这类患儿往往因为其过分安静而受到表扬，一般很容易被忽视他的智力问题。小儿智力低下患儿的注意力很不集中，比正常孩子注意力集中时间明显缩短。小儿智力低下的患儿在面容体态上就有异常表现。比如患有先天愚型的患儿就有眼眼距过宽、双眼斜吊、塌鼻梁、舌头常拖在嘴外边、流口水等表现。利用现在的医疗技术帮助恢复孩子的智力，给予脑部神经递质平衡疗法及日常能力锻炼、认知能力学习来治疗 给她进行各项测试，在家中坚持训练，通过不断的训练和学习就能实现完全康复的状态。希望对你有帮助。（如果您对我的答案满意，请给好评，谢谢~~）</t>
  </si>
  <si>
    <t xml:space="preserve">我的机器中了冲击波了，如何解决？哭求 </t>
  </si>
  <si>
    <t xml:space="preserve">冲击波补丁下载： </t>
  </si>
  <si>
    <t xml:space="preserve">《光之冒险》如何在游戏中，快速了解游戏各个系统？您登录游戏后，按 </t>
  </si>
  <si>
    <t>您登录游戏后，按 F12键，即可呼出《光之冒险》游戏指南。指南中针对游戏各个系统均有详细的介绍和说明。</t>
  </si>
  <si>
    <t xml:space="preserve">我的认证已经一周了，为什么还没有通过？ </t>
  </si>
  <si>
    <t>认证步骤出来些问题。</t>
  </si>
  <si>
    <t xml:space="preserve">游戏更新发生错误是怎么回事呀???? </t>
  </si>
  <si>
    <t>一种是你的电脑开别的游戏了，把那游戏关了就可以进了 还有一种就是游戏里上线的人太多，那么一会进不去，只是这种可能小的很</t>
  </si>
  <si>
    <t xml:space="preserve">用括号中的词翻译下列句子我未能说服他接受我的辞呈。Ifailed </t>
  </si>
  <si>
    <t>persuadehimtoaccept固定句型: dosth.</t>
  </si>
  <si>
    <t xml:space="preserve">黑天鹅任务很攒为什么做的人不多啊? </t>
  </si>
  <si>
    <t>道理简单的很：1/因为组队不合适，木桶只分给最后打死怪的人，只有单练的才会做这个任务。2/另外32级的QY任务离城很近（这个任务路比较远），且爆的东西也很好，也分流了很多单练的人。3/而这个任务只是对32~34的人比较好，到了35，就要换新的练级地方了。4/材料价格中纯石价格下降了，这个任务其实也没以前那么赚了所以以上4点，决定了做这个任务的人没那么多了</t>
  </si>
  <si>
    <t xml:space="preserve">牛仔裤到底洗不洗，多久洗一次？有人说不洗，有人说温水洗，到底怎么 </t>
  </si>
  <si>
    <t>牛仔裤怎么洗注意3点 1． 洗牛仔裤时先用盐水泡（盐水浓些）一段时间再洗就不会掉色；洗牛仔裤尽量不用洗涤剂，洗涤剂会加速掉色 2。牛仔裤最好不要爆晒，爆晒会使裤子变硬，阴干对保持你裤子的裤型大有帮助。晾衣服时把裤子翻过来，避免阳光的照射时你的裤子掉色。 3。从卫生的角度出发，裤子当然要天天洗。如果不脏用水泡下洗掉灰尘和细菌就好了，不用洗涤剂。</t>
  </si>
  <si>
    <t xml:space="preserve">配色请问我家客厅电视墙是原木框架内铺黄玫瑰色壁纸,沙发淡土色,地 </t>
  </si>
  <si>
    <t>方便拍个昭片上来看一下吗</t>
  </si>
  <si>
    <t xml:space="preserve">请问连续吃天王补心丸和蛤蚧大补胶囊要停药多久才可以怀孕？我因两个 </t>
  </si>
  <si>
    <t>中药一般一周左右即可了</t>
  </si>
  <si>
    <t xml:space="preserve">怎样使用银行对公账户最近我们酒店为了申请一台ps机，新办了一个银 </t>
  </si>
  <si>
    <t>请问你在单位从事什么工作啊.    基本帐户是主帐户,一般帐户、专用帐户等是辅助帐户.基本帐户具有对公帐的一切功能.当然一般帐户除了不能支持现金外,办理货款的结算是可以的...    至于你说到的代发工资人数不知是什么意识.银行是不负责审查工资代发人数的.发工资可以开现金支票,那必须得从基本帐户支出,一般帐户是不能取现的.另外你单位完全可以委托银行代发,手续简便,差错率小,同时还能减轻你们的工作量.    你们单位安装的POS也是用于结算的.客户划卡后资金次日会自动转入你单位的对应帐户.只要定期同银行对帐就可能了,只是你们单位必须付给银行一定的手续费,费率嘛由你们和银行协商,可以计价还价的.</t>
  </si>
  <si>
    <t xml:space="preserve">我想申请银行信用卡,如何申请,需要什么条件(个人收入,存款等). </t>
  </si>
  <si>
    <t>目前招行有办卡活动，只要有稳定工作和收入，凭身份证、一卡通、业务回单就可申请招行系列信用卡了。本地户口授信2000元，外地户口授信1000元，三个月后可根据个人用卡、还款情况提高授信额。大堂经理问是否带工作和收入证明时，回答通过办卡活动申请即可。</t>
  </si>
  <si>
    <t xml:space="preserve">IpodNano2的问题IpodNano2的性能怎么样?现在价格 </t>
  </si>
  <si>
    <t>我想，楼主要问的大概是音质吧。个人只听过iPod 5,就那款机器而言，音质还是不错的（由于试听时间很短，具体的不好说）。而且一般来说，iPod的价值也不是完全体现在音质上。价格在1200左右。</t>
  </si>
  <si>
    <t xml:space="preserve">疤痕性皮肤能不能做双眼皮我是疤痕性皮肤，可以做双眼皮吗 </t>
  </si>
  <si>
    <t>可以做的，只是不能做切开的，可以选择微创，三点定位的。</t>
  </si>
  <si>
    <t xml:space="preserve">现在油性皮肤用什么样的洗面奶好呢？请各位MM给点意见， </t>
  </si>
  <si>
    <t>我的亲身体验是：现在这个时候用丁家宜的滋润洗面奶(见图片)，等到了夏天就可以用同一个牌子的控油系列，保持肌肤清爽，两款都是50ml15元左右，我在雅虎，有什么问题可以尽管问我，希望我的建议对您有所帮助，呵呵！</t>
  </si>
  <si>
    <t xml:space="preserve">为什么台湾的连续剧台词都怪怪的，表情也好像挤出来似的，不如香港的? </t>
  </si>
  <si>
    <t>台湾的电视剧太罗嗦,而且演技又不好,几乎都是靠所谓的偶像支撑一下,所以不好看,港剧里面的演员演技好,而且很自然,情节很精彩,所以值得看.</t>
  </si>
  <si>
    <t xml:space="preserve">工会应该增加人员数额工会人员限制太少了，人多不得不弄分会，希望能 </t>
  </si>
  <si>
    <t>我也是希望能9城可以快点开放工会升级系统啊！人多！加不了就得开分会！之间根本没联系！就和2个会没什么区别！快开工会升级系统啊！！！</t>
  </si>
  <si>
    <t xml:space="preserve">请问，你满意吗？英语怎么说呢？ </t>
  </si>
  <si>
    <t xml:space="preserve">Will this room do for you? 这个房间你还满意吗？ Are you satisfied with your life at present? 你对你目前的生活满意吗? </t>
  </si>
  <si>
    <t xml:space="preserve">珠海报料热线我想得知珠海的报纸的报料热线！谢谢！比如珠海晚报！我 </t>
  </si>
  <si>
    <t>珠海晚报报料热线2639333</t>
  </si>
  <si>
    <t xml:space="preserve">请问天津哪里能买到中里巴人的&lt;&lt;求医不如求己&gt;&gt;？谢谢急！ </t>
  </si>
  <si>
    <t>卓越又便宜又可以免费送货上门多好家乐福也有卖的啊</t>
  </si>
  <si>
    <t xml:space="preserve">签证问题有个新加坡的网友说他当担保人帮我办签证，然后就不需要押金 </t>
  </si>
  <si>
    <t>不管去哪旅游签证都好办</t>
  </si>
  <si>
    <t xml:space="preserve">平时非过年北京去哪里买烟花鞭炮，知道的麻烦给我说一下马上就要开业 </t>
  </si>
  <si>
    <t>呵呵，别急啊，我知道武夷花园有长期正规的烟花啊，价格蛮便宜，才去买过，老板给我名片了13911299548，他们春节批发给经销商的</t>
  </si>
  <si>
    <t xml:space="preserve">为什么我在官网上激活不了自己的帐号，页面显示《无法找到该页您正在? </t>
  </si>
  <si>
    <t xml:space="preserve">三国策账号激活系统调整公告： </t>
  </si>
  <si>
    <t xml:space="preserve">新款诺基亚N70音乐版（黑色的）上市了吗？要多少钱一部呢？ </t>
  </si>
  <si>
    <t>已经上市了,目前行货报价为3250,水货报价为2870</t>
  </si>
  <si>
    <t xml:space="preserve">LM和BL的比例现在6区那个F的LM和BL比例相当，查不多就行， </t>
  </si>
  <si>
    <t>6区就这情况了，哪个区都BL人多。去2区吧，那里LM多。</t>
  </si>
  <si>
    <t xml:space="preserve">每日荐股2009.7.9为了迎合2009波段操作的总体思路为了更 </t>
  </si>
  <si>
    <t>600218.突破阻力位。可看高一线。000005。开盘如低开进入，高开横盘，尾盘可能拉升，超短线，明日开盘出货，利润点数3%--7%之间000537，调整完毕，可以进入，持股一周必利益客观。600777，今日有机会创新高，近几日，已做调整，在盘中回落进入，站上7元，建议大家出货，盈利5%左右。000521，已经深度调整。5.95位置支撑力强，我建议持有近月，本人6.12进入，目标价格7.2左右</t>
  </si>
  <si>
    <t xml:space="preserve">病史：1、有鼻窦炎多年，嗅觉减退，不发作时，痰略多，但无头痛，但? </t>
  </si>
  <si>
    <t>到皮肤科就诊有可能为疱疹病毒感染所致神经痛</t>
  </si>
  <si>
    <t xml:space="preserve">诺基亚N73我的N73用了很久了，外壳有点花，而且我讨厌黑色了， </t>
  </si>
  <si>
    <t>N73普通版跟音乐版外壳是一样的只是颜色不一样，我也用过N73并没有信号差的问题，信号好坏跟机器内置的天线有关，如果去掉天线就一点信号没有了，这个你不用担心的。</t>
  </si>
  <si>
    <t xml:space="preserve">心爱的人讨厌自己了怎么办？我喜欢上了我们班的一个男生，可是他现在 </t>
  </si>
  <si>
    <t>没关系啦,你以后会遇到真正喜欢你的人.现在的你更不应该粘着他,因为这样只会让他更加反感你.你可以安静的做自己的事情,洒脱一些,反而更加吸引人,就算他不会再找你,最起码也会欣赏你.</t>
  </si>
  <si>
    <t xml:space="preserve">如何讲课我是非师范类的考生,正在考老师资格证,就差最后一关,讲课 </t>
  </si>
  <si>
    <t>教师的讲课技巧  一、语言语调的技巧教师讲课的语言应清楚流畅、精练朴实、通俗易懂、幽默风趣，讲课的语调要抑扬顿挫、绘声绘色。对重点内容、公式、定理应加重语气，力求集中学生的注意力，调动学生的学习积极性。否则语言平淡呆板，只能成为催眠曲，使学生昏昏欲睡。教师讲课的语速要适中，要始终与学生的思维协调合拍。    有关资料已总结出教师的语言应具备"六性"：1、叙事说理，条理清楚，言之有据，全面周密，具有罗辑性。2、描人状物，有声有色，情景逼真，细腻动人，具有形象性。3、范读谈话，情真辞切，平易流畅，真挚感人，具有感染性。4、借助手势，穿插事例，比喻新颖，生动有趣，富有趣味性。5、发音准确、吐字清晰，措词恰当，寓意贴切，富有精确性。6、举一反三，弦外有音，留有余地，循循善诱，富有启发性。     二、时间分配的技巧   一节课中各部分内容大致需要多长时间，应心中有数，重点和难点需要的时间要长些，讲的力度要深些，切忌主次不分，重点不清。时间分配要讲究，前松后紧或前紧后松都会影响教学效果。有的教师讲课开始时怕学生听不懂，反反复复，絮絮叨叨，把精讲变成了繁讲，到后来一看时间不多了，便任意删减授课内容，"草率收兵"；还有的教师随意拖堂，下课铃响了半天，还在不停地讲授，室外"喧闹四起"，室内"无心听讲"。"草率收兵"或"随意拖堂"都是不良的教学习惯，应努力克服。     三、课堂举例的技巧    一堂课45分钟，若老师总是滔滔不绝地讲述，势必得不到理想的效果。适时穿插一些妙趣横生的实例，往往会将平淡的一堂课变得生动，富有情趣。课堂上一个好的例子，可以达到一箭双雕的目的，不但使学生们学得懂，记得牢，而且还活跃了课堂气氛。但举例也不能太随意，以免得到相反的效果。     四、课堂提问的技巧  课堂提问是启发学生积极思维的有效方法，设计的问题必须保持逻辑性、系统性，要注意深浅程度，既不能冒进，也不能保守。课堂提问可分为以下三种：  1．为讲新课铺路的提问。这种提问可创设一些悬念，激发学生的求知欲。从一开始就抓住学生的注意力，为讲清新课内容铺平道路。2、为突出重点难点而有意创设的提问。通过提问，启发学生独立思考，使他们自觉地接受、掌握课堂知识。教师在讲授新内容时如果遇到了旧的知识，不要直接应用，而应采取提问的方式，让学生回答，从而加强教学的系统性和巩固性。  3、总结式的提问。这种提问一般在每节课的小结中进行，老师可以了解学生对所学知识掌握的程度，最后，还可以请几名学生到黑板上作示范以便纠正学生们普遍存在的问题。讲课的技巧是多方面的，注意上述四个方面的有机结合，取他人之长，补自己之短，就会得心应手，水到渠成，形成具有特色的讲课方法。</t>
  </si>
  <si>
    <t xml:space="preserve">涅磐回1级以后能不能骑马呢?不只是马,也包括元宝买的骑宠. </t>
  </si>
  <si>
    <t>贝贝   依然有等级要求  还是30级的要求元宝买的坐骑大部分要求是30级   捏到1级是不可以骑的但到了 30就又可以了</t>
  </si>
  <si>
    <t xml:space="preserve">听说高血脂会引起脑中风是吗？请问你脑中风的原因是什么？ </t>
  </si>
  <si>
    <t>长期调脂治疗不仅能治疗脑梗塞，还能预防脑梗塞.调脂治疗与脑中风:脑中风的原因很多，有高血压、高血脂、吸烟、饮酒、肥胖、高龄、糖尿病、血液病等，其中高血脂、脑动脉粥样硬化是脑梗塞的重要危险因素之一.许多研究证明，长期调脂治疗能明显减低脑中风的发生率和致残率，代谢能力明显下降，如果腹涨吃不香，如果便秘排不畅，如果压力倍增人变胖，越累越胖，俗称“紧张肥”。那就选择帝泊洱-美纤组合吧，这个组合有机的将帝泊洱和薏苡粉结合在一起。早上冲服1杯帝泊洱茶珍搭配1袋薏苡粉，可以缓解饥饿，补充营养，祛湿美容，空腹时美容吸收效果最好，是平衡代谢、舒缓身心的最佳时机；晚餐后30分钟内再冲调帝泊洱一杯，让它做你的刮油小卫士，守护您一天的轻盈体态！</t>
  </si>
  <si>
    <t xml:space="preserve">胡须怎么不那么浓呢？我今年15了有喉结、有阴毛有腋毛阴茎发育正常 </t>
  </si>
  <si>
    <t>胡子是男性第二性征之一。胡须的多少是因人而异的。一般认为，胡须少的人可能与局部长胡子部位的毛囊不发达，或对性激素不敏感所致。 　　一个男人只要身体健康，生殖器官发育及功能正常，其它第二性征正常，单纯胡子少些或没有胡子，问题是不大的。你来信说到身体健康、性生活正常，这说明你的身体大致是正常的，不必为没有胡子而担心，这种情况不必治疗，其实，目前医药上也没有什么药物能特异性地使人长出胡子来</t>
  </si>
  <si>
    <t xml:space="preserve">“箪食瓢饮”怎么读？请注明词性，声调，出处 </t>
  </si>
  <si>
    <t>箪食瓢饮:dān  sì  piáo  yǐn     一箪食物，一瓢饮料。形容读书人安于贫穷的清高生活。    《论语·雍也》：“一箪食，一瓢饮，在陋巷，人不堪其忧，回也不改其乐。”</t>
  </si>
  <si>
    <t xml:space="preserve">跪求一首歌谢谢这个视频里的是什么歌？谁唱的什么名字谢谢 </t>
  </si>
  <si>
    <t>您好！FloRida feat. T-Pain的low，舞出人生2原声，我已经上传到我的共享资料，你可以直接去我的个人中心下载。希望我的回答对你有所帮助！</t>
  </si>
  <si>
    <t xml:space="preserve">招社会人员应届毕业生可不可以报考????请大家帮忙. </t>
  </si>
  <si>
    <t>公务员考试的吧?你再看清楚它有没特别说明,没有的话应届毕业生也可以,我前天冬天考过一次,他的职位后面也只说社会人士,我当时没毕业一样可以报考,不过你最好还是电话过去咨询情楚.情况可能不同</t>
  </si>
  <si>
    <t xml:space="preserve">怎么增高？我18岁了，但是才165CM，还能增高吗？我想长得高一 </t>
  </si>
  <si>
    <t>每一个人在摄取食物所吸收的情况不同，发育情况当然会有不同。有些是慢一些长高，但并不代表他永远就比别人矮。所以 身高是偏高或偏低 的话，也不必太紧张，你是男孩子，成长路还有几年，在这些年时间里，平时饮食方面注意添加多一些钙，多 到外面晒太阳， 多做吊高、跳高、跳绳等来帮助长高。 还有一样是十分重要的，就是在睡觉方面，一个人的高度50%是遗传，50%是后天形成的，即是说有50%的身高是取决于父母的因素。 身高发育大部分是在睡觉时，为何我这样说？因为脑里有个名词叫脑垂体，脑垂体在人体睡觉时分泌出生长激素，这个生长激素对长高非常重要。所以必须 形成一个早睡的习惯， 才能保证一天的精神充足。 适当补充钙元素，对长高也是有利的。 补钙方面 钙分很多种，有碳酸钙、氧化钙、葡萄糖酸钙、乳酸钙、氨基酸钙、羟基磷酸钙等等，每一种钙都有它吸改的最佳时候，也有它的钙溶解度和吸收量，所以选择钙片时，首先要考虑钙含量，其次是钙溶解度和吸收量，再次是价格和口味。 碳酸钙最易被人体吸收，它的钙溶解度好及在胃液中释放率高，吸收率也高。 钙片我会选择“凯思立D”。这只钙片不但含钙成份，里面还含有维生素D，因为在补钙的同时，必须有维生素D参与，钙才被吸收利用 ，如果人体缺维生素D时，钙的吸收率只有10%，相反吸收率会增加到60%。并且每天一粒已足够每天的摄入量。桔子口味，入口即化。  愿健康，</t>
  </si>
  <si>
    <t xml:space="preserve">香港海洋公园附近的酒店怎么样？有实惠点的推荐吗 </t>
  </si>
  <si>
    <t>香港海洋公园附近酒店很少哦，我知道有一家离海洋公园比较近的 香港南湾海景酒店还不错，详细的介绍你可以到我要去香港旅游网上查询，这家酒店步行道海洋公园只需要10分钟多一点时间</t>
  </si>
  <si>
    <t xml:space="preserve">大家再看看这份协议书有法律效应吗本厂看门大爷突发脑血栓，本人已经 </t>
  </si>
  <si>
    <t>这份协议书毫无意义。因为，你已经离职，你与厂方之间本来就没有什么可承担的责任了，由于你自身的原因出现的任何状况厂方都没有法律责任。但是，如果因厂方的原因给你造成了什么意外的伤害，厂方是依法应当承担责任的，到时，法律的效力大于你们之间的协议，这份协议书并不能起到厂方规避责任的作用。</t>
  </si>
  <si>
    <t xml:space="preserve">VIP收费章节怎样收费？ </t>
  </si>
  <si>
    <t xml:space="preserve">    看VIP文的价格，普通会员千字3分钱，白金会员千字2钱，手机是千字3分钱 。   希望你略读愉快。</t>
  </si>
  <si>
    <t xml:space="preserve">方程六年级一班有学生52人，男生人数的四分之一比女生人数的六分之 </t>
  </si>
  <si>
    <t>设男、女生分别有x、y人,则{x+y=52;(1/4)x=(1/6)y+3} ==&gt; {x+y=52;6x-4y=72} ==&gt; {x=28;y=24}。答:</t>
  </si>
  <si>
    <t xml:space="preserve">前列腺炎会不会通过性交给女方带来炎症比如阴道炎等！前列腺时间长了? </t>
  </si>
  <si>
    <t>前列腺炎是生殖系统疾病，容易导致不育的，应该尽快治疗。</t>
  </si>
  <si>
    <t xml:space="preserve">英文和简体中文网页都出现乱码我浏览网页的时候常常会碰到一页中有几 </t>
  </si>
  <si>
    <t>IE右键-&gt;编码-&gt;简体中文或者将控制面板-&gt;区域选项-&gt;您的区域设置(位置),改为"中文(中国)"</t>
  </si>
  <si>
    <t xml:space="preserve">枭龙战机到底性能如何？？它的销售情况怎样？ </t>
  </si>
  <si>
    <t>“枭龙”的技术分析 　　1.机动性能 　　综合来看，“枭龙”飞机作为一个飞行平台，其飞行性能将明显好于歼7等第二代战斗机，与第三代战斗机相差不大。 　　从飞机的外形上我们可以看出，“枭龙”飞机的总体布局与F-16战斗机类似，采用了展弦比为3左右的中等后掠角梯形机翼，并且配合以边条和机动襟翼。这种机翼的特点是升力线斜率高、诱导阻力小，因此大迎角性能较好，盘旋时能量损失较少，明显优于歼7飞机的三角翼。此外，内倾进气口两肋进气道和边条翼、机翼前缘机动进翼都是经过考验的成熟技术，有助于提高大迎角性能和盘旋性能。从气动总体设计上看，“枭龙”飞机在技术上并未做很多冒险，基本上就是以够用为标准，用成熟技术来获得较为实用的性能。其翼载荷与F-16A、F-15A等典型第三代战斗机比较接近，而推重比略有差距。这意味着“枭龙”至少在理论上将具备同大多数三代机类似的机动性，从其气动布局特点看，其性能将更加接近于F-16飞机。不过推重比不足将导致“枭龙”飞机在长时间机动作战中的能量补充不如一些典型三代机。 　　或许是出于成本的考虑，“枭龙”飞机仅采用了纵向三余度电传系统。纵向电传的好处是飞机自动驾驶可靠性高，且不会出现某些飞机跨音速时出现的反操纵现象，另外在空战中飞机的俯仰、机头指向敏捷性均会较为出色，不足之处则在于滚转等横侧机动时更加依靠飞行员的经验。不过“枭龙”飞机比较小巧，惯性相对F-15、SU-27等大型战斗机要小得多，因此操纵性问题不会很大，采用电传的目的或许主要是为了改善操纵品质，减轻飞行员的驾驶压力。从“枭龙”飞机机翼、起落架的位置看，并没有像F-16那样采用放宽静安定度的设计，这多少也降低了电传的难度，当然这也在某种程度上限制了“枭龙”的机动性。 　　米格-21家族战斗机在空战中有一个常被敌人利用的弱点：座舱设计。其狭窄的座舱视野经常导致敌机利用其大面积的观察盲区接近或者逃逸。“枭龙”飞机针对此缺点作了不少改进，首先是风挡改为单块整体式，其次是略微增高座舱，使飞行员的头部位置更高观察范围更广，加上机翼形状的改变，“枭龙”飞机视野将比歼7系列大不少。同时“枭龙”飞机采用了流行的双杆操纵系统（HOTAS），其好处在于充分利用飞行员的两只手，极大的提高了人机功效，对提高飞行员的抗荷能力也有好处。 　　2.航电、武器 　　“枭龙”飞机是一个商品化的设计，而美国公司的加入又带来了一些新的设计思想，因此“枭龙”飞机在航电方面显示出了较为明显的西方血统：模块化设计、1553B总线、与西方武器通用的外挂管理、雷达火控系统等。 　　前苏联的战斗机在航电设计上存在很多弊病，主要原因在于苏联的大规模集成电路技术远远落后于西方。于是前苏联的设计师们就用强大的整合能力将很多落后的元器件组成一套满足作战需求的电子设备系统，虽然这能够解决一时之需，但是从使用上看也存在着维护、升级方面的困难――从某种角度讲中国的战斗机也存在这种问题。 　　其实中国倒是一直很向往西方战斗机的自动化座舱，从公开展示的歼7MG、歼8IIM等战斗机及一些日常报道来看，中国确实是在向西方标准靠拢。中国最早获得的西方航电观念或许来自80年代的“和平典范”计划，格鲁曼公司对歼8II战斗机改进的核心就在于引进了1553B数据总线。几乎与此同时，成飞开始了第三代战斗机的研制工作，从现在披露的一些情况看，其火控、航电的设计基本遵循西方标准。大量的投入必定获得了丰富的经验积累，因此，从现在已经公开的一些情况看，“枭龙”飞机采用1553B数据总线、中国的传感器、电子对抗系统、座舱设备和意大利的雷达等。 　　“枭龙”飞机的武器选择较为多样化，除去基本武器23mm机炮外，应当可以携带挂载能力以内的北约标准航空炸弹、空空导弹和中国的航空武器。从巴基斯坦的使用传统看，美国的“响尾蛇”系列空空导弹（类似中国霹雳5、霹雳9）是必然的选择，除此之外，法国的“魔术”II（类似中国霹雳7）可能也是近距导弹的选择之一。巴基斯坦空军向来缺乏超视距空战能力，因此在与印度的米格-29、米格-25、SU-30、幻影2000等飞机对抗中必定处于被动，若装备主动中距弹的“枭龙”飞机服役，则巴基斯坦将一举拥有与印度同等的超视距攻击能力。</t>
  </si>
  <si>
    <t xml:space="preserve">Excel条件格式单元格里的字数如果超过10个，之后的文字变为有 </t>
  </si>
  <si>
    <t>这次明白你的意思了,是要改变单元格内数值个数大于10后的字体改变颜色,用宏的方法给你做好了样例,见附件,可以设置改变数值的位置和需要的颜色,然后点击按钮就可改变颜色了,看看是否满足你的要求。</t>
  </si>
  <si>
    <t xml:space="preserve">装备合成的要求用4等材料合成的几率很高吗,如果装备合成要求一等材 </t>
  </si>
  <si>
    <t>一等材料是低等的，四等材料才是高等的。四等材料合成的几率算是最高的了。</t>
  </si>
  <si>
    <t xml:space="preserve">90力水武器问价90力水武器。必30%连30%TS1900粉12 </t>
  </si>
  <si>
    <t>至少4.8卡，就是至少2800*4.8=13440W  才卖</t>
  </si>
  <si>
    <t xml:space="preserve">雷锋笔记，我想找一下，就是人家做好事，从不留名，可人家的笔记上面? </t>
  </si>
  <si>
    <t>去看雷锋日记。那里面说的非常详细。</t>
  </si>
  <si>
    <t xml:space="preserve">如何和新来的顶头上司相处？我是个２２岁的女孩子，公司最近新招来一 </t>
  </si>
  <si>
    <t>你当然得听新来的领导的工作安排了啊,不管她的能力是不是比你强,不要越权哟.什么事找她汇报吧.做好日常工作记录吧.你得尊重她.建议你看一本书&lt;&lt;没有任何借口&gt;&gt;,她安排的工作你就执行吧,要培养自己的工作执行力.多看看书,会对你有帮助的.别老是觉得你自己是大材小用了.</t>
  </si>
  <si>
    <t xml:space="preserve">老年人摆摊能行吗？我爷爷退休了，没什么事情做，但是他又是个闲不住 </t>
  </si>
  <si>
    <t xml:space="preserve">您爷爷还挺可爱的，没什么关系，大街上不是有很多老人在摆摊吗，我就认识一个老头，开了个修理铺，人家说自己不图钱，就图个乐呵，呵呵，不过我觉得，他要是挣了钱会更有成就感的，你不妨为他买本《当代摆摊掘金术》，从天涯问答上可以搜索到网址，让他有空了就去琢磨吧，消磨时间也好啊 </t>
  </si>
  <si>
    <t xml:space="preserve">怎样把本地电脑上（自己录制的）视频上传到QQ空间或者网易博客？我 </t>
  </si>
  <si>
    <t>在文件扩展后随便加几字，上传后再去掉那几字就OK了，昨天学习到的，祝你成功！</t>
  </si>
  <si>
    <t xml:space="preserve">女孩子补水一般用的都是神马化妆品啊？ </t>
  </si>
  <si>
    <t>补水的话，1.采用天然的补水 2.水资源一定纯净并有矿物质  你可以选择珀莱雅的海洋凝皙无瑕修颜霜，能够有效地补水，水资源全都来自海洋深层水，让你的肌肤永葆水活力，最近珀莱雅在做一个漂流瓶的活动，可以去参加看看！</t>
  </si>
  <si>
    <t xml:space="preserve">人参的功效听说人参能补一切之虚，是否适合所有的人服用？阴虚火旺体 </t>
  </si>
  <si>
    <t xml:space="preserve">   人参的功效:能够大补元气，固脱生津，安神。治劳伤虚损，食少，倦怠，反胃吐食，大便滑泄，虚咳喘促，自汗暴脱，惊悸，健忘，眩晕头痛，阳痿，尿频，消渴，妇女崩漏，小儿慢惊，及久虚不复，一切气血津液不足之证。    但是，它并不是适合所有的人服用的。实证、热证（包括阴虚火旺）的人就不宜忌服。</t>
  </si>
  <si>
    <t xml:space="preserve">一道数学题已知三角形ABC中，AB=AC，角A=20度，角CBE </t>
  </si>
  <si>
    <t>70度 。 设角DEB=α,设角EDC=β.根据正弦定理sinα/BD=sin(β+∠BDE)/BEsin∠ACB/BE=sin∠BEC/BC;所以BC/BE=sin∠BEC/sin∠ACB因为∠BCD=50 ,∠DBC=80 所以∠BDC=50,BD=BCsinα/BD=sin(β+∠BDE)/BE=sinα/BC所以sin40/BD=sin80/BE,sinα/sin40=sin(160-α)/sin80可化解为cotα=(2cos40-cos20)/sin20=(cos30cos10-3sin30sin10)/(sin30cos10-cos30sin10)＝(√ˉ3/2cos10-3sin10)/(1/2cos10-√ˉ3/2sin10)=√ˉ3*(1/2cos10-√ˉ3sin10)/(1/2cos10-√ˉ3sin10)=√ˉ3tanα=1/√ˉ3=√ˉ3/3α=30所以∠DEC=∠α+40=30+40+70度</t>
  </si>
  <si>
    <t xml:space="preserve">我病了，怎么办？我前天全身没力气，头晕，去医院检查说我可能只是感 </t>
  </si>
  <si>
    <t>上医院，找医生你不会这么笨吧！</t>
  </si>
  <si>
    <t xml:space="preserve">费用报销冲借支后借支单还可要回吗我借了10000元.费用报销80 </t>
  </si>
  <si>
    <t>会计说得对,借支单不能退回,因为你原先借的款10000元,已 经做帐了,所以不能退回,如果当天借当天报销结还可以,隔天就不行了,出纳日记帐已记入帐了.就只能叫出纳开现金收据了.</t>
  </si>
  <si>
    <t xml:space="preserve">五个月大的孩子照过X光是否有影响？我老婆曾经出过一次车祸，住院期 </t>
  </si>
  <si>
    <t>应当没大问题。如果有问题早该出现症状了。再说，即使出了问题也不一定是那次照X光引起的。</t>
  </si>
  <si>
    <t xml:space="preserve">10万以内家用车老师您好！请帮我参考一下，家用车，5口之家，10 </t>
  </si>
  <si>
    <t>应该坚持质量优异，技术先进和比较省油的原则，建议你重点考虑选择长安铃木SX4。</t>
  </si>
  <si>
    <t xml:space="preserve">100区什么时候开啊大虾们什么时候开100区啊？会和99一同开吗 </t>
  </si>
  <si>
    <t>这个很难说,新区一般都是电信的多,因为老区大部分是网通或双线的,按以前的经验应该还要等一个月,10月1以前差不多,应该不收费的,只有88区才收费</t>
  </si>
  <si>
    <t xml:space="preserve">anexperiencedhand如何翻译?其中的hand又如何 </t>
  </si>
  <si>
    <t>就是熟语的"老手",也就是有经验的人,这里的HAND可以直接翻译成手即可.但是由于直接翻译变成了:有经验的手,所以按照中国的话来说就是"老手"</t>
  </si>
  <si>
    <t xml:space="preserve">就是内存是1G的在我的电脑显示1G我想改成显示2G怎么改 </t>
  </si>
  <si>
    <t xml:space="preserve">内存（物理内存）是硬件，买来是多大就是多大！改不了的。如果是虚拟内存，它是从硬盘上划分的，在硬盘剩余容量的范围内改变其大小！ </t>
  </si>
  <si>
    <t xml:space="preserve">这两个手表哪个好啊在同等价格,卡西欧和欧米加这两款手表哪个好呢? </t>
  </si>
  <si>
    <t>这两种表不能做比较的,它们相差太远.本人见到的欧米茄表大概价格在7000---30000元之间.的价格在700---1000元之间.以下面的两种表可以看出它们的差距.品牌 欧米茄 OMEGA (下左图)型号 hk261 材料  表带  皮带 表壳  18K金 表盘颜色 黑 类型 机械表 防水 100m防水 尺寸 直径 39 mm 表镜 蓝宝石水晶 规格 日历 / 时间 品质 全新 附品 纯正包装盒子ˇ国际保证书 售后 20天包退换,十年保修(以客户收到手表的时间起计) 价格 16999 元/RMB -----------------------------------------------------------卡西欧ANALOGUE指针系列男表BEM-501D-7AV(下右图)详细描述50米防水；秒表；星期，日期显示。 产品参数·表带：不锈钢·表扣：不锈钢·表盘：矿物玻璃·材质：不锈钢·产地：中国·动力：石英·防水：100米防水·规格：表带长度240mm,表外壳厚度11mm,表盘外径40mm,内径34mm,表带宽18mm.·机芯：日本机芯·系列：采用了欧洲流行的大表盘玻璃设计，扇形小表盘可显示星期，另外两个圆形小表盘内分别为秒针和秒表的分钟计时。此外，真皮表带加金属表扣，方便佩戴。·颜色：黑色</t>
  </si>
  <si>
    <t xml:space="preserve">大学的工科专业,如电气，机械，土木等哪些难学？哪些易学？我以前是? </t>
  </si>
  <si>
    <t>都要用上数学，一个字：难。你是学文科的，两个字：更难。我是学电子的，我希望我下辈子学文。</t>
  </si>
  <si>
    <t xml:space="preserve">脖子中间靠咽喉处两侧有点不适！患者年龄:32患者性别:男病情描述 </t>
  </si>
  <si>
    <t>有可能是引起了扁桃体发炎或淋巴结发炎，要多喝水，还要配合吃点消炎药。用“猫耳草”泡水喝很见效，但你们那不知道有没有。有咽炎的话平常可以用胖大海泡水喝或含服西瓜霜片。</t>
  </si>
  <si>
    <t xml:space="preserve">抢救人员发现她的时候，她已经死了，是被垮塌下来的房子压死的，透过? </t>
  </si>
  <si>
    <t>母爱是天下最伟大，最无私的爱，向这位伟大的母亲默哀，愿她在天堂能够放心，她用生命保护下来的宝贝会在共和国快乐的成长</t>
  </si>
  <si>
    <t xml:space="preserve">爱问团队有何用? </t>
  </si>
  <si>
    <t xml:space="preserve">加入团队，积分轻松翻倍！ 以个人名义，成功提交回答时，积分+ 3 而以团队名义，成功提交回答时，积分+再+！ 3 同样，如果是个人名义提交提问中的第一个回答，积分+ 3 而以团队名义提交，积分+再+ 3 </t>
  </si>
  <si>
    <t xml:space="preserve">帮帮看看我的问题我的男朋友JJ上面长了一个像小猴子似的东西，不疼 </t>
  </si>
  <si>
    <t>那是阴茎丘疹病，本病没有特效治疗方法，也不需要治疗。患有本症的人最重要的是认识这个疾病，从恐惧和忧虑中解脱出来。本病对健康和阴茎的生理功能没有任何影响，不需要治疗。参考文章：珍珠状阴茎丘疹病</t>
  </si>
  <si>
    <t xml:space="preserve">关于2008年新劳动法，有什么值得注意的，与以往的有何不同 </t>
  </si>
  <si>
    <t xml:space="preserve">建议你参考一下这个《新法和旧劳动法的区别对比》，这是最新整理出来的，这些案例都很有代表性，覆盖面广，解答清楚到位，很不错。免费下载地址：  更多相关问题和资料下载，进入我的BLOG：  </t>
  </si>
  <si>
    <t xml:space="preserve">这算强奸吗？若女孩子和一个男孩子接触后，她同意到他家里，然后他摸 </t>
  </si>
  <si>
    <t>这个问题比较复杂，要看具体情况。若是他们之间是恋爱关系，双方互生爱慕，在当时的情形下，男方误认为女方（前提是女方已满14周岁）是同意的。按照我国刑法第236条的规定以暴力、胁迫或者其他手段强奸妇女的，处三年以上十年以下有期徒刑。　　奸淫不满十四周岁的幼女的，以强奸论，从重处罚。　　强奸妇女、奸淫幼女，有下列情形之一的，处十年以上有期徒刑、无期徒刑或者死刑：　　（一）强奸妇女、奸淫幼女情节恶劣的；　　（二）强奸妇女、奸淫幼女多人的；　　（三）在公共场所当众强奸妇女的；　　（四）二人以上轮奸的；　　（五）致使被害人重伤、死亡或者造成其他严重后果的。强奸要以236条规定的手段实施强奸行为，本案中男方对女方的行为误以为是半推半就的行为，不构成强奸罪实施主体对强奸行为的认识，不构成强奸。</t>
  </si>
  <si>
    <t xml:space="preserve">拜仁上半场不能扳平就别指望胜利了个人意见，看上半场场面这那是受让 </t>
  </si>
  <si>
    <t>拜仁现在好可怜啊，跟AC有点像，没有里贝里助阵好惨啊</t>
  </si>
  <si>
    <t xml:space="preserve">刷卡？去店里购物刷卡，收银员连刷了2次，来了2条短信，跟店里去说 </t>
  </si>
  <si>
    <t>刷重了，可以找银行退款，做反交易就行了，很正常的业务</t>
  </si>
  <si>
    <t xml:space="preserve">假设汽车油箱里重加油口进10CM大小的异物该怎么取出?有检测的地? </t>
  </si>
  <si>
    <t>如果真的有异物掉加油口里了，由于从加油口到油箱的管子有防倾漏设计，通常是不会直接掉落到下面油箱的，只有拆卸加油管来处理异物了；确认是打火机掉进，是采用电石打火的，应该没关系的；是压电陶瓷打火的，就难说了。</t>
  </si>
  <si>
    <t xml:space="preserve">银行业课题研究报告范文什么地方能够找到银监会或人民银行针对某课题 </t>
  </si>
  <si>
    <t>中国人民银行金融研究所或研究局定期出版的&lt;金融研究&gt;刊物.</t>
  </si>
  <si>
    <t xml:space="preserve">我该这样决定吗？大家帮帮忙！我在一家很大的单位上班，追求同一个单 </t>
  </si>
  <si>
    <t>做人要坦坦荡荡!一定要问清楚啊,要不然不明不白!不问就放弃显得你肤浅，半途而费，而且如果她喜欢你只是有其他原因，那你不是要后悔了！问吧，我支持你！！</t>
  </si>
  <si>
    <t xml:space="preserve">请问一下,下面这句日语是什么意思??らぶデスセクティービーチ全种? </t>
  </si>
  <si>
    <t xml:space="preserve">爱（らぶデス）， 这是日本的饭后茶余公司（teatime社）设计制作的一种可以简单地依靠鼠标的操作来完成自娱自乐的成人电脑动画软件。所列的词语均属于日本鬼子滥造的、比较牵强的片假名，这样的东西最难翻译了，不学也罢，我也没有花时间去查。你自己领悟一下吧。  全6キャラ 计7种类 </t>
  </si>
  <si>
    <t xml:space="preserve">qq被盗之后怎么处理电脑里残留的病毒？朋友的qq号被盗，当时是一 </t>
  </si>
  <si>
    <t>前几天有网友问过类似的问题,照下面的方法都解决了:)你试试看!此类病毒专杀工具下载: 下载后先升级(免费升级)看是不是最新版本然后执行每一步的"确定"操作即可,杀毒操作过程中一律选择"清除"另外,该工具里的"免疫"功能很管用,可以有效保护系统,建议全选执行.不明白的地方再找我,呵呵</t>
  </si>
  <si>
    <t xml:space="preserve">求救，我该怎么办！大家好，我是个14岁的女孩现在上高中了，但是最 </t>
  </si>
  <si>
    <t>很明显他不怀好意，快告诉妈妈，不然事情发生了不但你后悔你妈妈也会责备自己一辈子的，最好的方法就是想告诉妈妈，如果可以还是去寄宿学校住，妈妈在家你就回来否则决不可以和他单独呆在家里。要回家也一定要确保妈妈在家亚，小心一些，不要在家穿得报漏，穿得越紧越厚越多嘴安全。  祝你好运，不要让悲惨的事发生呀！！</t>
  </si>
  <si>
    <t xml:space="preserve">龙有几的儿子？据说龙有十个儿子？问题是那十个。 </t>
  </si>
  <si>
    <t xml:space="preserve">龙有九子1，赑??音毕喜),最喜欢背负重物2，鴟吻(音吃吻),最喜欢四处眺望3，?餮(音滔帖),最贪吃，能吃能喝4，睚眦(音牙自),嗜杀喜斗5，狴犴(音毕岸),最憎恶犯罪的人6，狻猊(音酸泥),性好烟火7，趴蝮(音八夏)，位于桥边的最喜欢水8，椒图,最反感别人进入它的巢穴9，蒲牢,最喜欢和吼叫下面为其他资料中的记载，略有不同： 　　龙生九子古时民间有“龙生九子，不成龙，各有所好”的传说。但九子是什么，说法也不同。《中国吉祥图说》谓：九子之老大叫囚牛，喜音乐，蹲立于琴头；老二叫睚眦(ya zi)，嗜杀喜斗，刻镂于刀环、剑柄吞口；老三叫嘲风，平生好险，今殿角走兽是其遗像；四子蒲牢，受击就大声吼叫，充作洪钟提梁的兽钮，助其鸣声远扬；五子狻猊(suan ni)，形如狮，喜烟好坐，倚立于香炉足上，随之吞烟吐雾；六子霸下，又名XX(bi xi)，似龟有齿，喜欢负重，碑下龟是也；七子狴犴(bi gan)，形似虎好讼，狱门或官衙正堂两侧有其像；八子负质，身似龙，雅好斯文，盘绕在石碑头顶；老九螭(chi)吻，又名鸱尾或鸱(chi)吻，口润嗓粗而好吞，遂成殿脊两端的吞脊兽，取其灭火消灾。　　《诸神由来》一书说《升庵外集》记载龙之九子是：品质，形似龟好负重，即碑下龟；螭吻，形似兽，性好望，站屋脊；饕餮，好食，立鼎盖；蚣蝮，好立，站桥柱；椒图，似螺蚌，性好闭，立于门首；金猊，形似狮，好烟火，立于香炉；再加上蒲牢、狴犴、睚眦三个，恰为龙之九子。 </t>
  </si>
  <si>
    <t xml:space="preserve">D的春天什么时候来?我是五区寒霜皇冠的D本人玩了2个D了(闲的慌 </t>
  </si>
  <si>
    <t>当激活成为技能，不在束缚德们的时候开始，德已经迎来了春天。除了大型RAID最好加出来自然迅捷外，其他怎么加天赋已经不再像以前那么严格。比起还在痛苦中煎熬的牧师萨满们德要好好享受春天的气息</t>
  </si>
  <si>
    <t xml:space="preserve">比尔·盖茨的个人资料？身高、体重、血统？ </t>
  </si>
  <si>
    <t>比尔-盖茨是微软公司主席和首席设计师。微软公司在个人计算和商业计算软件、服务和互联网技术方面都是全球范围内的领导者。在2002年6月截止的上个财年，微软公司的收入达283.7亿美元，在78 个国家和地区开展业务，全球的员工总数超过50,000人。 　　盖茨出生于1955年10月28日，和两个姐姐一块在西雅图长大。他们的父亲，William H. Gates II，是西雅图的律师。他的继母，Mary Gates，是学校教师，华盛顿大学的董事以及United Way International的主席。　　盖茨曾就读于在西雅图的公立小学和私立的湖滨中学。在那里，他发现了他在软件方面的兴趣并且在13岁时开始了计算机编程。　　1973年,盖茨考进了哈佛大学.在和现在微软的首席执行官史蒂夫·鲍尔默结成了好朋友。在哈佛的时候，盖茨为第一台微型计算机–MITS Altair开发了BASIC编程语言的一个版本。　　在大学三年级的时候，盖茨离开了哈佛并把全部精力投入到他与孩提时代的好友Paul Allen在1975年创建的微软公司中。在计算机将成为每个家庭、每个办公室中最重要的工具这样信念的引导下，他们开始为个人计算机开发软件。盖茨的远见卓识以及他对个人计算的先见之明成为微软和软件产业成功的关键。在盖茨的领导下，微软持续地发展改进软件技术，使软件更加易用，更省钱和更富于乐趣。公司致力于长期的发展，从目前每财年超过50亿美元的研究开发经费就可看出这一点。　　1999年,盖茨纂写了《未来时速》一书，向人们展示了计算机技术是如何以崭新的方式来解决商业问题的。这本书在超过60个国家以25种语言出版。《未来时速》赢得了广泛的赞誉，并被《纽约时报》、《今日美国》、《华尔街日报》和 列为畅销书。盖茨的上一本书，于1995年出版的《The Road Ahead》(未来之路)，曾经连续七周名列《纽约时报》畅销书排行榜的榜首。　　盖茨把两本书的全部收入捐献给了非赢利组织以支持利用科技进行教育和技能培训。　　除了对计算机和软件的热爱之外，盖茨对生物技术也很有兴趣。他是ICOS公司董事会的一员，这是一家专注于蛋白质基体及小分子疗法的公司。他也是很多其它生物技术公司的投资人。盖茨还成立了Corbis公司,它正在研究开发世界最大的可视信息资源之一–来自于全球公共收藏和私人收藏的艺术及摄影作品综合数字档案。此外，盖茨还和移动电话先锋Craig McCaw一起投资于Teledesic。这是一个雄心勃勃的计划，计划使用几百个低轨道卫星来提供覆盖全世界的双向宽带电讯服务。　　对于盖茨来说，慈善事业也是非常重要的。他和他的妻子Melinda已经捐赠了超过240亿美元建立了一个基金，支持在全球医疗健康和教育领域的慈善事业，希望随着人类进入21世纪，这些关键领域的科技进步能使全人类都受益。到今天为止，盖茨和他的妻子Melinda Gates建立的基金已经将25多亿美元用于了全球的健康事业，将14亿多美元用于改善人们的学习条件，其中包括为盖茨图书馆购置计算机设备、为美国和加拿大的低收入社区的公共图书馆提供互联网培训和互联网访问服务。此外将超过2.6亿美元用于西北太平洋地区的社区项目建设，将超过3.8亿美元用在一些特殊项目和每年的礼物发放活动上。　　盖茨和Melinda French Gates于1994年1月1日结婚。他们有三个孩子。盖茨热爱读书，喜欢打高尔夫球和桥牌</t>
  </si>
  <si>
    <t xml:space="preserve">我要争取还是放弃？我爱上一个男孩，他曾经爱过一个女孩并且现在还爱 </t>
  </si>
  <si>
    <t>当然是争取了，不管怎样你也不知道他是不是不喜欢你呀，试一哦试也无仿呀，要是他喜欢你你不是错过了吗，他要是不喜欢你不也没是呀，你可以放心追求你自己喜欢的呀，</t>
  </si>
  <si>
    <t xml:space="preserve">电脑听不到声音放什么东西都没声音，但在声音语音音频设备里的音效管 </t>
  </si>
  <si>
    <t>我的电脑右键打开属性,硬件--设备管理器--声卡(intel(r)82801ba/bamac97` audio controller)看有没有(也许是别的型号)问号或感叹号.没有就重新安装驱动,有的话就先卸载,然后再安装.</t>
  </si>
  <si>
    <t xml:space="preserve">如何在首页导航栏添加文字，并且带有ULR连接？意思就是，在导航栏 </t>
  </si>
  <si>
    <t xml:space="preserve">很简单，写上名称，然后加上链接就可以了具体可以参考我的文章河?|☆河西 在这篇日志里 Blog源代码一网打尽,还有5篇续文,共六篇希望能对你有所帮助。 </t>
  </si>
  <si>
    <t xml:space="preserve">嗨!大家好我是小犬蠢一螂,又和大家见面了!请多关照,要顶哦!(二? </t>
  </si>
  <si>
    <t>够他恶心一辈子的！好啊！</t>
  </si>
  <si>
    <t xml:space="preserve">男朋友出差在外,可以发什么短信以表示关心呢他出差在外还要加班,也 </t>
  </si>
  <si>
    <t>发一些什么工作辛苦了，要注意身体什么的，不要太累了之类的．记得要说，我在这边想着你，你的身体对我很重要等等，但发一个就够，不要多，恰到好处，觉的你很关心他，还不烦着他工作</t>
  </si>
  <si>
    <t xml:space="preserve">如何快速有效戒烟 </t>
  </si>
  <si>
    <t>戒烟是一个大众化的问题，也是一个难题，很多人戒了又抽，抽了又戒，反反复复戒不了。其实任何事情就是恒心与毅力的事，只要认清吸烟的危害，下定决心，没有戒不了的。</t>
  </si>
  <si>
    <t xml:space="preserve">清明烧纸如何确认死者收到？我从小爱玩火，清明主动负责烧纸钱，不知 </t>
  </si>
  <si>
    <t>恩，我们那边是看看纸烧的灰有没有往天上飞，如果飞上去了，就表示已经收到了。</t>
  </si>
  <si>
    <t xml:space="preserve">想去闸坡玩两天[嘻嘻]闸坡有什么好玩的？有特色的？好吃的？[委屈? </t>
  </si>
  <si>
    <t>有海啊，马尾岛、十里银滩很多啊，特色就是海鲜啦。闸坡大角湾的景色和沙滩在广东的沙滩最好的，还有马尾岛可以看日出和日落、还有南海一号的十里银滩，很多餐厅都有海鲜和当地小食，钱大妈的海鲜店在当地很出名的，闸坡蓝波湾酒店挺好的，前面就是大海，这些都是建议、还是靠你自己实地考察一下啊，下次自己就知道那里好了</t>
  </si>
  <si>
    <t xml:space="preserve">请问买卖交割单的历吏记录可以删除吗？在联合开户的，买卖交割单的历 </t>
  </si>
  <si>
    <t>历史记录的删除不是你掌握的。是证券公司掌握的。看来要删除历史记录是没有什么好办法了。。。</t>
  </si>
  <si>
    <t xml:space="preserve">目前一共有多少家A+H的上市公司？ </t>
  </si>
  <si>
    <t>目前A+H的上市公司：</t>
  </si>
  <si>
    <t xml:space="preserve">洁面后依次使用什么护肤品 </t>
  </si>
  <si>
    <t>早：清洁--爽肤水--霜或乳液--防晒晚：清洁--爽肤水--面膜（我都用自制简单的）—-霜或乳液（晚上我不喜欢用厚重的霜，感觉不透气）</t>
  </si>
  <si>
    <t xml:space="preserve">胸腔积液的症状 </t>
  </si>
  <si>
    <t>胸腔积液症状与治疗症状：呼吸困难是最常见的症状，可伴有胸痛和咳嗽。病因不同。症状有所差别。1.积极防治原发病胸腔积液为胸部或全身疾患的一部分因此积极防治原发病是预防本病的关键2.增强体质提高抗病能力，积极参加各种适宜的体育锻炼。如太极拳太极剑气功等以增强体质提高抗病能力治疗：如果积液少的话也没有什么特殊处理，靠自身能力吸收，不放心可用中医苗药消积化饮方助吸收。如果多的话那就要做一个小的手术，给予胸腔闭式引流术，把胸腔里的东西引流出来，不过可能会再次出现积液。</t>
  </si>
  <si>
    <t xml:space="preserve">儿童生长疼是怎么回事，该怎么办才好呢我女儿今年才4岁，昨天晚上说 </t>
  </si>
  <si>
    <t>你好！ 这一般是由缺少微量元素造成的，由于孩子成长比较快，只要保证正常饮食，多吃含钙量丰富的食品，钙源是足够的。有生长痛这个问题。我的孩子也经历过。但是要到医院检查确定不是由于其他原因引起的，那就是生长痛了。但是我们平时的饭食不能达到他成长的需要，可以补充一下微量元素，通过血液测量微量元素，比较准确反映孩子是否缺钙。孩子补钙关键是吸收，所以两岁以内建议补充维生素AD，也有专门针对小儿缺钙研制出的钙片，例如体恒健钙之缘片，这些钙片富含维生素D，以促进钙的吸收。</t>
  </si>
  <si>
    <t xml:space="preserve">怎样将文件的打开方式改为未知应用程序？ </t>
  </si>
  <si>
    <t xml:space="preserve">如果你是希望将文件关联到其他软件，可以右击文件，在打开方式窗口进行选择。如果你同时选中了“始终使用该程序打开这种类型的文件”，以后将更改其默认的打开方式。如果右键菜单中没有“打开方式”选项，可以选中该文件后，按着Shift键的同时右击即可看到“打开方式”。 </t>
  </si>
  <si>
    <t xml:space="preserve">摄像头视频组件启动成功，为什么没有图像？0分我的摄像头视频组件启 </t>
  </si>
  <si>
    <t>我的视频前几天也出现过这个问题,但第二天就好了,有可能是网络数据传输的问题.</t>
  </si>
  <si>
    <t xml:space="preserve">网吧不准安装软件。。。在一个大网吧我下载迅雷安装却安装不了还说受 </t>
  </si>
  <si>
    <t xml:space="preserve">    上面去找</t>
  </si>
  <si>
    <t xml:space="preserve">(花卉)植物吃土是怎么回事?植物吃土是怎么回事?植物养了几年后换 </t>
  </si>
  <si>
    <t>植物并不吃土，养了几年后换发现根多了土少，是因为植物不断生长把土挤走了，不过由于这个过程很长久，平时没注意到而已，有些根系生长十分迅速的花卉，是能看到根挤土现象的，如吊兰就能看土，盆中的土会变满起来。</t>
  </si>
  <si>
    <t xml:space="preserve">午睡多梦我是一名高三学生午睡在学校宿舍睡一般中午会做作业到一点半 </t>
  </si>
  <si>
    <t>很多人都以为是做梦才会觉得很疲劳。。其实相反的。。是你累了才会做梦。。简单说就是其实你的午睡时间不够睡眠质量不够好。。我建议你可以换一下其他的方式。。高三的同学面临高考各方面都会产生压力这很正常。。你可以试着晚上睡眠时间保证充足。。把午睡换成一个放松的时间。。比如说看一本喜欢的书或者听音乐放松一下。。至于说梦境的内容呢你大可不必太在意。。因为根据潜意识学说梦境就是我们潜意识的内容。。潜意识的内容本来就是你不愿想起或者害怕或者是渴望的事。你的大脑在保护你，让你感觉不到。。所以你对梦境会产生恐惧非常正常。。简单地说就是放弃那种不质量的睡眠用更加轻松的方式才是更为科学合理的。。如果你还有其他的咨询需要可以直接私信我</t>
  </si>
  <si>
    <t xml:space="preserve">如何避免来牌输？我来牌经常输,如何避免这种情况?问题是我打牌时间 </t>
  </si>
  <si>
    <t>牌艺不精,事物都有一定的诀窍和技巧.要赢就要下工夫.牌是有数的,而变化是无穷的.而变化又是有一定范围的.只要研究透了就会多赢少输.记不住牌的时候就退出.</t>
  </si>
  <si>
    <t xml:space="preserve">我女儿晚上睡觉总是翻来翻去睡得不安稳而且要踢被子请问是什么原因我 </t>
  </si>
  <si>
    <t>也可能跟上火有关系。但是10个月大的孩子热也要盖好。上火也比着凉好。</t>
  </si>
  <si>
    <t xml:space="preserve">罪案现场8的全攻略！！！！！ </t>
  </si>
  <si>
    <t xml:space="preserve"> 先点吹风机,点两次后点吸烟的老人,他会爬上去按动电钮,点旁边的门会出来一个老人,扔下一个纸片,点那只鸟,它会叼起那张纸片把纸片上的符号向右旋转90度后输入在机关上,点你自己,把吊车钩放回去,点你自己.通关       </t>
  </si>
  <si>
    <t xml:space="preserve">求空竹的资料，空竹历史、种类、辨别、价格、购买地等等 </t>
  </si>
  <si>
    <t>1 抖空竹在我国有着悠久的历史，早在三国时期，曹植写过一首诗《空竹赋》；宋朝时期，宋江写过一首七言四句诗："一声低来一声高，嘹亮声音透碧宵，空有许多雄气力，无人提挈漫徒劳。"；明代刘侗、于奕正在《帝京景物略》卷二中记述了空钟（空竹）的制作方法及玩法。清代坐观老人在《清代野记》中写到："京师儿童玩具，有所谓空钟者，即外省之地铃。两头以竹筒为之，中贯以柱，以绳拉之作声。唯京师(指北京)之空钟，其形圆而扁，加一轴，贯两车轮，其音较外省所制，清越而长。"抖动时姿势多变，使绳索翻花，做出"过桥"、"对扔"、"串绕"、"抢高"等动作，也有以壶盖等器具代替单轴空竹而的。抖空竹的技巧颇多，有"仙人跳"、"鸡上架"、"放捻转"、"满天飞"等诸般名目。抖空竹是我国汉族民间传统的杂艺游戏活动，流行全国各地，尤其北方为盛行。2 从目前空竹的结构、规格、功能以及原材料有所不同，其分类如下：    (一)按空竹的结构来分，其种类如下：      1、单头空竹--一个轴连接一个发声轮；      2、双头空竹--在一个轴的两端各连接一个发声轮；      3、双轴空竹--在发声轮的中心两侧各连接一个轴；      4、楼子空竹--无论是单头空竹、双头空竹或是双轴空竹，凡是连接多个发声轮(2个以上)，均为楼子空竹，如：单轴楼子(目前最多加到九层)；双头楼子(目前最多加到12层)：双轴楼子(目前最多3层)。      5、地轴空竹--一个发声轮中心贯穿一根棍，另配有一根线绳及-个打孔的竹板。    (二)按规格来分：大小尺寸有几百种规格，其最小的直径才有2公分，最大的可达40公分以上，但经常用的空竹(练习或表演)一般都用10公分至13公分的。过小的空竹可练技巧；过大的空竹可练臂力，练腰劲，练腿劲。     (三)按制作的原材料来分，种类如下：      1、竹木结构空竹：是用粗竹杆裁割与木材相组合成的，这是最传统的做法。其优点：发出来的声音悦耳好听，其缺点；强度差，易损坏。      2、塑钢、塑木结构空竹：由于现代科学技术的发展，利用新材料，如用ABS工程塑料注塑而成，然后再与金属轴或木轴连接，其优点：质量基本一致：使用寿命是竹木结构宁竹的3倍左右。      3、玻璃钢(环氧树脂+玻璃丝布)与木材结构空竹：    其优点：声音宏亮，强度高，韧性好，使用寿命长，一般是竹木结构空竹的3倍至5倍。      4、塑胶+金属结构空竹：是利用橡胶或是改性塑料制成与金属轴连接，其优点：不易损坏，使用寿命更长，但无声(国外生产的)，国内生产的虽然有声但很小(四)按功能来分：      l、练习表演空竹：即是一般规格的空竹。      2、工艺品空竹：具有两种功能，即可以抖着玩，又可以观赏收藏。      3、电子空竹：抖起来即有彩色灯光，又有音乐。北京的王府井应该是有卖的。</t>
  </si>
  <si>
    <t xml:space="preserve">个人对魔力和幻想大陆的评价魔力变成今天这个样子（我也难过）我想最 </t>
  </si>
  <si>
    <t>中国的代理商目光比较短浅.任何一个网游一进入中国.他们都会优先去探索利益的最高点以及成本的最低点.往往因为这些原因.使得他们忽略了游戏的寿命.因为他们无法把目光放得更长远一点.所以就有了道具服这种收费方式.仔细思考一下也不难发现.为什么时长收费运行了几年玩家才开始减少.而道具仅仅几个月就变得和时长差不多了.</t>
  </si>
  <si>
    <t xml:space="preserve">遇到这个情况，裁判应该怎样判罚？当守门员开门球时，后卫（队友）在 </t>
  </si>
  <si>
    <t>应该是守门员重新发球门球</t>
  </si>
  <si>
    <t xml:space="preserve">诛仙2人物头顶的血值和精气值怎么不能设置出来了？？？ </t>
  </si>
  <si>
    <t>诛仙2,任务头上的血条显示.在界面右下角系统-系统设置-界面设置-显示设置-气血显示\真气显示..很简单的..</t>
  </si>
  <si>
    <t xml:space="preserve">为什么丹顶鹤有时候一只脚独立？ </t>
  </si>
  <si>
    <t>是一种休息状态，两只脚轮换站立可以保持休息状态，而且重要的是这种休息状态要比其他鸟类的休息状态（就是一般的卧巢）更有利于逃走，这也是自然选择的结果。如果是脑筋急转弯，那么回答两只脚都缩起来，丹顶鹤就倒了。</t>
  </si>
  <si>
    <t xml:space="preserve">杭州玛莉亚妇产医院就是杭州省妇保院吗 </t>
  </si>
  <si>
    <t>不是的！杭州省妇保是在庆春路和浣纱路交界处，杭州玛莉亚妇产医院应该是私立医院，是在秋涛路上的</t>
  </si>
  <si>
    <t xml:space="preserve">请问90级的请问90级的秘魔灵珠（抗土9%、抗金8%）到底值多少? </t>
  </si>
  <si>
    <t>估计2-3卡吧。5000W左右。</t>
  </si>
  <si>
    <t xml:space="preserve">spss单选和多选是要分开录入吗 </t>
  </si>
  <si>
    <t>您好，需要分开录入。</t>
  </si>
  <si>
    <t xml:space="preserve">多吃鱼有什么好处? </t>
  </si>
  <si>
    <t xml:space="preserve">多食鱼可令你聪明、健康与长寿　现代医学和营养的研究结果表明……多食鱼可令你聪明、健康与长寿,在海鱼的肝油和体油中含有非常宝贵的高度不饱和脂肪酸，是陆地上的动植物所不具有的。这种名叫ＤＨＡ的成分，是大脑所需要的营养物质，可以说从胎儿起，经过婴幼儿以至青少年时期，在整个人的生命活动过程，ＤＨＡ对人的聪明智慧和记忆力思考力都是十分重要的推动力。　　鱼类中含有丰富的高度不饱和脂肪酸对降低血脂有良好的作用。 鱼油中的\'ＤＨＡ与ＥＰＡ" 只存在于海产的鱼类和贝类之中，在陆地上的动物植物界迄今尚未找到它俩的芳踪。至于淡水鱼类体中所含多是１６或１８个碳的不饱和脂肪酸，两者相比，后者自然不免就相形见绌了。在海洋鱼类中，沙丁鱼、鲭鱼、鲐鱼、秋刀鱼、（ｓｈｅｎ〖鱼参〗）鱼、鲑鱼等的鱼油中均是ＤＨＡ与ＥＰＡ的丰富来源，也就是说能常食这些鱼是对健康更为有益的。另外是远在万里之外的南极磷虾，其体内所含的ＥＰＡ更是首屈一指的。　　已经证实，ＤＨＡ是人的大脑脂肪中的主要成分，是大脑营养所不可缺少的高度不饱和脂肪酸，它对于脑细胞，特别是脑的神经传导，和突触的生长发育有重大作用。当缺乏ＤＨＡ时，脑细胞膜的形成会出现故障，并可能引起脑细胞的死亡。脑细胞突触的延伸和新突触的长出，也可能因ＤＨＡ缺乏而受阻，脑细胞的网状组织会被破坏，信息不能顺利传递，对人的智力、记忆、思维能力等一系列活动也难以正常进行。　　此外，最近还有关于对老年人，要注意提供富含ＤＨＡ的鱼类食物或服用鱼油制剂（请注意，此处所指并非通常所用含维生素Ａ、Ｄ的鱼肝油制剂），有助于对老年性痴呆症的防治。　　ＥＰＡ降血脂的优异作用是已被肯定的，能显著降低总胆固醇和甘油三酯，并提高高密度脂蛋白胆固醇水平，且可减少胆固醇及其酯在动脉壁上的沉积。我国生产的浓鱼油降脂丸（含ＥＰＡ及ＤＨＡ７０％以上），不仅对高脂血症患者有良好降脂功效，对抑制血小板聚集及延缓血栓形成也作用显著。这是由于ＥＰＡ可竞争性的抑制血栓素Ａ（，２）的合成及干扰前列腺素的合成，使血小板活性降低。　　含ＤＨＡ和ＥＰＡ的鱼油制剂，国外还有报告可用于治疗哮喘、银屑并高血压、减轻关节压痛、辅助治疗偏头痛等，均收到一定效果。另外有人将鱼油与月见草油制成复方制剂，对降脂降压收效更佳，故被认为可能成为有益于老年健康的抗衰老药剂。　　为此，在人们的日常饮食中，有意识的多进食海洋鱼类，中、老年人还可结合本身的健康情况适量服用含ＤＨＡ和ＥＰＡ的鱼油制剂，是有利于健康与长寿的。 </t>
  </si>
  <si>
    <t xml:space="preserve">请解释“复进口”、“复出口”？？？？？？ </t>
  </si>
  <si>
    <t>复出口（Re-export） 　　复出口是指外国商口进口以后未经加工制造又出口，也称再出口。复出口在很大程度上同经营转口贸易有关。复进口（Re-import）　　复进口是指本国商品输往国外，未经加工又输入国内，也称再进口。复进口多因偶然原因（如出口退货）所造成。</t>
  </si>
  <si>
    <t xml:space="preserve">宝宝十个月了，最近不肯吃，只吃米粥，请问是不是缺锌？该怎么办？怎? </t>
  </si>
  <si>
    <t>你好                         宝宝不好好吃饭不一定是缺微量元素,给孩子补充这些东西要小心.      父母应以正确的方式试用小勺喂食,要有信心,不要紧张,不要性急生气,更不要强迫小儿吃.因为父母的紧张,会影响到小儿,小儿也会紧张.加上小勺比奶头硬,勉强食,会碰痛小儿,形成条件反射,小儿对所有送到嘴边的食物都会发生怀疑,拒绝食用,或者含在口中就是不肯下咽,甚至一看到大人拿着杯碗勺就摇头,表示厌恶地用小手推开.此时若硬喂,他就会大哭大闹,影响了这一餐正常的喂食,对小儿的身心发育将产生不良的影响. 　　正确的方法是,先从少量,每天只喂一次,而且在小儿饥饿时,让他逐渐适应碗勺喂的方式.如果孩子喜欢吃甜食,辅食可以从甜食开始,如果爱吃咸味的,可以稍加少量菜汤,肉汤.这样试喂二,三天,小儿适应了,就可以喂他一餐的全量,还可以变换辅食的种类花样.粥类,面食类,可以加菜泥,肉泥,鱼泥,肝泥,蛋羹等,但需要一定的时间,耐心.通过调换食品,使小儿对辅食感到新奇,增加了对辅食的兴趣,这样坚持一二个星期,小儿会产生一种印象,凡用小碗勺哺喂的辅食都是美味的,他就会高兴接受辅食了.当小儿能接受辅食后,父母应注意提高技术,如做肉泥,菜泥,鱼肝虾泥的粥,面食,小薄面片,龙须面等,也可买多种类型的饼干,蛋糕,面包等变换花样喂,既营养全面又使小儿爱吃.如果孩子实在不适应碗勺喂,也可用筷子夹食稠粥,软饭,一般8个月的孩子见大人用筷子吃饭,会接受筷子喂辅食.总之,父母应有耐心,想方设法培养孩子高兴受食,让他们始终在心情愉快的气氛中用餐.   至于宝宝吃饭不乖,怎么办?许多父母常会发现,一顿饭下来孩子没吃几口,吃饭时不专心,尽管爸妈们用尽了所有的方法威胁利诱,宝宝还是一口饭也不肯吞进嘴里,看在父母的眼中除了生气之外,更多了一些怜惜. 关乎“权利之争”的问题 家中的宝宝不肯在吃饭的时间里乖乖地吃饭,与父母本身的态度有密不可分的关系.“肚子饿了,便想吃饭”这是每个人与生俱来的本能,如果孩子的肚子真的很饿了,就不会有不肯吃饭的问题,因此,宝宝“拒绝吃饭”的理由多数来自想与父母做“权利之争”.由于父母对孩子不肯吃饭的行为不了解及不放心,聪明的孩子们便会抓住父母的弱点,以不吃饭的行为做为与父母交换条件的筹码,欧姿秀老师表示,面对这样的问题父母应该具有：知道孩子的真正需要及理解孩子的行为能力,如此才能正确的因应孩子不肯乖乖吃饭的问题. 父母应该避免的态度 父母除了不要让孩子察觉自己对他不肯吃饭的行为产生担心及焦虑的心态之外,也应该避免出现以下的态度： 1,家中存放过多的零食： 如果孩子无时无刻都在吃零食,一到应该吃饭的时间,孩子自然就吃不下饭,更严重的会造成孩子营养不良. 2,放任孩子边吃边玩： 孩子边吃边玩的结果,便会延长吃饭的时间,等到下一顿吃饭的时刻到了,宝宝却因此而还不饿,当然就不肯乖乖地坐下来吃饭了. 3,不愉快地吃饭时刻： 许多的职业父母在自己赶着去上班或是工作忙碌的时候,便会不自觉地要求宝宝吃快一点,如此便会使孩子对“吃饭”这件事产生不愉快的经验,因而排斥吃饭. 4,以利诱的方式对待： 父母如果以利诱的方式叫孩子吃饭,久而久之,便会让孩子以“吃饭”这件事当作交换条件,造成孩子成就的价值观. 让孩子喜欢吃饭的秘诀 1,大人本身养成正确的饮食习惯 “言教不如身教”.小孩子的模仿能力极强,如果大人们本身的饮食习惯不正常,或者常常随便以零食裹腹,自然没有理由去要求孩子遵守定时吃饭习惯. 2,固定的开饭时刻 尽量做到吃饭的时间一到,全家人一同在餐桌上用餐的习惯,并规定孩子须吃完自己的那一份餐,如果孩子不吃完,就算他等一下饿了,也不要再给他任何零食,久而久之,孩子便会养成定时,定量的习惯. 3,减少正餐之外的食物 虽然零食的给予有其必要性,然而却不可过量,尤其垃圾食物尽量不要给予,才能避免孩子因多吃了一些零食,造成“本末倒置”吃不下正餐. 4,促进孩子的食欲 孩子肚子不饿当然吃不下饭,若父母只一味地强迫孩子进食,反而会造成反效果,试着促进孩子的食欲,如：增加他的活动量,他的肚子真正感到饿了,自然不会抗拒吃饭. 5,选购孩子喜爱的餐具 孩子都喜欢拥有属于自己独有的东西,替孩子买一些图案可爱的餐具,可提高孩子用餐的欲望,如能与孩子一起选购更能达到好效果. 6,多花心思在菜色上做变化 在饮食均衡的条件下,父母可以多种类的食物取代平日所吃单纯的米饭,面条.例如：有时以马铃薯当成主菜,再配上一些蔬菜,也能拥有一顿既营养又丰盛的餐点. 7,让孩子参与做饭的过程 例如：上市场买菜,帮忙提回家,一起清洗水果……等等,甚至可询问孩子的意见,请孩子协助您一起做饭,孩子不但能有参与感,同时也能因而了解做一道菜之前的每样步骤,进而更喜爱吃饭这件事. 8,为吃饭增添趣味性 在喂孩子吃饭时,加入一些轻松,活泼的语气,让吃饭不再只是吃饭而已,将吃饭时刻与方式变成有趣的事情.其实在宝宝的成长过程中会碰到很多问题的,关键在于如何解决,不要随意的根据自己或宝宝的需要而改变什么. 巧治小儿积食消化不良食欲不振的方法有哪些? 1,酸牛奶.先将牛奶加5~10％蔗糖煮沸消毒,待奶液冷却后,徐徐滴入乳酸液（按每100毫升牛奶加5％的乳酸液5毫升）,边加边搅,使成细颗粒状即成.酸牛奶易于消化,适用于胃肠炎的患儿. 2,脱脂奶.将牛奶煮沸,待冷却后除去脂肪膜,再煮沸余乳,再冷却后去脂肪膜,如此反复3次即可.脱脂奶适用于呕吐,腹泻,痢疾等患儿. 3,炒奶糕.将奶糕炒至淡黄色,炒后淀粉变为炭化糊精,可吸收水分.有止泻和帮助消化的作用. 4,焦米汤.将大米洗干净,晾至半干炒成焦黄色,100毫升水中加炒焦米6克,用文火煮1小时,过滤去渣,再加0.4％的食盐煮沸后即可.焦米汤中淀粉变成糊精,易于消化.适用于严重腹泻及消化不良的患儿. 5,胡萝卜汁.先用胡萝卜500克,洗净捣碎,加入少许水煮10~15分钟,用纱布过滤,加水至1000毫升,再加3~5％的蔗糖煮沸倒入瓶中,煮5~10分钟消毒后饮用. 6,苹果泥汤.取熟透苹果500~700克,洗净后捣成泥状,放入淡茶水中.苹果纤维较细,对肠道的刺激小,并富含碱性及果胶,有吸附,收敛作用,适用于1岁以上的腹泻患儿. 7,淡茶水.取红茶少许用开水冲泡,每日4次,因茶内含咖啡因,鞣酸等,具有兴奋,强心,利尿,收敛,杀菌,消炎等作用,对急性胃肠炎有疗效.以上几点仅供参考,其实孩子在在成长过程中会碰到很多类似的问题,让我们一起探讨吧,祝宝宝健康快乐!</t>
  </si>
  <si>
    <t xml:space="preserve">项目管理是怎么回事？项目管理的定义是什么？项目管理采取何种方式开 </t>
  </si>
  <si>
    <t>项目管理就是把各种知识、技能、手段和技术应用于项目之中以达到项目的要求。项目管理是通过应用和综合诸如启动、规划、实施、监控和收尾等项目管理过程来进行的。    项目管理本身的基本内容包括项目整体规划和管理、项目范围管理、项目时间管理、项目费用管理、项目质量管理、项目人力资源管理、项目沟通管理、项目风险管理、项目采购管理等等。    效胜人力资源网基于“致力于做中国人力资源管理和开发事业的推动器”的宗旨，秉承我们一贯坚持的“实战第一、与客户共同制定完整的解决方案”的业务定位，通过任何可以借用的手段和技术、技能、尤其是IT时代的管理信息系统技术将企业运营系统的运作效率做最大化的提升，其实也就是将人力的效应和效率通过技术手段实现最大化。我们遵循”咨询调研+结构流程编制+编程+培训辅导+试运行+修正+维护“的基本模式来操作项目咨询业务，其中服务内容可以根据客户的需求做调整。    我们为企业客户提供人力资源管理与开发、企业系统运营、企业管理信息系统三大领域的项目咨询和系统集成软件开发服务，我们的优势在于：我们的顾问团队无一例外的都是著名企业的在职高管，掌握实战一线的最新资讯和实战要义；我们拥有20多家协作的软件和系统集成开发企业与我们并肩战斗，在企业管理的各个功能模块开发的专业深度和项目进程控制上的优势是任何一个单独的咨询机构或者软件开发企业所无法比拟的。我们的这个特点对国内正在高速成长的民营企业非常具有适用性、文化兼容性和速率优势。</t>
  </si>
  <si>
    <t xml:space="preserve">大学生毕业后婚迁的问题大学生毕业时发的户口迁移证是指把户口想迁哪 </t>
  </si>
  <si>
    <t>大学生毕业时发的户口迁移证，通常是随派遣证一起办理的，即派遣到哪里，户口就迁往哪里。现在的情况有所不同，派遣地有时会不接收户口迁移，也可能并非是毕业生心仪的地方，故户口迁移方向未必与派遣证同地，可灵活操作。</t>
  </si>
  <si>
    <t xml:space="preserve">求解校园勋章 </t>
  </si>
  <si>
    <t>要别人给你的。</t>
  </si>
  <si>
    <t xml:space="preserve">为什么我的电脑主机的噪音非常的大?我的电脑是五年前组装的,这几天 </t>
  </si>
  <si>
    <t xml:space="preserve">首先检查风扇与CPU是否固定得牢固（用手按紧风扇看是否依然如此大声），如果松动的话一般就是弹簧没有足够弹性导致风扇转动时产生共振。。其次将CPU风扇与CPU分开，单独测试一下看风扇在没有绑CPU上的时候是否也同样大声，如果是那当然就是风扇问题了。（这个测试不要太长，否则烧了CPU不要怪我）还有看一下这种噪声是否真的是CPU风扇发出的还是电源风扇发出的。 </t>
  </si>
  <si>
    <t xml:space="preserve">淘宝货到付款怎么设置 </t>
  </si>
  <si>
    <t>在个人的收款那里。</t>
  </si>
  <si>
    <t xml:space="preserve">最进有社么好看的喜剧片?? </t>
  </si>
  <si>
    <t>潘长江的《举起手来》关于抗日的超级搞笑，《雀胜2》也很好</t>
  </si>
  <si>
    <t xml:space="preserve">苏联喊“乌拉”，鬼子喊“板载”，那德军和米军冲锋时喊什么？二战的 </t>
  </si>
  <si>
    <t>美军冲锋喊：GO（狗） GO（狗） GO（狗）德军冲锋喊： Angriff 中文：突进、突击、洪流、冲锋、猛攻             Attackieren 中文：袭击</t>
  </si>
  <si>
    <t xml:space="preserve">请大家帮忙看下配置谢谢了啊(tm)xp2000+1.66GHz内 </t>
  </si>
  <si>
    <t>我是AMD 3400+速龙1.8GHZ（说实话刚够）内存：今天刚加了根512的（1G可以混混了）显卡：GT7300+ 显存256M（你显卡勉强刚刚才合格==还是不行）现在是AMD特降价的时候，你可以趁现在去买（500多）内存加根512的，不要加256的。我512的只用了250元就买到了。显存：有人说的太夸张了，我哥GF4100还在玩内测（但他2G内存，效果全关，如果你放弃FS就勉强不用换了）但还是换了会好。以你现在的机子跑是没问题的，但会很不爽，我视768与512为一物。（我内测可是体验过的，FS汗死我几次了）</t>
  </si>
  <si>
    <t xml:space="preserve">我的小狗生了尿结石，在无法送到有条件的医院治疗的情况下，有什么好? </t>
  </si>
  <si>
    <t xml:space="preserve">  不要给他吃伟嘉狗粮，皇家的不错。如吃自己做的饭，一定别给他吃咸了。盐摄取的多了，也容易得尿结石。  可一给它吃人吃的排石的药，比如排石饮液，剂量就吃成人的1/4。还要配合笑炎药，但注意，消炎药不能多吃，对肾不太好，还要注意多给它喝水，他不喝，就用针管喂它喝，尤其是患病期间。  等好了，也要让它多喝一些水，可以往水里放一点葡萄糖或是奶粉，它就会爱喝了。   祝你的狗狗早日恢复健康。</t>
  </si>
  <si>
    <t xml:space="preserve">问一个词语的意思～齐鲁晚报上体育板块中，有个词是哪个队“完胜”了 </t>
  </si>
  <si>
    <t>所谓完胜是指负队的比分为“0”，而胜队的比分则是正整数。例如甲队以2∶0战胜乙队，就可以说“甲队以2∶0的比分完胜乙队。”如果负队的得分不是“0”，而是“＞1，＜胜队得分”那就不是甲队“完胜”乙队了。“完胜”与“顽胜”有着本质的区别，“顽胜”说明两队旗鼓相当，难分伯仲，获胜一队是在逆境中或先失分后反败为胜的。“完胜”不是新词汇，早已有之。</t>
  </si>
  <si>
    <t xml:space="preserve">食品厂可以委托别的食品厂生产食品吗如题 </t>
  </si>
  <si>
    <t xml:space="preserve">可以食品的委托加工还需要提交委托加工合同和受委托加工企业卫生许可证，且受委托企业卫生许可证项目中应含有与委托加工产品相同工艺的产品； </t>
  </si>
  <si>
    <t xml:space="preserve">美元下跌底线美元下跌的底线会是多少？大概还会有机会大幅度的反弹么 </t>
  </si>
  <si>
    <t>fant反弹机会还有但是需要10多天的下跌</t>
  </si>
  <si>
    <t xml:space="preserve">郝海东和李铁在谢联会打主力吗？ </t>
  </si>
  <si>
    <t>郝海东应该是主要替补，至于李铁应该看主教练的看法。主力差不多，应该可以。</t>
  </si>
  <si>
    <t xml:space="preserve">最保险的基金？？最近打算做点小投资，银行的工作人员推荐买基金，定 </t>
  </si>
  <si>
    <t>理财是每个人的必修课，不过，平时您是自觉不自觉地在做：如何赚钱？如何花钱？怎样才能做得更好呢？需要不断学习，不断从实战中总结。。。。。。风险是无处不在的：走路&amp;坐车没有风险吗？（被车碰等）躺在家里没有风险吗？（地震等）只是概率非常低。。。。。。所以重要的是认识风险，把风险控制在可以承受的范围？比如您买1000元华夏红利，1000元基金兴华，1000元债券基金，当做学习&amp;试验，然后不断总结经验。。。。。。您说，即使全亏，能有多大风险？我特别不赞成：买了就放着不闻不问了--怎么学习，怎么进步？请教这个世界上有什么东西会不变化呢？--天行健，君子当自强不息--永远渴求变革才是控制风险的最好办法：变则通，通则恒。。。。。。请参考！</t>
  </si>
  <si>
    <t xml:space="preserve">我跳水时弄伤了脚,下肢毫无知觉,站不起来,大小便失禁,怎么医好啊 </t>
  </si>
  <si>
    <t>你很有可能是伤着了脊髓,如果合并有脊柱椎体损伤,需要卧床,若无骨折,应及早进行康复治疗.包括站立训练,此法可以预防体位性低血压,防止压疮形成.第二,进行大小便排泄的训练,防止造成泌尿系感染.第三,进行肢体力量训练.最后可以适当用一些神经营养的药物,但总体来说疗效不确定.目前效果最好的方法就是康复治疗.所以你应该抓紧时间去医院的康复科治疗.祝你早日康复!</t>
  </si>
  <si>
    <t xml:space="preserve">易趣交易冻结是怎么回事 </t>
  </si>
  <si>
    <t>这样的应该是卖家违规被冻结店铺及交易了你可以联系卖家的,或者直接打客服!如果是卖家账户冻结,到时候你的钱会退回的</t>
  </si>
  <si>
    <t xml:space="preserve">怎么样可以早睡早起求解 </t>
  </si>
  <si>
    <t>养成良好的作息习惯建议多运动每天按时睡觉，慢慢的习惯起来就可以做到早起早睡早起的，希望我的回答可以帮到你。</t>
  </si>
  <si>
    <t xml:space="preserve">宝宝排便问题我家宝宝14个月了,可是现在拉大便不愿被人把,非要自 </t>
  </si>
  <si>
    <t>孩子大了有自己的想法了，如果我们强加干涉会物极必反，所以还需要我们耐心的引导。孩子这样，肯定是觉得好玩罢了。</t>
  </si>
  <si>
    <t xml:space="preserve">啊呀,有N个问题,,高手帮忙下啊1.如果把名字是粉色(紫色)的玩 </t>
  </si>
  <si>
    <t>1.杀粉色名字的人自己不会红,也不会变紫,杀紫色的人,自己不会红越会变成紫色,(有可能会被别人杀了,别人也不会红,处于PVP状态)\2.如果变红想变成正常的白色(或者蓝色),要去杀怪,最好是同级怪,杀一只怪性向一般会减少5-20不等(具体看杀多少等级的怪),不过这个方法比较危险,小心被人暴红..还有种就是自杀,或者给别人杀,这个方法优点就是很快就会变白,但是会损一些经验...3.要等到别人的推荐就会变蓝,推荐直250是最高的,也是最蓝的.4.就是你觉的这个人的RP很好就就推荐他,可以互相换推荐,和第三点是直接联系的.5.现在全部服务器都是绿的,所以那个女王每个服务都有的.6.DJ魔灵蛋没听说过??商店里除了普通武器使用的蛋有卖外,其他的都要工匠做(D级以上的蛋)</t>
  </si>
  <si>
    <t xml:space="preserve">手机带机打发票是什么意思我想在淘宝网上买E72，我问老板有全国联 </t>
  </si>
  <si>
    <t>一般纳税人都开机打发票，普通纳税人开手写发票。但是这两种发票在保修的效用方面是一样的。    保修期限：（假设2010年3月1日购机，保修一年）    有发票的话，按发票上的日期开始算。（比如保修一年，发票日期是2010年3月1日，那到2011年3月1日之前都是保修的）    没有发票的话，按照机子的出场时间算。（比如机子是2009年9月出厂的，你在2010年3月买入，那到2010年的9月之前是保修的）</t>
  </si>
  <si>
    <t xml:space="preserve">26岁结婚,婚假10天怎么算我今年27了,结婚应该有10天婚假, </t>
  </si>
  <si>
    <t>符合晚婚年龄(女23周岁，男25周岁)的，可享受晚婚假15天(含3天法定婚假)。 “婚假一般有多少天” 1980年2月20日劳动总局、财政部发布的《关于国营企业职工请婚丧假和路程假问题的通知》》（[80]劳总薪字29号[80]财企字41号）规定： 原劳动部一九五九年六月一日发出的（59）中劳薪字第67号通知中曾规定，企业单位的职工请婚丧假在三个工作日以内的，工资照发。这个办法试行以来，有些单位和职工反映，职工结婚时双方不在一地工作，职工的直系亲属死亡时需要职工本人到外地料理丧事的，由于没有路程假，给职工带来了一些实际困难。经研究，现对职工请婚丧假和路程假的问题，作如下通知： 一、职工本人结婚或职工的直系亲属（父母、配偶和子女）死亡时，可以根据具体情况，由本单位行政领导批准，酌情给予一至三天的婚丧假。 二、职工结婚时双方不在一地工作的；职工在外地的直系亲属死亡时需要职工本人去外地料理丧事的，都可以根据路程远近，另给予路程假。 三、在批准的婚丧假和路程假期间，职工的工资照发。途中的车船费等，全部由职工自理。 四、以上规定从本通知下达之月起执行。 注：双方晚婚的，婚假延长到15日。 该《通知》现在仍然在适用，所以正常情况下，婚假最长三天，晚婚的具体婚假时间现在一般依据的是各省或者直辖市根据《中华人民共和国人口与计划生育法》自己规定的，全国各地的规定并不一致。所以晚婚的婚假具体时间请查阅你所在的省或者直辖市的《XX省（市）人口与计划生育条例》。 ++++++++++++++ 根据《婚姻法》以及《计划生育条例》的规定，职工结婚可享受以下待遇： (一)婚假： 1、按法定结婚年龄(女20周岁，男22周岁)结婚的，可享受3 天婚假。 2、符合晚婚年龄(女23周岁，男25周岁)的，可享受晚婚假15天(含3天法定婚假)。 3、结婚时男女双方不在一地工作的，可视路程远近，另给予路程假。 4、在探亲假(探父母)期间结婚的，不另给假期。 5、婚假包括公休假和法定假。 6、再婚的可享受法定婚假，不能享受晚婚假。 (二)婚假期间工资待遇：在婚假和路程假期间，工资照发。参考：爱问！</t>
  </si>
  <si>
    <t xml:space="preserve">车间管理人员工资为什么要记入制造费用账户？为什么不是生产成本？ </t>
  </si>
  <si>
    <t>制造费用是指企业为生产产品和提供劳务而发生的各项间接费用。由于车间人员不是直接从事生产的工人，属于生产的管理人员。所以，车间管理人员的工资，要计入“制造费用”科目。</t>
  </si>
  <si>
    <t xml:space="preserve">用电子式表示下列物质C2H4、CH3CH2OH </t>
  </si>
  <si>
    <t xml:space="preserve"> ::C:H(上面的两个氢也和碳各共用一对电子) :C:O:H(HH上面下面的四个氢也和碳各共用一对电子,氧原子上下各有一对电子)</t>
  </si>
  <si>
    <t xml:space="preserve">我的性格是否正常?我身高一米六二,体重七十公斤,不算太胖.但在生 </t>
  </si>
  <si>
    <t>正常,.人的个性与生长环境是分不开的,家庭环境,地理环境,社会环境都能给你熏陶.性格习惯不自然的就养成了,放你的心,作你想做的事,不要有顾及,这才是不至于你走向不正常的最好方法,</t>
  </si>
  <si>
    <t xml:space="preserve">道具服骑宠问题1现在骑宠还有经常吊线的现象吗2骑宠需要什么条件? </t>
  </si>
  <si>
    <t>1:连续骑宠可能会掉线，就是练级的时候骑了下下了骑，半个小时左右差不多会掉。2：人技、宠技、宠水晶，要骑宠设为战斗，另巨人系、靴子系、狮子系、盾系骑乘尚未开放。3：全职业通用，见习1，1转2，2转4，3转8，4转10</t>
  </si>
  <si>
    <t xml:space="preserve">几乎每2天拉一次大便，有时甚至三天。正常吗？几乎每2天拉一次大便 </t>
  </si>
  <si>
    <t>当然不正常了，每天一次才是正常的，可以排清体内毒素，你常放屁说明体内消化不良产生胀气。建议你吃多点水果，尤其是香蕉，有助于排便。</t>
  </si>
  <si>
    <t xml:space="preserve">1999年的高等教育自学考试文凭网上查的到吗 </t>
  </si>
  <si>
    <t>查得到</t>
  </si>
  <si>
    <t xml:space="preserve">现在哪个型号手机不错推荐一下谢谢 </t>
  </si>
  <si>
    <t>性价比最高的，2000左右：小米3，魅族MX3，华为荣耀3； 千元机：红米， 酷派的8720、联想的A820T和华为的G610T，都是最新的配置和机器；（希望我的回答对你有用，如有帮助，请给个好评，谢谢）Galaxy S4将搭载的是Exynos 5440四核处理器（基于Cortex-A15架构、主频2GHz、GPU为八核心Mali-T658、28nm HKMG制造工艺），三星Galaxy S4支持ARM的big.LITTLE Processing省电技术，是A7+A15的组合。三星还为三星Galaxy S4配上1300万像素摄像头，其运行的是Android 4.2系统，并且机身厚度为9.9mm，内置的RAM为3GB，Galaxy S4将会用4.99寸1080p的Super AMOLED材质屏幕(ppi 440真是一代机神呀可以考虑呵呵、、、（如果我的回答对您有帮助请您高抬您的贵手将我的答案点击【好评】您的肯定将是对我最大的鼓励和动力）你好 推荐小米2S 才1699 配置恐怖 你看看就知道了 魅族 MX2（16GB） 也可以，如果想买个便宜点的 可以考虑一下 红米手机 才799 四核 800 万像素 目前这个价位最强机 没有之一   还有很强的小米3 和 魅族 MX3  这些手机足以满足你了，希望你喜欢可以考虑华为A199啦，价钱又不贵，~而且充电又很快，外形美，分辨率很高，质量超棒啊，绝对是高性价比啦，真的大力推荐噢~不知道你需要什么价位的~如果是1000不到的话，最近很火的红米，但是要去官网抢购的，还可以选择华为的G系列，还有步步高OPPO的，联想的，1000到2000之内左右的，魅族MX2，小米3都是不错的，2000左右的话，如果对拍照要求严格可以选择最近很火的meitukiss或者sugar首饰手机，绝对能满足你的需求。然后HTC的 ONE系列，3000到5000的可以考虑三星的galaxy s3,4或者galaxy Note2，3，另外，苹果的机子，4s,5您都可以选择。【如果解决了您的问题请设为好评哈^^】三星的不错推荐三星S4手机（麻烦设为好评，O(∩_∩)O谢谢）可以考虑索尼（SONY）Xperia Z L36h啦，现在的价钱超值，~而且充电又很快，外形美，分辨率很高，质量超棒啊，绝对是高性价比啦，真的大力推荐噢~苹果5s,苹果5，三星s4s3，note3，索尼l39hl36h，oppofind5，华为p6，htcnew0ne，小米3 红米，小米2s，摩托xphone推荐看看小米手机，性价比很高！魅族的MX2吧，因为MX3的原因现在已经有了一定的降幅了，而且非常的时尚推荐小米 啊，性价比很不错，希望帮到你哦 。记得给我好评哦~~</t>
  </si>
  <si>
    <t xml:space="preserve">黑鸟加什么好啊? </t>
  </si>
  <si>
    <t>假如不掉魔的话当然加魔啊加敏的话再快也快不过敏蜜蜂啊，尤其改蜜蜂要是掉了魔那就加敏，当任务宠用（个性）希望我的回答能帮助你</t>
  </si>
  <si>
    <t xml:space="preserve">帮忙我是中锋，可就是板少，不知抢板时该怎么抢，我应站在哪？ </t>
  </si>
  <si>
    <t>C抢板靠的是站位和卡位.卡住F的位置,不让F向球的方向自由跳起,基本上就可以抢到.和C抢的话,那就要靠预判球的落点,人向球的落点靠去,至于跳起的时间就要靠自己多练习去掌握了.另外,时刻注意自己的弹跳,如果弹跳由于升级或者是训练上涨了3点以上,可以适当把按D的时间提前.</t>
  </si>
  <si>
    <t xml:space="preserve">牛牛在此给各位朋友们拜年了! </t>
  </si>
  <si>
    <t>　祝愿：一元复始、万象更新；年年如意、岁岁平安；财源广进、富贵吉祥；幸福安康、庆有余；竹抱平安，福满门；喜气洋洋 ,新年快乐。</t>
  </si>
  <si>
    <t xml:space="preserve">1区能进去不?怎么总提示"pleasetryagain."谁知道 </t>
  </si>
  <si>
    <t>我也是啊~~郁闷~肯定不是客户端下错~~下错怎么能进别的服务器~~就电信1不能进~~~有米人现在在电信1里玩的？？？</t>
  </si>
  <si>
    <t xml:space="preserve">求符文之语材料，十字弓的存档 </t>
  </si>
  <si>
    <t>十字弓，速度(IAS)是个大问题啊。。。当然恶魔十字弓的基础速度有-60，但伤害力又不理想，所以很少有人用十字弓做神符吧。如果你确实没有好材料，哪怕你用15ed、4S巨弓都比十字弓类强。</t>
  </si>
  <si>
    <t xml:space="preserve">向世界出发片头曲是什么 </t>
  </si>
  <si>
    <t>是大地炎   钢琴曲听过吗</t>
  </si>
  <si>
    <t xml:space="preserve">音乐张杰的什么歌最好听(5首） </t>
  </si>
  <si>
    <t>我最喜欢：云中的Angel，这就是爱，第一夫人，最接近天堂的地方，勿忘心安，何必要在一起</t>
  </si>
  <si>
    <t>昨天到今天3区怎么不能进啊？昨天到今天都不能进1</t>
  </si>
  <si>
    <t>据说是防火墙的问题，只要关了防火墙就可以进行游戏了。</t>
  </si>
  <si>
    <t xml:space="preserve">急急急!日语学校的问题!!!朝阳区哪里有好的日语学校啊?收费不要 </t>
  </si>
  <si>
    <t>樱花日语学校</t>
  </si>
  <si>
    <t xml:space="preserve">进入天关后,想多挣点经验,请问是一步一步闯天关快还是去魔王岭? </t>
  </si>
  <si>
    <t>如果只为了经验值，建议练石头吧。虽然比闯天关慢一些。但是经验值是闯天关的一倍半左右。如果想在最短的时间升级，就闯天关快。魔王岭比较慢。最好不去。而且经验值少。</t>
  </si>
  <si>
    <t xml:space="preserve">杭州看肝病小三阳最好的医院是哪一家？ </t>
  </si>
  <si>
    <t>杭州看肝病小三阳最好的医院绝对是 杭州同济医院 医院地址：杭州市西湖区黄姑山路24号（颐高旗舰广场正对面） 这个是预约肝病专家看诊的电话：0571-88219148</t>
  </si>
  <si>
    <t xml:space="preserve">谁告诉我这是什么鱼，第一次见过这鱼 </t>
  </si>
  <si>
    <t>学名叫 银鱼</t>
  </si>
  <si>
    <t xml:space="preserve">《怒放的生命》是谁的歌曲？ </t>
  </si>
  <si>
    <t>汪峰的。就是唱那个《我要飞得更高》的那个歌手。</t>
  </si>
  <si>
    <t xml:space="preserve">维生素用在脸上要注意些什么吗维 </t>
  </si>
  <si>
    <t>用维E不用注意什么的</t>
  </si>
  <si>
    <t xml:space="preserve">暗黑有czx吗？dsa </t>
  </si>
  <si>
    <t>you</t>
  </si>
  <si>
    <t xml:space="preserve">星际的修改高手来看看单位的价格,血和攻防等怎么修改 </t>
  </si>
  <si>
    <t>原来在yaoyuan上发过，这次修改了下，重新在这里帖出来　　主要是用来改写星际的ai　　赫赫，实在忍受不了原来那个弱智电脑了　　如果能大家切磋，最好不过　　我只是提供写的方法，本人也曾经写过一个，不过由于缺乏想象力，基本没有什么杀伤力，有兴趣的朋友可以到这里去下载一外国人写的星际ai,(适用于1.11a版）　　这个电脑很强，尤其在PvT上，简直可以说是Terran杀手，一般人应该无法用terran 对抗这样的两家Protoss　　我开始讲了　　需要用到的软件有：　　星际争霸（废话）　　sceditIII　　下载地址：点击附件　　MPQ2K　　下载地址：点击附件　　修改之前，请注意备份patch_ q文件　　这个是我们要下刀的地方.嘿嘿　　我说得这种修改,无论是108,109,110都可以　　以后想要炫耀你写的AI,只要把patch_ q更新给大家就可以　　注意，mpq2k的压缩包里含有storm.dll和staredit.exe，所以千万不要解压到自己的星际目录了，随便放个其他目录就可以。　　为了将来说起来方便，我们默认mpq2k的解压地址是　　d:\mpq2k　　现在，把patch_ q， q拷过来　　放心， q我们只是利用，不改（一定要解出来，否则scedit可能会出错）　　运行以下语句　　mpq2k.exe e  q scripts\ n　　mpq2k.exe e patch_ q scripts\ n　　这些语句都在控制台下执行　　winmpq也可以完成类似功能，但是没找到下载地址。　　把你的 n和bwscript拷到sceditIII的default目录下　　以上就是准备工作。　　然后我们就进入编辑阶段。 　　SCEDIT的使用　　运行sceditIII主程序，进入软件。　　这个软件的界面，写得超级简单，简单到我都不知道该怎么使用　　磕磕碰碰，总算给研究了出来　　步骤如下：　　1 选择FILE---HDD NAVIGATOR　　2 选到刚才弄出来的那个（从default目录下选) n　　3 出现了一个电脑ai列表　　这里是暴雪写得全部ai,很多是不会在地图编辑器里出现的，因为他们其实意义不大，有的甚至只是简单的造个农民就算了的　　由于我们改动的是patch_ q，这实际是个补丁文件，所以有些ai还没有给出，他们都在 q，不过那些对我们没有什么实际意义　　现在，我们打开Expansion Protoss Campaign Insane开始我们的研究把 　　关于Expansion Protoss Campaign Insane　　研究这个AI　　是因为它的代码比较少　　而且他的AI很单纯，属于一根筋走到底的类型。　　我一段段代码分析给大家看。　　第一段　　; ASC3 File generated by ScAIEdit III　　;　　; Script name : Expansion Protoss Campaign Insane　　这个上面，都是注释，没有什么实际用途　　script_name Expansion Protoss Campaign Insane　　script_id PSUx　　这个script_name和id,最好不要改，否则可能会出问题　　start_campaign　　wait 1　　start_town 开始建设　　defaultbuild_off 　　把默认的建设关掉，如果不写这句，电脑会自作主张造东西，那就麻烦了　　default_min 0　　wait 1　　等0.1秒钟，不知道是啥用，不用管它　　transports_off　　不知道啥意思……　　define_max 30 probe　　define_max 4 arbiter　　define_max 12 high_templar　　这里表示，同一时间内，一个基地最多拥有30个农民，4个仲裁，12个电兵　　这里要说明一下，电脑开分基地，就是要再执行一次starttown，所以如果电脑有两个基地，就可以最多拥有60个农民，8个仲裁，24个电兵，以此类推　　multirun block1　　这句话，是指多线程调用block1这段代码　　block1就像编程语言中函数名或者过程名，我还没贴出来，里面其实就一句话　　give_money，我研究了一下，意思是给电脑2000钱和2000气　　赫赫，谁说电脑不作弊来着　　多线程的意思是，在执行block1这段语句的时候，　　不影响主程序继续往下跑　　build 1 nexus 150　　造一个主基地，如果有了，就直接执行下一句　　build 7 probe 80造7个农民 　　上面的150和80，我没有研究出来是什么　　但是总的来说，建筑一般是用80，　　升级用30　　另外，如果这样写两句　　build 7 probe 80　　build 7 probe 80　　其实还是只有7个农民，因为7代表的是“造到”　　wait_build 7 probe等待7个农民造完　　这句话其实很重要，假设你有250元钱，一下子点了5个农民，　　算起来，电脑已经算是执行完build 5 probe80这句话了，他会直接往下执行　　为了完全按我们的意愿走，还是加上这句。　　multirun block2　　这和block1意思差不多，这个block2函数里（我没贴出来），写得是造到24个农民　　今后无论电脑如何发展，这个都会并行运行，一直到24个为止　　build 1 gateway 80第一个兵营　　defensebuild_gg 1 zealot　　defenseuse_gg 1 zealot　　这两句的意思是，如果电脑被攻击，造1个狂热来防守　　train 3 zealot造到3个狂热　　build 2 gateway 80　　train 6 zealot　　build 3 gateway 80　　train 12 zealot　　这上面的语句，其实就是电脑的第一波兵　　一共是3个兵营，12个叉叉　　下面这段，就是电脑组织的进攻　　attack_add 12 zealot　　加12个叉叉到进攻队伍里　　attack_prepare　　这两句以后，其实电脑往你家走了　　wait 500　　等50秒　　attack_do　　攻击　　attack_clear　　清除攻击数据　　这是为了下次再组织进攻的时候，attack_add用的　　这么一段语句，就包括了电脑从开始发展到最好进攻的全过程　　还有些高级技巧，下次再说啦　　手都酸掉了　　有兴趣的，可以先改改暴雪的代码　　我下面先说一下，改了以后，怎么用 　　编辑窗口上有个小勾得标志，点一下　　窗口下方会显示你这段代码是否合乎语法　　不对的地方编辑器会给你指出来，直到0 error message为止　　然后点小勾右边的那个按钮　　你的编辑就存到 n里面了，关掉当前编辑窗口（注意，是当前编辑窗口，别把整个scedit关掉，那样你就全白做了）,回到上级窗口（就是那个很多AI列表的那个)点一下3个齿轮为图标的那个冬冬,它会提示script compliation done!，如果没有提示，那就麻烦了，这我估计是软件的一个bug,你得把原来的那些咚咚全部恢复一下，重新改。　　算是完成了,现在，把 n从default目录下拷出来，放到刚才那个　　d:\mpq2k的目录里　　执行:　　mpq2k a patch_ q  n scripts\ n　　运行这句话的时候，确认你得把星际关掉，也别开星际地图编辑器　　最后，把弄好的patch_ q弄到星际目录下就算结束了　　看起来很方便，其实经常因为某些奇怪的原因（如代码写错，版本问题等等，导致无法使用，那我们只好安心用外国人的产品）　　最近有朋友给我提供过一个叫mpqworkshop的工具，我用过之后感觉非常不错，完全可以替代掉mpq2k，而且没有烦人的版本问题，只是我找不到下载地址了，哪个好心的网友提供一下，我把它一起贴上来　　最近的研究成果　　我上面写的都是修改Expansion Protoss Campaign Insane为名称的ai　　这样需要特地编写一个地图，然后设置电脑的ai为这种（如何设置请自行查找介绍地图编辑器的文章），打得时候还要选use map setting 　　而如果修改的是Protoss Expansion Custom Level那个ai,则你根本不必修改地图，每一幅地图甚至只要选melee 或者top vs bottom，电脑都按照你写的代码来执行。　　有的朋友问到建筑位置的问题，重申一下，无法决定电脑修建筑的位置，如果你想彻底的防守，就多造吧：）　　Script是顺序执行的机制　　所以，当你写出　　train 12 zealot　　train 4 dragoon这样的代码　　除非电脑已经造好12个狂热，否则龙骑一个都不会造，（兵营里正在建造的狂热也被计算在内）。所以，如果你的电脑发展很慢，你就要考虑是不是你写了错误的代码（有朋友在没有升级一攻的情况下，直接写升级2攻的代码，结果当然电脑在发呆，不知道如何是好）　　用好defenduse_ag(好像是这么写的）或同类型的语句，否则电脑的建筑挨打的时候会发呆　　开分基地用的是expand命令，如果你在expand后面加入建造其他建筑的代码，然后才修基地。就会出现基地位置不对的情形（因为其他建筑占据了基地的位置）　　攻防的升级要切实注意，前面说过的，代码是顺序执行，不过，攻防一旦开始升级，代码就可以继续往下走。如果你把升级1攻，2攻，3攻的代码写到一起，则电脑就会在开始升级一攻的时候代码继续前行，碰到升级2攻的代码，然后开始等待，因为现在不能升级2攻，如此类推。　　scedit的帮助一定奥仔细看看。那里面介绍的很全面　　空投是一种特殊的事件，不是你造出运输机，就可以空投，是一个特殊代码，我现在记不清楚了，看看暴雪的原代码就会有发现。　　最重要的一个语句是give_Money　　运行后电脑有2000钱，2000气　　我基本就是这么改写电脑，然后和电脑比暴兵　　电脑暴兵相当凶残的，而且比人暴兵来的恶心的多。总觉得他们的兵耐打　　星际自带任务关的ai也是可以编辑的，只是老出错，这个我不太清楚为什么，所以大家没事还是不要写任务关的代码　　推荐将ai编写和rpg地图结合起来，这样练习战略战术很有好处　　有朋友让我写速出Lurker什么的代码，不是我不想写，实在没有时间和精力　　大家仔细研究，我可以帮助你们回答问题，应该不是很难的　　SCEditIII有的时候会出现无法编译的情况，一般是代码里有错误，如果都检查过没有问题。这时候关掉它，重新用原来的 n和 n覆盖你修改的，然后再打开一次，就可以了转载 也许大家都看过（对你可能有帮助）</t>
  </si>
  <si>
    <t xml:space="preserve">新天下无双的武器强化系统是什么样的？ </t>
  </si>
  <si>
    <t xml:space="preserve">装备升级说明 　　你在外冒险时，有时会得到一些诸如宝珠、舍利之类的特殊物品，可以用来为自己的装备冲等级。冲等级成功的话，装备的能力属性会得到很大的提升，变得更加强大。不过也要小心，如果失败的话，你的装备是会消失的。装备最高可以升级到+9，那样装备的属性可是有成倍的增长哦！怎么样？想赌一把吗？成功的话，诱人的装备就在眼前啦！ </t>
  </si>
  <si>
    <t xml:space="preserve">★~闲趣谜语（晚）~★穿的都是舶来品（成语） </t>
  </si>
  <si>
    <t>一衣带水身外之物</t>
  </si>
  <si>
    <t xml:space="preserve">UT频道加入到收藏夹，为什么重新登陆后没有那个频道？我确定是收藏 </t>
  </si>
  <si>
    <t>您好，建议您删除UTG安装目录下的DATA 文件夹，然后在登录尝试！</t>
  </si>
  <si>
    <t xml:space="preserve">求不等式解集函数f(x)=xsinx+cosx+x^2，x∈R， </t>
  </si>
  <si>
    <t>f'(x)=sinx+xcosx-sinx+2x=x(2+cosx),当x≥0时，函数y=f(x)是增函数.由f(-x)=(-x)sin(-x)+cos(-x)+(-x)^2=xsinx+cosx+x^2=f(x),可知：y=f(x)是偶函数，∴f(lnx)&lt;f(1)→f(|lnx|)&lt;f(1)→|lnx|&lt;1→-1&lt;lnx&lt;1→1/e&lt;x&lt;e,即不等式解集为：{x|1/e&lt;x&lt;e}。</t>
  </si>
  <si>
    <t xml:space="preserve">请问最全面的风水学书友什么？就是关于风水学的一本最全面的书。 </t>
  </si>
  <si>
    <t>雪心赋撼龙经青囊经入地眼地理辩证疏地理铅弹子地理铁弹子地理大全地理大成</t>
  </si>
  <si>
    <t xml:space="preserve">我想办一张能透支的银行卡,哪个银行的好,有什么要求,还有哪个银行? </t>
  </si>
  <si>
    <t>办张贷记卡吧,消费透支在一定时期内不用付费,工行的如果你没有什么固定单位,定期存单质押也可以办卡,他还可以选择消费时密码用或不用,也可选择多少金额才开始用,很好的</t>
  </si>
  <si>
    <t xml:space="preserve">清晨,蜗牛从树根沿着树干往上爬,树高10米,白天爬上4米,夜间滑? </t>
  </si>
  <si>
    <t>需7天第6天爬到第9米处，晚上又滑下3米，为第6米第7天到达树顶</t>
  </si>
  <si>
    <t xml:space="preserve">我和女友半年没见面了`她来找我!我该准备什么给她? </t>
  </si>
  <si>
    <t>你的欣喜和你的激动,你的热情和你的思念,这应该就是最好的礼物了.当然,如果你知道她喜欢什么或是最近缺什么的话,买给她相信效果会更好。</t>
  </si>
  <si>
    <t xml:space="preserve">感情的困惑我的父母给我介绍个老头当对象怎么办？我今年都30了，离 </t>
  </si>
  <si>
    <t xml:space="preserve">不要管别人怎么说，不要想太多，即使是父母也不能随便决定你的命运，自己的事自己来决定，两个都不要，如果是通情达理的父母会尊重你的决定，如果不是那你更不要按他们说的去做，不管怎样他们都是你的父母，都很关心你，不管你怎么做他们都会原谅你的，做你心中所想的，不要让自己后悔。 </t>
  </si>
  <si>
    <t xml:space="preserve">neo巨目怎么样？neo巨目什么颜色最好 </t>
  </si>
  <si>
    <t>巨目棕色挺自然的，还有neo的三色灰系列，我个人也觉得很好看哦，好像是新出的，我自己还有bescon的三色系列，干净这种花纹都很自然的，我是在合 亚 眼 镜买的，你可以搜一下哦</t>
  </si>
  <si>
    <t xml:space="preserve">一个购物的问题知道的告诉我是不是一般多买东西就是比少买的便宜呢 </t>
  </si>
  <si>
    <t>那叫批发吧....一般是像你说的那样的</t>
  </si>
  <si>
    <t xml:space="preserve">选科困难！！帮忙啊！我三门成绩好，但快分科了，我不知道选文选理。 </t>
  </si>
  <si>
    <t>香港中文大学有理科的吧？</t>
  </si>
  <si>
    <t xml:space="preserve">日本人是全世界最受欢迎的？？？？根据英国广播公司（BBC）和加拿 </t>
  </si>
  <si>
    <t>虽然很无奈，但是不得不承认，日本人在国际上的形象明显好于中国人。一个是因为钱，一个是因为举止，还有就是自我宣传了，日本的漫画以及电器很受欧美年轻人的喜爱。汽车销量也很好，这些对一个国家的形象很有关系的。</t>
  </si>
  <si>
    <t xml:space="preserve">高手来翻译２句话　给你１０分Furthermore,FVAS1. </t>
  </si>
  <si>
    <t>Furthermore, FVAS 1.0 has been test in the evaluation　of FDS-I concept from assembly point of view　(Fig. 3). 此外，虚拟装配系统1.0已在聚变驱动次临界反应堆系统装置理论评估中得以应用（测试）。（图3）Comparing with EAST, FDS-I is even bigger,and has a diameter of 18.6m and a height of 16.5 m.And the test results validate the practicability of FVAS　1.0. 与实验型先进超导托卡马克装置相比，聚变驱动次临界反应堆系统更加庞大，它直径18.6米，高16.5米，而且测试结果证实了虚拟装配系统1.0可行性（实用性）。FDS-I = 聚变驱动次临界反应堆系统EAST = Experimental Advanced Superconducting Tokamak实验型先进超导托卡马克装置：）</t>
  </si>
  <si>
    <t xml:space="preserve">关于十字弓妖拿8十字弓和9十字弓的区别多大9十字比8十字少几弓? </t>
  </si>
  <si>
    <t>有钱肯定买9的了，没钱8的将就一下，以后买9的听说9的武器比8的多加了命中还有攻击</t>
  </si>
  <si>
    <t xml:space="preserve">误工费问题：我车压到别人的脚了，伤者没有住院，我需要伤者提供哪些? </t>
  </si>
  <si>
    <t>1、该伤者单位出据的月工资收入证明，如工资表。需加盖该单位公章。2、该伤者需到当地医院做检查，由医院出据伤情诊断报告。否则保险公司怎么相信你不是在骗保。</t>
  </si>
  <si>
    <t xml:space="preserve">比如我是我是2转的勇战工我有15000的血敌人也是15000的血? </t>
  </si>
  <si>
    <t>不一定,反弹是有几率的,如果反弹出了他可能会挂,但也不一定挂,本人五种职业的号都有,就发现勇号不容易挂,弓最多的血也容易挂(本人的弓是4000多血,没转的).</t>
  </si>
  <si>
    <t xml:space="preserve">论地水魔宠之最强老大篇标题大家可以看的出，本人满民剑养的宠有满档 </t>
  </si>
  <si>
    <t>依我看,什么魔宠都一样,只要是厉害的，属性这东西吃次要的,既然PK要战术,那你何不学个属反,对方带什么水晶你都可以用魔宠压制,所以我想魔宠的威力还得由主人的战术和能力来发挥</t>
  </si>
  <si>
    <t xml:space="preserve">公务员报考相片分辨率有什么要求? </t>
  </si>
  <si>
    <t>不是公告里说明了吗，要求为ＪＰＧ格式，２０ＫＢ以内，宽１－２厘米，高２－３厘米，只要符合这个要求，就可以了．注意，是近期免冠照片哦</t>
  </si>
  <si>
    <t xml:space="preserve">什么是整式？ </t>
  </si>
  <si>
    <t xml:space="preserve">整式是有理式的一部分，在有理式中可以包含加，减，乘，除四种运算，但在整式中除式不能含有字母。单项式和多项式统称为整式。 代数式3a,-mn,x2,-abx,4x3它们都是用数字与字母的积，这样的代数式叫做单项式，单独的一个数或一个字母也是单项式. 几个单项式的和叫做多项式.如代数式：2a+b,x2-3x+2,m3-3n3-2m+2n都是多项式.其中x2-3x+2可以看成单项式x2,-3x,2的和，m3-3n3-2m+2n可以看成是m3,-3n3,-2m,2n的和. </t>
  </si>
  <si>
    <t xml:space="preserve">什么是心脾两虚心脾两虚的主要症状是什么？？女生应怎么补？ </t>
  </si>
  <si>
    <t>心脾两虚一般伴有头晕现象，面色白且容易气喘、失眠。可用归脾丸调养。食物也可以多吃红枣、山药等。 脾胃虚寒则是更多的表现为舌白、胃冷，可以吃白菜汁补胃。</t>
  </si>
  <si>
    <t xml:space="preserve">深圳的建设银行房贷供多久提前还货?深圳的建设银行房贷供多久可以申 </t>
  </si>
  <si>
    <t>可以提前还贷，不过要与银行“商量”，不存在不良记录，直接去办理好了。</t>
  </si>
  <si>
    <t xml:space="preserve">不是处女了，但想珍惜眼前的好男人！我该怎么办？我在大学时候有一个 </t>
  </si>
  <si>
    <t>我也相信如果他真的爱你，就不会在乎你是不是处女的。我也和你一样碰到了这样的问题。我和他相处了3个多月，感觉两个人在一起一直很幸福。问题是他已经知道事实。他曾经说过很爱我，而且是第一次谈恋爱。他全身心的投入。可是当我告诉他时，他却哭了，说心里很伤心。后来，他说很难接受这个事实。我心里就更难过了。因为我也很爱他，因为爱他，我不想欺骗他。他也问了我几次了，每次我都忍不住流眼泪。但最终我还是和他说了。已经过去两天了，他说给他时间考虑一下，因为他说这也是要负责任的。他真的很伤心，我也很难过，我深深的伤害了他。我真的早知道就先瞒着他了。我现在还没有得到他的回答。我心里一直在愧疚。当我的好友知道后，说这应该说。因为瞒着他，以后让他知道了会更加伤害对方。我真的也不知道怎么办。我只有等了。如果他真的爱我，我相信他会再给我一次机会的</t>
  </si>
  <si>
    <t xml:space="preserve">找一首歌词中有＂万世流芳＂的歌，好象是郑中基唱的． </t>
  </si>
  <si>
    <t xml:space="preserve">曲名：星光伴我心     歌手：郑中基     从 银幕下发梦 谁 令世间哄动重重叠的面孔 数十年 默默伴我心中我六岁的英雄 活到这分钟从 银幕上发亮 谁 是你的偶像谁人获喜剧奖 百万人 滴着泪去鼓掌故事里 终于可让真理 赢一仗*快乐时光 世上流芳长留光影像天堂 窝心老地方时代再启航 仍携着手观看未怕哭笑令眼泪流光这动人境况 而情感不用躲藏直至于某日回望 留着戏飞变黄迷人的片段于回忆中播放(谁曾相约亦于回忆中播放)*从 银幕上退下 谁 在记忆说话人和事都落画 再十年 亦是盛放鲜花记念里 多么想问一句 仍好吗REPEAT*快乐时光 世上流芳 而情感不用躲藏直至于某日回望 留着戏飞变黄谁曾相约亦于回忆中播放谁曾失约亦于回忆中播放 </t>
  </si>
  <si>
    <t xml:space="preserve">西餐的作法那本西餐书比较好，推荐一本！ </t>
  </si>
  <si>
    <t xml:space="preserve">西餐套餐（一） 套餐的概念是：首先是汤，之后是开胃菜（沙拉，头盘什么的），然后主菜，接着是甜点，最后是咖啡！茶！ ， l'entree是starter也就是前菜，l'aperitif呢是meal前喝的， le digestif是meal后喝的， le plat principal就是main course 啦，至于le dessert 就不用说了吧，跟英语差不多阿，就是甜品阿。 如果你还是坚持的话，那么： 1，洋葱汤 洋葱切丝，用黄油炒上颜色，放入香叶，黑胡椒，一点点蒜,红酒，百里香（thyme) 当红酒煮到省一半的时候，加牛清汤，没有的话就加鸡汤也行或者用水加上鸡粉！最后加盐就行了！ 2，菠萝鸡肉沙拉 熟鸡肉，菠萝，切丁。 用沙拉酱拌一下就行了！ 怎么样简单吧？ 3,炸猪排 猪通脊切片用刀背拍薄，加盐，胡椒腌好。 粘上1面粉，2蛋液，3面包渣（没有的话用馒头渣） 记住一定要按顺序1，2，3。 粘好后用油炸熟就行了！可以配沙拉酱，千岛酱吃！ 4，甜点 我看就不必了吧，用水果，酸奶什么的代替吧！！！ 5，最后来杯咖啡喝吧！！！ 我相信你的情人节肯定会很快乐，先祝你们快乐！ 下次可别弄什么套餐了，凑合来两个三明治吧， 我快累死吐血了！要不你给我来个手写键盘吧：） 西餐套餐（二） 西餐套餐：大虾和蘑菇，不能炸！ok，那就烤吧！ 把虾用一点柠檬汁，白酒，盐腌好！ 入味以后把虾打碎，打成泥！ 然后加入一些洋葱碎，盐，蛋清搅拌！直到感觉虾馅有劲了为止！ 鲜的白蘑菇（好象叫口蘑吧）去根，把搅好的馅填入白蘑菇里面， 放入烤箱烤熟就行了！ 主菜是牛扒和大虾。。。。。好，easy！ 把大虾腌好，煎熟！ 牛扒用盐，黑胡椒腌好，煎熟 配菜就lyonnaise potato吧！ 洋葱切丝，土豆切片（最好是煮到6成熟的土豆，这样做时会快些） 把土豆片炒上颜色，加入洋葱丝，盐 一直炒倒土豆成熟且洋葱丝变软金黄色即可！ 至于其他蔬菜配菜。。。。 就随你了，炒一些蔬菜（最好是不同种类且颜色不同）就行了！ 例如：芦笋，胡萝卜，西葫芦，蘑菇。。。。。 最后，lyonnaise垫底，牛扒搭在上面，大虾（中间开一刀，但别切断！） 趴在牛扒上，边上在配上些蔬菜，就finish了！(有条件的话，就做个汁 像什么，红酒汁，胡椒汁什么的！！！） king prown beef steak with lyonnaise potato and market vegetables 这不是很简单么？（拼摆很重要，好看与否，就看你的了） 西餐套餐（三） 汤，你就随便从斑竹大哥给小弟弄得回复整理里面挑一个把！ 好，先说salad, 简单好吃的呢。。。。。。（说个我最爱吃的吧！） 西红柿沙拉（其实就是盐拌西红柿：P) 西红柿切片或角都无所谓，放到容器里，加盐，洋葱碎，拌好即可。 夏天吃怒爽！！！ 主菜嘛，就炸猪排好了（也是在家里制作比较方便的！） 猪通脊切厚片，然后用刀背拍薄，用盐，胡椒粉，盐好！ 按顺序，沾上面粉，鸡蛋液，面包渣！ 之后下过炸熟就好了！！！有条件再配上点炸薯条一起吃！！！ 也可再制作些千岛酱吃配猪排吃！ 做法：千岛酱 沙拉酱（不愿意自己打的话，就去买，推荐好乐门牌的），加入番茄沙斯， 煮鸡蛋碎，酸黄瓜碎，柠檬汁（没有就白醋也行，或者酸黄瓜罐头里的水） 盐，胡椒粉！ 搅拌匀即可！ 甜点就不必了吧？？？ 做个果盘就很好了！ 1，土豆泥 把土豆煮熟或者蒸熟，然后去皮。把土豆用加工机打成泥（也可以不用机器， 只要土豆够烂就行）！ 加入豆蔻(Nutmeg),蛋黄，盐，牛奶，黄油，胡椒，奶油！ （要是需要低脂肪，就别加黄油和奶油了！） 2，意大利蔬菜汤 把洋葱，胡萝卜，芹菜，土豆，茄子，西葫芦，圆白菜 切成小方片，用黄油把洋葱，胡萝卜，芹菜，茄子，西葫芦，炒香。 加入香叶，百里香，奥利根努，罗勒（bay-leaf，thyme,oregano,basil) 加入番茄酱，炒透后，加鸡水（清水也行)。开锅后把圆白菜和土豆片还有 碎的意大利面条放到汤里煮熟，加盐调口即可！ 3，爱尔兰烩羊肉 羊肉切块，洋葱，胡萝卜，芹菜，圆白菜，土豆切块。 先用热水把羊肉烫一下，然后把烫好的羊肉洗净！ 再把洗好的羊肉放入清水中煮熟（水中加入洋葱，香叶，盐，胡椒粒，开锅后小火慢慢煮羊肉！）最后，加入百里香(thyme),再把其他的蔬菜放入煮熟就行了！（在英国，你不会没听说过IRISH STEW这道菜吧！） 烤土豆/南瓜/红薯：很简单，只要切成大块然后放一点盐，豆蔻粉拌匀，然后放上点黄油烤熟就行了！不同的是靠南瓜还要放一点桂皮粉！很简单吧！满香的呦！ 奶油烩菠菜/油菜：先把菠菜/油菜用开水烫一下，然后用黄油把蒜碎炒香放入少许白酒煮开，再倒入一点奶油煮开后放入烫好的菠菜/油菜，最后放盐，鸡粉调口就行了！ 还有蒜碎炒荷兰豆：做法如同菜名，只要用黄油炒蒜碎然后放入用开水烫好的荷兰豆，用盐鸡粉调口就行了！狠爽口的，个人推荐！ 还有锔菜花：白菜花或者绿菜花都行！只是白菜花要比绿菜花用水烫的时间稍长一点！然后朵朝上码放在盘子里，浇上调好口的奶油汁，汁要浇均匀，最后撒上cheese放入烤箱烤上颜色就行了！ 低热量蔬菜沙拉： 把你喜欢的蔬菜弄好，放在一个容器里，加入一些橄榄油(色拉油也行）， 红酒醋（白醋也行），盐，糖！！！最后拌好就行了！！！ 或是可以用橄榄油加苹果醋做色拉酱。着是最简单的。不过，你的蔬菜色拉就要放些盐和胡椒，然后再拌这个调味汁应该不错。 水果沙拉： 简单，沙拉酱加水果！ 另一种做法就是， 做一锅水，里面加上桂皮，糖，橙子，柠檬，苹果！煮2个小时后，放凉！最后把水果加进去就行了！ 土豆沙拉：土豆煮熟或蒸熟之后去皮，（一定要后去皮，要不水太大） 怎么切随你！最后用沙拉酱拌好就行了！ 或是把土豆搅碎，加入，盐，胡椒，一点点豆蔻，一些黄油，牛奶，几个蛋黄。即可。 土豆沙拉有上百种，做法也各不相同，我说的是最简单的一种！ 甜玉米沙拉： 甜玉米沙拉有很多种！！！甜玉米本身就有一种奶味，不用放奶油的！ 当然，也有一种做法是放奶油的，但必须是热制冷食！！不知道你想问哪一种！！！说个简单的吧，你要是不爱吃再问吧！ 首先你选的原料必须是甜玉米！（老玉米不行啊）用把洋葱碎和甜玉米拌到一起，加入色拉油（橄榄油）一点点盐，糖，白醋，还有小葱碎拌好就行了！这个是基础的甜玉米沙拉，当然，你也可以根据你自己的口味加一些配料进去。比如说：西红柿丁，青椒丁，火腿丁。。。。。。 香草口味的冰激淋 把鸡蛋黄和糖放到一起搅打，直到把混合体打成白色！ 煮一锅牛奶加入香草棍（vanilla pod)或者香草香精(vanilla essence) 直到牛奶煮开，并且香草的香味出来！开小火！ 然后，把打好的蛋黄和糖的混合体慢慢的加入牛奶之中（此时牛奶温度不能过高，不然鸡蛋就熟了）并不断的搅动，等鸡蛋与牛奶完全混合到一起的时候， 就差不多了！（加热的过程中，一定要小火）在煮一会，直到液体能挂在勺子上一部分（有一点点的稠度）之后，就可以下火了！ 等液体凉了以后，放入冰激淋机，加一些奶油就行了！！！ 在家里的话，就放入冰箱。但是在冷冻过程中，你必须经常搅拌！大概5分钟一次吧(或时间更短，如果可能的话,最好你能钻进冰箱，边搅拌边冻，不过到时候你也就变成冰激淋了，哈哈），直到冰淇淋完全冻好！！！！最后加入些奶油搅拌好，再次冻好就行了！当然不要忘记搅拌呦！ 土豆泥：把土豆蒸或者煮熟，去皮碾成泥，加鸡蛋黄（视你做土豆泥的多少来放，一般家里做三个人吃用两三个土豆，一个蛋黄也就够了），盐，鸡粉，豆蔻粉 拌匀，然后随自己喜好做成球状棍状都可以（不要太大啊，做成球状有食指和大拇指的指尖相对那么大就可以了）然后沾一层面粉，一层鸡蛋液（打散）再沾一层之前混好的有杏仁碎的面包渣就行了！做锅油炸成金黄色就可以了，满香的！：） 也可以把烤熟的杏仁碾碎拌在西式的炒饭里吃！别有一番风味呦！ 排不怕麻烦的话，首先就是烧汁， 把牛骨（碎的）烤上颜色（深褐色），把洋葱，胡萝卜，芹菜，切大块（随你怎么切）！把切好的蔬菜也炒（烤）上色，然后是炒番茄酱，一定要炒透，炒上颜色！（在不糊的基础上，能炒多深就炒多深。） 把烤好的牛骨，蔬菜，番茄酱放到一个大锅里，加水煮制！（你也可以加一些 香料，红酒在一起煮）开锅后小火，煮一天就行（时间长短取决你做的多少，多的话，时间要长一些！）等味道和稀稠度合适的时候，就完成了！ 最后在把汁过滤出来就行了！（至于牛骨和蔬菜，这时就变成垃圾了！） 黑胡椒汁： 用黄油炒，洋葱碎，蒜碎。加入黑胡椒碎，炒出香味！ 加入brandy白兰地，（一定要注意，如果锅热的话，白兰地是会燃烧的！别受伤！不过不用慌。一会儿，会自己熄灭的）炒一会后，加入烧汁就行了！当然，别忘了放盐！出锅时加些奶油！ 洋葱汁： 把洋葱切丝，用黄油炒洋葱丝，加入thyme(百里香）。 把洋葱炒上颜色（金黄色），加入红酒煮一会（当酒蒸发到剩一半的时候）， 加入烧汁！调口！ok! 红酒汁： 黄油炒洋葱碎，加一点点thyme(个人习惯，可以不加）炒出香味后加红酒，煮一段时间后，加烧汁，调口。finish! 注：以上所说的红酒都是指干红！ 怎么样，还满意么？有什么不明白的or You want to know some more sauce for beef,就再来问我吧！ 不过，我还是不太推荐在家做，太麻烦了！最简单的方法是： 把牛排用盐，黑胡椒腌一下后煎熟，配芥末酱吃！在配点熟菜，土豆什么的！ 或者就是浇汁，不过在家里做汁太麻烦了！所以不推荐！ 个人认为眼肉已经很不错了，当然，外脊，T-Bone也不错！ 不过在家里吃不太现实！ 因为家里没有扒条，扒板！所以谈不上什么煎法！ 不过牛扒的成熟度是很有讲究的，建议你别吃全熟的。（口感像鞋垫，特别是 国产的牛肉）大部分中国人8成熟是可以接受的！（当然，你可以效仿我，吃五成的，前提是别怕得疯牛病）！ 成熟度的鉴别： 1看，3分熟和5分熟的牛扒会有血水渗出来的！ 2摸，3分熟的牛排摸上去的感觉像摸脸蛋 5分熟的牛排像手掌上的肉 7分熟的牛扒像额头上的皮肤 印度咖喱鸡饭：Chicken curry： 首先是要把鸡肉用盐，自然粉（一点点就可以了），中国香菜粉，黄姜粉，甜红椒粉，辣椒粉，咖喱粉，香叶（家里作的话一片就行了）拌匀，腌制一下，建议可以放一点百里香！（个人意见）！然后用锅把鸡肉扒上颜色！放在一边。接下来炒洋葱（切丝或者切碎都行)炒上颜色，然后放入姜蓉蒜碎和一点鲜的或者干的辣椒炒香然后加入自然粉，中国香菜粉，咖喱粉炒一下，然后加入椰奶煮开！（在炒完姜蓉蒜碎以后可以炒些咖喱酱进去，要炒出红油为止！也可以用椰奶把咖喱酱泡开直接对进去) 最后把之前煎好的鸡肉放进去搅拌均匀就可以了（如果汁太少的话可以少加一点水），因为鸡肉比较好熟，所以鸡肉放进去煮开5分钟也就可以了！然后用鸡粉盐调口就行了 注：1。香料不要放很多，家里做放一点就可以了，不然会发苦！ 2。咖喱粉要比其他香料多一点点，因为毕竟是咖喱的嘛！ 3。吃的时候可以放一些用咖喱鸡水煮熟的土豆进去，味道会很不错！ 4。出锅的时候可以点一点点香油，放一点鲜的中国香菜碎进去！ 印度咖喱鸡饭：Chicken curry： 首先是要把鸡肉用盐，自然粉（一点点就可以了），中国香菜粉，黄姜粉，甜红椒粉，辣椒粉，咖喱粉，香叶（家里作的话一片就行了）拌匀，腌制一下，建议可以放一点百里香！（个人意见）！然后用锅把鸡肉扒上颜色！放在一边。接下来炒洋葱（切丝或者切碎都行)炒上颜色，然后放入姜蓉蒜碎和一点鲜的或者干的辣椒炒香然后加入自然粉，中国香菜粉，咖喱粉炒一下，然后加入椰奶煮开！（在炒完姜蓉蒜碎以后可以炒些咖喱酱进去，要炒出红油为止！也可以用椰奶把咖喱酱泡开直接对进去) 最后把之前煎好的鸡肉放进去搅拌均匀就可以了（如果汁太少的话可以少加一点水），因为鸡肉比较好熟，所以鸡肉放进去煮开5分钟也就可以了！然后用鸡粉盐调口就行了 注：1。香料不要放很多，家里做放一点就可以了，不然会发苦！ 2。咖喱粉要比其他香料多一点点，因为毕竟是咖喱的嘛！ 3。吃的时候可以放一些用咖喱鸡水煮熟的土豆进去，味道会很不错！ 4。出锅的时候可以点一点点香油，放一点鲜的中国香菜碎进去！ 西餐的做法：   </t>
  </si>
  <si>
    <t xml:space="preserve">当你想做爱的时候，该怎样才能让男友知道？是清楚的说，还是... </t>
  </si>
  <si>
    <t>条件具备，气氛具备，双方具备。干柴烈火。</t>
  </si>
  <si>
    <t xml:space="preserve">杀1次海盗得多少声望？ </t>
  </si>
  <si>
    <t>最多可以得10点......</t>
  </si>
  <si>
    <t xml:space="preserve">玄龟金鼎奖品都有哪些啊？玄龟金鼎一到五等奖品都奖些什么啊？ </t>
  </si>
  <si>
    <t>１等是坐骑，２等是面具　３等是月华，４等是太一轮　　，５等是回程吧</t>
  </si>
  <si>
    <t xml:space="preserve">有没有谁上北京舞蹈学院的,你们有没有暑期的街舞现代舞的培训班啊谢? </t>
  </si>
  <si>
    <t>我朋友是舞蹈学院的，他说没有，据说那里放假</t>
  </si>
  <si>
    <t xml:space="preserve">天津松江在东疆保税区的高尔夫项目有多大？ </t>
  </si>
  <si>
    <t>天津盘山高尔夫球场，明年五月开业，和天津松江团泊湖高尔夫球会是一个开发商。具体像是在毛家峪，就是在蓟县和北京交界处。电话我也不知道，明年开场可以给你问问。（希望能帮到你，麻烦在我回答的下面点击 “好评”，谢谢你啦^_^）</t>
  </si>
  <si>
    <t xml:space="preserve">惠氏奶粉是否上火宝宝换了惠氏奶粉之后开始便秘，有人告诉我要和其它 </t>
  </si>
  <si>
    <t>惠氏奶粉是蔗糖,口味偏甜,宝宝吃了容易虚胖建议你考虑葆婴的,口味比较清淡,突出卵磷脂,价格还比惠氏的便宜如在北京可以七五折葆?智配方奶粉系列  产品特点：* 富含宝宝发育所需的全面、均衡的营养。包括优质蛋白、必需脂肪酸以及叶酸、钙、铁、锌等多种维生素及矿物质，各营养素之间比例、更易于人体吸收。* 特别强化卵磷脂令宝宝更聪明。* 原料来自无污染的新西兰健康的乳牛，采用世界一流的生产设备和工艺，质量控制非常严密。确保奶粉品质更优良。* 三层高科技铝塑复合材料制成，包装内充纯度99.99%的氮气，令奶粉更新鲜持久 。 类别：* 葆?智妈妈配方奶粉（专为孕期及哺乳期妈妈设计）* 葆?智婴儿配方奶粉（专为0－6个月的孩子设计）* 葆?智幼儿配方奶粉（专为6个月至3岁的孩子设计）第七届卵磷脂国际会议摘要："总结研究成果，建议怀孕妇女服用适量的卵磷脂，这对于婴幼儿的智力发育是很重要的。"美国食品与药物管理委员会（FDA）建议，"所有的婴儿食谱中都要适量补充卵磷脂。"包装规格：400克/袋用法与用量：见产品包装袋表格零售价：42.8元会员价：38.5元</t>
  </si>
  <si>
    <t xml:space="preserve">新鞋挤脚怎么办我前几天刚买了双新鞋，上午的时候鞋一点也不挤脚，等 </t>
  </si>
  <si>
    <t xml:space="preserve">用白酒淋在废旧报纸上,使之湿润,然后捏成一团塞在觉得挤脚的地方(我就是在前后各放了两团),放置一天.第二天再穿.中国皮革和制鞋研究院戚晓燕研究员告诉记者，大部分皮鞋的前后都放置了定型片，再加上鞋后跟通常由两块皮子缝合，脚跟和鞋之间稍有空隙就会被磨破。新鞋过小，或者皮子偏硬，都容易磨脚。 　　“新鞋最容易磨脚的两个地方，一是脚后跟，一是大脚趾外侧。”北京市朝阳第二医院外科李永锦大夫说，“如果长期穿磨脚的鞋子，容易导致鸡眼、甲沟炎、拇指外翻等疾病。” 　　如果不慎买到了磨脚的鞋子怎么办？有业内人士提供了几种“土办法”，以供参考。一、涂抹法：在新皮鞋磨脚处涂抹面霜，或将一块湿纸巾晾干，再充分浸透白酒，用一个夹子固定在磨脚处，放置一晚上，能起到软化皮子的作用。二、擀压法：如果鞋子边缘部位磨脚，可用湿毛巾捂几分钟，使其潮湿变软，然后拿玻璃瓶子等圆柱形物体用力擀压几遍。三、楔掌法：如果新鞋因太小而夹脚，不妨用湿毛巾捂湿，再用鞋楔撑大，穿起来就顺脚了。 　　戚晓燕表示，上述几种方法的原理都是软化皮革，具有一定可行性，但也会一定程度上减少皮鞋的寿命，最好的方法还是学会买鞋子：尽量买羊皮等软皮鞋；鞋子大小要合适；最好选在下午3点左右买鞋，那是一天中脚最胀的时候，如果上午买鞋，尽量选宽松点的。鞋子磨脚程度严重的话，建议送去厂家处理，他们会用相应的润滑剂和鞋楦加以处理。 　　记者还在市场上发现了几款专为防止鞋子磨脚而研制的脚贴。比如屈臣氏里一款“防鞋后跟带滑落贴”，既可固定鞋跟，还能防止脚与鞋直接接触，避免磨脚。另一款“舒软护足垫”，专为穿高跟鞋的女性设计，可附着在脚掌心与鞋之间，减少因长时间步行或鞋内不光滑而导致的脚部酸痛。 </t>
  </si>
  <si>
    <t xml:space="preserve">图片中的狗狗是什么品种？ </t>
  </si>
  <si>
    <t>这图我看到过这狗狗~是松狮吧</t>
  </si>
  <si>
    <t xml:space="preserve">中度宫颈糜烂会变重度吗?去年11月的时候流产后查出得了中度宫颈糜 </t>
  </si>
  <si>
    <t>肯定会变重度的，我以前就是，还有宫颈肥大．后来做了激光，但白带还是很多的．一直看不好．后来做了白带培养，发现有衣原体和支原体感染，用了药后马上白带变少变干净了．我建议你也去做一下，检查一共１３０元．我想我要是早检查出就不会变那么严重了．　以前看了那么多年都没有医生建议我做，还是后来看不孕做术前准备时才无意发现的．</t>
  </si>
  <si>
    <t xml:space="preserve">咽喉炎复发怎么办 </t>
  </si>
  <si>
    <t>你可以吃含片或治疗慢性咽喉炎的中药。也可以用局部喷的药。平常多喝水，多吃水果。　　１.注意劳逸结合，防止受冷，急性期应卧床休息。　　２.经常接触粉尘或化学气体者，应戴口罩、面罩等防护措施。　　３.平时多饮淡盐开水，吃易消化的食物，保持大便通畅。　　４.避免烟、酒、辛辣、过冷、过烫刺激性食物。　　５.注意口腔卫生，养成饭后漱口的习惯，使病菌不易生长。　　６.冬苋菜、蜂蜜、番茄、杨桃、柠檬、青果、海带、萝卜、芝麻、生梨、荸荠、白茅根、甘蔗等食品，具有清热退火、润养肺肾阴液的作用，可适量选食。　　７.保持室内空气流通。　　８.不要长时间讲话，更忌声嘶力竭地喊叫。</t>
  </si>
  <si>
    <t xml:space="preserve">法国大学除了巴黎的大学以外，外省有什么好的大学吗？ </t>
  </si>
  <si>
    <t xml:space="preserve">我认为要选学校是根据你所学的专业的，每个公立大学（universite）的排名是根据专业而排的。ilsa129说的Grand Ecole，要小心，因为有好些文凭中国是不承认的，你可以到中国驻法大使馆的网站上去看看那些学校是中国承认的。网址：   除了巴黎以外，我的建议你可以参考一下：经济类好的学校：图鲁兹一大（我现在的学校），产业经济学和计量经济学都很强。创建该学院的拉芬教授曾获得诺贝尔奖。                斯特拉斯堡一大，                尼斯大学理工类学校：马赛3大，里昂1大，里尔，斯特拉斯堡3大，图鲁兹3大，等等。如果你想了解更多每个学校的信息，可以去新战斗在法国论坛，肯定能够有你要的东西哦。网址：                 </t>
  </si>
  <si>
    <t xml:space="preserve">神奇的微博~[杰克逊]iphone5S好还是三星note3好？平? </t>
  </si>
  <si>
    <t>建议选择iphone5s，苹果的手机比较保值，而三星的手机降价很快，这2款售价几乎同一时间上市，刚出的时候note3的价格比5s还贵，价格去到接近6000，而现在5s一分钱都没降，三星的note3已经降到3900，还有一点就是苹果的手机用久了不会卡，三星会，如果你玩游戏的时候卡卡的，会影响你的成绩。希望我的回答对你有用，如果可以希望给个好评，谢谢</t>
  </si>
  <si>
    <t xml:space="preserve">预备队，看你们啦！今晨，本指挥官在大战前做出了一个决定，部队统统 </t>
  </si>
  <si>
    <t>短期暂时观望，等待机会</t>
  </si>
  <si>
    <t xml:space="preserve">A车180和S4重各方面性能来说哪好？跑城市锦标山路哪个好？越详 </t>
  </si>
  <si>
    <t>开了一下午180,这车还是很强,在城市不如S4和NFS-SP,但要是不在有很长直道的情况下SP就不是对手了,这车过弯有点象330,不太好控制,但总体感觉不错,加速很好,中后期加速都可以.仅仅次于S4,但起步绝对是180要快于任何一辆车,只是后期比S4慢一点点,毕竟S4是加速王.跑城市180底气不足,急速241,但锦标和山路就可以和S4抗衡,其他的车根本不是对手,看你会不会改装,技术怎么样,开S4技术不好的话照样拿下.本人电信2的,Dark King车队的,我的车没有装任何黄金部件和点卡装备.能够很轻易的摔开除S4以外的车,跑悬崖不管正的还是反的第一圈都能很轻松跑进4分钟以内,建议大家塌塌实实的好好熟悉车,这是部仅次于S4的极品,不是垃圾</t>
  </si>
  <si>
    <t xml:space="preserve">为什么到12点了登入天2还是进不去啊？是服务器还没维护完吗？还什 </t>
  </si>
  <si>
    <t>天知道啊。可能是服务器还没有全好。。。怎么登入也没用啊，一点儿反映都没有。。。我也一样啊。。。。没办法只能等了。。。。郁闷啊</t>
  </si>
  <si>
    <t xml:space="preserve">关于5173买号的问题我想在5173买个传奇世界ID.但是我怎么 </t>
  </si>
  <si>
    <t>这个一般都不会有显示,所以你还是最好找个进一点的人买比较安全点`~~一般还有东西送的哦</t>
  </si>
  <si>
    <t xml:space="preserve">广州治疗重症肌无力需要花多少钱 </t>
  </si>
  <si>
    <t>治疗费用费用是因人而异的，有些患者，病情较轻，治疗所需时间较短，其治疗费用，相对较少;有些患者病情比较严重，治疗起来相对难，其治疗费用因而会相对高一些。重症肌无力的治疗费用会受到患病时间长短的影响，如果患者能在患病早期及时治疗，就可以花很少的钱治愈。反之，病情拖延则会增加治疗难度，其治疗费用也会增加。所以，如身体出现异常，应及时到正规医院检查、治疗，以免疾病恶化。</t>
  </si>
  <si>
    <t xml:space="preserve">我的电脑无法启动了，连自检都没有，于是我把内存条换了一个插槽，便? </t>
  </si>
  <si>
    <t>常见故障诊断方法内存是电脑系统中最敏感的部件，也最易发生故障的部件之一，而由内存导致的故障往往都表现在其他部件上，且大多数表现各异故障现象各式各样。内存故障分析：当内存出现故障时常出现内存容量减少、Windows经常自动进入安全模式，Windows系统运行不稳定经常产生非法错误，Windows系统运行时出现蓝屏，Windows注册表经常无故损坏，提示要求用户恢复，启动Windows时系统多次自动重启，出现内存不足的提示，随机性死机，开机无显示报警或开机后无显示无报警等故障现象。由内存引起的这些故障现象的原因也是多方面的，有硬件质量方面的，也有安装接触方面的。具体原因分析及排除方法如下：（1）  CMOS中内存设置不正确，电脑将不能正常运行、死机或重启。对于此原因引起的内存故障可以进入BIOS程序，然后使用“Load BIOS Defaults”选项，将BIOS恢复到出厂默认设置即可解决。（2）  内存条与内存插槽接触不良通常会造成电脑死机、无法开机、开机报警等故障。而引起内存条与内存插槽接触不良的原因主要包括内存金手指氧化、主板内存插槽上蓄积尘土过多、内存插槽内掉入异物、内存松动不牢固、内存插槽中簧片变形失效等。对于由于安装不牢引起的故障可以将内存卸下，重新安装即可。对于主板内存插槽上蓄积灰土过多引起的故障可以先将内存卸下，然后清理主板及内存上的灰尘，清洁后安装好内存即可。对于内存金手指被氧化引起的故障可以先将内存卸下，然后用橡皮擦拭一遍内存的金手指，清除被氧化的氧化层，然后安装即可。对于内存插槽簧片变形失效引起的故障可以先将内存卸下，然后清洁主板的灰尘，接着仔细观察内存插槽中的弹簧片，找到变形的弹簧片，用钩针等工具进行调整即可。（3）  内存与主板不兼容将造成死机、容量减少、无法启动、开机报警等故障现象。内存不兼容故障排除时需要用替换法检测。一般与主板不兼容的内存在内存安装到其他电脑后可以正常使用，同时其他内存安装到故障电脑主板中也可正常使用。（4）  内存芯片质量不佳将导致电脑经常进入安全模式或死机。对于内存芯片质量不佳引起的故障需要用替换法来检测。一般芯片质量不佳的内存在安装到其他电脑时也出现同样的故障现象。（5）  内存损坏通常会造成电脑无显示无报警或有报警的故障。通过替换法来检测即可，如果内存安装到另一块正常主板上后无法工作，则可判断内存损坏。（6）  内存故障诊断：当怀疑内存问题引起的故障时，可以按照下面的步骤进行诊断排除。第1步：首先将BIOS恢复到出厂默认设置，然后开机测试。第2步：如果故障依旧，接着将内存卸下，然后清洁内存及主板上的灰尘，清洁后看故障是否排除。第3步：如果故障依旧，接着用橡皮擦拭内存的金手指，擦拭后，安装好开机测试。第4步：如果故障依旧，接着将内存安装到另一插槽中，然后开机测试。如果故障消失，重新检查原内存插槽的弹簧片是否变形。如果有，调整好即可。第5步：如果更换内存插槽后，故障依旧，接着用替换法检测内存。当用一条好的内存安装到主板，故障消失。则可能是原内存的故障；如果故障依旧，则是主板内存插槽问题。同时将故障内存安装到另一块好的主板上测试，如果可以正常使用，则内存与主板不兼容；如果在另一块主板上出现相同的故障，则是内存质量差或损坏。</t>
  </si>
  <si>
    <t xml:space="preserve">我是一刚开车的出租车司机.请问为了能安全行车,出租车司机开车时最? </t>
  </si>
  <si>
    <t>1.不开疲劳车.注意休息.保持精神旺盛.2.不开英雄车.注意城市规定速度.不超速行使.3.不违反交通规则.不随意闯红灯.不随意变道.4.停车带客.下客应注意后面的车辆和边上的行人.5.不开斗气车.不和其它车辆斗气和赌气.6,不随意在道理中间掉头.7,不和其它车辆争道抢行.8,出车前.经常检查车辆轮胎,发动机.刹车系统包括轮胎气压.</t>
  </si>
  <si>
    <t xml:space="preserve">guy到底是只指男的还是男女都指？谢谢 </t>
  </si>
  <si>
    <t>1。guy 男人，小伙子，家伙2。guys 一群男人（或女人），伙计们，兄弟（或姐妹）们单数指男复数指男女皆可只问guy的话就是男人了</t>
  </si>
  <si>
    <t xml:space="preserve">英语选择题，希望知道答案和原因，谢谢。 </t>
  </si>
  <si>
    <t>选Caverage 意思是平均的, 普通的, 无特别的. 如average people 表示普通人.general 表示普遍的, 反义词是specific, 特定的.</t>
  </si>
  <si>
    <t xml:space="preserve">万能的微博，深圳有维修饰品的地方么？断了 </t>
  </si>
  <si>
    <t>周大福、金饰品都可以深圳龙岗区龙东鸿基路6号义乌小商品批发城一楼B1207观前街邵磨针巷88号伊人坊 龙岗中心城吉祥中路卖珠宝的地方都可以维修的。珠宝世界深圳市华强北商业街2006号华联发大厦1-2层电话： 0755-83999595/83998283营业时间：10:00—22:00东门步行街！我就修过。如果我的回答对你有帮助，请点击“有用”，谢谢！可以去水贝，或者嘉汇国际黄金珠宝钟表城里维修。</t>
  </si>
  <si>
    <t xml:space="preserve">发育迟缓引起的癫痫病怎么治呢？ </t>
  </si>
  <si>
    <t>他们往往四肢僵硬，发育明显比同年龄的小孩落后，他们不懂得坐，不懂得抬头，更没有办法自己站着或走路，四肢活动也会出现异常，有的患儿表现为一边手脚不灵活，有的患者可能会表现为半侧肢体活动不正常。在了解脑部发育迟缓引发癫痫怎么治疗前，我们先来了解下这一类型的癫痫的症状，专家指出，大部分脑部发育迟缓引发的癫痫患儿都没有办法完成正常的运动。专家指出，应及时进行脑电图检查，同时及时服用抗癫痫药物进行治疗，如果药物治疗效果不佳，建议采用手术或是采用国外引进的新技术。</t>
  </si>
  <si>
    <t xml:space="preserve">为什么荆州这个地方,三国乃至后来,都是兵家必争之地?如题? </t>
  </si>
  <si>
    <t>在大运河开凿之前，襄阳是从中原到长江流域的主要交通枢纽。从洛阳、开封等地出发有水路通到叶县附近，走陆路过方城隘口就是长江流域了，有水路直通襄阳。从襄阳出发沿汉水而下有两条路可以走：一是经夏口入长江，刘备一行人逃难时走的就是这条路；二是经过汉水与长江之间的某水道（今已不存）去荆州（江陵）。后一路线在当年似乎为更多人选择，因为荆州位于古代云梦泽三角洲的顶点，在当年更适合人类居住，又曾长期作为行政中心，远比夏口繁华。而且从荆州溯江而上可以去四川。所以，荆州（江陵）在三国时期是位于中原、江南和四川之间的交通要道，又是繁华都市，人口众多，物产丰富，自然是兵家必争之地。还要指出，三国演义里面提到的荆州实际上是两处：刘备骑的卢马逃命的荆州实际上是襄阳，因为荆州牧刘表当时在襄阳，襄阳就成为荆州城；刘备向东吴借荆州时，荆州城是江陵（当时襄阳在曹操手中），这才是我们通常所说的荆州。无论是江陵还是襄阳，当年都是战略要地。</t>
  </si>
  <si>
    <t xml:space="preserve">被盗车怎么样找理赔??我的车是在汽车维修车厂的老板搞丢了,怎么样 </t>
  </si>
  <si>
    <t>我伯伯的是给他赔的新车</t>
  </si>
  <si>
    <t xml:space="preserve">我二个月前买的联想电脑，现在液晶显示屏上出现了一个亮点，是否正常? </t>
  </si>
  <si>
    <t>如果不是外力影响出现的肯定不正常，找联想服务问问，如果一直出现就要修了</t>
  </si>
  <si>
    <t>BIOS里怎么找不硬盘启动的选项呢?硬盘启动是那个HDD</t>
  </si>
  <si>
    <t>虽然不同主板品牌所显示的BIOS内容不同，只要找到它的高级设置项（如Advanced Bios ……）进入后都能修改。进入后用上下方向键到“First Boot”项，再用“Page Up”和“Page Down”键选择，找到“HDD”或“C Only”均表示硬盘启动。保存退出重启动即可。</t>
  </si>
  <si>
    <t xml:space="preserve">今年内我经常脱肛,有什么好的办法治?(27岁,办公室上班) </t>
  </si>
  <si>
    <t>直肠脱垂方（方名益气举脱汤）方药：人参（另炖）、升麻各10克，炙黄芪80克，乌梅3个。用法：后3味加水600毫升，煎至250毫升，取汁，再加水300毫升，煎至100毫升，2次药液混匀，早晚2次分服；并结合外洗方：乌梅、五倍子各20克，金银花、黄柏各30克，加水3000毫升，煎至2500毫升，置于盆中，待温，坐浴洗肛部，早晚各1次。功效：补气升阳，涩肠举阳。主治：直肠脱垂（脱肛）。</t>
  </si>
  <si>
    <t xml:space="preserve">6F的ABD和大马什么价？重装ABD包括头手脚盾上下装和大马的价 </t>
  </si>
  <si>
    <t>大马白的没有7500买不到ABD便宜3000W全套</t>
  </si>
  <si>
    <t xml:space="preserve">请介绍一下心脏搭桥手术尤其是它与支架手术的区别 </t>
  </si>
  <si>
    <t>如何选择冠心病治疗方案更合理北京安贞心脏外科     黄方炯 于建波冠状动脉粥样硬化性心脏病,简称冠心病,亦称缺血性心脏病,是冠脉粥样硬化致血管腔阻塞并导致心肌缺血缺氧而引起的心脏病。本病多发生在40岁以后,男性多于女性,是危害人民健康的最常见疾病之一。冠脉硬化的发生与许多危险因素相关。性别、年龄、家族遗传史、高血压、糖尿病、吸烟、高脂血症和肥胖等都与冠心病的发生息息相关。在众多危险因素的作用下,冠脉内皮细胞功能出现障碍,形成脂质斑块沉着,引起冠脉管腔狭窄,造成心绞痛发作。冠心病的治疗方法有多种,药物保守治疗、介入治疗(包括冠脉内球囊扩张术和支架置入术)、外科手术治疗(包括冠脉搭桥术和激光心肌打孔术)都是目前治疗冠心病常用的有效方法。历史回顾冠脉搭桥术的发展已有近40年的历史。1967年,Favaloro首先在美国Cleveland医学中心应用大隐静脉进行了升主动脉冠脉搭桥术,奠定了现代冠脉搭桥术(CABG)的基础。1974年北京阜外医院的郭加强教授在国内率先开展了冠脉搭桥术。到20世纪80年代后,冠脉搭桥手术日趋成熟,显示出了比单纯药物治疗更显著的疗效。冠脉搭桥术按是否需要体外循环辅助分为心脏停跳下搭桥和不停跳下搭桥两种方式。停跳(或室颤)下搭桥是过去常用的方法,特别适用于同时需要心内操作的病变,如室间隔穿孔、二尖瓣关闭不全、左室室壁瘤合并血栓等情况。这种术式的特点是靶血管显露清楚,手术操作相对容易,但体外循环带来的并发症也相对较多,住院时间较长,住院费用也较高。非体外循环(心脏跳动下)搭桥对于无需心内操作的患者,尤其是心功能较差的患者尤为适用,其优点是心肌保护较好,无体外循环并发症,但技术条件要求较高,目前只有少数医学中心开展此项技术,尚有待普及。1987年以后冠脉内介入治疗的开展对冠脉搭桥手术提出了巨大的挑战,而微创冠脉搭桥术的产生使冠脉搭桥术显现新的优势,微创冠脉搭桥术包括不停跳冠脉搭桥、小切口冠脉搭桥、胸腔镜下冠脉搭桥及局麻下冠脉搭桥等。近年来,冠脉搭桥合并冠脉内支架的“杂交”手术也为不少患者提供了治疗的好方法。哪种病人适于做冠脉搭桥术冠脉搭桥手术对于心绞痛,特别是不稳定型心绞痛患者,以及经系统药物治疗无效的患者均适用。还适用于冠脉造影提示有左主干或多支病变,或有左主干的高位前降支和高位回旋支狭窄;主要冠脉局限性狭窄,管径狭窄达50%以上,狭窄远端通畅,且直径大于1.5 mm者。对于经皮穿刺冠状动脉腔内成形术(PTCA)失败或术后发生再狭窄者,PTCA时穿破冠状动脉导致出血,或斑块剥脱堵塞远端管腔,或急性心肌梗死溶栓术后动脉仍有明显狭窄者,均应采取冠脉搭桥术。对于有心绞痛症状的心肌桥、冠脉起源异常和冠状动脉瘘患者也适合采取冠脉搭桥术。冠脉搭桥术也有禁忌证,如冠状动脉弥漫性病变,病变远端血管腔直径小于1 mm或不通畅者,有慢性心衰、严重肺功能不全、左心室功能低下(EF&lt;25%),全身动脉粥样硬化伴高血压或合并糖尿病和肾功能不全,药物不能控制症状者。冠脉搭桥手术的理论基础是应用移植材料重新建立血运,使冠脉血管狭窄远端得到血供,改善心肌缺血缺氧状态。搭桥手术的移植材料有大隐静脉、左和右乳内动脉、胃网膜右动脉、桡动脉和人造血管。手术的远期疗效冠脉搭桥手术在缓解患者心绞痛症状,改善心功能状况方面是非常有效的,大多数患者术后有比较满意的生活质量。一些研究证明,术后2~3年有50%的患者能从事中等量或剧烈的活动。冠脉搭桥手术后血管桥中,静脉桥10年通畅率约为50%~60%,乳内动脉10年通畅率约为90%。美国心脏病学会统计患者术后1个月、1年、5年、10年、15年生存率分别为96.5%、95%、88%、75%、60%。影响术后生存率的原因主要是由于移植的血管闭塞及本身冠状动脉病变进展所致,还与患者术前心绞痛的程度、类型、冠脉病变的程度、范围,心功能状况、是否存在糖尿病、肺功能不全等相关。介入治疗与冠脉搭桥术相比,前者创伤小,易重复,能有效缓解症状,但再狭窄率高,血运重建不完全,费用高,远期效果不确定,不能改善心功能,也不能延长生命;冠脉搭桥手术血运重建完全,适应证范围广,一些特定患者生存率高,能缓解症状,但创伤大,并发症相对多。对于多支病变,两者死亡率和非致命性心梗发生率无差别。冠脉搭桥手术后心绞痛症状缓解率高于介入治疗,介入治疗的再手术率高于冠脉搭桥手术。对于左心功能不全的患者,冠脉搭桥手术的生存率高于血管成形术,这可能是因为前者血运重建更完全。事实上,介入治疗的完全血运重建率在两支病变者只有25%~50%,3支病变者仅达10%~25%。如何合理选择术式当严重心绞痛持续发作和患者出现严重的抗心肌缺血药物不良反应时,必须造影明确冠状动脉病变部位以便选择适当的血运重建方法。当患者心绞痛得到控制后,需接受无创检查,结果属“高危”者应进行冠状动脉造影。冠状动脉解剖病变明确后,按如下原则选择血运重建方法较为合理:单支血管病变:对已明确需要血运重建的单支病变而且病变部位合适的患者,选择腔内血管成形术或其他导管介入技术或微创搭桥手术为宜。多支血管病变:双支病变而且没有左心功能不全的患者,腔内血管成形术和冠脉搭桥术的远期死亡率和心肌梗死发生率相近,只要患者能够接受将来有可能症状复发并需要再次手术的现实,首次治疗选择血管成形术是可行的。受累血管的病变单一、局限且左心功能未受损时,选择血管成形术的费用在国内常高于冠脉搭桥手术。这类患者中,合并糖尿病者腔内血管成形术再狭窄率高,可选择冠脉搭桥术;两支病变并伴有前降支近端狭窄、三支病变、左主干病变者应选择冠脉搭桥术。小 结对于冠心病患者应根据每个人的不同情况,综合考虑各种因素后合理选择确实有效且患者能接受的治疗方法。作为心内、心外科医师,应本着科学合理的态度为患者提供好的建议。目前,有些内科医师不考虑实际情况随意放置支架,既增加了患者的心理和经济的负担,又不能收到良好的治疗效果。例如对临床中经常见到的三支病变患者,有的内科医师将右冠放置支架后建议患者再做搭桥手术,这样使外科医师确实很难制定手术方案。因为左冠肯定要做搭桥,右冠又有支架且通畅,而支架的远期效果又难以和搭桥相比,术中若不对右冠病变采取措施,仅做左冠搭桥,那右冠支架放置处日后还有发生再狭窄的可能;若对右冠同时搭桥,操作难度和费用都不会显著增加,但远端血管腔固定且血流量恒定,近端既有支架又有桥血管且都通畅,这必定使每个通道内的血流量都减少,血流速度也会受影响。两者竞争的结果会使支架内更易堵塞,桥血管也容易形成血栓。对此种情况,处理起来非常棘手。综上所述,作为医师应首先为患者着想,向患者提供最佳治疗方案,而不是提供自己能提供的方法,这是每个医师都应该牢记的宗旨。</t>
  </si>
  <si>
    <t xml:space="preserve">我的龙能卖几钱ＲＭＢ血４４６９蓝６６５７速度６上限３１１上限２０ </t>
  </si>
  <si>
    <t>目前的价格楼主的龙可以卖到300左右，这是老区的价格。新服的话加40－50%是比较合理的。上限龙目前变身和战士用得比较多。之后的新地图，屠龙的下限BUG改了以后，是不是有很多屠龙会改用上限还不得而知，但至少已经有信号表明，上限升值。不过这个游戏，装备一直是贬值的风暴中心，骑宠挂件以后会不会出新的？不得而知，连首饰都要出新的了。原本以为首饰是最保值的东西，看来也不尽然。总而言之，物品如果要变现，那就得合适的时候出适合的价格，找适合的人。成交为之不远。建议楼主定好心理价位，然后慢慢谈价吧。个人意见，仅供楼主作参考用。****</t>
  </si>
  <si>
    <t xml:space="preserve">男人需要的最基本的信任是什么我不知道男人是不是希望自己的手机和Q </t>
  </si>
  <si>
    <t>小妹，我是个过来的人，让我来谈谈我的看法吧：1、无论男女，都有属于自己隐密的空间，且都不想被不该看到的人看到，如果一个人总想去探知对方的隐密，至少缺乏的是尊重，这根本谈不上什么信任不信任。2、每个人，都愿意把自己隐密的东西到了适当的时候，倾述给自己心爱的人。那么什么是适当的时候呢？当你不计较他的所有的时候，当你的态度让他感到不会造成彼此伤害的时候，当彼此的所有事情都能坦然面对的时候，这人时候，就是适当的时候。你问问你自己，你们做到了吗？试想一下，谁愿意把自己的所作所为露出来后，去伤害彼此呢，特别是对一个醋劲十足的女孩或男孩。3、你们缺乏交流，缺少沟通，或者是彼此太了解，明知这些事情会彼此伤害，所以他或她，不愿意透露自己的内容。4、你说得对，彼此是需要信任，但更需要尊重。如果你自己有些秘密没跟他说，但他又在不经你同意的情况下来探知，你会怎么想？我希望你们彼此尊重对方。5、给人一个自由的空间，让他或她随意的畅游。重要的是看他或她的行动，如果他的行为被世人所不耻，那么，这种人趁早88。否则，你们会越过越幸福的。我的妻子从不看我的及QQ内容，我们非常幸福，我也非常爱她。6、短信或QQ的内容是可以跟其他人说些甜言蜜语的，但你没有必要去计较，这根本不重要，重要的是他的心和他的行动。</t>
  </si>
  <si>
    <t xml:space="preserve">3档3敏粉红估价昨天抓只粉红,现在冲到10级,冲稳定了,掉3敏, </t>
  </si>
  <si>
    <t>不知道你在什么服我1区处女的我有个掉2敏的粉红20级的时候有人出500W目前85了继续成长ING</t>
  </si>
  <si>
    <t xml:space="preserve">有什么药物治疗腰疼比较好 </t>
  </si>
  <si>
    <t>药是不能乱吃的，你最好到正规医院检查一下，听取医生的建议吃什么药，毕竟身体主要，你说呢？</t>
  </si>
  <si>
    <t xml:space="preserve">仙3外的问题5本仙术书.该怎么分配?我想打出所有尸块.也想得到称 </t>
  </si>
  <si>
    <t>壹:南宫煌雷风火土全练到肆级可得到"仙术通天"称号.可以得到天魔附体,星沉地动,举火燎天,烈焰燃雷肆招.贰:温慧学火与水可凑灵血咒叁:王蓬絮学水与风凑风露饮和风雪冰天,尤其是她变身后用风雪冰天,大小BOSS竞折妖.肆:当然火可以给星璇(出星沉地动)不推荐伍:偶是以唯仙术多原则分配的,原文中双属性仙术只有赎魂光(雷+水)没有出现.陆:举火燎天南宫煌,温慧,王蓬絮必须有一人会,在少阳参天打五帝之首剑得尸块柒:星沉地动和烈焰燃雷是打合击必须的,南宫煌应该会这是偶以前的帖子,你看过,还采纳过.这里偶再追加几点壹:如果你想得到称号,那仙术就无法平均,因为得到称号需要很变态地玩(偶是体会到了)贰:打尸块用到的双属性仙术只有举火燎天一种,而且也不涉及需要的仙术对应属性人不在场的情况(除了蜀山故道的赤脚大仙,需要的招术是风卷尘生,但是蜀山故道是可以重游的)叁:打出全部合击需要打出温慧结局,并且需要其他技巧,如飞鸟裂天只能在月光城打出(地缚棺或风灵兽人型在场),如果你认为难度太大,可以放弃.肆:如果你放弃仙术通天称号,可以参考Foreveryone的答案,偶相信他会贴的,偶就不转载的.伍:如果你需要类似称号取得方法,尸块合击资料等资料,跟偶发消息,偶会修改这个问题的答案.陆:你最好下载一个比较全面的叁外攻略电子书,偶也是用电子书起家的.偶有一个比较好的,你需要的话,跟我说一声,我放共享资料里.</t>
  </si>
  <si>
    <t xml:space="preserve">怎么才能顺其自然的把一个不认识的女孩子约出来呢？ </t>
  </si>
  <si>
    <t>自己制造一次偶然相遇的机会，如不小心踩到她的脚，然后赔礼道歉等。</t>
  </si>
  <si>
    <t>国际搬家</t>
  </si>
  <si>
    <t>海龙国际是一家专门从事国际搬家，国内搬家，办公室搬迁的公司，总部设在英国，成立于2001年，全球服务网络遍布100多个国家及地区，在中国服务近300个城市！</t>
  </si>
  <si>
    <t xml:space="preserve">有请中央一套！！！32元进球彩大比拼!!!想抢100元的请进!! </t>
  </si>
  <si>
    <t>啥指示啊?HOHO~~~~~~~~~~错了N多了 惭愧惭愧。。。</t>
  </si>
  <si>
    <t xml:space="preserve">我怎么不能得到激活码啊?谁给我个激活码啊???我试了很多方法都不 </t>
  </si>
  <si>
    <t xml:space="preserve">你的这个问题在这个网页可以找到答案~ 有什么不明白的地方可以留言给我~一起交流讨论~ </t>
  </si>
  <si>
    <t xml:space="preserve">已知ABCD是4正整数，ABC平均数为6，BCD平均数为8，问C? </t>
  </si>
  <si>
    <t>a+b+c=18b+c+d=24d-a=6a+b+c=18a=1d=7b+c=17少条件了</t>
  </si>
  <si>
    <t xml:space="preserve">该不该告诉老公我的朋友有皮肤病，她有个男朋友，她很爱男朋友，但又 </t>
  </si>
  <si>
    <t xml:space="preserve">你好刚看你的标题 以为是妻子在感情上背叛过呢 连答案都想好了 才发现 原来是这个原因我不知道是什么皮肤病 有多严重 会传染或遗传吗？如果不严重 不是太明显 不告诉也没关系的 不过如果比较严重 先想办法治疗 如果治疗的结果是不能根除 还是告诉男朋友的好 我不敢说 如果他爱她 就会接受她的一切这样的话 但是我觉得 男朋友有知道的权利 告诉他 如果他不介意当然好 她也松了一口气 而且她也会更爱他 如果他介意 那还是早结束的好 </t>
  </si>
  <si>
    <t xml:space="preserve">第一次见男朋友的父母应该注意些什么？下个月初我男朋友的父母要过来 </t>
  </si>
  <si>
    <t>多少一点交流了,心情放平和点,自然的才是最美的,祝你们相见愉快!!</t>
  </si>
  <si>
    <t xml:space="preserve">鬼压床是怎么回事啊？有一次我晚上半夜里突然醒来发觉自己想动动不了 </t>
  </si>
  <si>
    <t>就你这个咱情况，我上学那会也有。我是学医的。所以我不相信鬼压床。我看过大量的资料。我了解到这是叫短暂性呼吸暂停综合证。出现这种情况，大部分原因是由于心脏受压导致的。建议更改生活习惯，减少心脏受压的情况。</t>
  </si>
  <si>
    <t xml:space="preserve">建议国际足联把中国男子足球队纳入残疾人比赛.像现在在云南举行的比? </t>
  </si>
  <si>
    <t>兄弟:你就别糟蹋残疾人了!你去了解一下你身边的残疾人,他们哪一个身上没点绝活?身残志坚、自强不息几乎是大多数残疾人的共同特点。中国男足恐怕还没资格和他们同台竞技！</t>
  </si>
  <si>
    <t xml:space="preserve">有谁知道有哪些好的"自考"学习软件~~哎~~大一一进来就玩,现在 </t>
  </si>
  <si>
    <t>"自学宝典",自己上网找~~</t>
  </si>
  <si>
    <t xml:space="preserve">是哪儿的电话号码?这是个语音电话,又是某某起诉我的官司电话,是否? </t>
  </si>
  <si>
    <t>00852是香港的区号香港固定电话号码 : 2xxx xxxx , 8位数香港手机号码  :  5xxx xxxx  , 6xxx xxxx  , 8xxx xxxx  , 9xxx xxxx , 8位数不知道你给的为什么是3个0,如果是网络电话就可能是自己编的号码.0852是中国遵义,习水,道真,桐梓,赤水,绥阳,正安,湄潭,凤冈,务川,遵义县,余庆,仁怀的区号</t>
  </si>
  <si>
    <t xml:space="preserve">英格兰你让我很失望！我真的十分失望啊！怎摸会这样！ </t>
  </si>
  <si>
    <t>一场友谊赛不用太当真</t>
  </si>
  <si>
    <t xml:space="preserve">满腹经纶怎么拿？求帮助 </t>
  </si>
  <si>
    <t>6个。。。。。</t>
  </si>
  <si>
    <t xml:space="preserve">电信5风灵,一转剑合什么好Z还G,19级怎么升快点250元宝能卖 </t>
  </si>
  <si>
    <t>不用买武器，250元宝买俩狮子 卖了，1狮子=1.2E（风灵），去LZ直接找个3转+的掉及刀号带你 给你带到35 你给他差不多就是俩狮子的钱，2-3小时就到了</t>
  </si>
  <si>
    <t xml:space="preserve">33层的房子能买吗 </t>
  </si>
  <si>
    <t>为什么不能呢？通常来说，33层的高层，价格一定不菲，你有能力有机会买，作为置业或者自住来说那都是好事。33层空气相对低层污染小些，另外景观开阔，采光充足，噪音废气等污染也较少，应该是理想的。不过还要综合其它因素，例如附近的交通情况？是否顶楼？（一般我不建议顶楼，夏天热，下雨易漏水）附近有没有工厂污染？房屋的座向？间隔是否合理等等。。。</t>
  </si>
  <si>
    <t xml:space="preserve">为什么情人节要送巧克力？ </t>
  </si>
  <si>
    <t xml:space="preserve">为什么在情人节要送巧克力？这就要追溯到情人节的来源。传说中情人节来源于古罗的牧神节，据说鸟类在这一天开始交配。那时的风俗是：在牧神节期间，每个青年男子从一只盒子里抽签，盒子里放的是写有青年女子姓名的条子，抽到谁，谁就成为那个青年男子的心上人。后来这个节日改为纪念一位叫瓦伦丁的基督教圣徒。 　　古罗马青年基督教传教士圣瓦伦丁，冒险传播基督教义，被捕入狱，感动了老狱吏和他双目失明的女儿，得到了他们的悉心照料。临刑前圣瓦伦丁给姑娘写了封信，表明了对姑娘的深情。在他被处死的当天，盲女在他墓前种了一棵开红花的杏树，以寄托自己的情思。这一天就是2月14日。　　现在，在情人节里，许多小伙子还把求爱的圣瓦伦丁的明信片做成精美的工艺品，剪成蝴蝶和鲜花，以表达对爱人的深情厚意。男女表达爱意的方法是，男生通常会赠送给心上人一枝红玫瑰，而女孩子则会送给心上人一盒心型的巧克力。　　最通俗的说法其实是，巧克力的味道就像是爱情的味道，甜蜜和苦涩相互夹杂，一吃进口即刻享受融化的快感，仿佛情人的呢喃软语一般，温暖又温馨。另外，巧克力吃了以后能补充体能和力量，使人情绪高涨，这也就寄托了送礼人对情人的美好祝愿，祝愿爱情就像这巧克力一样甜甜蜜蜜，也祝福情人能够健康快乐。　　这样看来，巧克力的确是送给情人的最佳礼物。不过，诸位男士请注意了，情人节送巧克力可是女孩子的专利噢！女孩子若是暗恋某位男士又羞于表白，送巧克力是最好的方法。 </t>
  </si>
  <si>
    <t xml:space="preserve">农村家庭用的太阳能热水器哪个牌子好？因为想在农村做太阳能热水器生 </t>
  </si>
  <si>
    <t xml:space="preserve">现在市面上的品牌很多,大家还是选择皇明的较多.如果经济条件允许还是选择皇明,售后服务会好一些.不知道现在的太阳能热水器是否带泵,因压力不够淋浴时水不足.安装时能配套就更好了.保温管是需要关注的,保证在北方室外温度较低时能正常使用.曾遇到几次早晨没有热水可用的麻烦事. 你可以打他们的服务电话0371-65653835 </t>
  </si>
  <si>
    <t xml:space="preserve">请问habilitation是什么意思，谢谢Ataverypra? </t>
  </si>
  <si>
    <t>habilitation: 特殊教育，康复训练，特殊残疾人的培训等．＂habi＂是有＂居住＂，＂生活＂，＂习惯＂的意思．翻译：在一个可行的基础上，他们主要解决教育、健康、特殊教育、再适应教育，工作及能相适应的生活水准的权力。</t>
  </si>
  <si>
    <t xml:space="preserve">同居是否有罪？ </t>
  </si>
  <si>
    <t xml:space="preserve">婚恋范畴中的同居无罪,范畴中的同居是过不是错，但不能受到过分的道德谴责，凡事要有个度。婚前性关系的后果，有下列七条： 一、婚前性关系容易使男女两人在结婚前分手。有些女孩为了怕失去心爱的男孩才勉强献出自己的肉体。结果常常适得其反，萧特博士说：“如果她坚持最后一道关防，也许更容易把他挂住。” 二、许多男人不愿娶一个跟别人发生过性关系的女孩，萧特博士说：“有些男人一直在尽量大的努力减少总人口中处女的人数。但是到了结婚的时候，他们却不肯要一个‘旧货’”。 三、发生婚前性关系的女孩，婚姻生活比较不快乐。萧特博士说“婚前性关系次数越多，婚后的生活越不快乐。” 四、发生婚前性关系的女孩，离婚率较高。这是第三项的自然结果，婚姻生活不快乐是离婚的重要原因之一。 五、在婚前发生过性行为的女孩，婚后容易对丈夫不忠实。容易发生婚姻外性关系。她们红杏出墙的机会是婚前没有性经验的妻子的两倍。 六、在婚前发生性关系，可能会使少女嫁给不合适的人。“性能够使你盲目”，某些少女也许相信她已找到真正的爱，事实上使她和男友结合在一起的力量是性而不是爱。 七、有婚前性行为的女孩，婚后的性生活常常比较不满意。结婚对没有性经验的女性，婚后性生活显得比较美满。理由之一是，有婚前性行为的妻子常常会怀念她以前的性经验。回忆美化往事，她总觉得今天的丈夫比不上她旧日的情人。 </t>
  </si>
  <si>
    <t xml:space="preserve">晒太阳为何会皮肤骚痒我已有好几年了,每到冬天晒太阳皮肤就痒,吃辣 </t>
  </si>
  <si>
    <t>滋养面膜 1、胡萝卜、苹果面膜。胡萝卜要选用红色的。 2、玫瑰面膜。玫瑰花瓣25-50G，水100ML，玫瑰花瓣浸入水中，2个小时后，捣成糊，敷脸。适用干性皮肤。过敏性皮肤慎用。 3、椴树花面膜。将椴树花磨碎，假如冷开水调成粥状，加热到60-70度后凉置。邓温度降到37-40度时，将面膜涂在脸上，加盖几层纱布，保持15-20分钟后清洗干净。滋润干性皮肤、使皮肤细滑，而富有弹性。 4、杏仁、番茄面膜。适用有黑头粉刺的皮肤。 5、黄瓜、胡萝卜、蛋清面膜。滋养、改善肌肤粗糙，使肌肤细腻。黄瓜、胡萝卜打成汁加入蜂蜜饮用，会配合面膜发挥出更好的效果。 6、果汁面膜。可用杏、桃、葡萄、西瓜等。加面粉混合。 7、香蕉、麻油面膜。适用干性、中性皮肤。 8、酸奶面膜。酸奶+面粉。作用温和。 9、蜂蜜、蛋黄、橄榄油面膜。补充肌肤养分。 保湿面膜。 1、蜂蜜面膜。 2、芦荟面膜。保养、修复、、保湿、恢复肌肤弹性作用。 3、黄瓜面膜。补水保湿。 4、香蕉、牛奶面膜。 5、胡萝卜、蛋黄酱面膜。去老死细胞保湿。 皮肤干燥可能是女性最大的抱怨。 最近的调查显示，60%的女性最为关注的是皮肤干燥问题， 甚至超过了皱纹。 她们中70%人称身体皮肤在冬季很干燥，40%的人脸部皮肤干燥。（在夏季，比例分别为34%和15%） 自上世纪70年代开始，科学家已经报告全球的皮肤干燥问题频率上升问题。没有人知道确切的原因。部分原因是人体暴露在化学、污染和酸雨的环境中。我们对皮肤的期望已经从擦粉使皮肤看上去光滑，遮去暇疵，转变为实现皮肤湿润。 皮肤干燥问题也是个被广泛讨论的问题。对皮肤干燥还没有一个标准的定义。你只能通过症状才能认识到皮肤已经干燥了：起屑，紧绷，条纹，过敏、骚痒。直接原因是最外层皮肤受到损伤，这层皮肤是由皮肤细胞、脂质等帮助涵养皮肤水分的物质组成的。 当脂质的平衡被打破，皮肤失去水分，皮肤细胞通常会不知不觉地脱落，积聚成白色的皮肤屑。 专家说，许多皮肤干燥的人是因为环境条件原因造成的，但压力是另外一个诱因。最近的研究表明，专家发现当人的焦虑程度越高，他们的皮肤透性障（保持水分和抗过敏的物质）的恢复速度就越低。 年龄增长是导致皮肤老化的另一个原因，因为脂质水平会随着岁月的流逝而逐渐下降，特别是当绝经后雌性激素水平降低。青春期少女很少需要给皮肤补充水分，在若干年后皮肤自己会发出缺水的警报，一位皮肤护理产品公司的客户说到：“我大学时的室友每次洗完澡都要往身上擦补水的东西，我记得我一直认为她像个外国来的跳舞的，老得给自己涂上油。 我们的环境，包括寒风，骄阳、和中央空调，都从皮肤上带走水分。但真正的损害是来自人们对自己日常生活习惯偏号的放任。年轻女性经常一天洗两到三次澡，用刺激皮肤的洗涤用品（但不能补充水分的）。其实身体是不能忍受的。肥皂会带有脂质，如果在洗澡后没有及时涂抹润肤露，水分蒸发会循序迅速带走皮肤内部的水分。皮肤干燥不仅失去吸引力，发痒，而且随着环境恶化还容易受到细菌、过敏原和化学品的攻击。这些问题反过来又使皮肤更糟，使皮肤失去更多水分，自我表现修复的效果也越来越差。 造成皮肤干燥的原因有 一，年纪增长 随着年纪增长，皮肤保存水分的能力会下降，皮脂分泌亦会减少，使皮肤中的水份 二，皮脂分泌不足 皮肤的表面是由皮脂膜形成，可帮助肌肤维持适当的水份。一旦皮脂的分泌减少，就无法满足制造皮脂膜的需要，皮肤就会变得干燥。 三，气温下降 冷冽的寒冬下，皮脂和汗水的分泌都会急速减少，但由于空气太干了，使得皮肤的水份逐渐蒸发，皮肤的表面就变得更粗糙，抵抗力也会减弱。 四，睡眠不足、疲劳 睡眠不足加上疲劳，会使身体受到相当程度的伤害，血液循环也会变差。当健康失去平衡时，肌肤就会没有活力，容易产生干燥及粗糙的现象。 五，减肥及偏食 极端的减肥及偏食也会是皮肤变得干燥。当平肤无法得到充分的营养素时就会失去弹性及水份，使皮肤变得干燥而脆弱。皮肤干燥症又称为干皮病。 六，其它原因 室内的暖气温度过高、使用过热的水洗澡、使用具刺激性的香皂或清洁剂、内分泌改变，如妇女在绝经后雌激素分泌减少 什么样的皮肤算干燥？ 做个小测试， 看看自己的皮肤算进入“干燥危险期”了吗？ (1)整张脸感到紧绷。 (2)用手掌轻触时，没有湿润感。 (3)身体其他部分的皮肤呈现出干巴巴的状态。 (4)有的部位有干燥脱皮现象。 (5)洗澡过后有发痒的感觉。 如果你有上面5项中的3项，就说明你的皮肤已经在给你敲警钟了，你要尽早采取措施应对了。 夏末秋初皮肤干燥的4大诱因 这个季节的皮肤干燥和秋冬季的皮肤干燥、瘙痒不太一样，只要避开让皮肤干燥的几个因素，肌肤会很快恢复到原有的水嫩。 干燥诱因一：冷气 虽然立秋了，但艳阳高照时的气温一点也不比夏天时低。空调的冷风会使室内的空气变得干燥，而外界湿度没有夏天那么大，皮肤的一部分水分就会被夺走，如果置之不理，很容易出现细小的皱纹。 干燥诱因二：紫外线 随着天气晴朗起来，日照中的紫外线没有厚厚的云层遮挡，也会来找皮肤的麻烦。 干燥诱因三：过度洗浴 夏季温度高，人们都喜欢一天洗一两个澡，有的人甚至更多。气候变化后，皮肤分泌的汗液和油脂会逐渐减少，洗澡次数过多容易把自动脱落的角质层和汗液混合的皮垢洗掉，减少了这些物质对皮肤的保护，细胞内的水分更容易蒸发，皮肤出现干燥现象。 干燥诱因四：夏季保养品 夏天用的保养品强调的都是清爽,可这些保养品到夏末秋初就有点“不合时宜”了，保湿、锁水的能力明显达不到要求，所以最好开始使用一些保湿护肤品，减少水分的散失。 应对方法一一数 有没有细腻水灵的皮肤关键在于皮肤中的含水量。皮肤包括表皮、真皮和皮下组织等几部分。表皮的最外侧有一层角质层，表面的皮脂膜起到防止肌肤水分流失的作用。角质层内部还有一种细胞间脂质，维持肌肤内的水分。当肌肤的新陈代谢变得迟缓时，皮脂膜产生的皮脂就会慢慢减少，再加上其他的一些外界刺激，水分流失，就形成了干燥。 要想有水嫩肌肤，首先要从饮食上下工夫，多喝水质好的温凉开水。现代人为求方便而吃的很多脱水加工的精致食物会直接影响水分的吸收，使身体慢慢处于缺水状态，皮肤失去光泽，要少吃辛辣食品、牛羊肉和葱、蒜等刺激性的食物。西红柿可以健胃消食，抗衰老；胡萝卜可以减轻皮肤干燥。 另外，外在工夫也很重要，像用空调所引起的皮肤失水，可以用喷雾式矿泉水来补充水分，之后再用润肤品锁住喷上的水分。 洗出水嫩肌肤 到了秋天，首先要改变洗浴的习惯，含凉性物质的浴液暂时收起来，把滋润的浴液拿出来。不要用碱性大的肥皂，否则皮肤容易干燥脱屑。 试试用橄榄油做护肤品。橄榄油中的维生素A、D、E对皮肤干燥过敏有不错的疗效。用方糖润肤是老一代人的“秘方”，把一块方糖溶在一盆热水里然后擦身，护肤效果非常好。 很重要的一点是洗浴后一定别忘了擦护肤品，浴后涂护肤品时，一定记得要在没抹干身体前涂.</t>
  </si>
  <si>
    <t xml:space="preserve">嘴里起溃疡是什么毛病？嘴巴的上、下唇里经常起溃疡，是什么引起的？ </t>
  </si>
  <si>
    <t xml:space="preserve"> 我们科（化疗科）有一位病人，因打化疗，引发口腔溃疡（肯定比您的严重，整个口腔几乎全是），医生配了漱口水，同时我教了他一个小秘方，让他试试，用后他跟我讲效果挺好的，你也可以试试。用棉签蘸蜂蜜，涂于溃疡创面，过十几分钟后用温开水含淑喝了就可以，甜甜的滑滑的，而且一点副作用都没有。如果有效果的话，给我回复，我可以做一下临床应用的统计。复发性口疮是一种最常见的口腔粘膜疾病，在人群中患病率一般认为超过10％，可以发生于男女老幼，以中青年最多见。　　复发性口疮是一种以周期性反复发作为特点的口腔粘膜局限性溃疡损害，可以自愈，可发生于口腔粘膜的任何部位，以唇、颊、舌部多见，严重者可以波及咽部粘膜。不少患者随着病程的延长，溃疡面积增大，数目增多，疼痛加重，愈合期延长，间隔期缩短等，影响食和说话。口疮病因症状口疮，也就是口腔溃疡，是口腔粘膜疾病中常见的溃疡性损害，有周期性复发的特点。胃肠功能紊乱、情绪紧张、精神刺激、过敏反应、内分泌紊乱、急性传染病等是引起本病的常见病因，另外，口腔粘膜损伤或常吃辛辣香燥的食物，也可导致口腔溃疡。本病的主要症状是口腔粘膜反复出现圆形或椭圆形小溃疡，可单发或多发在口腔粘膜的任何部分，有剧烈的自发痛，一般在１０天左右可自愈。局部症状比较显著，全身症状多不明显。发现本病时多在溃疡期，溃疡直径２－３毫米，底浅，边缘整齐，周围有红晕，溃疡面黄白色纤维素性渗出物覆盖，有剧烈的烧灼样痛，遇冷、热、酸、咸等刺激都使疼痛加重，语言、饮食均感困难，持续４－５天后转入愈合期，愈合不留任何疤痕，但可以反复发作。好发于青壮年，女性多于男性。发病进唇、颏、舌边缘、牙龈等处出现孤立的圆形成椭圆形成浅层小溃疡，有的同时多处发生。疼痛剧烈似烧灼样。随天气、情绪、劳累等因素可复发。本病可迁延数年，数十年不愈。将本病分实火、虚火两型，前者表现：恶寒、发热、头痛、便秘、溲黄、舌苔黄厚干燥，有时伴颌下淋巴结大疼痛，后者可无明显全身症状或有低热。一些人伴有口燥，咽干、手心烫、失眠、多梦、舌苔剥落等。　自疗注意事项（１）反复发作者，是一个体质问题，也许是免疫功能不良。故患者宜从改善体质之根本上着手。（２）起居有规、饮食有节，劳逸有度。（３）饮食多样化，多食蔬菜、水果、忌食煎炸烘烤食品。（４）减少房事。（５）心平静气，对事与人切勿情绪高亢激昂，用心过芳，操劳失常，均会引发火亢盛而致口腔溃疡。（６）保持大便通道。　自治疗法１．成药自疗法（１）维生素Ｃ片，每次２片，每日3次。（２）六神丸，每次１０粒，每日３次。（３）杞菊地黄丸，每次９粒，每日３次。用于慢性溃疡反复发作者。（４）知柏地黄丸，每次９克，每日３次，用于慢性溃疡反复发作者。（５）维生素Ｅ，每次２０毫克，每日３次。２．验方自疗法（１）金银花１０克、生甘草３克、开水冲泡代茶饮。（２）决明子１０克、知母１０克、开水冲泡代茶饮。（３）野蔷薇根３０克、生甘草５克、煎汤代茶饮，每日１剂。（４）麦冬１５克、生地２０克、石斛３０克、水煎２次，混合后分３次服，每日１剂，连服４剂。（５）炮姜９克、木鳖子３个、吴茱萸９克。将上药共研为细末，用水调匀，贴脐上，以纸盖之。口疮又名口疳，是指口腔粘膜上生黄白色如豆大的溃点，有虚实之分。（６）干姜（炒黑）９克、黄连１５克。上２味为细末，将末搽患处，涎出即愈。本方主治口舌生疮，不能饮食者，神效。３．饮食自疗法（１）莲子３０克、白萝卜２５０克，共煮服，每日２次，喝汤食莲。（２）莲子芯３克、开水冲泡代茶饮，每日１剂。（３）绿豆６０克、生地３０克、水煮后去生地，食豆饮汤，每日１剂。４．外治自疗法（１）青黛散、锡类散、珠黄散、冰硼散、四药任取一种敷患处，每日４－５次。（２）明矾５克加水至１００毫升，含漱１－２分钟。（３）坚持用浓茶漱口，能促口腔溃疡面的愈合。　避免误诊口部疱疮可用维生素Ｃ支持疗法，因维生素Ｃ具有抗坏血病作用，能促进创口愈合，但不可同时用维生素Ｂ2。此法有溃疡病者慎用。溃疡创口边缘不整齐，面积大于１厘米，创面有小粟粒或者表面乳头样突起，如菜花状，手摸底部有硬块者，不宜在家自疗，应即去医院检查治疗。</t>
  </si>
  <si>
    <t xml:space="preserve">模拟人生2的基础盘到底有几张? </t>
  </si>
  <si>
    <t>不知道你说的基础盘是指什么!正版的模2基础盘有4张.如果你说的是模2的资料盘一共发行了多少,起顺序为,大学城、夜生活、我要开店、宠物、缤纷四季、环游世界。今年年初会出新的资料盘，静请期待。各个名称会因为翻译的不同而些差异。</t>
  </si>
  <si>
    <t xml:space="preserve">冬天口唇干裂用什么保养？ </t>
  </si>
  <si>
    <t>引发口唇干裂的主要原因有：日常饮食缺乏水分和油脂，缺乏维生素A、维生素B、维生素C、维生素E以及阴虚低热、气候干燥或某些全身性疾病。饮食防治口唇干裂，应摄取食性平和或偏冷的食物。如菠菜、芥菜、苋菜、荠菜、黄花菜，乌骨鸡、猪肉、鸭肉、鸭蛋，如有健康需求，可在此提交，专家将会在24小时内给你答复，芝麻、松子、黑豆、小米、小麦、大麦。此外，口唇干裂者应戒烟，少饮咖啡。</t>
  </si>
  <si>
    <t xml:space="preserve">家族技能升级任务中的护宝剑魔在哪里啊??? </t>
  </si>
  <si>
    <t xml:space="preserve">护宝剑魔 370, 315 5线 护宝灵猴 -441, 420 9线 无敌灵猴 332，-232 6线 无敌剑魔 108, 400 7线 刷新时间 30分钟 </t>
  </si>
  <si>
    <t xml:space="preserve">印度发展到现在总共是有多少人口啊 </t>
  </si>
  <si>
    <t xml:space="preserve">3月26日，印度政府新闻局公布了于2月28日结束的人口普查的初步统计结果，这次为期三周的人口普查是1991年以来的又一次大规模的人口普查行动。在这次普查中，普查人员走访了5000多个城镇和60多万个村庄中的2亿多户家庭。 截至今年3月1日零时，印度全国人口已达到10.27亿，正式成为继中国之后、世界上第二个人口超过10亿的国家。人口总数占世界总人口的16.7％，比1991年纯增了1.8亿.参考资料： </t>
  </si>
  <si>
    <t xml:space="preserve">传奇世界魔法权杖升级?升到10怎样升？ </t>
  </si>
  <si>
    <t>2-5升2-6 黑铁2个一样的，魔眼戒指，白金项链，黑谭木手镯各2个。和平砍马 2-6升2-7 黑铁2个一样的天龙手镯2个，魅力戒指2个。魔镜2个。和平砍马2-7升2-8 黑铁2个一样的天龙手镯4个，魅力戒指4个。魔镜4个。和平砍马 升2-9 黑铁4个一样的天龙手镯/魅力戒指/各6个加2根生命。和平砍大刀 等10分钟在取升2-10黑铁8个一样的龙鳞手镯2个红宝石戒指2个。生命4个。和砍大刀 等10分钟在取黑铁第2次一定要比第一次高,首饰要全部特修，要持久一样的，不能有极品升魔杖的方子有很多，但是没有一个方子有人感说不会升碎的升魔杖不光是要方子，还得靠运气和个人的感觉，我同学用这个方子一直砸到9的都不会碎，而我只能砸到8，所以说全在运气和个人的感觉，砸的多了自己就能摸到一定的规律了，知道什么时候会碎（用东西淀手）。注：摘别人写的</t>
  </si>
  <si>
    <t xml:space="preserve">零红蝶的问题　　=====【第五刻】=======　　→得到"逢 </t>
  </si>
  <si>
    <t>零的问题问我呀，大家都叫我“冥界舞蹈着的红蝴蝶”是也~~~~~~~~~~应该是“佛间”吧？所谓“风车”，其实是你误解了，不是一般的风车，而是五个在一起的圆形机关。就在你得到照相机的那个角落附近，右侧的墙上，你仔细找一下，就开谜题之后，旁边的门就开了，但是画面上什么变化都没有，你可以走一步就调查一下。</t>
  </si>
  <si>
    <t xml:space="preserve">为什么北京周边都在下雪而北京却没有下场相样大雪的意思呢为什么北京 </t>
  </si>
  <si>
    <t>北京城内工业多，气温高，所以下雪比较晚一些。</t>
  </si>
  <si>
    <t xml:space="preserve">请问焦虑症是一种什么样的病症状态？成都治疗的话哪家医院比较权威可? </t>
  </si>
  <si>
    <t>焦虑症是一种并有显著与持续心理与身体焦虑症状的状态，且非其它疾病造成的。治疗焦虑的话我觉得一定要去正规的专业医院治疗才放心，成都的话建议你去那个成都青羊区中医院，采用的DNR什么睡眠检测系统。个医院好像落户成西南什么医学实验室的。这家医院是60年的公立医院，还是医保定点单位.他们在这方面还比较权威的，需要的话去看看吧！早点治疗好。</t>
  </si>
  <si>
    <t xml:space="preserve">北京西站和北京站有预售火车票的吗 </t>
  </si>
  <si>
    <t>北京西站和北京站是一样的,都有预留的车票.你在北京任何一个车站都可以购买其他站的车票.但是有一条,不管哪个站,都有预留不发售的车票.</t>
  </si>
  <si>
    <t xml:space="preserve">请问什么时候升级好啊?升级好请大家及时通知我,我的电子邮件是高分 </t>
  </si>
  <si>
    <t xml:space="preserve">不懂程序也能建立自己的网站了！　　因为自助网站是由一系列由动态页面和静态页面组成的，可随时随地自主更新的独立网站，功能强大，互动性能高，它的应用对于个人和企业来说都已经非常广泛，可以建设成文字信息型网站，也可以建设成图片信息型网站，还可以建设成图文并茂型网站。　　自助网站的用途之多，恐怕没法一一数清楚。可以肯定一点的是，在这个传媒高速发展的社会，在注意力经济的今天，拥有一个属于自己的网站无疑可以为个人或者企业树立自己的独立品牌，成为宣传自己的媒体，在与外部世界进行信息交流的同时，还可以发布各种供求信息，以开拓自己的业务。　　功能一：发布文字图片信息功能：可以自由发布，自由修改，自由删除信息。　　功能二：发布音频、视频、动画功能：可以自由发布，自由修改，自由删除信息。　　功能三：自由修改网站设置：可以自由修改网站的名字、介绍、logo、宣传条等。 　　功能四：自由设置修改栏目：可以自由增加、修改、删除网站的栏目。　　功能五：建立友情链接栏目：可以自由增加、修改、删除网站的友情链接。　　功能六：多种风格模板选择：提供多种网站模板和风格，可供站长自由选择。　　功能七：背景音乐设置功能：自己根据个人喜好，设置网站的背景音乐。　　功能八：互动型留言板功能：访问者不需要注册就可以在留言板发表评论和意见。　　功能九：互动型专用论坛功能：站长可拥有专用论坛，自行管理论坛。　　功能十：设置调查问卷功能：站长可根据需要设置调查问卷内容，取得反馈数据等。　　功能十一：设置下载的功能：站长可上传文件，提供用户下载用。　　功能十二：网站自动推广功能：站长发布信息，本站会择优发布在红榜首页。　　功能十三：发表反馈信息功能：访问者可针对每一个信息在后面发表自己的见解。　　功能十四：添加广告代码功能：站长可在后台添加广告代码，开始网上赚钱。　　功能十五：数据自动统计功能：访问率和使用率数据自动统计功能。　　申请网址： 　　我自己也建立了一个： 　　联系 </t>
  </si>
  <si>
    <t xml:space="preserve">博文中放音乐 </t>
  </si>
  <si>
    <t xml:space="preserve">如何在文章中插入: 可以在文章中插入音乐播放器； 首先，点击“发表文章”，打开文章发表器，在文本框中写入文章的正文后，勾选“显示源代码”勾选框，将以下代码贴入所有代码之后，将其中的音乐链接地址换上你所要添加音乐的实际链接地址，点击“发表文章”既可； 代码如下： &lt;embed src=音乐链接地址 width=200 height=45 type=audio/mpeg loop="true" autostart="true"&gt; 代码说明：　 支持的音乐格式： wma、mp3、rm、ra、ram、asf，尽量选用可连接性高的音乐链接，保证音乐可以顺利播放； width和height表示播放器宽度和高度，可以灵活设置； autostart="true"表示自动播放，autostart="false"表示不自动播放； loop="true"表示连续循环播放，loop="false"表示不循环播放； loop也可以设为一个整数，比如loop="3"，表示音乐循环播放3次   </t>
  </si>
  <si>
    <t xml:space="preserve">清泉老师600111怎么操作，明天卖掉吗 </t>
  </si>
  <si>
    <t>股价破10日线离场.</t>
  </si>
  <si>
    <t xml:space="preserve">恭喜霆锋成为最适合演藤原拓海的人选。今天刚在娱乐新闻上面看到，认 </t>
  </si>
  <si>
    <t>那还用说吗???JAY算什么,丑得吓人,还出来演戏,也不回家照照镜子,更重要的是看他演戏我觉得自己简直是个呆子.演技确实是太不好了.他和NIC差远了.</t>
  </si>
  <si>
    <t xml:space="preserve">头发怎么洗头发怎么洗头发怎么洗头发怎么洗头发怎么洗头发怎么洗头发? </t>
  </si>
  <si>
    <t>●洗头前先梳头 头发凌乱是自己造成的。戴帽子、刮大风，或者一觉醒来都会使头发变得凌乱。如果洗头前头发已经是乱的，那洗完之后就会更乱了。所以，洗头前必然要先使头发通顺。 ●梳头的秘诀 花时间用齿疏的梳子把头发的凌乱处和打了结的地方梳顺。从头发的末端梳起，然后到发根，直到可以很顺地从发根梳到发尾。千万不要从发根开始梳。 ●将头发打湿的方法 从顶部开始用大量的水弄湿头发，让水顺着头发流下，最好用喷头冲淋；或用装有大量水的水壶；若用脸盆的话，最好让朋友帮忙，不要将头发整个放入脸盆中浸湿。 ●绝不要盘起头发 把头发盘在头顶，就会将10万根发尾挤在一起，这样会使头皮表层受到来自各方向的损伤。还有就是大量剧烈的摩擦会使头发非常凌乱而且易受到很大伤害。 ●洗发，而不是在洗衣 头发很少会出现特脏的情况，轻揉使之产生泡沫，不要用力搓头发，小心冲洗，用手指捋，保持发丝直。 ●坚持使用素 用护发素是保持头发健康的重要环节。湿头发摩擦大、易乱、易扯伤。要让湿发通顺的最好方式是用护发素，即使你的洗发液是二合一式的。使用护发素时要涂满头发，最好是发根发梢用不同的护发素。经常换不同品牌的护发素比只用某个牌子的护发素强。 ●正确冲洗护发素 把护发素冲洗干净，保持头发垂直冲洗，这样头发就不再凌乱。 ●擦干头发有学问 弄干头发时，千万不要扯拉头发。尽量使用两条毛巾，第一条用于吸去大部分的水，第二条将头发擦干。粗毛巾用力搓头发会极度伤害头发。使用热毛巾擦干头发（感觉也很好），从发梢开始用手指将头发捋开。最后用齿疏的梳子轻轻将头发梳顺，小心地将头发吹干，缓缓开始，吹去水分。这样你的头发会重新充满活力。</t>
  </si>
  <si>
    <t xml:space="preserve">怀孕能吃螃蟹吗现在正是开始吃螃蟹的时节。我现在24周，请问可以吃 </t>
  </si>
  <si>
    <t>可以不过要少吃 螃蟹属大凉 吃的时候+点姜蒜 切忌少吃　有些孕妇因剧烈呕吐造成营养不良，尤其摄铁量不足，会出现贫血现象，如面色苍白、头晕眼花、心慌气急、记忆力减退、四肢无力等症状，严重的需请医生采取治疗措施。在饮食方面，需增加含铁质丰富的食品，如鸡、鸭、猪、牛、羊的心和肝、肾脏与黄豆、蚕豆、番茄、芹菜、鸡毛菜、黑木耳、香菇、紫菜及桃子、红枣、桂圆、葡萄干等。 -------------------- 这里面有倒有提到孕妇不能吃螃蟹 　孕妇要当心某些水产品。因为祖国医学认为，某些水产品有活血软坚的作用，食用后对早期妊娠会造成出血、流产。如螃蟹，虽然味道鲜美，但其性寒凉，有活血祛瘀之功，故对孕妇不利，尤其是蟹爪，有明显的堕胎作用。甲鱼，又称为鳖，具有滋阴益肾之功，对一般人来说，它是一道营养丰富的菜肴。但是甲鱼性味咸寒，有着较强的通血络、散瘀块作用，因而有一定堕胎之弊，尤其是鳖甲的堕胎之力比鳖肉更强。 　　孕妇还应忌食滑利之品。薏仁又称薏米，是一种药食同源之物，认为其质滑利。药理实验证明：薏仁对子宫平滑肌有兴奋作用，可促使子宫收缩，因而有诱发流产的可能。马齿苋又名马齿菜、瓜仁菜，它既是草药又可作菜食用，其药性寒凉而滑利。实验证明，马齿苋汁对于子宫有明显的兴奋作用，能使子宫收缩次数增多、强度增大，易造成流产。 -------------------------- 孕妇饮食注意事项 　孕妇补充营养是必要的。但是,如果盲目吃喝,胡乱进补,不仅损害母体健康,而且影响胎儿发育,甚至导致畸胎。为了优孕优育,在日常饮食中,应注意以下八点: 　一、不多吃肉孕妇由于肠道吸收脂肪的功能增强,血脂相应升高；体内脂肪的积贮也多。但是,妊娠量消耗较多,而糖的贮备减少,这对分解脂肪不利,因而常因氧化不足产生酮体，使酮血症倾向增加，孕妇可出现尿中酮体、严重脱水、唇红、头昏、恶心、呕吐等症状。 　二、不多吃蛋蛋类食品富含蛋白质,磷脂等营养素,孕妇多吃蛋,摄入蛋白质过多,在体内可产生大量硫化氢、组织胶等有害物质,引起腹胀、食欲减退、头晕、疲倦等现象。同时,高蛋白饮食可导致胆固醇增高,加重肾脏的负担,不利孕期保健。 　三、不多补钙营养学家认为,孕妇补钙过量,胎儿可能得高钙血症,出世后；患儿会因囱门太早关闭,颚骨变宽而突出、鼻梁前倾、主动脉窄缩等,不利小儿健美。一般说来,从日常鱼肉蛋食品中摄取就够了。 　四、不宜多吃酸性食品孕妇在妊娠早期可出现择食,食欲不振、恶心、呕吐等早孕症状,不少孕妇喜欢酸性饮食,以图减轻和预防孕吐反应。德国学者研究发现,妊娠早期的胎儿酸度低,母体摄入的酸性药物或其它酸性物质,容易大量聚积于胎儿组织中,影响胚胎细胞的正常分裂增殖与发育生长,并易诱发遗传物质突变,导致胎儿畸形发育。 　五、不多吃太咸的食物过度咸食,摄人钠盐过多,由于钠盐具有促使血压升高与吸附水分的作用,会加重患有妊娠高血压综合症孕妇的症状,使浮肿、高血压和蛋白尿更明显,甚至头痛、眼花、胸闷、晕眩,因发癫痫而危及母婴安全。 　六、不多吃糖孕妇由于生理性变化,会显得疲倦、懒动、爱躺卧。但是如果经常高糖饮食以振奋精神则有弊病。因血糖偏高的孕妇生出体重过重胎儿的可能性、胎儿先天畸形的发生率、出现妊娠毒血症的机会或需剖腹产的次数,分别是血糖偏低孕妇的3倍、7倍和2倍。 　七、不多服食补品孕妇由于周身血流量明显增加,心脏负担加重,子宫颈、阴道壁和输卵管等部位的血管也处于扩张、充血状态,加上孕妇内分泌功能旺盛、分泌的醛固醇增加，容易发生水肿、高血压等病症。再者,孕妇由于胃肠道功能减弱,会出现食欲不振、胃胀和便秘等现象。在这种情况下，孕妇盲目服食鹿茸、桂圆、胡桃肉等温热性补品,易致阴虚阳亢，加剧孕吐、水肿、高血压、便秘等症状,甚至发生流产或死胎等。 　八、不吃霉变食品研究表明在娃振早期2－3个月，胚脸着床发育,胚体细胞正处于高度增殖、分化阶段,如受霉菌毒素的侵害,可使染色体断裂或畸变,有的停止发育，发生死胎、流产,有的产生遗传性疾病或胎儿畸形,如先天性心脏病、先天性弱智等。另一方面,胎儿由于各器官发育不完美，特别是肝、肾的功能十分低弱,霉菌毒素都会对胎儿产生毒性作用,影响发育。 -------------孕妇应少吃不吃的食品 　　妇女怀孕后对下列食品应尽可能少吃或不吃： 　　熏烤食品 食物熏烤食物是用木材、煤炭做燃料熏烤而成的，在熏烤过程中，燃料会散发出一种叫苯并芘的有毒物质，污染被熏烤的食物。而苯并芘是多环芳烃化合物的代表，是目前已知的强致癌物质，进入人体后，会使细胞核的脱氧核酸的分子结构发生改变，从而导致癌变。 　　油炸食品 食品专家认为一些反复加热煮沸，炸制食品的食油内，可能含有致癌的有毒物质。油炸食品都经过高温处理，食物中的维生素和其他营养素都受到较大的破坏，其营养价值打折扣，且油炸食品含脂肪太多，难以消化吸收。 　　另外，常吃的油条，在制作时加入明矾，每500克加明矾15克，如果孕妇每天吃2根油条，等于吃了3克明矾，若积蓄起来摄入量不少，明矾为含铝化合物，铝可以通过胎盘进入胎儿大脑，使大脑发育障碍，增加痴呆的发生率。 　　冷饮 孕后胃肠功能减弱，过食冷饮使胃肠血管突然收缩，胃液分泌减少，消化功能减退，本来消化机能不好的孕妇，可能出现腹泻、腹痛等症状，有伤脾胃。现代医学证明，胎儿对冷刺激敏感，过多冷饮，胎儿会躁动不安。 　　有的饮料还含有色素或添加剂，这些成分对健康无益，对胎儿更有害。 　　久贮的土豆(马铃薯) 众所周知发芽的土豆有毒，多数人已有警惕，但未发芽而久贮的土豆也不可吃。因为土豆含有生物碱，其含量和品种、播种地区、贮存时间的不同有所差异，久贮的土豆生物碱含量升高，土豆生物碱有致畸作用，主要是致神经管畸形。白求恩医科大学将土豆生物碱注射到小白鼠身上，结果导致无脑畸形。进入人体的生物碱并不很快消失，还能贮存1—2个月之久，如妇女孕前食用含有一定量生物碱的土豆，孕后还可继续发挥其毒性作用，如在孕8周的胚胎器官分化的敏感期内继续食用久贮的土豆，有可能导致胎儿神经管畸形。 　　热性香料 八角茴香、小茴香、花椒、胡椒、桂皮、五香粉等都属于热性香料的调味品。这些香料使食品色味更好，刺激食欲，大开胃口，是有利的一面，但热性香料容易消耗肠道水分，使肠道分泌液减少造成肠道干燥、便秘。有些孕妇不适应这些东西，如食后胃肠不适大便困难那就勿吃，如有妊娠恶姐，溃疡病或痔疮的孕妇最好不吃。山楂本品可以开胃消食，甜酸可口颇受有恶心呕吐的早妊反应孕妇的青睐，现已证明山楂有兴奋子宫作用，促使子宫收缩，若大量食用山楂，食后可能导致流产。 　　菠菜 实际上菠菜的含铁量并不多，并非补血的理想食物，菠菜含有大量草酸，草酸可影响人体对钙和锌的吸收，而钙和锌是人体不可缺少的微量元素，孕妇过多食菠菜，无疑对胎儿发育不利。 　　罐头食品。此类食品在制作过程中须加入一定量的添加剂，如人工合成色素、香精、防腐剂等。这些添加剂对健康人影响不大，但孕妇及婴儿食用过多会对健康不利。另外，罐头食品在制作过程中，经高温处理后，原料中的维生素及其它营养成分都已受到一定程度的破坏，造成营养价值不高。 　　味精。味精的主要成分是谷氨酸钠，血液中的锌与之结合后从尿中排出。味精食入过多会消耗大量的锌，导致体内缺锌。锌是胎儿生长发育的重要微量元素，孕妇应少吃味精为宜。 巧克力和山楂。过多食用巧克力会使孕妇产生饱腹感，从而影响食欲，其结果是孕妇身体发胖，但必须的营养素缺乏。有许多孕妇喜欢吃酸的东西，山楂就成了首选食物，但山楂对子宫有兴奋作用，过量食用会引起子宫收缩，有引起流产的可能性，故不可一次大量食入。 　　某些动物的肝脏。一些现代饲料中含有迅速催肥的高质量催肥剂，其中维生素A的含量较高，它可在动物的肝脏中蓄积。孕妇如大量食入此类食物，对孕妇本身没有太大影响，但对胎儿的危害极大，致畸是其恶果之一。 　　某些经特殊工艺加工的食品。如皮蛋、烟熏制品等。这类食品在加工的过程中，营养成分丢失较多，且易生成对人体有害的物质，味道虽好，危害较大。 ----------------- 怀孕期的饮食禁忌 1.忌食有堕胎作用的水产品 &gt;&gt; 许多水产品有活血软坚的作用，食后对早期妊娠会造成不良影响。 如螃蟹、甲鱼、海带等。螃蟹其性偏寒凉，有活血祛瘀之功，尤其是蟹爪，有明显的堕胎作用；海带有软坚散结的功效；甲鱼则具有较强的通血络、散瘀块的作用，因而有堕胎之弊。&gt;&gt; 2.忌食滑利之品 &gt;&gt; 寒性滑利之品如黑木耳、山楂、荸荠、米仁、马齿苋等物，对怀孕早期有一定的影响。如药理实验证明，米仁对子宫肌有兴奋作用，能促使子宫收缩，因而有诱发流产的可能。&gt;&gt; 3.忌热性食物 根据产前宜清的药食原则，怀孕期妇女应避免进食热性食物，因热性食物能使人体内热加重，有碍机体聚血养胎，这类食物如辣椒、大茴、羊肉、牛肉、狗肉、鹿肉、公鸡肉、麻雀、海马、香菜、荔枝、桂圆、杏子、杏仁等。</t>
  </si>
  <si>
    <t xml:space="preserve">梦到有人睡在身边是什么意思我男朋友连续6天梦到一个人背对他睡在他 </t>
  </si>
  <si>
    <t>周公解梦之梦见“睡觉 ”相关的解梦梦见自己进入梦乡，是不祥之兆，灾难会降临。女人梦见自己沉昏大睡，会生女孩。少女梦见自己睡了，会与一个无能的男子订婚。青年男子梦见自己蒙头大睡，至今还没有人来提过亲。梦见有人打扰了自己的睡眠，所从事的事业有发展。病人梦见睡眠被打扰，身体很快会康复。商人梦见失眠，生意会兴旺，能赚很多钱。梦见别人睡着了，是祥瑞。梦见妻子入睡了，夫妻会相亲相爱，白头偕老。 放一把剪刀在枕头底下试试,人个经验!</t>
  </si>
  <si>
    <t xml:space="preserve">msn在教学工作中的作用 </t>
  </si>
  <si>
    <t>可以传递信息啊   记得给好评哦 就差您这一个好评了哦 我在做任务 点左下角的好评  万分感谢</t>
  </si>
  <si>
    <t xml:space="preserve">我不会哦，帮帮我！本恩的年龄乘我和泰德年龄的差，与我的年龄乘以他 </t>
  </si>
  <si>
    <t>我是5岁,泰德是3岁,本恩是2岁.</t>
  </si>
  <si>
    <t xml:space="preserve">在　海南的海边　什么地方肃静　消费底　租个便宜的房子要多钱？一个? </t>
  </si>
  <si>
    <t>海棠湾不错。因为不是热门的旅游景点，交通不方便，人并不多，是个安静的渔村。</t>
  </si>
  <si>
    <t xml:space="preserve">小雨点儿，给我算下dd1aa90d8a40b331b73dca4 </t>
  </si>
  <si>
    <t>f43c7c336dc73e9f986c06c6cd9bb3a065080104fd19bd2ffc17a32a5ee471b272</t>
  </si>
  <si>
    <t xml:space="preserve">我很想找到现代西班牙语第一册的全部教学视频，要mp4格式的，请大? </t>
  </si>
  <si>
    <t xml:space="preserve">我只有RM格式的，，就是那个万语网 在线视频那套东西，LZ可以去艾瑞西语问问，那里可能有。网址是： </t>
  </si>
  <si>
    <t xml:space="preserve">关于扬州的特产的介绍 </t>
  </si>
  <si>
    <t xml:space="preserve">“故人西辞黄鹤楼，烟花三月下扬州。”扬州，中国这座城在园中、园在城中的园林旅游城市，拥有秀丽的水乡风光，悠久的文物古迹，古朴的民俗风情，当然更少不了备受青睐的土特产品。 玉器 扬州是我国玉器重要产地之一。古籍《书经·禹贡》中便有"扬州贡瑶琨"的记述。扬州玉器在中国特种工艺中是一颗璀灿的，它选择天然的玉石材料琢制而成，是高档的欣赏品和装饰品，具有较高的经济、艺术、收藏价值。 扬州玉器中的炉瓶作品，在仿制青铜造型的基础上，标新立意，制作了具有独特的妙生品趣的妻皿，尤以塔炉产品更能体现扬州琢玉风格。 扬州玉器人物作品，造型美观，制作精巧、秀丽文雅、玲珑萧洒，在题材内容上比较广泛、丰富。打破了单纯的古代仕女和单调的构图，创造了与景物相结合的多层次的画面。从而烘托了人物的内在感情，使人看到更是栩栩如生，神态盎然。 另外，用于观赏陈设的扬州玉器有瓶、灯、塔，也有花卉、鸟兽，有碗、盘、壶、杯、水盂、镇纸等文房用品，也有仿古器物的鼎、尊、卣。 漆器 “扬州二绝”之一。扬州漆器品种丰富、技艺精湛、色彩绚丽典雅、造型古朴庄重，同时将欣赏性和实用性紧密结合，具有鲜明的地方风格。 扬州漆器按照造型和用途划分为屏风、家具、杂件3大类。屏风有：围屏、地屏、挂屏、台屏、火炉屏、月宫屏等。家具有：电视柜、啤酒柜、书柜、多宝柜、茶桌、饭桌、炕桌、方凳、鼓凳、靠背椅、圈椅、茶几、套几、花几、花架等。杂件有瓶、盘、碗、罐、盆、挂壁、烟具等。按装饰工艺分，主要产品有彩绘、雕漆、百宝镶嵌、雕漆嵌玉、骨石镶嵌、螺钿镶嵌、刻漆、漆砂砚、彩勾刀、磨漆画等。 扬州剪纸 扬州是剪纸流行最早的地区之一。隋唐时期，人们就把剪纸作为一种乐趣，点缀和美化生活。唐代造纸业兴盛，扬州有较大的造纸作坊，唐宋时已大量生产质量很高的贡纸。作为雄厚的物质条件，也促进了剪纸艺术的发展。扬州自古多奇花异卉，唐宋以来历代扬州的文章太守、诗人墨客，莫不寄情花木，装饰风雅，演出许多的事，写下多少名篇。这对剪纸表现的题材，就是一个重要的因素，扬州剪纸向以花卉为主，确是千年传统的一个重要体现。 民间艺术是相互影响、相互作用、相互促进的。扬州的民间刺绣就和剪纸有不解之缘。刺绣的图案先画出底样，剪成纸型，再粘贴在面料上，进行刺绣。这种方法在扬州延续了很久，直到现在民间刺绣还有沿用此法的。刺绣又叫绣花，以前扬州人一直称剪纸艺人为"剪花样子的"，就缘于这两种艺术的密切关系。 牛皮糖 牛皮糖号称"扬州一绝"，是扬州特产，在海内外享有盛誉，早在清朝乾、嘉年间就已问市扬州，后因战争频繁而失传于世。经过后代技师们对制糖工艺的不断探索改进，使其口感达到了弹性、韧性、柔软性三性一体的最佳状态。以绿叶牌、五亭牌为代表，甜度低、色泽明、香甜味美、口味适中、老少皆宜的牛皮糖， 如今已成是馈赠亲友的理想选择。 平山绿茶和捺山绿茶 扬州是传统的茶叶产地之一。现在，扬州郊区平山茶场和仪征青山、捺山生产的绿茶，质地优良，精工焙制，远销国外，深受好评。本市茶叶店四季皆有供应，春夏之季上市的新茶尤为抢手。 双黄鸭蛋 双黄鸭蛋是扬州高邮的特产，因一只蛋内有两个蛋黄，故名。鸭生双黄，是因为这里食料好，鸭体壮，连续排卵，形成双黄，甚至三黄。高邮咸鸭蛋，向以颜色红而油多而驰名于世。将双黄咸鸭蛋煮熟剖开，蛋白如凝脂白玉，蛋黄似红橘流丹，赏心悦目，别具风味。 秦邮董糖 秦邮董糖是扬州高邮的传统名特产品，已有三百多年历史。原名酥糖，之所以称董糖，有两种说法。一说以此糖为董姓师傅所制而得名，一说此糖为时末清初秦淮名妓董小宛所创，故名。董糖用糯米粉、芝麻、白糖、麦芽等原料，手工精制而成，色泽呈深麦黄色，厚薄均匀，入口酥软，味美香甜，老少皆宜，是馈赠亲友的佳品。 界首茶干 高邮界首陈西楼的五香茶干，久负盛誉。相传乾隆皇帝下江南，路经界首，闻岸上香味扑鼻，叫差役查询，原来是煮五香茶干的香味。乾隆帝品尝后大为赞赏。从此，界首茶干便列为贡品，名扬四方。1927年，荣获西湖博览会一等奖。界首茶干呈扁圆形，色泽酱红，肉细嫩微黄，颇似鸡肉，清香可口。"陈西楼"商标的五香茶干，包装考究，是馈赠亲友的上等礼品。 宝应藕粉 扬州宝应是著名的荷藕之乡。宝应荷藕节多枝繁，汁多肉嫩，是鲜美的果品。宝应藕粉用鲜藕淀粉制成，早在明代就成为贡品。此品质轻、分细、色白、味清、性平，易于消化，是滋补佳品。尤适宜于年老体弱者食用。 江都方酥 方酥是大众化的传统扬式糕点之一，已有一百多年生产历史。初为圆形，状如蛤蟆，故名蛤蟆酥。后改为方形，更名方酥，又名小方酥。此品选用上白面粉，绵白糖、芝麻、麻油等原料，佐以黄丁、橘饼等香料，经发酵、和酥、包酥，多层折叠成型，用文火烘烤而成，香酥可口。 扬州酱菜 扬州酱菜既是宴席上的调味佳品，也是日常生活中佐餐的美味，具有鲜、甜、脆、嫩的四大特点，名扬四海，畅销国内外。生产工艺包括腌、酱 、切、缸四大工序，腌制过程采用双腌法、卤泡法等方法。为保持蔬菜本身的色泽、脆度、鲜度，酱制主要采用了传统工艺制作的稀甜酱。产品主要有乳黄瓜、宝塔菜、萝卜头、甜酱瓜、香心菜、什锦菜等。 扬州酱菜历史悠久，清代乾隆年间，即被列入宫廷早晚御膳的小菜。1903年，获西湖博览会金质奖。清宣统三年(1911年)，曾荣获国际博览会奖章。1931年，获北平全国铁路沿线物品展览会一等奖。1979年，被评为江苏省优质产品。生产扬州酱菜的厂家，以"三和"、"四美"两家酱品厂最负盛名。其产品国内市场占有率位居全国同行业之首。 琼花露酒　　 此酒宋代即为扬州名酒，现由扬州五泉酒厂生产。系以五泉水系的泉水酿造，性平和，醇香甘洌，口味绵长，有健身强胃功能。 说了这么多的地方特产，我再给你介绍一些扬州的风味小吃。 扬州风味小吃是扬州菜系的一个重要组成部分。通常指酒宴上冷盘、炒盘和大菜以外的席点、大众化小吃及民间所做的小吃、食品。扬州点心以嫩酵、温水面团、油酥、面条和应时点心为主。点心以薄皮大馅、皮馅配合相宜、馅心多变、适应时令而擅长。面条糯韧多重汤汁、覆盖各式浇头而味美留连。风味小吃多以应时野蔬配以荤腥和腊味、果脯、蜜饯制成馅心，随季节而变。点心调味趋于新鲜、香酥、突出主味。咸中带甜，以甜提鲜；甜味则糯香粘滑，甜纯适口，兼有北式点心浓郁实惠，南式点心精细多姿的特点，形质统一，用料讲究，形成自己的特色。 十大名点是：三丁包子、千层油糕、双麻酥饼、翡翠烧卖、干菜包子、野鸭菜包、糯米烧卖、蟹黄蒸饺、车螯烧卖、鸡丝卷子。 十佳风味小吃是：笋肉锅贴、扬州饼、蟹壳黄、鸡蛋火烧、咸锅饼、萝卜酥饼、鸡丝卷、三鲜锅饼、桂花糖藕粥、三色油饺。 十佳特色小吃是：四喜汤团、生肉藕夹、豆腐卷、笋肉小烧卖、赤豆元宵、五仁糕、葱油酥饼、黄桥烧饼、虾籽饺面、笋肉馄饨。 这些名点可在扬州美食一条街上几乎都可以尝到，另外，一些老字号富春茶社、京华大酒店、菜根香饭店、扬州大酒店、共和春酒家、绿杨村也有各式小吃供应，琼林苑、西园饭店、珍园饭店、东园饭店、新世界酒楼、电世界大厦、琼花大厦、扬州大厦、皇宫大酒家也有各式精致小吃名点，看来"吃在扬州"真是轻而易举的事了。 怎么样，对扬州特产的介绍满意吗？另外送你一张素有“聚八仙”美称的扬州市市花---琼花彩图一张， 希望它的清和、幽静能够给你带来一份清新、淡雅的心境。谢谢你的提问。 </t>
  </si>
  <si>
    <t xml:space="preserve">韩国泡菜在哪里有啊？同上 </t>
  </si>
  <si>
    <t>吉野家 餐厅有卖</t>
  </si>
  <si>
    <t xml:space="preserve">不能自动关机我是三星笔记本近几天关机后出现蓝屏一大堆英文触一下开 </t>
  </si>
  <si>
    <t>1 重新安装系统，排除软件问题。2 重装系统无效，电话联系客服，请求维修！</t>
  </si>
  <si>
    <t xml:space="preserve">寻一直中线医药股请高手推荐一支医药股，拿到今年底的，谢谢 </t>
  </si>
  <si>
    <t>你好，建议关注；600329中新药业，该股业绩增长明显，基本面好，盘子中偏小，未遭恶炒，该股重组预期明确，近期进入上升通道，仅供参考！</t>
  </si>
  <si>
    <t xml:space="preserve">老年人膝盖骨质增生该怎么治疗，有谁知道的，跪求。 </t>
  </si>
  <si>
    <t>你好，骨质增生症状主要有长骨刺、关节肿痛 关节肿痛是指关节周围肿胀、潮红、发热和运动受限，脊柱退变 。食指和中指僵硬痛麻 食指和中指僵硬痛麻是颈椎骨质增生的症状之一。治疗有中药治疗如骨痛灵酊雪上一支蒿 干姜、龙血竭 乳香、没药、冰片等，西药治疗有直流电药物离子导入法 、紫外线疗法。西药治疗。目前西医对本症尚无有效的治疗药物，常采用对症处理，如疼痛时可服一些解热镇痛的药;麻木者可选用B族维生素类药物;关节肿胀有积液者可给予局部抽取积液或局部封闭等疗法。四、手术治疗：手术治疗不是骨质增生的首选疗法。当选用保守治疗无效且病情较重、严重影响患者生活时，可考虑手术治疗。建议及时就医，祝你健康！</t>
  </si>
  <si>
    <t xml:space="preserve">做生意的人该如何锻炼自己的交流能力?我决定以后做生意,但是我社交 </t>
  </si>
  <si>
    <t>强化训练啦!!!!多往人多的地方去,先听听人家是怎样说话处世的.回来后想一想,他们的语言和交流方式有什么值得改进的地方!!!!多看一些社交类的图书,杂志.....学一些讲话技巧!!让自己多元化,各方面的知识都了解一点,以便和更多的人都有谈资.....若想做生意,可学一点心理学和推销术....我在上学的时候,几乎连一个朋友都没有!!!现在自己开店,不也做了十年!!!!其实边做边学也是可以的,只要你真的想做好!!!!</t>
  </si>
  <si>
    <t xml:space="preserve">奇怪，中国的柴油与欧洲的不同吗？在国内，只要是使用柴油的汽车或拖 </t>
  </si>
  <si>
    <t>都不同，欧洲的油品充分加氢，把硫化物都出去了比如中国油含硫是瑞典的200倍左右还有欧洲的氮氧化物去除能力也强欧洲汽车发动机精细，中国的粗油不能用有些外国汽车进口中国，发动机标准需要降低</t>
  </si>
  <si>
    <t xml:space="preserve">电脑经常出现间断性死机会不会影响它的使用寿命?这种现象对机子各部 </t>
  </si>
  <si>
    <t>会,,,出现这中问题 ..我们一般都是 先软后硬的解决方法...你先对自己的系统做全面的检查..杀毒,,,..优化硬盘 ...看看注册表有没有 被改过...之后,,.再来看硬件...看看 电源 CPU  显卡 的.风扇 散热 够不够...再确定 是不是硬件的问题 ...</t>
  </si>
  <si>
    <t xml:space="preserve">全身经络不通，平湖哪里有好中医的？ </t>
  </si>
  <si>
    <t>中医是信则有，不信则无，所谓经络问题，多做针对性的运动比较好平湖人民医院挺大的,可以去看看</t>
  </si>
  <si>
    <t xml:space="preserve">请银行的朋友帮个忙啊回答个问题,好急,谢谢了朋友去年在贵州存钱开 </t>
  </si>
  <si>
    <t>银行卡消磁确实很麻烦,一定是要到开户银行网点才可以办理~~~~象你这样在外地的情况我也碰到过,还好有存折留在家里,叫朋友拿了去取了出来在汇到我的另一张卡上~~~~若无法这样的话就去当地银行询问,看是否可以填写一张委托授权材料叫你朋友代办~~~~即使代办好的话你也拿不到卡,还是要等到你朋友拿到新卡才取的出钱,然后在汇到你新办的卡,确实是很麻烦~~~下次一定要注意,不要磨损银行卡或和手机等一些会产生磁场的东西放在一起~~~~</t>
  </si>
  <si>
    <t xml:space="preserve">做肉丸要用什么机器?是不是一台碎肉机及一台成型机就可以了呢?主要 </t>
  </si>
  <si>
    <t>绞肉机：用于将肉块、生姜、大葱等切碎；搅拌机：用于快速、均匀搅拌制成主原料；成型机：用于将主原料制成固定形状；速冻机：用于将成型肉丸固化保鲜；油炸锅：用于将肉丸炸制成熟食；封口机：用于将速冻、炸制肉丸塑封包装；电子称：用于计量分包装重量；订购外包装：纸袋、塑袋、纸箱、封箱胶带、纸箱打码器等；如果非前店后厂式经营，还要有运输工具，如：自行车、电动车、三轮车、摩托车、微型客货、福田小卡、中卡、大卡、货柜车等。</t>
  </si>
  <si>
    <t xml:space="preserve">【壬辰清明谜会01—06】春满清明9笔字一 </t>
  </si>
  <si>
    <t>栉</t>
  </si>
  <si>
    <t xml:space="preserve">爱一个人需要理由吗&gt;?爱一个人需要理由吗??怎么能分辨出来是真喜 </t>
  </si>
  <si>
    <t xml:space="preserve">爱一个人当然需要理由, 没有人会平白无故的喜欢某一样的东西的.有时候,虽然我们一再在强调爱一个人不需要理由，只要爱他就好了。试问，如果没有你理由你又怎么会爱他？你爱他的什么？你爱他身上的什么？这就需要我们给自己一个理由了。 不知道有多少人有过在爱情迷茫的时候会想自己为什么会爱身边的这个人？ 对于女人来说，一个男人如果爱他就必须要给他一个理由，即使现在他不跟你要，迟早有一点他都会问你为什么爱她。 如果你连你自己为什么爱他都不知道，那你有什么资格爱？就好比你爱上一个男人或者是一个女人，你就应该明白爱的什么，这就是你爱他的理由。 如果说爱上一个人不需要任何理由，那么，你要离开他的时候就更不需要理由了。 如果你真的爱，就要对得起自己的良心，就应该给自己，也给他/她一个理由，起码我们爱的有目的。不论是爱一个人，或者是要离开一个人，都应该有足够的理由。 爱的时候，我们可以告诉所有人我们是因为不了解才在一起，这就是理由；离开的时候，我们可以告诉所有人我们是因为太了解才分开，这也是理由。 </t>
  </si>
  <si>
    <t xml:space="preserve">为什么我电脑看不到文件夹名字！ </t>
  </si>
  <si>
    <t>重装系统马上解决掉!</t>
  </si>
  <si>
    <t xml:space="preserve">不等式的牲质关于ｘ的不等式ｘ一ａ&amp;lt;1的解集Ｘ&amp;lt;2,则 </t>
  </si>
  <si>
    <t>x-a&lt;1则x&lt;a+1为不定式的解集,又已知x&lt;2为不定式解集，则a+1=2，a=1.    选B。</t>
  </si>
  <si>
    <t xml:space="preserve">如何练习英语口语效果最佳 </t>
  </si>
  <si>
    <t>首先重在坚持,不要以为练口语就非得要找外国人练,实际上即使和你练口语的人水平比你差也不要紧,因为在以后的英语交流中,你不光要学会听懂英语为母语的国家人说的话,同时也要能够听懂非英语母语国家人说的话.为什么现在中国人有那么多人学英语,而总是得不到突破,就是因为他们不敢说,怕说错,所以第二点就是要放下你的自尊,敢于用英语跟周围的人交流.第三,在说的同时也要加强自己的词汇,每天坚持听些英语新闻或看些报纸,我经常在 上下载听力.积累词汇.就我个人而言,我都会以当天的新闻为topic,每天都和一个同学练习英语,就topic 讨论,遇到不会的单词就查,然后take note,自我感觉效果不错,当然如果你是跟比你水平高的同学练习,就会有更大的提升.前些天,我碰到一个英语老师(中国人),他的发音很漂亮,他告诉我,应该学会自己跟自己用英语说话,即使在厕所.说白了,就是'坚持'</t>
  </si>
  <si>
    <t xml:space="preserve">请教“虚掩的门”大师及各位专家帮我设计一下，先谢谢了！我的房子建 </t>
  </si>
  <si>
    <t>你好今天很忙,一直没时间到爱问,马上又出差,但我的出差是快速的,周六上午回,那时回答您的问题,好吗?今天上午7:30分回的北京,马上被朋友接走去看房,等回就不停回答问题到现在.1.餐厅问题好解决，只要把阳台利用起来就可以了。2.关键是书房，看了半天，感觉只有动主卧室的衣帽间了，所以在客厅找了储藏室的位置顶替。3.书房是做暗的还是明，我犹豫不决，要你定夺。如果是暗的，那么一切好说；但如果是明的，那么怎么与主卧室能分出层次又不影响美观？如果做明的，不建议用玻璃来分出隔断，那样对房间影响太大。我的想法是白天用铝合金帘子或珠帘来分，如果是晚上，那再在红线处面向卧室这侧加落地窗帘。4.对您提出的颜色问题，暂时无法回答，因为您没有谈喜欢的风格，所以我就不能胡说，呵呵。见晾。</t>
  </si>
  <si>
    <t xml:space="preserve">数学一题环形跑道周长是500米，甲、乙两人按顺时针沿环形跑道同时 </t>
  </si>
  <si>
    <t>一定是60分钟 .设甲跑了x米才能追上乙,因为是首次追上乙,所以乙跑了x-500米,但他们用的时间是相等的x/60+x/200=(x-500)/50+(x-500)/200x=7500x/60+x/200=60抱歉,是我算错了,是应该3750,那么答案应该是81.25,四个选项都不对</t>
  </si>
  <si>
    <t xml:space="preserve">台服没有繁体显示，英文发音从新浪上下载的台版WOW，安装完后没有 </t>
  </si>
  <si>
    <t>可以准确告诉你，目前3.3.3版没有，因为台服DATA目录下，只有zhTW，而国服DATA目录下，有enCN和zhCN两个目录。</t>
  </si>
  <si>
    <t xml:space="preserve">海马怎么吃？听说可以炖汤，请问怎么做？谢谢！ </t>
  </si>
  <si>
    <t xml:space="preserve"> 请您到这里，非常详细！海　马 　　海马是海龙的同类。尾卷附在海藻上，过着固定性生活。游泳时直立身体，摆动背鳍和胸鳍，游泳前进。到春天，雌海马在雄海马的育儿囊中产卵，经过50～60天，幼鱼会从育儿囊里出来。 【海馬的用途】海馬?缀跞砉腔虼瞬荒苁秤茫贿^?s是高貴中?材。可用作醫治： 呼吸系統失調如哮喘、性功能失調如?痿及不孕、嗜眠症和體力衰竭、喉?蹈腥尽⑵つw病和難產。在菲律賓中部，海馬用?磲t治哮喘、?馔春瓦^度活躍症。 海馬有催生、止痛﹑??心等功能。收藏家之所以喜?g?乾後的海馬，由於其能保持其形狀和身上?緻的紋路。活海馬更可作?榇笮退屦^和???e水族?酆谜咧^賞，海馬是最難?養的魚?之一。</t>
  </si>
  <si>
    <t xml:space="preserve">为什么取消　财富通支付我一直都是用财富通　冲值的前几天网站维护　 </t>
  </si>
  <si>
    <t xml:space="preserve">尊敬的客户:     您好！5173客户服务041很高兴为您服务！现在购买支付的时候可以选择财富通支付，请您重新购买。感谢您对5173的支持!!!                                                   </t>
  </si>
  <si>
    <t xml:space="preserve">请excel高手帮忙看一下数据很多,不用复制粘贴,而用公式或者函 </t>
  </si>
  <si>
    <t>用函数来完成有难度，而且数据量多的话速度不是很理想，用A帮你写了一个，你试一下效果，点“分拣数据”按钮就好了！'按钮的单击事件代码非常之简单——Option Explicit '强制声明变量Private Sub CommandButton1_Click()On Error Resume Next '设置错误处理Application.ScreenUpdating = False '关闭屏幕刷新Dim rngCell As Range, intRow%, i%With Sheets("sheet2")For Each rngCell In Range([A2], [A65536].End(xlUp)) '在Sheet1中循环每条记录 intRow = .[A65536].End(xlUp).Row + 1 '记录Sheet2中可以添加新数据的行号 .Cells(intRow, 1) = rngCell '在Sheet2中写入“单位简称” For i = 2 To 6 '在Sheet1中的单行记录中的C:G列循环  If Len(rngCell.Offset(0, i)) &lt;&gt; 0 Then '检测空值，忽略空值   .Cells(intRow, 256).End(xlToLeft).Offset(0, 1) = ActiveSheet.Cells(1, i + 1) '在Sheet2中写入非空值的费用名称   .Cells(intRow, 256).End(xlToLeft).Offset(0, 1) = rngCell.Offset(0, i) '在Sheet2中写入非空值的金额  End If Next i .Cells(intRow, 12) = rngCell.Offset(0, 7) '在Sheet2中写入合计数 .Cells(intRow, 13) = rngCell.Offset(0, 8) '在Sheet2中写入大写金额Next.Select 'End WithApplication.ScreenUpdating = True '打开屏幕刷新End Sub</t>
  </si>
  <si>
    <t xml:space="preserve">给个超级帐号激活码 </t>
  </si>
  <si>
    <t xml:space="preserve">到陶宝网看看，或许还能买到。也可以用积分到这里兑换其他游戏激活码： </t>
  </si>
  <si>
    <t xml:space="preserve">谁用过“正行列式”怎么算，是否只能用按行或按列展开呀，有没有其他? </t>
  </si>
  <si>
    <t>可以进行行列交换及，拉普拉斯公式，但是注意没有符号的变换，一般没有其它的方法</t>
  </si>
  <si>
    <t xml:space="preserve">我这个月怎么还不来月经呢,上个月我做爱后来了月经,但是这个没有做? </t>
  </si>
  <si>
    <t>绝对不会怀孕的。</t>
  </si>
  <si>
    <t xml:space="preserve">冰1，魔1的绿色项链能值多少？谢谢！神鬼王暴的 </t>
  </si>
  <si>
    <t>换+10 45武器</t>
  </si>
  <si>
    <t xml:space="preserve">斑竹请进高手来看急需打造一览表,以前在新手手册里的那个怎么看不到 </t>
  </si>
  <si>
    <t>来我的个人中心，共享里有</t>
  </si>
  <si>
    <t xml:space="preserve">小孩子长牙时，新冒出的牙顶着原先的乳牙，那颗乳牙要去医院拔掉吗 </t>
  </si>
  <si>
    <t>这得让牙科医生看诊后确定。</t>
  </si>
  <si>
    <t xml:space="preserve">SOS谁知道怎样删除下载的文件急啊要彻底的把曾经下载或拷贝的文件 </t>
  </si>
  <si>
    <t>除了windows本身的卸载程序,还可以下载软件"完美卸载""文件粉碎机""超级兔子魔法设置""windows优化大师"很多这样的软件的,有的有"彻底删除功能",有的先放到回收站所以注意清空.完了可以用软件清除一下机器垃圾文件.在系统盘中的"用户"中 "我最近使用的文档"和"cookies"等以前的操作痕迹删除,谁也无法知道你曾经和某个文件有过联系,呵呵,我推荐"超级兔子魔法设置".如果你还不放心,就格掉你的机器,重做,那更保险.呵呵</t>
  </si>
  <si>
    <t xml:space="preserve">澳洲一流大学和普通大学有什么区别?澳洲的一流大学,如悉尼大学、澳 </t>
  </si>
  <si>
    <t xml:space="preserve">流大学和普通大学的区别 　　　　从很多表面现象上看来，一流大学和普通大学的差别也不是很大，甚至有的时候会感觉到普通大学会比一流大学更好，其实呢，这是比较大学时候的一个误区。 　　第一，毕业生满意程度，以及质量 　　从good university guide来说，一流大学的毕业生满意度和教育质量极低。USYD和UNSW都分别得了三星和二星，MQ的ACTURIAL也不高，还有UMEL,UQ等都不如几所普通大学，比如说，南十字星大学是在纽省毕业生满意度和教育质量最高的。可是，这是客观事实么？ 　　good university guide的评估都是根据调查来的，而这些意见都是很主观的。何为毕业生满意度？何为教育质量? 　　同学们都应该很了解，在我们身边经常可以听到这些话 　　“xx老师不错啊，给分给得很松阿” 　　“这个老师怎么这样，讲那么难的怎么听得懂”等等 　　其实在我们的回答中，满意是否一般并不时按照客观事实来的，如果老师给分给得松，HD,D拿得多，自然会觉得自己的老师好。课程难了，如果自己没有理解，便会很容易联想到是讲师不好，但是有没有设想过，到底是理论本身难度的原因还是主要是因为讲师呢？ 我相信世界上不会有人能够把相对论讲解得让每一个人都明白吧？ 　　在名校名专业中，一般讲师都抓得很紧，课程也会比较难，当然学生会有不满了。而且，澳洲存在一个很大的问题，由于人少，竞争也并不是很激烈，进入名校并不困难，其实进入名校的学生和进入普通大学的学生在能力上可能差距很小，而名校的课程难度显然要比普通大学难得多，学生自然吃不消 　　第二，毕业生就业 　　普通大学一般都是教学生应用为主，而一流大学都是研究为主的，所以教给学生的也更有学术性，名校出来的学生在没有工作经验的前提下，开始工作时并不一定比普通学校的学生容易上手，所以刚出来的学生就业率并不是很高，但是，随着时间的发展，由于基础技能比较扎实，所以更加容易学到新的东西，也更容易得到升迁 　　很多人都说，上名校有什么用，最主要靠的还是自己。这点我同意，只有自己的能力才是真正属于自己的，但是，假设A，B两人，能力都很强，就算他们相等吧，A从名校毕业，B从普通学校毕业，平均成绩都在HD以上，两人去应聘，如果主考官只有时间面试一个人，那么你认为主考官会选谁呢？学校名气不是你的，学校名气并不能代表你的能力，但是无疑学校名气是一块很好的敲门砖。当然了，B的能力如果很强，他自然会找到别的机会，但是他会比A来得辛苦 　　如果想转载本文必须经本站和作者同意，如果想参加澳洲留学相关话题讨论请进入[留学第一站留学澳洲论坛]  </t>
  </si>
  <si>
    <t xml:space="preserve">为什么我真了修真任务，但修为没长啊，999我啊~~~我是个小WX </t>
  </si>
  <si>
    <t>估计你有修真任务没完吧，看看你还有黄色的任务没。如果没有，系统会自动提示你接39修真的，然后去天城找洞冥仙长就有修真任务了。接过修真任务后需要死一次，然后去破阵北边找鬼仙MM，对话后回天城交差就OK</t>
  </si>
  <si>
    <t xml:space="preserve">你给别人投赞扬票时会告诉他(她)吗？我注意到有的人每次给人投了赞 </t>
  </si>
  <si>
    <t>一般不会说的。就像我现在说：“我就不告诉你我投了你反对票”(实际上我根本没投票)</t>
  </si>
  <si>
    <t xml:space="preserve">NET源码是什么？ </t>
  </si>
  <si>
    <t xml:space="preserve">  自从比尔·盖茨在2000年提出.NET战略，五六年过去了，人们对到底什么是.NET仍然不是很清楚。这篇文章的目的就是希望能够阐明.NET的内在含意，.NET的缘由以及.NET技术的应用场景。  大家对.NET概念上的迷惑，部分的原因是由于微软自己不十分清晰的市场策略造成的。比如在2000－2002年间，许多微软的产品在发布新版本的时候都在版本上加上了.NET后缀，尽管它们跟.NET技术没有太多关系。现在微软已经意识到这个名称的误用，开始着手把.NET后缀从产品名称中去除。2003年发布的产品中，惟一带有.NET的产品是Visual Studio.NET 2003－微软的集成开发工具。事实上，Visual Studio.NET 2003的下一个版本（代号为Whidbey，将在今年年底发布），它的名称将回归到简单的Visual Studio 2005。 .NET现在可以看成微软的一个品牌。微软有两个非常成功的品牌，那就是Windows和Office。.NET会成为微软的另一个品牌。它不仅仅是一组技术，产品，或服务（微软的服务包括MSN, Passport， MSDN订阅，等等）。一个品牌具有一些特征。比如，Rolex是一个手表品牌，它代表了高质量，时尚，昂贵，成功，等等。那么.NET代表了什么呢？ .NET代表着联通性，敏捷性，和成功。让我分别对这几点来解释一下。 1。联通性。.NET的远景是让所有的事物都连接起来。不管是人，信息，系统，还是设备；不管是一个企业的内部员工，外部合作伙伴，还是客户；不管是Unix, Windows, 还是 Mainframe；不管是SAP, Siebel, 还是 Oracle ERP套件；不管是桌面PC，，还是手表。在一个异构的IT环境里，.NET技术能够将不同的系统连接起来。2。 敏捷性。商务敏捷性和IT敏捷性。面向服务的商务体系结构跟面向服务的IT体系结构很好的配合在一起。SOA (Service-Oriented Architecture)能够给一个企业带来IT敏捷性和商务敏捷性。.NET技术是基于SOA思想和原则设计的，并且采用了像XML和Web Services这些支持应用整合和系统互操作的开放标准。这样，采用.NET技术开发应用，能够带来灵活性和敏捷性。.NET是一个非常合适的技术平台来创建支持SOA体系结构的IT系统并通过这些系统的开发和部署运行达到IT和商务的敏捷性。 3。成功。GE的前主席Jack Welch曾经说过一句话，“在GE，我们只有两个竞争优势：第一，比竞争对手更快的洞悉更多有关客户的信息的能力；第二，比竞争对手更快的将这种理解转化为行动的能力。”最终，IT都是为业务服务的。敏捷带来商务上的成功。.NET可以帮您创建一个敏捷的系统，既容易去洞悉市场，作出战略上的调整，也容易将新的计划付之实行。 这些听上去像是在做市场宣传。但事实确是如此。其它的IT厂商也在谈论这些东西：XML, Web Services, SOA, 敏捷性，联通性，等等。他们可能会使用不同名词，但这些名词后面的含意应该都是非常相似的。所以你可以发现一个有趣的现象，所有IT厂商都支持同样一组开放标准，即XML和Web Services，我们都认可企业应该做SOA，我们都认为敏捷性非常重要。那这些IT厂商之间有什么不同呢？不同之处就在各自的技术实现上。XML, Web Services, 和SOA只是技术规范和技术理念，需要采用一种技术平台才在应用系统中实现这些技术规范和技术理念。各个IT厂商的技术平台有很大的不同。 .NET就是微软的用来实现XML，Web Services, SOA和敏捷性的技术。  对技术人员，想真正了解什么是.NET，必须先了解.NET技术出现的原因和它想解决的问题，必须先了解为什么他们需要XML, Web Services 和 SOA。    技术人员一般将微软看成一个平台厂商。微软通过技术平台，而技术人员在这个技术平台之上创建应用系统。从这个角度，.NET也可以如下来定义： .NET是微软的新一代技术平台，为敏捷商务构建互联互通的应用系统，这些系统是基于标准的，联通的，适应变化的，稳定的和高性能的。   从技术的角度，一个.NET应用是一个运行于.NET Framework之上的应用程序。（更精确的说，一个.NET应用是一个使用.NET Framework类库来编写，并运行于公共语言运行时 Common Language Runtime之上的应用程序。）如果一个应用程序跟.NET Framework无关，它就不能叫做.NET程序。比如，仅仅使用了XML并不就是.NET应用，仅仅使用SOAP SDK调用一个Web Service也不是.NET应用。    微软.NET技术包括哪些东西？核心的东西当然是.NET Framework。 Visual Studio.NET 2002和Visual Studio.NET 2003是创建.NET应用的集成开发环境。Visual Studio For Office (VSTO)可以用来创建基于Word和Excel等文档的.NET解决方案。Web Service Extensions (WSE)是一组支持高级Web Services 标准的.NET类，这些标准包括WS-Security, WS-Policy, WS-ReliableMessaging 和 WS-Attachments，等等。Enterprise Library是一组支持企业级.NET应用程序开发的可重用的应用程序模块，它提供了应用程序开发中需要解决的共性的问题，比如配置管理，数据访问，异常处理，日志管理，等等。   .NET仅仅是跟Web Services相关吗？当然不是。它是微软的新一代技术平台，你可以在这个平台上面创建任何类型的应用系统：传统的Windows桌面应用,Web应用,Office 应用，移动应用，智能设备应用，等等。在一个Pocket PC (Phone Edition)上面，你可以使用.NET Compact Framework （.NET Framework在设备上的一个简化版）创建一个.NET客户端应用程序。或者你可以开发一个.NET移动Web应用，部署在一个IIS Web 服务器上面，然后用户就可以使用Pocket PC (Phone Edition)上面的Internet Explorer 浏览器去访问这个网站，这个网站的页面都是专门为这种设备的小屏幕设计的。 </t>
  </si>
  <si>
    <t xml:space="preserve">飘流幻境的。。。。钱要怎么赚？ </t>
  </si>
  <si>
    <t>掉鱼或挖矿 采木头卖钱</t>
  </si>
  <si>
    <t xml:space="preserve">环境艺术和建筑装饰那个的范围广一些？无意中看到的宣传，所以比较好 </t>
  </si>
  <si>
    <t>百度一下，上面说的很清楚。我个人觉得环境艺术有室内布置设计，规划，家具，园林景观，平面展示等，很多很杂。建筑装饰是对建筑物的设计。环境艺术包含了建筑装饰。</t>
  </si>
  <si>
    <t xml:space="preserve">南开区哪有卖暖瓶胆的 </t>
  </si>
  <si>
    <t>中环线和王顶堤立交桥交口那有两个土产 里面有 找不到土产的话随便问个人就行了</t>
  </si>
  <si>
    <t xml:space="preserve">什么东西越生气它就越大？ </t>
  </si>
  <si>
    <t>是：脾气。。。。。。。。。。。。。。。</t>
  </si>
  <si>
    <t xml:space="preserve">三相四线直接接线式电表可否接互感器 </t>
  </si>
  <si>
    <t>可以的，但是必须要注意：应该提供三相电表内部电压线圈的供电，最简单的做法就是按互感器的“同名端”正确接入三相表后，再在三相线路每一相互感器的初极（即电路的一次侧）上，接一根线到互感器的次极（即接电表的二次侧）中接入电表的各个进线端的那根线上，这样提供了一个“电压源”给电表后，电度表就可以正常计量了。至于计量方法，则是电表的读数乘上互感器的“变流比”（即初极和次极电流比的值）就为实际用电的数值（KWh）。</t>
  </si>
  <si>
    <t xml:space="preserve">杭州哪有卖电动轮椅的？老人偏瘫，想给老人买款电动轮椅，价格方面不 </t>
  </si>
  <si>
    <t>在医疗器械商店有卖。</t>
  </si>
  <si>
    <t xml:space="preserve">高手帮帮忙，我最近想买车，不知道是买86好，还是买B2类的车好， </t>
  </si>
  <si>
    <t>我自己开过的车有B2的，还有所有S的，本人认为，如果你想买B2的车，说明你的CT已经上了百万，如果稍微努力一下的话，还是买330的好。330在加速和急速方面比Ｂ２的所有车都好．如果你钟情与Ｂ２的车，我建议你买天蝎，它是Ｂ２里最好的车．Ｔ８６现在已经老了，不建议你买它．３３０的急速是２４２．如果你装备了黄金的话，330的急速可以达到242以上。</t>
  </si>
  <si>
    <t xml:space="preserve">深圳哪家品牌生产的监控摄像机比较好？本人一直想买一台监控摄像机， </t>
  </si>
  <si>
    <t>是这样的，我公司去年在一家叫做威亿合利科技有限公司里面购买了几台监控摄像机，他们生产的品种有很多，有监控摄像头，监控摄像机，红外摄像头，红外摄像机，还有监控摄像机等等，价格合理，性能不错。 希望可以帮到你.</t>
  </si>
  <si>
    <t xml:space="preserve">好冷呀! </t>
  </si>
  <si>
    <t>刚过小寒，冬天最冷的几天，注意保暖！</t>
  </si>
  <si>
    <t xml:space="preserve">动态IP问题我是铁通拨号动态IP,近来如上网获得的IP地址是21 </t>
  </si>
  <si>
    <t>不可能实现。如你所述，你所使用的铁通宽带机房有一台分配IP的服务器，虽然你可以设置222开头的IP地址，但服务器端不可能记录下你的IP，你所设置的IP依然可以分配，如果这个地址在你关机的时候被分配出去而且正在使用，你一旦开机两台电脑同时会检测到IP地址的冲突，虽然问题不大，但还是很麻烦。所以只好你每次上网的时候碰碰运气了。</t>
  </si>
  <si>
    <t xml:space="preserve">隐身侠怎么样用着？ </t>
  </si>
  <si>
    <t>直接下个的加密软件，我用的“隐身侠”，挺好用的，冯远征代言，永久免费的，直接把你要加密文件夹放进去就OK了。隐身侠隐私文件夹加密软件2.30.8.4新版本新上线，功能更加全面，更加方便实用！</t>
  </si>
  <si>
    <t xml:space="preserve">神盾估价，高手进！40级掉2血1防神盾，有技能，精神成长2.23 </t>
  </si>
  <si>
    <t>３Ｄ的不掉魔不错　～不过对于一些挑剔的人来说掉１防就会大大减少盾的价格不过这只卖上个７０Ｗ以上还是不成问题的</t>
  </si>
  <si>
    <t xml:space="preserve">SS的困惑不知道大家看没看今天官网上发布的新技能，SS以后打架还 </t>
  </si>
  <si>
    <t>算了 等我当了老总我会给你们弄个+1000%攻击的Ss技能的 ,那样职业就平衡了 .等吧  现在职业还算平衡 凤凰要SS和WX和MG和Fs和MM只要是同等级的 ,你就叫他咬去吧你先去厕所大便  人家不还手在那 站着都咬不死,,SS和WX就能强了 你先去睡觉在起来看会电视 回来在看看凤凰连人家一半血都没咬掉呢.妖精被老虎和WX近身后  3下5除2 .干掉 ,MG平射  就能干掉 ,MM睡+羽剑  ,法师就更别提了,2小秒妖精 法师的攻击技能太丰富了 ,而且还是最强的.妖精 只是平庸.其实完美还是很平衡的.什么东西都没有十全十美的</t>
  </si>
  <si>
    <t xml:space="preserve">求欧洲杯欧洲杯小组出现详细规则 </t>
  </si>
  <si>
    <t>欧洲杯预选赛九个小组的第一名以及成绩最好的第二名直接进入欧洲杯决赛圈，剩下8个小组的第二名打附加赛。 　　体坛网讯 北京时间2月7日晚上，2012年欧洲杯抽签将在波兰华沙进行，以下是本次欧洲杯的抽签规则及出线规则。 　　分组 　　主办国，波兰和乌克兰，自动进入决赛圈的比赛。 　　剩下的球队分成6个6支球队的小组和3个5支球队的小组。小组由抽签决定，种子队在2010世界杯前的欧洲区预选赛结束后确定，欧洲杯卫冕冠军确定为种子队，其他的种子队按照在欧足联排名系统中的积分来决定，这些种子队分别是：西班牙、德国、荷兰、意大利、英格兰、克罗地亚、葡萄牙、法国、俄罗斯。 　　分档情况 　　第二档 希腊、捷克、瑞典、瑞士、塞尔维亚、土耳其、丹麦、斯洛伐克、罗马尼亚 　　第三档 以色列、保加利亚、芬兰、挪威、爱尔兰、苏格兰、北爱尔兰、奥地利、波黑 　　第四档 斯洛文尼亚、拉脱维亚、匈牙利、立陶宛、白俄罗斯、比利时、威尔士、马其顿、塞浦路斯 　　第五档 黑山、阿尔巴尼亚、爱沙尼亚、格鲁吉亚、摩尔多瓦、冰岛、亚美尼亚、哈萨克斯坦、列支敦士登 　　第六档 阿塞拜疆、卢森堡、马尔他、法罗群岛、安道尔、圣马力诺 　　预选赛的抽签仪式将于2010年2月7日进行。 　　比赛 　　按照联赛的形式进行，一支球队将在预选赛中与小组中的所有对手进行主客场的比赛，获胜积3分，平局积1分，输球不得分。 　　小组中球队最终排名的规则： 　　如果有两支队或以上球队同分，排名方式按照下列顺序进行： 　　a.各队之间比赛的总积分 　　b.各队之间比赛的净胜球数 　　c.各队之间比赛的总进球数 　　d. 各队之间比赛的客场进球数 　　e. 如果上述条件都相同，则按照以下规则进行排名 　　f.小组赛全部比赛的净胜球数 　　g.小组赛全部比赛的总进球数 　　h.小组赛全部比赛的客场进球数 　　i.公平竞赛排名 　　j.抽签决定 　　附加赛规则 　　1..九个小组的第一名以及成绩最好的第二名直接进入欧洲杯决赛圈，剩下8个小组的第二名打附加赛。 　　2. .对于成绩最好的第二名，根据如下顺序来判定（由于有3个小组只有5支球队，因此比较第二名成绩时只取各个小组第二名与该小组前五名的战绩）： 　　a.获得积分 　　b.净胜球数 　　c.总进球数 　　d.客场进球数 　　e.在欧足联国家排名系统中的积分 　　f.在预选赛中公平竞赛排名 　　g.抽签决定 　　3.剩下的八支小组第二名球队再进行淘汰赛。对阵形势由抽签决定，在欧足联国家排名系统中的排位高的4支球队成为种子队，如果有球队在欧足联国家排名系统中的积分相同。则参照下列标准： 　　a.国家队在欧足联所记录的比赛数 　　b.平均净胜球数 　　c.平均进球数 　　d.平均客场进球数 　　e.公平竞赛排名 　　f.抽签决定 　　淘汰赛采用主客场制，种子球队先客后主。总进球数多的球队晋级，如相同，请参照下一条。 　　4.在淘汰赛中，如果两队在两回合比赛中总比分相同，则客场进球数多的球队晋级。在两队客场进球数相同的情况下，进行2个15分钟共计30分钟的加时赛。在加时赛中，如果两队都有进球，且进球数相同则客队晋级（例如加时赛两队打成1比1，客队晋级）。如果都没有进球，则通过点球来决定胜负。决赛圈规则 　　1.欧足联委托波兰足协和乌克兰足协承办欧洲杯决赛阶段的比赛 　　2.欧足联将16支参赛队分为四个小组 　　3.小组的分配将由抽签决定，按照以下模式： 　　A组 B组 C组 D组 　　A1 B1 C1 D1 　　A2 B2 C2 D2 　　A3 B3 C3 D3 　　A4 B4 C4 D4 　　4.小组抽签时的种子队，为举办国的协会，卫冕冠军，和一支或两支（卫冕冠军没有进入决赛圈的情况下）在欧足联国家排名系统中的积分最高的足球协会。 　　如果系数相同，则参照下列标准： 　　a.国家队在欧足联所记录的比赛数 　　b.平均净胜球数 　　c.平均进球数 　　d.平均客场进球数 　　e.公平竞赛排名 　　f.抽签决定 　　12个比赛日日程及规则 　　小组赛阶段 　　比赛采取单循环制，获胜积3分，平局积1分，输球不得分。小组赛最后一个比赛日的比赛必须同时进行。 　　第一轮比赛 第二轮比赛 第三轮比赛 　　A组 A1 vs A2 A1 vs A3 A4 vs A1 　　A3 vs A4 A2 vs A4 A2 vs A3 　　B组 B1 vs B2 B1 vs B3 B4 vs B1 　　B3 vs B4 B2 vs B4 B2 vs B3 　　C组 C1 vs C2 C1 vs C3 C4 vs C1 　　C3 vs C4 C2 vs C4 C2 vs C3 　　D组 D1 vs D2 D1 vs D3 D4 vs D1 　　D3 vs D4 D2 vs D4 D2 vs D3 　　小组赛积分相同的球队的排名方式按照以下顺序进行： 　　a.球队之间的胜负关系（三球队积分相同时则通过这些球队交战的总积分判定） 　　b.球队之间的净胜球数（在两支以上球队处于同分的情况下） 　　c.球队之间的总进球数（在两支以上球队处于同分的情况下） 　　d.小组赛全部比赛的净胜球数 　　e.小组赛全部比赛的总进球数 　　f.在欧足联国家排名系统中的积分 　　g.在预选赛中公平竞赛排名 　　h.抽签决定 　　如果两支球队积分，进球数，失球数都相同，并在最后一场小组赛中踢平，如果该小组中再没有另外一支球队与他们积分相同，则两队直接进行点球来决定胜负。 　　四分之一决赛： 　　比赛1：A组第一对阵B组第二 　　比赛2：B组第一对阵A组第二 　　比赛3：C组第一对阵D组第二 　　比赛4：D组第一对阵C组第二 　　半决赛： 　　比赛1胜者对阵比赛3胜者 　　比赛2胜者对阵比赛4胜者 　　决赛： 　　半决赛的两个胜者 　　淘汰赛阶段的比赛如果在90分钟内打成平手，则通过30分钟的加时赛决胜，如还保持平局，则通过点球来决定胜负。 　　预选赛阶段日程 　　2012年欧洲杯预选赛的赛程将被安排在2010年—2012年之间的12个比赛日来进行。 　　2010年 　　a.2010年9月3日或4日，9月7日 　　b.2010年10月8日或9日，10月12日 　　2011年 　　a.2011年3月25日或26日，3月29日 　　b.2011年6月3日或4日，6月7日 　　c.2011年9月2日或3日，9月6日 　　d.2011年10月7日或8日，10月11日 　　附加赛日程 　　a.2011年11月11日或12日 　　b.2011年11月15日 　　决赛圈日程 　　2012年欧洲杯决赛圈的比赛将在2012年6月8日到7月1日之间举行</t>
  </si>
  <si>
    <t xml:space="preserve">最近好看的韩剧类似于请回答1997这部剧的......很好看，推 </t>
  </si>
  <si>
    <t>那年冬天风正在吹</t>
  </si>
  <si>
    <t xml:space="preserve">愁啊，孩子的早恋问题！本人工科博士、教授、博导，每天很忙，为了孩 </t>
  </si>
  <si>
    <t xml:space="preserve">　　孩子早恋，家长应该怎么做呢？ 　　为了避免早恋，家长想起来了许多招数：打她或者骂她、有的家长选择耐心地跟她说，和她多沟通，有的家长要孩子到哪里去玩都通报，但是即使如此，也只能管住孩子的行为，管不住孩子的心。 　　孩子为什么会早恋？ 　　给大家讲个故事。一天，一对父母——男的是厅级干部，女的也是高职人员来找我，两个人慌慌张张地找到我：周教授，无论如何请您帮个忙，说他们的姑娘今年16岁，跟着一个四十多岁的男人跑了。姑娘一领来，果然是貌美如花。 　　这个姑娘也给我讲了一个故事。她说，有一天，我放学回家，就给妈妈打电话：“妈妈，你什么时候回来啊？”“正开会呢，今天晚上有事情不回去了。”“真的不回来了？”“说不回去就不回去，这么罗嗦！”放下电话，她又打给爸爸：“爸爸，你什么时候回来呀？”“正跟客户谈生意呢。有什么事儿啊？”“你回来不回来啊？”“看情况吧，这是重要客户。没什么事吧？挂了啊。”姑娘放下电话，很伤心，因为父亲母亲都不回来，打电话提醒，他们也不知道。 　　她出门到网吧，上了两个小时网。上网的时候，那个男人就叼着烟卷，翘着二郎腿盯着她看。她上网两个小时，那家伙盯了她两个小时。她说，“我从一开始就知道，这家伙不是什么好人。哪有这样盯着小女孩看的呢！上完网，我刚站起来，男人就走过来，说：“姑娘，今天是不是你很重要的日子？” 当时我心里就“咯噔”一下，他怎么会知道！他笑着：“我冒昧地猜一下，今天是你的生日吧？”我的眼泪就下来了，爹娘都忘了，这个流氓记着呢。他接着又说：“姑娘，要不要我请你吃饭，给你庆祝生日。”我二话没说，跟着他就走了。 　　孩子早恋，说明父母爱得不够。一个人在现实中得到的爱、关心、关注不足，成就感不足，就会从其他的地方寻求，或入黑社会，要么在街头混，要么进网吧。 　　我跟很多父母讲过：爸爸每星期至少要陪孩子玩半天，而且不要谈学习，妈妈应该每天都在家。当你的客户、领导、工作和你的孩子发生冲突的时候，应该让孩子作为第一位。但中国有多少父母能做到呢？所以，早恋，严重的还会发展为吸毒，变成少年犯。 　　一个孩子早恋了，往往不是缺少恋爱，而是缺少爱，因为她得不到足够的重视，所以早恋的孩子也就多出现在问题家庭。反过来说，家长们碰到孩子早恋，采用棍棒政策，远不如反省自我。 　　没有人表达对她尊敬的时候，没有人表达对她赞美的时候，来了一个男孩表达了赞美，一次不行，第二次，回到家，父母开始训了：你看你，这次怎么考的？外语怎么考70分？数学也下滑？我们天天在外面那么忙，这么对待你，不让你做饭，不让你刷碗，不让你干什么什么，你成绩怎么搞成这样？而这个小男孩过来说了：我看你呀，学习好坏都是次要的，就你这样，如果去唱歌将来肯定会成个明星。 　　这边总在指责她、总在训斥她、总在否定她，而那边有个人总在欣赏她，总在吸引她，她怎么可能不慢慢地跟着走呢？不要说孩子，就是大人，也会过不了这一关的。 　　那么，要想让孩子不早恋，父母必须做的基本功，就是父母要爱孩子！有很多父母说了，我让她英语学得好，学习成绩好，不是爱她吗？在这里告诉大家什么叫做爱，爱不是要求或者从根本上不是要求，爱有要求，但不能以要求为主题；爱不是谴责，爱可以有一部分谴责，但是不能以谴责为主题。很多家长，你们回头把昨天以前的事情计算一下，假如每天跟孩子说一百句话，其中百分之八十是什么？如果百分之八十都是要求、都是谴责，孩子肯定会远离你。如果有一个吸引她的因素出现，她就可能会跑出去。 　　其实在处理儿女早恋的问题上，作为家长是要有些方法的，更要讲究点语言艺术。有些女孩子为什么不跟妈妈谈这个问题呢？ 　　比如，一个女孩子，收到男同学给她写的小纸条了，孩子就说：“妈，你看，有男孩子给我写小纸条了。”这个时候你应该怎么办呢？要禁止的就是一些母亲去指责孩子，怕影响学习去训斥孩子。要避免问题出现，不是闭着眼睛、当睁眼瞎，而是要让孩子把她的心事说出来。说出来之后再去淡化这些问题。 　　举个例子： 　　“妈妈你看，有男孩子写信说喜欢我。” 　　“几个呀？” 　　“三个。” 　　“呵，你比我差远了，像你这个年龄的时候已经有15个男孩给我递纸条了。” 　　“啊？你也有？” 　　“是啊，这种事是常事嘛，你长这么漂亮，又这么年轻，跟妈妈一样有魅力，怎么会没有男孩子喜欢你呢？还有啊，我告诉你，现在只是在中学，将来到了大学，条儿会更多的。” 　　你把这种事正常化、淡化是避免孩子早恋的语言的艺术！同时，要暗示给她更好的在于未来。父母必须学会暗示。提前知道孩子什么时候会出现什么样的状况。做好准备，包括对孩子生理周期，应对方法，甚至语言技巧的储备——等着她。　　父母每天都要尽量花一定的时间和孩子们在一起，时间长短并不重要，重要的是要花一定的时间和你的孩子谈心，学会倾听孩子的心声。无论多忙，关心孩子都应该是家长的首要任务。 </t>
  </si>
  <si>
    <t xml:space="preserve">请告诉一下我好吗？如果做完流产手术一个星期后就不流血了，还用去医 </t>
  </si>
  <si>
    <t>人流一周后如果已不出血,没有腹痛等其它不适症状,可不必去医院复查</t>
  </si>
  <si>
    <t xml:space="preserve">“屋漏偏遭连夜雨”，下一句是什么？请指教… </t>
  </si>
  <si>
    <t>人来求我三春雨,我去求人六月霜 屋漏偏逢连夜雨,船破又遇顶头风。 人逢喜事精神爽,月到中秋分外明</t>
  </si>
  <si>
    <t xml:space="preserve">武林外传里的剑圣怎么加点好？ </t>
  </si>
  <si>
    <t>①鸟:清风破(1点,默认)铁拳(5点,无异议)②游侠(13个技能点):双燕(1点,⒏解释)罡气(8点,主动增益技能,加满附加80伤害,是游侠和散人拉开差距の关键)轻功(2点,用与追杀、做任务、逃跑等等)冰燕(1点,游侠练级用,也是加激将法必经之路)激将法(1点,抢BOSS用,加满太浪费技能点,本人不推荐,最近发现个新用法-----捉弄挂机の人,自己琢磨去吧 ^_^)PS:如果你有全洗符……那么就到60级了用全洗,再这么加→双燕(1点)罡气(8点)轻功(3点)剩下1点你爱加哪个加哪个……③剑客(20个技能点):追风(1点,必加)风雷(1点,练级用,PK无用,如果你有钱,你可以加满,这样方便练级,到60再洗成1点)点穴(1点,路过)心剑(1点,路过,还加抗性,忽忽~)回风(10点,10级回风增加基础攻击22%,还附加1200伤害,攻击超高,附加沉默,亦是2转乃至3转PK主力技能)天山神芒(1点,用来搞法系,1点天山和5点天山没什么大差别,加1点够了)天崩地裂(5点,2转3点击,混战中偷袭反映慢的对手必备,亦是练级打BOSS强技)④剑圣(61个技能点):剑芒(10点,被动技能,附加385伤害)太虚龙壁(5点,减少伤害25%,持续15秒)降龙决(8点,满级剑圣最高攻击单体技能,附加基础攻击24%,对自身的持续伤害800)剑魔警戒(1点,必加)北溟秋水剑(1点,路过---------攻击太低,虽能伤害对方真气,但用处不大,且无道德)剑魔斗志(4点,满级5点,由于技能点不够,故只能加到4点,增加眩晕和虚弱抗性各16,提高与邪皇单P能力)吸星之纯阳剑(8点,攻击与回风舞柳旗鼓相当,附加基础攻击20%,附加攻击612,附加缓慢值197,满级剑客缓慢197百发百中,用于牵制对方,如果你看到一个被缓慢の人在2秒内跑出了亢龙决の4米范围,那么建议你高呼:"老婆,快和牛魔王出来看神仙……")真龙圣体(1点,需消耗10个技能点,4秒无敌,不受任何负面状态影响,最大程度配合亢龙决,本技能用于释放亢龙决后自保、逃命、被群欧等等关键时刻,实在是居家旅行,杀人灭口,必备良技,是为剑圣招牌技能之一)亢龙决(5点,需消耗14个技能点,附加攻击是当前血量的75%,施放后自身只剩下1滴血,360度群攻周围4米范围,如果配有好装备,可以直接秒掉周围4米内一切生物……除了小狗小猫- -! 是为剑圣招牌技能之二)这是由武林满级第2人 LB 的加点 总结出来的</t>
  </si>
  <si>
    <t xml:space="preserve">新浪微博登不进去了说什么“我们发现你在新浪的帐号密码与其他网站被? </t>
  </si>
  <si>
    <t>有没有好心人来帮帮我们啊~~~~~~~~~~~~！！！</t>
  </si>
  <si>
    <t xml:space="preserve">68及豪杰血2000+少吗,加体魄会提高防吗? </t>
  </si>
  <si>
    <t>具体多少如果是只是2100是少了，加体魄不加防倒是增加负重，升3级加1防。</t>
  </si>
  <si>
    <t xml:space="preserve">一个小问题大家看下问下师们任务就说钱面怪任务吧,我在网吧上时间要 </t>
  </si>
  <si>
    <t>您好：师门任务和试炼任务下线后都不会消失师门任务的杀叛徒会消失10月1日-10月4日 下午2点-4点 晚上8-10点系统双倍奖励和天降宝盒。10月5日-10月7日 下午2-4点。欢迎您继续关注新浪爱问。</t>
  </si>
  <si>
    <t xml:space="preserve">什么是卢森堡公国？？请详细一些，谢谢 </t>
  </si>
  <si>
    <t xml:space="preserve">卢森堡作者：未知    转贴自：未知    点击数：32国名 卢森堡大公国(The Grand Duchy of Luxembourg)。 　　面积 25863平方公里。　　人口 39.52万(1993年)。其中卢森堡人约占69.7%，外籍人占30.3%(主要为德、美、比、西、法、意、前南斯拉夫、荷、葡侨民)。官方语言是，通用德语，卢森堡语为民间口语。97%的居民信奉天主教。　　首都 卢森堡(Luxembourg)。　　简况位于欧洲西北部，东邻德国，南毗法国，西、北与比利时接壤。属海洋—大陆过渡性气候，年平均气温9℃，年平均降水量782毫米。公元前50年有高卢人部族居住。公元400年后日耳曼人入侵，先后成为法兰克王国和查理曼帝国的一部分。936～1354年，先后为神圣罗马帝国阿登伯爵、卢森堡伯爵和卢森堡公爵的自治领地。15～18世纪历受西班牙、法国、奥地利统治。1815年维也纳会议决定卢为大公国，由荷兰国王兼任大公，同时又为德意志同盟的成员。1839年伦敦协定承认卢为独立国家。19世纪中地成为中立国。1868年实行君主立宪制。1890年前拿骚公爵阿道夫成为卢大公，彻底摆脱荷兰王的统治。两次大战中均被德国占领。1984年放弃中立政策，次年加入北约。1958年参加欧洲共同体。　　自然地理　　卢森堡大公国东邻德国，西部和北部是比利时，南部与法国接壤，是欧洲最小的国家之一。　　卢森堡的地势北高南低，北部阿登高地平均高度400～500米，布尔格普拉兹峰海拔550米，是全国最高点。南部为古特兰平原。较大河流有摩泽尔河、乌尔河、苏尔河。摩泽尔河是莱茵河中游左岸的一个支流。属海洋大陆过渡性气候。北部气候寒冷，冬季最低气温在-15℃左右，南部气候宜人，冬季平均气温2℃，年平均降水量810毫米。卢森堡资源贫乏，铁矿濒于枯竭。全国森林面积8万公顷，覆盖率为土地的1/3。 </t>
  </si>
  <si>
    <t xml:space="preserve">脐带绕颈，急！！！孕30周做B超检查出宝宝脐带绕颈2周。看到结果 </t>
  </si>
  <si>
    <t>不用担心啊,我当初怀我家岩岩的时候也是这样的,你现在做好胎心和胎动的记录啊,就可以,如果有异常再去医院啊,现在大部分的人都是绕劲啊,2周都可以顺产的,压力不要太大了,保持好的心情啊,对宝宝很重要啊,我家的宝宝现在5个多月,特别的可爱啊!发张他的照片给你看一下,给你加油啊!这是他在4个半月的照片!</t>
  </si>
  <si>
    <t xml:space="preserve">2012年做什么生意好呢？2012年不想给人家打工了，想自己做点 </t>
  </si>
  <si>
    <t>2012年做什么生意好呢，投资哪个行业都能赚钱，就看有没有那个魄力了。想要赚钱的话，你可以考虑新兴行业，比如现在动漫店项目很受创业者们青睐，动漫产品现在深受人们喜爱，在市场上供不应求，选择开家这样的AA动漫店挺不错的项目！</t>
  </si>
  <si>
    <t xml:space="preserve">退休了，？怎么办一转眼，就退休了，该怎么办？有点不知所措。请朋友 </t>
  </si>
  <si>
    <t xml:space="preserve">随着社会的发展，人口的老龄化，越来越多的老人因为退休后，不知道如何安排生活，而出现种种“离退休综合征”。那么怎样克服“离退休综合征”，使老人生活充满乐趣和生机呢？ 　　（1） 保持一定的忙碌：离退休后老年人除把退休当做休息外，还应保持一定的紧张，这样就不会使生活变得无聊，如再找份工作，发挥余热；上老年大学，丰富自已的生活。 　　（2） 多参与集体活动：如老年人协会、清早的集体舞、保龄球等活动。 　　（3） 保持良好的人际关系：与家人的关系处理好，如帮助晚辈做一些力所能及的事情，支持晚辈的工作；多与离退休人员接触交流、谈心等。 　　（4） 做到“六然”：明末清初著名的思想家、哲学家王夫之提出的六然修身格言：自处超然；处人蔼然；无事澄然；有事欣然；得意淡然；失意泰然。希望老年人能从中获得益处，从而度过平静、安康幸福的晚年。 </t>
  </si>
  <si>
    <t xml:space="preserve">决战摸爬滚打的岁月（一）英雄的年代做人太久，是英雄代理最大的痛苦 </t>
  </si>
  <si>
    <t xml:space="preserve">0.0  没看明白 </t>
  </si>
  <si>
    <t xml:space="preserve">学历不同的爱情女的是大学生，男的是初中生，但是他们很相爱。他们能 </t>
  </si>
  <si>
    <t>学历？说句你不爱听的，你上的什么大学呢？现在的大学学历值个什么?我有几个亲戚，连初中都没毕业，说实话会写的字估计都很少了，找的都是大学生媳妇，都靠他们的工资养活，这念头，学历不重要，重要的是你的‘寒金量’。</t>
  </si>
  <si>
    <t xml:space="preserve">世界最大的淡水湖 </t>
  </si>
  <si>
    <t>　苏必利尔湖，北美洲五大湖最西北和最大的一个，是世界最大的淡水湖，也是世界仅次于里海的第二大湖(里海是咸水湖)。湖东北面为加拿大，西南面为美国。湖面东西长616公里，南北最宽处257公里，湖面平均海拔180米，水面积82103平方公里，最大深度405米。蓄水量1.2万立方公里。有近200条河流注入湖中，以尼皮贡和圣路易斯河为最大。湖中主要岛屿有罗亚尔岛(美国国家公园之一)、阿波斯特尔群岛、米奇皮科滕岛和圣伊尼亚斯岛。沿湖多林地，风景秀丽，人口稀少。苏必利尔湖水质清澈，湖面多风浪，湖区冬寒夏凉。季节性渔猎和旅游为当地娱乐业主要项目。蕴藏有多种矿物。有很多天然港湾和人工港口。主要港口有加拿大的桑德贝和美国的塔科尼特等。全年通航期为8个月。该湖1622年为法国探险家发现，湖名取自法语，意为“上湖”。</t>
  </si>
  <si>
    <t xml:space="preserve">饮用水反复烧过的水喝了后对人体会造成那些不好的影响? </t>
  </si>
  <si>
    <t>反复烧开的水:反复烧开的水含亚硝酸盐，进入人体后生成致癌的亚硝酸胺。开水中含有一定量的亚硝酸盐，如反复烧开，水中的亚硝酸盐就会增高。亚硝酸盐是一种强烈的血液毒，大量进入体内后，能将血红蛋白中的二价铁氧化成三价铁，使血液失去携氧功能，导致人体缺氧窒息。亚硝酸盐还可在胃内与胺类物质起反应生成亚硝胺（强致癌物）。因此，不宜饮用反复烧开的水。</t>
  </si>
  <si>
    <t xml:space="preserve">男生心情不好怎么办？他是我的一个很要好的男性朋友，最近的他总是心 </t>
  </si>
  <si>
    <t>他的心情不好可能有以下几点:一.他要离开他的亲朋好友了(可能还有暗恋的人).二.他对接下来要走的路有点迷茫.三.他的性格使然(这是主要的).你不要问他,问多了他会反感你的,没什么的时间会帮他的,你千万不要把头想破了,呵呵.</t>
  </si>
  <si>
    <t xml:space="preserve">从幻境7层怎么到幻境10层啊？谢谢，大虾说下啊 </t>
  </si>
  <si>
    <t>呵呵，幻7点NPC 最左边的  直接去幻8！然后 幻8 到 幻9，幻9到 幻10！！OK，无它，要会跑，会飞，会引怪，总之，闪转腾挪！！我跑了N次了，多带随即就是了！道士 跑最简单，隐身 招狗狗抗怪！！！！</t>
  </si>
  <si>
    <t xml:space="preserve">怎么免费得Q币，有什么好方法？ </t>
  </si>
  <si>
    <t>天下没有免费的午餐，号称可以免费得Q币得信息，一般都是骗人得，不是为了人气就是为了盗你得QQ号。不过在QQ的官方网站， 经常举行一些调查啊 投票啊之类的活动，这种活动一般都会赠送5－10个Q币的，经常参加会有一些收获的</t>
  </si>
  <si>
    <t xml:space="preserve">我家宝贝从2岁多就开始晚上睡觉偶尔有磨牙现象，现在4岁了，每天晚? </t>
  </si>
  <si>
    <t>如宝宝是经常磨牙的话，有可能是消化不良或是有蛔虫病，可以带宝宝查一下是不是有蛔虫，不是的话，可以给宝宝吃些小儿健胃散等，平时的饮食上要做些清淡易消化的，因为夏季宝宝的肠蠕动是较慢的，也可以补充营养型的益生菌如汉臣氏、纽利兹、雅因儿等，能调理肠道健康，促进消化与吸收，祝宝宝健康！</t>
  </si>
  <si>
    <t xml:space="preserve">他和我都互相喜欢，但是他有女友。最近他对我的态度是有点怪怪的：不? </t>
  </si>
  <si>
    <t xml:space="preserve">   被女友知道了。告诉女友是你一直缠着他，他当然不敢再主动地找你了。至于你，自己送上门的不要白不要。</t>
  </si>
  <si>
    <t xml:space="preserve">民法选择题有限责任公司属于（)A.社团法人B.财团法人C.营利法 </t>
  </si>
  <si>
    <t>有限责任公司属于（) A.社团法人 B.财团法人C.营利法人 D.公益法人A.社团法人</t>
  </si>
  <si>
    <t xml:space="preserve">苹果手机壳哪个品牌比较好？ </t>
  </si>
  <si>
    <t>手机保护壳分为很多种：炫克、洛克、贝尔金等要说哪个品牌最好呢？我认为各有个的特色，各有优势。炫克手机保护壳注重的产品的差异化及市场上独特的生产工艺。洛克走大众化，贝尔金做国外市场。</t>
  </si>
  <si>
    <t xml:space="preserve">点卡充错区了怎么办啊?我是华东飞花用户.充点卡的时候鼠标滚轮滚了 </t>
  </si>
  <si>
    <t>没事可以给你转过去的！我以前也有过这样的状况！你到客服中心有个自动服务，点问题提交，根据他提的要求说明情况就行了，但是挺慢的！！要耐心点</t>
  </si>
  <si>
    <t xml:space="preserve">哪位朋友有李赋宁编写的《欧洲文学史》？请问哪位朋友有李赋宁编写的 </t>
  </si>
  <si>
    <t>发现了李赋宁编的《欧洲文学史·第3卷（上下）》，代朋友上传了，你可到资料处下载。</t>
  </si>
  <si>
    <t xml:space="preserve">极限特工2中在直升机上的那个光头白人是谁?那位黑人老兄越狱后，一 </t>
  </si>
  <si>
    <t>那个光头白人其实是直升机的驾驶员,是一个老百姓.和第一集没有关系.</t>
  </si>
  <si>
    <t xml:space="preserve">请问我的显卡是ELSAFX534P为什么游戏功能选项的游戏画面中? </t>
  </si>
  <si>
    <t>你不要把最小化打勾好嘛？就是在设置里的最后一个．最小化．不要打勾．那个是把画面降到最差的选项</t>
  </si>
  <si>
    <t xml:space="preserve">听说斯巴鲁的车都是全时四驱的？好处在哪啊？懂的给说说！ </t>
  </si>
  <si>
    <t>斯巴鲁在国内在售车型中，除了BRZ以外，其它车型均为全是四驱系统，全时四驱到底是怎麽一会事儿呢？简单的说，就是车辆在行走中四个轮子有具有一定的扭矩输出，斯巴鲁还有个系统叫可变式扭矩分配，如果行走在复杂路面时，一个轮子悬空了，这时这个轮子也不会空转浪费扭力，而是将扭力转换到有附着力的车轮上，从而完成脱困。一般正统的越野车都是全时四驱的，例如：悍马H2、路虎卫士、JEEP牧马人等。</t>
  </si>
  <si>
    <t xml:space="preserve">很不爽,发烧怎么办? </t>
  </si>
  <si>
    <t>看医生啊~</t>
  </si>
  <si>
    <t xml:space="preserve">请教水煮鱼的做法告诉我吧！ </t>
  </si>
  <si>
    <t xml:space="preserve">用料：肉250克，青蒜150克，芹菜心100克,干辣椒15克,郫县豆瓣40克,清油200克,酱油15克,味精1克,姜片10克,蒜片15克,水豆粉、清汤各适量。制作方法：1、将鱼去骨去刺（一般说选用无刺的鱼比较好），鱼肉切成5厘米长、3厘米宽的薄片，装入碗中，用酱油、料酒码味，用水豆粉拌匀。2、青蒜、芹菜择洗干净，分别切成6.5厘米长的段和块。 3、锅内油热下干辣椒、花椒，炸呈棕红色(不要炸煳，以出色出香为度)，捞出剁细。4、锅内原油下青蒜、芹菜，炒至断生装盘。5、锅内油热，下郫县豆瓣，炒出红色，加汤(要适量，过多则味淡；过少豆粉易掉，汤汁粘稠)稍煮，捞去豆瓣渣，将青蒜、白菜、芹菜再放入汤锅中，加酱油、味精、料酒、胡椒面、盐、姜片、蒜片，烧透入味，捞入深盘或荷叶碗内。6、将鱼肉片倒入微开的原汤汁锅中(汤要微开。如汤不开，豆粉会脱落；汤大开，肉片易老)。用筷子轻轻拨散，刚熟就倒在装配料的盘或碗中，撒上干辣椒末、花椒末，随即淋沸油，使之有更浓厚的麻辣香味。注意：要做好这道菜，技术性强，难度较大。但只要两辣一麻(郫县豆瓣、干辣椒和花椒)等辅料齐备，并按上述方法及要领制作，定能获得满意的效果。　还有酸菜的酸菜鱼做法如下: 原料: 青鱼中段(1斤左右,只要4元多钱), 酸菜(菜场里有1RMB一袋的酸菜,回来洗洗,随便切切就好乐,如果想做水煮鱼,就不用买这个乐) 蔬菜(可以放可以不放,可以选择豆芽,生菜之类的放进去,也挺好吃的,如果是做水煮鱼,就一定要放蔬菜了) 蛋青一个,郫县豆瓣(一定要四川郫县的豆瓣酱哦), 姜,蒜,干辣椒和花椒若干(依据口味来放),淀粉,盐,味精, 高汤(有很好,没有也成,我就从来没有放过,因为没有现成的可用) 做法: 1.首先把青鱼段洗净,切成鱼片, 然后放入淀粉,盐,少量味精,蛋青,搅拌均匀,放一边待用. 2.把酸菜切成段,姜切丝,蒜拍碎,干辣椒一切两段,如果想吃辣的就多放些,不想吃,就放两三个就可以. 3.起油锅,油热,放姜,辣椒,花椒和郫县豆瓣(如果没有高汤,豆瓣酱最好多放点,味道才会重些), 翻炒一会后,放入酸菜,炒得差不多了,开始加水(如果有高汤,放入高汤,也可以先用鱼骨头熬汤,太麻烦,我也从来没有作过,哈哈,就加清水),加大半锅清水后,盖上锅盖,就可以歇会了. 4.过不了多会,水开了,可以把事先拌好的鱼片放入,最好一片片的放,懒点的话,一起放入,但一定要用筷子把粘在一起的分开,然后盖上盖子继续煮. 5.煮开后,可以放入蔬菜再煮一会,也可以不放蔬菜,这个时候就可以闻到酸菜鱼的香味了,尝尝汤地味道,如果不够咸,可以再加点盐,然后就可以加入味精,洒点葱花,起锅装盘啦.... 鱼片因为裹了蛋青和淀粉,很香很嫩的,如果是水煮鱼,可以多放一点辣椒,然后放在里面的豆芽特别好吃,也可以最后放点嫩豆腐什么的.同样方法, </t>
  </si>
  <si>
    <t xml:space="preserve">进不了奇迹世界为什么总是提示文件升级失败然后就退出大区选择界面， </t>
  </si>
  <si>
    <t xml:space="preserve">一般是服务器不稳定造成的，多挤几次试试吧。 还有一种可能是删除客户端重装试试，安装在默认的路径下。 也有可能当你启动SUN时，如果第一次更新失败或因为某些原因关闭了SUN， 就可能在windows系统进程里面残留下启动SUN时添加的进程sun.exe。 而该进程并不会自动结束。因此当你再次启动SUN时，就会因为后台已经有了该进程而导致SUN无法正常启动，并提示“update failed” 解决方案： 打开windows任务管理器（同时按ctrl+alt+del键，然后选择任务管理器），然后再选择进程选项，找到进程sun.exe，并结束该进程。再尝试启动SUN </t>
  </si>
  <si>
    <t xml:space="preserve">在5173买游戏帐号会被找回去吗我打算再5173买个游戏帐号&amp;l </t>
  </si>
  <si>
    <t>把原来的账号信息换掉就不会了</t>
  </si>
  <si>
    <t xml:space="preserve">腰疼是怎么回事我近两年来站久了总是腰疼而不是腿疼，是不是和肾有关 </t>
  </si>
  <si>
    <t>您好,首先您需要做一个腰椎片.可以做一个尿常规.</t>
  </si>
  <si>
    <t xml:space="preserve">网上哪里购买月卡最便宜,怎么操作,会不会受骗,有没有安全的,谁买? </t>
  </si>
  <si>
    <t>我长期在这个网站买！ 这是个综合型的电子商务网站，以前玩天堂2的时候第一次在那买点卡，感觉不错，卡便宜，操作也方便。现在EVE也在那上面开放了，月卡58元。支持各种银行卡。信誉嘛，我曾经出过一次问题，是因为他们的站升级，我有50多元不见了，向值班QQ投诉后，很快补偿给我了。我的经验是在上面不要存多钱，一般就几十元即可，这样风险不大，购买也方便</t>
  </si>
  <si>
    <t xml:space="preserve">我的通过了一些算命的说，我的命适合去理佛？我很恐惧怎么办呢？ </t>
  </si>
  <si>
    <t>　　楼上的说的对，其实这是一件好事。　　怎么说呢？最起码说明您很有善根，与佛有缘啊！理佛的人都是很有福报的。这里举个例子：历史上唯一的一位女皇帝武则天就是虔诚的佛教徒，从某种意义上说也可以说是理佛的人，如她作的“无上甚深微妙法，百千万劫难遭遇，我今见闻得受持，愿解如来真实义”至今广为传诵，这是佛教徒念诵经文前要念的，从这四句话中可以看出她虔诚的信仰。再如“云何得长寿，金刚不坏身，复以何因缘，得大坚固力，云何于此经，究竟到彼岸，愿佛开微密，广为众生说”也是出自她的手，这是写在《金刚经》前面的，也广为佛子传诵。您的恐惧是因为您不了解，了解了还恐惧吗？呵呵！　　理佛可以提高我们生命的品质，使我们得到福德智慧，－－这是无价宝啊！换句话说，银子和房子或许每个人都有，但福德则未必；知识和聪明或许每个人都有，但智慧则未必。银子、房子说到底是身外之物啊！而知识和聪明也往往并不能完全带给我们幸福美满的人生。但福德智慧则是我们自己的，谁也偷不走，对不？推开佛教这扇门，朝里面看看，我可以保证您会看到丰富多彩的世界，会领悟到更多的东西，会拥有全新的更有意义的人生。　　　在爱问这么大的空间这么多问题里，碰巧看到了您的问题，所以多说几句，这也是我们的缘分啊。福报从哪里来？请看这个网址 　　愿您吉祥如意，阿弥陀佛！　</t>
  </si>
  <si>
    <t xml:space="preserve">问题.来看看0.40的补丁下了解压怎么还是不能进啊.还是说版本底 </t>
  </si>
  <si>
    <t>不行的话就下客户端吧,你这样等也不是办法啊!!!!11</t>
  </si>
  <si>
    <t xml:space="preserve">13岁的大城市小男生喜欢什么样的生日礼物? </t>
  </si>
  <si>
    <t>mp3  mp4或者是一双乔丹 阿迪  NIKE的运动鞋或衣服</t>
  </si>
  <si>
    <t xml:space="preserve">高一物理关于加速度用枪竖直向上射出一粒子弹设空气阻力与子弹速度大 </t>
  </si>
  <si>
    <t>在刚射出时所受加速度最大.根据牛二定律,a=f/m,子弹质量不变则看f刚射出时f=f最大空气阻力(因为此时速度最大)+G所以刚射出时加速度最大.</t>
  </si>
  <si>
    <t xml:space="preserve">如何进入游戏帐号申请完毕后如何进入 </t>
  </si>
  <si>
    <t>首先要下载游戏并且安装，如果这都好了的好，那就直接点击游戏快ＪＩＥ图标，然后双击你所在的游戏大区，出来登陆页面后，就输入帐号和密码，有识别码的还要输入识别码</t>
  </si>
  <si>
    <t xml:space="preserve">12岁小女生剪什么样的短发好看？发质软，细，头发较多，什么样的短 </t>
  </si>
  <si>
    <t>就学生头比较好~~要不扎两小辨子~~~~</t>
  </si>
  <si>
    <t xml:space="preserve">银色黎明声望问题我的银色黎明的声望已经到了友善，是5999，可是 </t>
  </si>
  <si>
    <t>用天灾石去换取声望，也可以使用银色黎明徽章提升声望。另外到TL，ST杀BOSS可以提高声望。现在东瘟疫的圣光教堂有许多新的任务都可以快速的提高声望。找个FS一起去刷亡灵天灾，声望会增长很快的，用亡灵符文可以换物品也能提升声望，一举两得，值得推荐</t>
  </si>
  <si>
    <t xml:space="preserve">哪支基金与广发聚富的相关性小呢？我已买了广发聚富和南方稳健Ⅱ号， </t>
  </si>
  <si>
    <t>上投阿尔法、华夏大盘,嘉实增长,这几只基金投资风格各异,投资策略各不相同,但业绩表现都比较好.</t>
  </si>
  <si>
    <t xml:space="preserve">手血热怎么办 </t>
  </si>
  <si>
    <t>治疗比较缓慢,主要靠自己平时保养的好不好.发血热的时候,可以吃黄连解毒汤,犀角地黄汤.在生病期间不可以吃辣椒,不可以抽烟,多吃清热解毒的蔬菜,多喝绿茶.一般半个月就好了.也不会每年都发.快到夏天的时候,煮薄荷冰糖水喝.会有一点预防作用朋友你好,你这情况考虑阴虚内热引起的,可考虑去看看中医,请中医具体辨症看看的,也可选择吃些中成药知柏地黄丸来调理看看的.流鼻血有可能是因为空气比较干燥,鼻粘膜也比较干燥,脆弱,容易出血.可以到医院开一些石蜡油或薄荷油涂抹鼻腔,也可以请医生检查后,烧一下鼻腔内的血管,以避免频繁出血. 还应该查一个血常规是否有血液系统的疾病.看看五官科的医生是否有鼻中隔偏曲等.平常应该多喝水和多吃蔬菜和避免扣鼻腔.</t>
  </si>
  <si>
    <t xml:space="preserve">想做泰韩正品护肤品，能代购吗？ </t>
  </si>
  <si>
    <t>这样的地方还真是不少的，选的时候注意下，经验有了做起来就顺。我朋友认识一个泰国直邮的 长期代购泰国韩国，东西好像都不错。她溦信是：71532282 你试试</t>
  </si>
  <si>
    <t xml:space="preserve">1982年7月22日查询星座阴历1982年7月22日是什么星座 </t>
  </si>
  <si>
    <t>巨蟹座(6月22日--7月22日)</t>
  </si>
  <si>
    <t xml:space="preserve">请问在网上地税申报中，在做综合申报表时，实际缴纳税额，已（抵）缴? </t>
  </si>
  <si>
    <t>实际缴纳的税额：只本月销项减去抵扣的进项税额。已缴（扣）税额：指已经缴纳或者扣缴义务人已经扣缴的税款。 销售收入额是不含税的收入。价税合计才是含税收入。 我要补充问题如进项大于销项即是0税，就不用交城建税，教育费？如果你本月抵扣的进项大于本月的销项就不交增值税、城建税、教育税、教育税附加</t>
  </si>
  <si>
    <t xml:space="preserve">下载小说问个问题，可能有点傻，怎么把书架上的输下载到桌面，有办法 </t>
  </si>
  <si>
    <t>呃，这问题问的，我不知道你指的书架上的书是哪种。如果是资料共享这类的，点击链接右键下载就好。如果是小说网上的，并不是所有网站都会给你提供下载。有的网，比如晋江有下载，就在小说介绍页上面有下载链接，你直接点就行。但是很多网站都是没有下载服务的，那样就没办法下。不过稍微有点名的小说会有其他网站盗版提供下载，内容都是一样的，你去搜一下就OK</t>
  </si>
  <si>
    <t xml:space="preserve">电脑培训班学习网络工程师专业。北京那家学校不错？在南城上课 </t>
  </si>
  <si>
    <t xml:space="preserve">学校首页 课程列表 师资介绍 校园风采 授课地点  咨询报名服务热线：010-51660440     培训课程： 工程师培训班 培训机构： 北京市成人教育培训中心南城分校  {正在招生}  上课时间： 需预约 授课方式： 面授班 授课地点： 点击查看 课程原价： 3800 元  超市报价： 3800 元       培训内容　　北京市成人教育培训中心是由原北京市教育学院、北京成人教育培训中心、北京市实验大学及北京西郊培训中心合并后的北京市教育学院直属的全民所有制事业单位，总校位于东城地安门大街黄化门5号。方庄成教成立于一九九五年，是南城规模最大的，教学质量最好的培训学校之一，现与北京四中网校合作，开设中小学远程教育，成为北京四中网校和人大附中网校在南城唯一的一家报名机构；与中央美术学院城市设计学院数字动画艺术中心及澳大利亚斯坦尼动画研究院全作影视动画研究院合作影视动画及多媒体制作的培训。学习内容简介：　　典型企业网络设计，企业案例，需求分析，域概念，DC的概念，域的设计及实现，用户管理的方法，设计及实现，树和森林的概念，设计以及实现 ；企业电子邮件系统解决方案；邮件系统服务结构，邮件地址，共享文件夹，邮件系统传递过程，各种邮件传递协议，各种客户端特点，邮箱属性设计以及邮件系统的各种特性及实现，即时消息，垃圾邮件的防范及处理；构建分布式办公网络；RAS服务相关概念及实现，VPN相关概念及实现，路由协议，策略；安全连接Internet；连接线路比较及选择，proxy的工作过程及实现，ISA的相关概念实现。 培训费用：市场价：5000元   超市价：3800元 备　　注：不限学时，早上8点至晚上9点自选上课时间，随到随学，不累计课时学会为止。 </t>
  </si>
  <si>
    <t xml:space="preserve">眼睛长黄东西？眼睛里面底下长黄东西，脓包似的，是不是上火，咋办？ </t>
  </si>
  <si>
    <t>可能是眼部感染</t>
  </si>
  <si>
    <t xml:space="preserve">猫咪长蚤子怎么办？ </t>
  </si>
  <si>
    <t>谈谈跳蚤及灭蚤猫和狗身上长的跳蚤通常是猫跳蚤(cat flea ，Ctenocephalides felis)。有时猫身上也会长兔子跳蚤等(rabbit and hedgehog fleas )。猫咪身上的跳蚤通过使用现代的药物基本上是可以完全消除的。 为什么要消灭跳蚤？ 1) 跳蚤携带寄生虫——绦虫的幼虫，猫咪在梳理时会把跳蚤吃进去感染这种寄生虫。跳蚤也有可能携带其它传染病菌。严重感染绦虫的猫，四肢纤细，消瘦，肚子鼓涨，爱拉稀，有时候大便上还带有绦虫的节片——芝麻状的白色点点。2) 跳蚤成虫喝猫咪的血。如果是小猫的话，可能造成猫咪贫血，体弱。 3) 有些狗和猫对跳蚤的咬伤过敏，所以总抓挠造成皮肤病。 4) 跳蚤咬伤会让敏感的人长很痒的疙瘩，往往是在脚脖子附近。（医生说只有对跳蚤咬伤过敏的人才会皮肤痒，红肿，不过敏的人可能被咬了都不知道。所以那时我家长跳蚤时觉得只有我老公一个人被咬，脚脖子惨不忍睹。我和女儿都没事。不过这过敏是会培养的，咬多了就有可能会过敏了。）我的猫咪有没有长跳蚤？ 猫咪在梳理时会把跳蚤吃进去，所以很难发现跳蚤。只有你注意到猫咪挠痒；或者猫被毛里有一粒一粒的棕黑色东西，细细看是打着卷的很细很细的“线”，那就是跳蚤的屎；或有人脚踝部位被咬了，才意识到有跳蚤了。要发现跳蚤最好是把猫咪放在一张白纸上用细齿的梳子仔细去梳。如果有跳蚤的话，有时你可以梳出一两只跳蚤来，但你总可以发现跳蚤的排泄物 - 没有消化的猫血 - 呈黑色逗号状，放在水里上会融开呈血色。白色、黄色的猫身上的跳蚤和跳蚤屎容易被发现，棕色和黑色猫就不容易被发现。跳蚤的生命周期 跳蚤成虫一直住在宿主身上。找到宿主吸血，两天之内，成虫开始以每天产卵50个的速度繁殖。卵和跳蚤的排泄物一起掉在的上，那些排泄物将是幼虫的食物。猫咪去过的所有的地方都有可能有虫卵和幼虫，但以它睡觉的地方最多。幼虫喜欢幽暗的地方，所以可能会移到地毯或沙发深处。幼虫最后结茧，成虫在茧里长好，等待宿主到来的信号，如热，二氧化碳，或震动。如果没有宿主的话，成虫在茧里可以等两年。条件适宜的话，跳蚤的生命周期可以15天内完成。有暖气有地毯的家里终年都适合跳蚤的生长。一只成年的跳蚤可以在家里生产出成千的卵，幼虫和等待孵出的成虫。 消灭跳蚤 为了有效灭蚤，必须杀死成虫，控制跳蚤的生长环境。 杀灭成虫 市场上有很多杀跳蚤的产品，配方，杀灭速度，效果，有效期，使用难易程度各不相同。如果猫咪对跳蚤咬伤过敏的话，要使用快速灭蚤的药防止跳蚤继续咬它。 环境控制 经常吸尘，并立刻把吸尘器的袋子扎紧扔掉，可以大大减少跳蚤在非成虫期在房子里长成成虫的机会。所有被污染的东西，让猫咪的床，要考虑彻底清洗或扔掉。其它还应： 1) 给猫咪或其它长跳蚤的使用长效灭蚤药，可以杀死成虫，防止产卵。 2) 房屋处理，把不同时期的跳蚤杀死。这一步较难，因为幼虫可能在地毯和沙发深处。可能费时费钱，因为要把整个房子都加以处理，包括所有的缝隙和墙角。用药前最好吸一下尘，刺激成虫从茧里出来。要遵循药品的使用说明，以免中毒。猫咪常出没的地方尤其要注意，尤其是他睡觉的地方。可以洗的要好好洗一洗，并放在太阳下晒一晒，如果不能洗的可以考虑扔掉。 3) 可以给所有的猫狗吃抑制跳蚤成为成虫的药。但这些药不杀成虫。 要遵循所有的使用说明，有些方法要几个月才能把跳蚤彻底消灭。 长期灭蚤 如果所有的跳蚤，成虫非成虫都被消灭了，灭蚤方式要改变一下。如果宠物都不外出，不再需要做什么。如果不是这样，可以选用一种长期灭蚤产品 。但不能断断续续，要坚持使用。 灭蚤产品 喷雾剂，粉剂，浴剂，药片等。 喷雾剂、粉剂的有效期很短，如果猫咪周围的环境有跳蚤生长的话，很快猫咪就会重新长跳蚤。猫颈圈也有一定的有效期，需要及时更换。有人说猫颈圈的灭蚤范围有限，跳蚤有可能长在猫咪脖子以外的地方。国内买的猫颈圈质量良莠不齐，选择时要小心（幸运土猫网上有篇文章提到药的主要成分应该是:增效除虫菊酯、拟降虫菊酯、氨基甲酸酯、有机磷酸酯或者阿尔多息中的一种）。根据经验，不建议使用国内的灭蚤圈，特别是幼猫。家里有一只以上的猫也不宜使用，以免猫咪互相舔到。已经有多次猫咪因舔到蚤圈而出现厌食、拉稀等中毒症状的情况发生。浴剂也只能是洗掉并杀死猫身上的成虫，对虫卵无效。国内目前比较安全、长效的灭蚤产品有两种，一种叫灭虫宁（国产），一种叫福来恩（进口）。两种药的灭虫机理是：将药滴在猫的皮肤上，药会迅速渗透到皮下，产生微毒。跳蚤再咬猫的时候就会被毒死。因为药效持续时间长（一个月左右），所以如果有新的跳蚤孵出来，在药物有效期内也会很快被毒死。根据国内宠主的经验，这两种药灭蚤效果是最好的。不过要注意的是，灭虫宁的用量有严格的限制，不能超出说明书上的用量，否则容易皮肤过敏，它也不能应用于三个月以下的幼猫和怀孕的母猫。福来恩价格贵，但是产品很安全，适合幼猫和怀孕猫使用。国外灭蚤新产品 国外有几种新的安全有效的产品，对哺乳动物无害，所以可以给小猫使用。 Frontline (Merial) 滴剂或喷剂，喷剂可以安全地给两天大的小猫去蚤。这种药是杀成虫的。 Advantage (Bayer) 滴剂杀成虫。 Program (Novartis) 防止跳蚤卵孵化。每个月喂猫咪吃一次或每六个月注射一次。跳蚤喝血时把药喝进体内。但该药不杀成虫。 Staykil (Novartis) 喷剂用于环境控制，防止跳蚤幼虫变成成虫。 还有一些抑制跳蚤幼虫变成成虫的类似激素的药　（Acclaim 2000, made by Sanofi，　或Indorex, made by Virbac），可以用于环境控制，喷在猫咪生活的地方，有效期可达半年至一年。这些药也可以杀死虫卵。这些也被拿来做成喷剂和猫颈圈用来杀死猫咪身上的跳蚤。 建议传统的灭蚤药品很易引起猫咪中毒。有些给狗用的灭蚤药对猫咪也有毒。如果同时使用几种灭蚤药品，其中的化学物质可能起反应对猫咪有毒。所以杀跳蚤时要小心，如果医生给猫咪开灭蚤药，其它药，或麻醉时，要告诉医生你现在正在用的灭蚤药品。 没有跳蚤时要小心不让猫咪传染上跳蚤；有了跳蚤要及时灭蚤；但灭蚤时要慎之又慎！</t>
  </si>
  <si>
    <t xml:space="preserve">f(x)在x=a处可导，f(x)的绝对值在x=a处不可导的条件？ </t>
  </si>
  <si>
    <t>从几何直观的角度看：y=f(x)在x=a处可导，y=|f(x)|在x=a处不可导说明y=f(x)的图像在x=a处光滑，但在把y=f(x)的图像沿x轴上翻变成y=|f(x)|的图像后，新图像在x=a处却有了尖点，y=|f(x)|在x=a处的左右导数不等。这表明：（1）f(a) =0,（2）被翻上来的那一侧的导数变号后与另一侧不变的导数不等。如果原来的导数f'(a)=0就不会出现这样的情况，所以f'(a)≠0。</t>
  </si>
  <si>
    <t xml:space="preserve">请问，杀毒软件——麦咖啡和瑞星比较，哪个好？ </t>
  </si>
  <si>
    <t>论杀素能力瑞星根本不能和麦咖啡相比．不过麦的设置很复杂．还有很多的服务．如果你不会用．还是别用．没的把系统弄的乱了．瑞星你要是用也就是凑合使．我是不信任国产软件．建议你装个卡巴．免费半年．杀毒能力绝强．跟麦差不多．装个３６０安全卫士，那里面自带卡巴．杀毒软件首要是看杀毒能力，毒都查不出来要它干嘛使，只有查不出毒的杀毒软件才会强调所谓的功能．只会在那些没用的地方做文章．</t>
  </si>
  <si>
    <t xml:space="preserve">RMB!!!这问题没有分!!!刚才问完前面一个问题后,数了一下自 </t>
  </si>
  <si>
    <t>马丁大家都不看好，看来大家和我观点一样啊。哈哈既然喜欢就买好咯。还有说实在的马丁要真是怎么怎么好，刷记录为什么还把以前的清楚掉？以前城市的任务记录基本上都是PD创造的，还有几个是福科斯。既然官方肯定马丁比PD好，那就别清楚以前的记录就是?蓿绰矶∧芷萍父觯。。?不过话又说回来了，要是差了的话，再怎么炒也不会怎样的。你可以等几天看销量如何，要是买的人多就别买，酷豹,福科斯不是也挺好嘛.</t>
  </si>
  <si>
    <t xml:space="preserve">男友说，对我还需要3个月的考察期，是什么意思啊？我跟男友相处时间 </t>
  </si>
  <si>
    <t>你多学学仙剑里的灵儿问题就会解决的</t>
  </si>
  <si>
    <t xml:space="preserve">请问一下忍者高手？我想开一个专门ＰＫ的忍者．．．应该怎么加点ＰＫ </t>
  </si>
  <si>
    <t xml:space="preserve">PK忍者~~还是满敏然后`防御加`30~50点..随自己~其他血``我建议我不建议加功...因为忍者是个靠运气的暗杀的职业...所以``加功会影响生命力..``   忍最好还是加点防御..不加防``那个被打一下太疼了..   出现奇迹了..忍又可以带全部的`11级武器...(仗不算) 攻击自然不弱...不加攻击的忍``5转带`11级武器`穿身奇迹`攻击过`1000的``技能学~ 暗杀 抗乱 抗睡 抗石化 单补(或超补...) 洁净 功反 魔无 气绝  咒术(石化) 基本就这些...不知道LZ是道具还是时长...道具`15个技能格`还有很大的发挥空间   我再列举几个...后选技能~单提石咒和超强可以选择   .再就是因果练级必备(虽然没功`但是拿高级回力配合高级因果效果不错)   . 再就是~功无....现在舞者的真因果~通过功无能够对效的进行防御    </t>
  </si>
  <si>
    <t xml:space="preserve">关于卡屏（假死）在用LX天堂双开时，一般刚登陆的前几次保姆或者打 </t>
  </si>
  <si>
    <t xml:space="preserve">天堂禁止使用非法程序。                                                              </t>
  </si>
  <si>
    <t xml:space="preserve">光通有打算将传奇３Ｇ变为免费的吗 </t>
  </si>
  <si>
    <t>光通没有钱的，现在还在发展很多的游戏，没有钱开通免费的</t>
  </si>
  <si>
    <t xml:space="preserve">我的网络走代理，能不能玩天2？我的电脑是局域网中走代理服务器的， </t>
  </si>
  <si>
    <t>你说的走代理是什么意思？通过别人的代理服务器还是公司的路游？如果只是单纯的局域网那玩起来并没有问题，我们公司里也是用局域网，一切都正常，如果是代理服务器的话那就得看你所在的游戏服务器跟代理服务器之间的ping值了，不过不管怎么说，都可以上的，只要你能连接达到intel网上，绝对可以玩</t>
  </si>
  <si>
    <t xml:space="preserve">谁知道是什么类型的字库啊,谢谢 </t>
  </si>
  <si>
    <t>这是验证码，从图中可以看出是由多种字体合成比如说2是黑体，而途中的中文是宋体</t>
  </si>
  <si>
    <t xml:space="preserve">重装型不能用更改颜色不是说涂料是对应全机种吗给个合理的解释。 </t>
  </si>
  <si>
    <t>您好，关于您所反馈的重装型机体无法进行染色的情况，有可能是您更新不完全，或者更新中出现错误造成的，建议您下载完整手动更新包，尝试进行手动更新游戏客户端。更新包下载地址：  提示：手动更新包须放在计算机“机战”客户端文件夹下更新游戏。</t>
  </si>
  <si>
    <t xml:space="preserve">找人问题在公明有没有重庆开县人啊 </t>
  </si>
  <si>
    <t>我觉得有，人口那么多呢。</t>
  </si>
  <si>
    <t xml:space="preserve">如题，如何做好一个优秀的网页美工？ </t>
  </si>
  <si>
    <t>首先是PS精通了，然后就是网页代码的熟练运用，最后稍稍了解下后台程序方面的，融汇贯通，最主要还是经验的日积月累，见得多了，做得多了，运用起来也得心应手啦！</t>
  </si>
  <si>
    <t xml:space="preserve">会长是女仆大人会出第二季吗?会长是女仆大人漫画快要完结了哦,动漫 </t>
  </si>
  <si>
    <t>应该会、  日本动漫如果播出率比较好的话，  会更新第二季。</t>
  </si>
  <si>
    <t xml:space="preserve">为什么药物治疗脱发会效果差？还可以能过其他什么方法做呢！？ </t>
  </si>
  <si>
    <t>药物治疗脱发会效果差的原因很简单, 那就是不知道脱发的真正原因, 不懂原因, 如何治?目前治疗脱发的重点多数锁定在头或头皮, 说油啊干啊萎缩什么的, 但是为什么会油啊干啊萎缩却不道.中医说肾主骨，其荣发。对策脱发要从肾下手, 另外生闷气, 夜睡也会影响脱发</t>
  </si>
  <si>
    <t xml:space="preserve">在查找过程中如何知道要查找的具体QQ号码是否在线呢 </t>
  </si>
  <si>
    <t>和指定QQ建临时会话.如果对方在线,头像就是彩色的.不在线或者隐身是灰色的.建临时会话方法:如果指定QQ在你的好友里便无法用你的QQ和对方建临时会话(或许可以,只是我不知道而已),所以要找用一个没有指定QQ的号来建临时会话. 点开“通讯录”“新建联系人”在“QQ/TM”输入你要查的QQ号，其他的随便填，确认。再在通讯录空白处右击，选“查看联系人”默认的是“显示简洁模式联系人列表”，我们要选“显示扩展模式联系人列表”。这样在联系人右边会出现一只小企鹅，单击，便能与对方建立临时会话。</t>
  </si>
  <si>
    <t xml:space="preserve">做爱能治疗青春豆吗？听朋友说做爱可以治疗青春豆是真的吗？有没有科 </t>
  </si>
  <si>
    <t>做爱不治青春豆.</t>
  </si>
  <si>
    <t xml:space="preserve">有在大自然给宝宝照过百岁照的朋友吗？提前多长时间预约，一套一般偏 </t>
  </si>
  <si>
    <t>我家宝宝拍过,1000元以内,分店便宜一些,但建议去总店.因宝宝情绪不定,所以时间长,有时一次拍不完,虽然提供衣服,但从卫生角度讲,最好穿自己的.</t>
  </si>
  <si>
    <t xml:space="preserve">清泉老师好.000851怎么办?谢谢 </t>
  </si>
  <si>
    <t xml:space="preserve">新版微博的密友功能是什么？ </t>
  </si>
  <si>
    <t>就是密友间的聊天，指定对象，比较私密，就像私信。</t>
  </si>
  <si>
    <t xml:space="preserve">请教高手一些关于祖尔格拉布硬币的问题，请问各种硬币怎么交，交了以? </t>
  </si>
  <si>
    <t>在JJG的上面有个小岛，在那接个任务，然后就能交宝石的PS：交宝石就是去祭坛摧毁宝石，在那要小心贼偷袭</t>
  </si>
  <si>
    <t xml:space="preserve">哺乳期可以用雪山金罗汉止痛涂膜剂吗？宝宝二三个月的时候我一直抱， </t>
  </si>
  <si>
    <t>首先告诉你，你是完全可以用雪山金罗汉止痛涂膜剂来治疗手腕疼痛的。雪山金罗汉止痛涂膜剂，为骨伤科软组织扭挫伤类非处方药药品。它的成分是多味中药（铁棒槌、延胡索、五灵脂、雪莲花、川芎、红景天、秦艽、桃仁、西红花、冰片、麝香）合成的。它对于下列病症是有效的：　活血，消肿，止痛。用于急慢性扭挫伤，风湿性关节炎，类风湿性关节炎，痛风，肩周炎，骨质增生所致的肢体关节疼痛肿胀，以及神经性头痛 头痛 风湿 关节炎 扭挫伤 。你的情况是手腕扭挫伤，完全可以使用的，不会对小宝宝造成什么影响的。如果是孕妇，就要考虑了，因为它的成分中含有麝香。　　具体的用法和用量：挤出药剂涂在患处，一日3次。祝你早日康复！</t>
  </si>
  <si>
    <t xml:space="preserve">08年28号新诛仙有电信新区吗?我想问下08年28号的新诛仙六道 </t>
  </si>
  <si>
    <t>这个没有御剑飞行，好东西完美会慢慢出的。。。据说飞行速度比坐骑慢，不过是直线距离，还是划算，空中会有怪可以打。。坐骑嘛，完美这个钱还是要赚，所以他的速度应该会比飞行快，而且新出的会有属性加成。</t>
  </si>
  <si>
    <t xml:space="preserve">开办网上购物网站，需要办理哪些手续？我想开办一个网上购物的网站， </t>
  </si>
  <si>
    <t>你的购物网站肯定要挂靠在公司下面先注册一个公司去吧</t>
  </si>
  <si>
    <t xml:space="preserve">有没有超搞笑的笑话告诉我 </t>
  </si>
  <si>
    <t>说：“我妈妈叫我小兔兔，好听！”   小猪说：“我妈妈叫我小猪猪，也好听！”   小狗说：“我妈妈叫我小狗狗，也很好听！”   小鸡说：“你们聊，我先走了！”   　　   小兔说：“我是兔娘养的！”   小猪说：“我是猪娘养的！”   小鸡说：“我是鸡娘养的！”   小狗说：“你们聊，我先走了！”   　　   0号陪练说：“外人叫我零陪，好听！”   1号陪练说：“外人叫我一陪，也好听！”   2号陪练说：“外人叫我二陪，也很好听！”   3号陪练说：“你们聊，我先走了！”   猫对我说：“我是你奶奶的猫，好听！”   狗对我说：“我是你奶奶的狗，也好听！”   鱼对我说：“我是你奶奶的鱼，也很好听！”   熊说：“你们聊，我先走了！”   　　   浪客说：“人们叫我浪人，好听！”   武士说：“人们叫我武人，也好听！”   高手说：“人们叫我高人，也很好听！”   剑客说：“你们聊，我先走了！”   　　　　   张靓颖说：“崇拜我的歌迷都说：偶的偶像叫颖”   何 洁说：“崇拜我的歌迷都说：偶的偶像叫洁”   周笔畅说：“崇拜我的歌迷都说：偶的偶像叫畅”   李宇春说：“你们聊，我先走了！”</t>
  </si>
  <si>
    <t xml:space="preserve">电脑问题咨询我的电脑屏幕两边是黑的只有中间是屏幕我应该怎么搞才能 </t>
  </si>
  <si>
    <t>设置分辨率，调整行场幅。</t>
  </si>
  <si>
    <t xml:space="preserve">优先资源配置就是优先把内存分配给游戏那一部分,让游戏运行得流畅些 </t>
  </si>
  <si>
    <t>任务管理器/进程/对应程序右键/优先级</t>
  </si>
  <si>
    <t xml:space="preserve">猫游记禅怎么装备啊！！我去挂禅很久了，也没怎样禅怎么装备 </t>
  </si>
  <si>
    <t>悟得禅是随机的，据研究统计最快悟得的是2分钟 最迟的是16小时，如果你太久没悟得，就出来再进去 悟得了系统会提示您，你点技能看见禅就可以装备了。</t>
  </si>
  <si>
    <t xml:space="preserve">管理员来下~为什么我回答问题，回答后的答案不见了呢~~~~想重新 </t>
  </si>
  <si>
    <t>　　这是由于您的回答留了电子信箱地址，不符合爱问规则，审核的时候被删除了。　　请详细阅读爱问规则：删除原则 　　爱问知识人是一个网友互助的问答平台，由网友共同参与知识的分享和交流。为了维护网友的利益，保证问答的良好质量，爱问知识人规定如下的删除标准，除了国家法规规定的情况，一切与问答无关、符合删除标准的发言，都将被强制删除。　　被删除发言的同时，提交该发言的用户可能会被扣除一定的处罚分，严重情况将被停用账号。　　提醒您！无论是个人的问题、回答、评论等，您都必须对您所发表的内容负责，并承担相关的法律责任，请务必谨慎以免触法。  审核原则：　“爱问知识人”给所有网友提供一个解决问题、共享答案的地方。为了保证网络社区环境，编辑提供24小时的内容检查服务，尽最大努力保证提交的内容符合网站原则。(被审核通过并不表示内容完全符合原则，知识人保留随时移除任何不当内容和根据举报进行处罚的权利。) 请注意以下关键点：· 提交灌水、纯论坛性质的问题，将被编辑删除。例：我是谁，大家快来猜，嘻嘻？ · 提交的问题过于笼统，以至回答者无法回答的，将被编辑删除。例：外语怎么学？(说明过于简单，没有任何其他说明) · 提交纯粹评论性内容的问题，将被编辑删除。例：中国的网络游戏太垃圾! · 提交带有调侃、聊天，或者提供电话、QQ号等联系方式的提问，将被编辑删除。例：谁跟我聊聊天，  · 找人的问题，将被编辑删除。 例：有谁认识北京的张三？ · 短时间大量提交句型相同的问题，将被编辑删除。例：中国的人口有多少？　　美国的人口有多少？　　日本的人口有多少？　　韩国的人口有多少？ · 提交无实际意义的回答，将被编辑删除。例：路过、顶、同意、去网上搜搜、去医院看看... · 不发包含种族、肤色、性别、性取向、宗教、民族、地域、残疾、社会经济状况等歧视内容的问题和回复。     　 爱问知识人尊重并欢迎每位使用者，但为了维护使用环境及质量，爱问内知识人保留移除任何不当内容的权利，且不须另行警告或通知，不便之处敬请见谅。内容删除标准将随时调整更新并公告于此。   爱问知识人禁止下列内容发表：· 违反国家现行法律法规。 · 破坏社会公共安全。 · 鼓动民族仇恨、民族歧视，破坏民族团结。 · 宣扬邪教和封建迷信。 · 宣扬色情、淫秽、暴力、教唆犯罪。 · 攻击政府、政府官员。 · 含有种族、肤色、性别、性取向、宗教、民族、地域、残疾、社会经济状况等歧视内容的问题和回复。 · 含有侮辱或诽谤他人，对他人构成伤害或侵害他人合法权益的内容。 · 含有法律、行政法规禁止的其他内容。 · 含有破坏社区公共秩序的内容。 · 灌水或张贴垃圾信息。 · 宣传无关内容，发表含有广告性质的问答。 · 含有影响网友正常浏览的内容或格式。 · 与栏目主题无关的内容。 · 违反网站的其它具体规定的情况。   处罚规定：发生如下情况，除删除当前内容外，还将作禁用帐号（封号）处理： · 重复在社区里灌水，影响“爱问知识人”的正常秩序。 · 多个用户之间非常明显的相互配合送分。 · 违反“爱问知识人”要求对转载内容的版权申明而引起纠纷。 · 发布广告、非法商业行为或蓄意发表猥亵、色情和个人攻击性等内容。 · 破坏网站公共秩序、攻击政府的言论。 · 冒充新浪网工作人员或使用对他人有明显侮辱性意义的昵称。  · 利用网站BUG而进行的任何操作，如有违法行为的，“爱问知识人”还将保留对其诉讼权利，并主动协助主管及司法部门进行有关处理。  　　　　　　　　　　　　　　　　　-,'''╭⌒╮⌒╮. 　　　　　　　　　　　　　　　╱????''.''. 爱问才知道，不问不知道！　　　　　　　　　　　　　　　︱田︱田田| '',,.爱问就会红，敢答才会赢！　　　　　　　　　　　　　　　╬╬╬╬╬╬╬╬╬╬╬╬╬╬╬╬╬╬</t>
  </si>
  <si>
    <t xml:space="preserve">如何形容美女有气质 </t>
  </si>
  <si>
    <t>世界上无论哪一个国家的何种语言，形容女人的词汇都是一样地丰富多彩：温柔、贤惠、漂亮、可爱、清纯、成熟、婀娜、优雅、娇柔、妩媚、浪漫、热情、有风韵、有气质、有魅力、有内涵等等…… 　　那么什么样的女人是最美丽的呢？这原本就是一个仁者见仁、智者见智的问题。因为，有人喜欢骨感，有人喜欢丰腴；有人喜欢温柔贤惠，有人喜欢泼辣能干；有人喜欢外表温文尔雅的可人女子，古典美人，有的则喜欢现代派的野性和狂热…… 　　抛开容貌体肤不说，单就可爱女人的气质情致而论，那千种娇媚、万般风韵，谁又能说得尽呢？ 　　不可爱的女人都是一样的，可爱的女人各有可爱处。就好像是有的人欣赏腊梅，有些人喜欢茉莉一样的道理，但是无论别人是否喜欢，所有的花儿也都依旧美丽地在绽放着。 　　因此，女人的美丽绝没有简单的同一标准。美与不美只是一个外在的界定，不同的人因为素养及审美意识的不同会有着千差万别的领悟。 　　一个真正的女人是不用外表的美与不美来诠释自己的。美固然能引人注目，但真正令人难忘的女人，我却一直认为：是具有似水的柔情、性格善良的温柔女人，温柔的女人最美丽。　　 　　作为女人，尽可以潇洒、聪慧、干练、足智多谋、女强人……但有一点却不能少，那就是温柔。 　　女人存在的理由就是因为她具备男人所缺乏的温柔。温柔，这是作为女人不可缺少的一种基本的资质和品性。 　　“最是那一低头的温柔，不胜水莲花似的娇羞”，道出了女人温柔的婉约美。 　　诗经里有句诗，很多人都知道：“窈窕淑女，君子好逑。”在辞典里，窈窕形容女子美好，外型漂亮；淑女的释义是温和善良，美好。二者连在一起将外在美和内秀结合，因此引起了“君子好逑”。美丽的外表加上善解人意的温柔，或许这是众多男性心目中的魅力女性。有调查显示，大多数男人最喜欢女人的一个方面是女人的温柔。 　　曾经看到一首《温柔的女人》的诗： 　　“钟敲响十二声 　　你很敏感地做出反应 　　让明亮的幻影闪亮在眸子里 　　你显得很可怜 　　温柔的女人 　　我忘不掉去年的雨 　　那样冷 　　灰色的雨幕里 　　你的头发像倒伏的草 　　（你的名字也像一种平凡的草） 　　弱质的身体 　　在我喜欢的蓝雨衣里 　　颤抖 　　你显得很可怜 　　温柔的女人 　　楚楚的哽咽 　　让我心头 　　有一种好听的声音鸣响 　　我想象自己是厚大的布 　　（很惭愧，有些粗糙） 　　把你裹住 　　不再让你颤抖 　　钟敲响十二声 　　你很敏感地做出反应 　　让声音很小很快乐的笑 　　洒落在我肩头上 　　温柔的女人 　　我显得很可怜 　　我的心让你攫走” 　　由此可以从某个侧面看出“柔能克刚”，女人的美貌，只能征服男人的眼睛；女人的温柔，却可以征服男人的心灵，让他们不知不觉中心甘情愿地掉进温柔的“陷阱”里，女人的温柔足以能融化男人的心。　　　　 　　有人说女人的温柔是一种美德，一种足以让男性一见钟情、忠贞不渝的魅力。的确，在男人挑剔的眼光中，盯着女人的美丽的同时心里还渴求温柔。有人认为美丽是最重要的,也许有点道理。美丽，一种足以让男性一见钟情、大为倾心的一种魅力。在充满浪漫与憧憬的青年时代，美丽或许会占上风，可当从感性回到理性的认识中来就会明白：美丽可爱，但也是最为靠不住的。在季节的变迁、时间的轮回中美丽的外表会失去光泽，而优秀的内涵将会永驻。这自然形成的女性温柔古往今来给人间带来多少深情挚爱、温馨和谐，让男人恋恋不忘。 　　而我个人认为，温柔又是以内涵为底蕴的，温柔的女人会拥有诱人的气帧，难以抵挡的魅力。 　　就算是一个女人有倾国倾城的美貌，再加上很多的优点和特长，也不能算是一个完美的可爱的女人。 　　因为女人即便是有“沉鱼落雁之容、闭月羞花之貌”，如果没有内涵，丧失了温柔，那么就可能会“金玉其外、败絮其中”的。而且，容貌是女人人生中一个最不长久的“伙伴”，它会在你不知不觉的时候跟着“岁月老人”去“私奔”，全然不顾你的内心感受；而沉淀在心中的内涵，会通过温柔把你全部的美丽毫无保留地完全绽放出来，这样的美丽绝不会受到岁月的侵蚀。因此,温柔给人的感觉,令人内心赞佩、回味无穷。就算是“我很丑，但是我很温柔”也会被旁人接受和欣赏。 　　好多人认为，通过一些方法与手段，整形，就能达到所想象的韵味和魅力，这似乎太表面化了，实质的内容并不是如此地简单。　 　　温柔有时是说不清，道不尽的，且难以用文字描述其神韵，但是温柔却是人人都能感觉到的。一个女人站在面前，说上几句话，甚至不用说话，我们就能感觉出这个女人是温柔还是不温柔。 　　温柔里面包含着深刻的东西，是因为不是可以生硬地表演出来的，而是生命本体的一种自然散发。温柔可不是娇滴滴、嗲声嗲气，这里有真假之分。娇滴、嗲声嗲气是假惺惺，是故做姿态,而温柔是真性情，是骨子里生长出来的本能的东西。只有生长于生命内部的那种温柔，才能经得起考验，历久不衰，一直相伴到生命的终结 　　 　　河东狮是古代形容女人很厉害，让男人听到就会肝颤，全身汗毛倒竖的一种女人！中国几千年的文化与传统有很多很多，在今天看来是很有意思的东西，也有很多是很悲哀的东西。 　　在银行上班的时候，经常可以听到几个结婚几年的男同事抱怨，和老婆恋爱时都蛮温柔可爱，现在讲话却粗声大气，脾气越来越坏，不是唠唠叨叨，就是河东狮吼。到底是谁逼走了她们的温柔呢？对他们动辄吆五喝六，难道女人婚前的温柔都是装出来的？还是结了婚就不顾自己形象了？大街上的女人一个比一个娇美可爱，可是你一旦娶回了一个做了自己的老婆，没多久你便感觉自己是在受苦受累受难,接受她没完没了地的折磨了。为了一些小事，便像打架的牛发起威来一般，这时，想到的不再是“娇妻”、“女人”之类的美好字眼，多的却是“河东狮吼”、“骂街泼妇”之类叫人痛心疾首的词儿…… 　　其实，女人味很简单，就是女人所独有而男人所不具备的外在的、内在的东西。 　　一个感性温柔的女人,无论思考、语调、一举手一投足都更细腻和更具感染力，马克思也认为女人的最大魅力是温柔。如今，女性从几千年受歧视的地位上站起来，与男性一分高下，可遗憾的是在当今现代社会里，不得不承认，作为群体，女性温柔明显减少。这种温柔的减少，多少有点不正常。在谈到温柔时，竟有许多人说，都什么时代了，还谈什么温柔。相信这种回答令许多男士心痛而又无奈。 　　应当指出，女性在当今社会追求独立人格的同时，不应放弃温柔的一面。何况温柔与追求独立人格并不矛盾。男人需要女人温柔，正如女人需要男人阳刚一样，这是心理和生理的差异造成的，也是男人和女人之间的互补性要求。温柔是美德，也是一种力量,它能像春风一样吹散人们心头的忧愁和烦恼，是理解，是关怀，女人温柔一点无疑是给爱情加点巧克力。 　　世上的男子很少不会喜欢女人的温柔，也没有谁会愿意长年累月地与蛮、野、悍、泼、粗……的女性接触、共事。女性失去了温柔,便也就意味着失去了女人的魅力！ 　　女人最能打动人的就是温柔，尽管男人也有温柔的一面，但这不同于女人的温柔。　 　　看一个女人善良不善良，就看她是不是温柔。人总是以善为本，可善良是看不见摸不着的，但可以从温柔不温柔来观察，如果善良是平静的湖泊，温柔就是从这湖上吹来的清风； 　　温柔是那枝枝的腊梅和片片的雪花,在馨香里诉说着冬季的妩媚,温柔着冻僵的人们； 　　温柔是一场无风无雷的小雨，淋得干枯的心灵舒展如春天的枝叶； 　　温柔就像是一只纤纤细手，知冷知热，知轻知重。只轻轻一抚摸，受伤的心灵就愈合了，昏睡的青春就醒来了，痛苦的呻吟就变成甜蜜幸福的鼾声了； 　　温柔有一种绵绵的诗意，她缓缓地、轻轻地放射出来，飘到你的身旁，扩展，弥撒，将你围拢，包裹，熏醉，让你感受到一种宽松，一种归属，一种美。 　　温柔是女人特有的武器，大多数的男人都愿意被这样的武器击倒！ 　　正是造物主按照美学的原则，赋予女人的最佳韵律，使得现代女性能以其独特的风采加之温柔的性情，置身于多彩多姿的大千世界，并和谐统一地与男人的阳刚之气形成鲜明的对比，构成一道靓丽的风景。 　　在现代生活中，温柔是女人独具的气质。是一种使人销魂落魄的品味，是一种令异性着迷的魅力，是一种微妙的美的韵律。风情万种，仪态万千是女性性感气质的展现，它能激起异性强烈的爱慕、思恋、追求的欲念、女性的美貌和优美的体态固然为男人所倾倒，但是，随着岁月的流逝，女性总会失去往日的风采，体态也会变得臃肿或消瘦，失去往日的俊美，而温柔却是抽象的美感因素，能够“青春永驻”。 　　女人的温柔，是女人永恒的魅力！温柔的女人会拥有诱人的气帧和难以抵挡的魅力。或者你用一些诗句来形容北方有佳人，绝世而独立。一顾倾人城，再顾倾人国。宁不知倾城与倾国？佳人难再得 窈窕淑女,君子好逑 肤如凝脂,面如白玉沉鱼落雁,羞花闭月手如柔荑，肤如凝脂，领如蝤蛴，齿如瓠犀，螓首蛾眉。巧笑倩兮，美目盼兮美女妖且闲，采桑岐路间。柔条纷冉冉，落叶何翩翩，攘袖见素手，皎腕约金环。头上金爵钗，腰佩翠琅玕。明珠交玉体，珊瑚间木难。罗衣何飘飘，轻裾随风远。顾盼遗光彩，长啸气若兰这都是很好的呀，希望你能找到合适的答案。</t>
  </si>
  <si>
    <t xml:space="preserve">怎么还在维护怎么还在维护 </t>
  </si>
  <si>
    <t>我也郁闷了说好的2点现在都40了还进不去。。。。。。。</t>
  </si>
  <si>
    <t xml:space="preserve">咨询我的系统是WINDOWSXP，我光大大智慧安装好以后，都没问 </t>
  </si>
  <si>
    <t>需要安装插件或者关闭IE的拦截功能</t>
  </si>
  <si>
    <t xml:space="preserve">换工作了，公积金和保险怎么办大家好，半年前，我和原来的单位闹翻了 </t>
  </si>
  <si>
    <t>可以要求原单位归还你的保险材料以及公积金材料，因为国家规定：任何单位和个人不得以任何理由扣押员工的社会保险材料、档案等个人相关证件。如果协商未果，可以到当地的劳动仲裁部门申请劳动仲裁。由仲裁部门要求原单位归还你的材料。社会保险：员工自单位离职后单位会在本单位的社会保险帐户做减少，同时到缴纳部门打出养老保险转移但，员工只能拿着养老保险转移但才可以到下一家单位继续缴纳社会保险。一个身份证号在一个城市只允许建立一个社会保险帐号。公积金：不知道其他城市的政策是怎样的，不过在北京如果你的公积金是属于市属管理，则只需到新单位，提供你的身份证号，到新单位做增加就可以了，你的公积金管理中心会给你做自动合并。如果是属于国家管理的公积金，那就必须的通过原单位给你做一下帐户合并了。</t>
  </si>
  <si>
    <t>每期4场竞猜，全对送50分埃弗顿</t>
  </si>
  <si>
    <t>埃弗顿-热刺 -1富勒姆-维拉 -3斯图加-狼堡 -3拉齐奥-乌鸡 -3</t>
  </si>
  <si>
    <t xml:space="preserve">关于准生证的问题我有单位，但档案在人才，而且我单位没有计生部门， </t>
  </si>
  <si>
    <t>单位得盖章。否则街道不盖章。 （如果单位没有计划生育部门那就找办公室主任）北京准生证的办理过程（别人的实践） 应该在怀孕3个月之内去办理完，不过也说快生的时候才去办的，反正有空就去办。 1．拿上结婚证，户口本和身份证到你档案所在地单位（没有单位的去居委会）拿一个准生证表，盖一个章。 2．到你老公档案所在地单位（没有单位的去居委会）盖一个章。 3．到户口所在的居委会盖个章，会给你开一张优生优育的听课证（据说听课费45），理论上听完课才给盖章的，一般居委会直接就给盖章了。 以上三步都是可以别人代办的。 4．怀孕后，应到社区医院（或其他医院）建立母子档案（115元），检查一下体重和血压，做产前保健登记，发一个粉红色的小本本，让每次产检的时候由医生登记一下。 等宝宝出生之后带回医院，会退换100元，并且月子里会上门检查</t>
  </si>
  <si>
    <t xml:space="preserve">为什么老担心家人出事为什么脑子总要胡思乱想老担心他们出事?有什么 </t>
  </si>
  <si>
    <t>那是你有点忧虑.悲观了/朋友.你可以多做自己喜欢/感兴趣的事情啊/不要让自己空闲下来.偶尔听听轻松的音乐./相信你会好起来的啊.你要记住一句话:你的担心有百分之90不会是真的.加油.</t>
  </si>
  <si>
    <t xml:space="preserve">怎么下载网校带手写的讲义? </t>
  </si>
  <si>
    <t>这个只能去购买相应的课件吧买了课件也下不到手写的讲义</t>
  </si>
  <si>
    <t xml:space="preserve">没完没了的8场了...(图) </t>
  </si>
  <si>
    <t>呵呵！运气差点！相信你会有转运的时候了！好运！</t>
  </si>
  <si>
    <t xml:space="preserve">帮派公德怎么弄啊!!!!!!有什么用啊!!!!!! </t>
  </si>
  <si>
    <t>帮派公德怎么弄啊!!!!!!有什么用啊!!!!!!〖帮派功德系统〗通过完成帮派任务，可以累积帮派功德值，每完成一个帮派任务累积1点的功德值，每周累积的帮派功德值达到300点以上就有可能选定为帮派功臣，帮派功臣在下一周内可以找帮派的帐户先生领取功臣奖励。〖奖励〗各种高价值道具，包括高级道具套餐卡、灵引咒、道具套餐卡、高级灵池等高价值的道具。领取有一定的成功率，兑换失败也可以得到帮贡值和活力值各300点的补偿。</t>
  </si>
  <si>
    <t xml:space="preserve">关于一石二鸟的问题看见有些人再说，1s2n无视护卫？我记得不是的 </t>
  </si>
  <si>
    <t xml:space="preserve">不能无视护卫,关于一石二鸟的详解↓使用情形：以下情形为此 前排 A B 后排 C D 1.A护卫C：A受伤，C不受伤 2.C护卫A：C受伤（护卫发动） 3.A、C互相护卫：C护卫发动，C受伤 4.B或D护卫C：护卫发动，A以及护卫的角色受伤 5.B或D护卫A：护卫发动，C以及护卫的角色受伤 6.A闪开攻击：A、C均不受伤 7.A被打到：C仍可能闪开攻击 8.A挂物反：A的物反起作用，C不受伤 9.C挂物反：C的物反变成物无 10.A挂反击：A反击，C受伤 11.C挂反击：C的反击无作用 </t>
  </si>
  <si>
    <t xml:space="preserve">高三数学题，急求，在线等据研究，甲，乙两个磁盘受到病毒感染，感染 </t>
  </si>
  <si>
    <t>这个有点……是 e^x &gt; x^2 (x&gt;=1)</t>
  </si>
  <si>
    <t xml:space="preserve">麻婆豆腐怎么做才入味呢? </t>
  </si>
  <si>
    <t xml:space="preserve">    用料: 南豆腐 牛肉末 豆瓣酱 辣椒面 酱油 豆 葱 姜 蒜未共 水淀粉 大油 花椒面少许   做法:南豆腐2块，牛肉末100克,豆瓣酱50克，辣椒面5克，酱油15克，豆10克，葱、姜、蒜未共25克，水淀粉30克，大油75克，花椒面少许。   1．将豆腐切成l厘米的方丁，用开水焯一下，倒在漏勺里，控净水分。   2.炒锅上火，加入大油烧热，下牛肉未炒到松散，放入辣椒面、豆瓣酱，炒到出红油时，再下豆鼓、葱、菱、蒜、酱油、豆腐、高汤，移至微火稍婉入味，用少许水淀粉勾英，出锅撤上花椒面即成。      本菜特点：色红，有麻、辣、咸、鲜、香之风味。此菜相传于清朝同治年间，成都北门万福桥附近有一家豆腐店，店主陈森德之妻外号陈麻婆，用此烹制方法制作的豆腐，深得乡民喜爱，名声日增，顾客称之谓麻婆豆腐。风味独到，留传至今。</t>
  </si>
  <si>
    <t xml:space="preserve">５０级敏白妖加点问题我是５０级敏妖拿刀，请问那个点是加什么好呢？ </t>
  </si>
  <si>
    <t>如果你学风那么拿弓加敏上要是学火就加力攻击高虽然血少..我和你一样拿刀学土奖励点全部加力清怪还不错</t>
  </si>
  <si>
    <t xml:space="preserve">大家都买了多少钱 </t>
  </si>
  <si>
    <t>128元，目前错两场了...</t>
  </si>
  <si>
    <t xml:space="preserve">北京哪里礼物便宜？毛绒玩具哦！质量也要好！ </t>
  </si>
  <si>
    <t>红桥做43,41,很多车能到,天宇718,小3,115,可以到天意,卖的很全,还有EPAI,当当网上也都很便宜~~~</t>
  </si>
  <si>
    <t xml:space="preserve">进入易玩通网站怎么看不见我还有多少点呀，还是0点，去哪能看到 </t>
  </si>
  <si>
    <t>现在有2种方法可以查询剩余点数第一种是在进入游戏时的服务器状态上面可以看见第二种是在网站的开卡储值系统中的游戏点数查询中查看如果还不清楚，请见下图中红圈部分</t>
  </si>
  <si>
    <t xml:space="preserve">小联赛足彩延期开奖推迟比赛或310全算对新浪体育讯　北京时间12 </t>
  </si>
  <si>
    <t>今晚9点补赛 不可能算310全对了</t>
  </si>
  <si>
    <t xml:space="preserve">关于基金啥叫前端申购代码,后端申购代码.有啥区别.有甚么作用. </t>
  </si>
  <si>
    <t>基金代码不一样，但是是一个基金的两种收费方式。前端，就是买的时候收申购费，赎的时候收赎回费，费率固定。后端，就是买时不收费，赎的时候申，赎费一起收。持有时间越长，费率越低。</t>
  </si>
  <si>
    <t xml:space="preserve">为什么上海地铁单单只有上海马戏城站的站台上有门？同标题！ </t>
  </si>
  <si>
    <t>就是测试隔音啦、防尘啦、防止有人跳下去自杀啦，主要是为了安全考虑。我觉得安装这门蛮好的，至少地铁不会再成为冤魂聚集之处。再说，安装这类门价钱是很高的，也不知道老百姓对安装有没有什么意见，所以只能先在一两个站点安装，看看民众对此的反映咯。莲花路站因为是在地面上的，所以只能装那种半截的，虽然在价钱上比那种全封闭的要便宜一半，但是好象不那么美观。要是地下站台也安装这种的，那铁定不会好看的。</t>
  </si>
  <si>
    <t xml:space="preserve">淡谈真三武名系统取消后的波澜关于这次武名系统取消，同意的占大多数 </t>
  </si>
  <si>
    <t>很多东西都是人为，游戏也是，改来改去人越来越少，齐心合力才能改变局势。</t>
  </si>
  <si>
    <t xml:space="preserve">从上海森勤国际大酒店到上海维也纳国际大酒店有多远？ </t>
  </si>
  <si>
    <t>上海森勤国际大酒店130米步行至 江海加油站   9站乘坐 莘海专线, 在 沪闵路剑川路站 下车  40米步行至 剑川路站   5站乘坐 地铁5号线(莘庄方向), 在 莘庄站 下车     4站乘坐 地铁1号线(富锦路方向), 在 上海南站 下车(6号口出)  1.4公里步行至 维也纳酒店（南站光大店）</t>
  </si>
  <si>
    <t xml:space="preserve">3个战场的双倍声望时间?请说的详细些。 </t>
  </si>
  <si>
    <t xml:space="preserve">第一个礼拜是战歌双倍,第二个礼拜时阿拉西双倍,然后休息一周,是奥克兰双倍,双倍时间从礼拜五凌晨0点开始,到下周2服务器维护.其实具体的时间,在官方主页有活动安排.你可以通过这个页面查看你想参加的战场的双倍时间 </t>
  </si>
  <si>
    <t xml:space="preserve">地下钟乳洞（地宫）怎么去？要在哪里接任务，还要打什么东西吗？哪里? </t>
  </si>
  <si>
    <t>魔女沼泽地上有光环的地方，入口是随机的 ，进去不是就换个光环试就进去了，不用做任何任务。怪血太厚了，而且攻防等比深处要高，经验当然比深处经验高。</t>
  </si>
  <si>
    <t xml:space="preserve">全力火弓有前途吗??我是15级全力火弓``请问各位大虾,有前途吗 </t>
  </si>
  <si>
    <t>我也是全力的，过去练了一个全智的冰弓，前面的很容易升级，后面的打不过去了，全力在前期应该很差，毕竟物攻和魔攻差不多~后面应该会很厉害。</t>
  </si>
  <si>
    <t xml:space="preserve">魔转物那个技能几级可以学,哪里学啊 </t>
  </si>
  <si>
    <t>要等级50以上 因为50以上才能去港口 技能等级要熟练 到港口导师那学 是被动技能</t>
  </si>
  <si>
    <t xml:space="preserve">重庆大坪医院打胎大概多少钱？ </t>
  </si>
  <si>
    <t>您好，打胎的费用大概从几百到上千都有，与女性的身体状况、胚胎发育情况以及怀孕时间有关，受到就诊当地的消费水平以及就诊医院的影响。因此，也就是说打胎费用是因人而异的，在不清楚您的情况的情形下是没办法给您一个具体数字的。需要提醒的是由于打胎涉及女性生育系统，不能只考虑费用，而是需要结合安全性综合考虑，这里就建议您选择一家正规的妇产医院手术，在保证安全性的情况下，费用更为合理。打胎的价格因不同地方、不同医院、不同的手术方式而有所不同，并且不同个人也会有所不同。建议您从医院的正规性及专业性出发选择一家正规的妇产医院手术，费用也更合理。</t>
  </si>
  <si>
    <t xml:space="preserve">什么是社会主义?社会主义的本质是什么, </t>
  </si>
  <si>
    <t xml:space="preserve">社会主义的本质： 解放生产力,发展生产力,消灭剥削,消除两极分化,最终达到共同富裕 </t>
  </si>
  <si>
    <t xml:space="preserve">都是新手问题，帮助新手的，非常简单，新手请回答，问题一说出一个怪 </t>
  </si>
  <si>
    <t>兔子</t>
  </si>
  <si>
    <t xml:space="preserve">55级的菩提宝杖从哪打出来的？ </t>
  </si>
  <si>
    <t>覆双秘竟里就有呀，虎，狮，龙万军都有可能暴的，看你的运气了，加油吧！</t>
  </si>
  <si>
    <t xml:space="preserve">微博是不是可以有个类似于qq空间的功能，谁来微博主页了就发个消息? </t>
  </si>
  <si>
    <t>可以在消息设置里面修改的那可能是微群。</t>
  </si>
  <si>
    <t xml:space="preserve">请问这句莫名其妙的诗句是什么意思？完整的如下：太窥门夹豆,丫洗盆? </t>
  </si>
  <si>
    <t>记不清是哪个时代，对诗执着得发痴的“文人”做的。这首诗的意思是：“ 太太在门外偷看（窥）我，眼珠夹在门缝里像颗豆子一样。丫头在洗脚，三寸金莲在水盆中像飘着块生姜。二哥（况可拆字为二兄）的腰里有三百两银子，那银子是假的。内人（肉可拆字为内人）头上插了一朵黄花，那花是香的。”</t>
  </si>
  <si>
    <t xml:space="preserve">有关专利发明奖金是否要缴纳个人所得税哪位大仙知道：公司对职务发明 </t>
  </si>
  <si>
    <t>职务发明的属于工资薪金所得，非职务发明的属于偶然所得。因为职务发明的公司有使用权，非职务发明的，公司没有使用权。</t>
  </si>
  <si>
    <t xml:space="preserve">女人体香是怎么回事 </t>
  </si>
  <si>
    <t>宫颈白斑是女性的一种常见的妇科疾病，是指在子宫颈阴道部出现的一种灰白色不透明的斑块状病变。宫颈白斑会有发生癌变的可能么?白斑是一种黑色素细胞退化死亡的现象，是一种常见的色素退化消失的问题，全身到处都可能产生。一般身体两侧都会出现，呈现乳白色斑块。常见侵犯部位包括脸部、嘴唇、手部、手臂、腿部、生殖器。冀东妇产医院是专业的妇产专科医院，有这方面权威的专家，您可以放心来此治疗。</t>
  </si>
  <si>
    <t xml:space="preserve">谁帮我捉1只火暴萝卜和1个火爆樱桃是火暴的 </t>
  </si>
  <si>
    <t xml:space="preserve">新浪网通的写信给  剩酒酒剩新浪电信的写信给  天堂火     就是我自己-阿火仙界传官网的（那啥，小雨点儿，把你游戏里的名字评论说下哈）写信给  </t>
  </si>
  <si>
    <t xml:space="preserve">电子词典选什么牌子的？五一想入手一款电子词典，该选什么牌子的，要 </t>
  </si>
  <si>
    <t>听朋友说有一款艾利和牌的电子词典娱乐功能挺丰富的，什么MP3 、MP4、录音，相册还有视频，学习功能也比较丰富,具体的还是自己亲自体验吧！</t>
  </si>
  <si>
    <t xml:space="preserve">穷在句中的意思穷追猛打中穷是极端的意思还是彻底的意思 </t>
  </si>
  <si>
    <t>qizi19980_zmml：你好。你问：穷追猛打中穷是极端的意思 还是彻底的意思应该是“彻底（追究）”的意思。我把《现代汉语词典》有关条目的原文打出来就清楚了。【穷】②穷尽：无穷无尽|理屈词穷|日暮途穷。③用尽；费尽：穷兵黩武|穷目远望。④彻底（追究）：穷究|穷追猛打。⑤极为：穷凶极恶|穷奢极侈。</t>
  </si>
  <si>
    <t xml:space="preserve">这两天嘉实300和南方稳健都要大比例分红了.分完净值都在1左右了? </t>
  </si>
  <si>
    <t>嘉实300是指数型基金,追踪沪深300指数,你要是看好后市,看好中国的经济买它是个不错的选择!</t>
  </si>
  <si>
    <t xml:space="preserve">通过qq如何控制对方电脑? </t>
  </si>
  <si>
    <t>去学学黑客技术吧，应该不算什么难的</t>
  </si>
  <si>
    <t xml:space="preserve">电信1黄金车身1型的价位在多少 </t>
  </si>
  <si>
    <t xml:space="preserve">350_-__420都有人买就这个价了看你 做生意的本事怎么样了 </t>
  </si>
  <si>
    <t xml:space="preserve">今天我MM被诊断为肺炎，虽然她确实高烧，可是并没有咳嗽症状，这个? </t>
  </si>
  <si>
    <t xml:space="preserve">咳嗽一般是支气管发炎,肺炎是肺小叶发炎,未必会咳嗽.一般医生通过3种手段确诊：1、听诊。是否有肺部湿罗音。2、查血。血液检查时末梢白细胞计数可达每立方毫米20000—30000，中性粒细胞增至80%以上。3、照光。x线检查对本病诊断很有帮助，在实变期可见大片均匀致密的阴影，典型的分布限于肺段或肺叶，但大多数为片状。肺炎的治疗： 肺炎属于急性感染性疾病，应积极进行抗炎治疗。  </t>
  </si>
  <si>
    <t xml:space="preserve">老是感到胸闷,是怎么回事?我40岁,老是感到胸闷,喘不过气来.有 </t>
  </si>
  <si>
    <t xml:space="preserve"> 胸闷是一种主观感觉，即呼吸费力或气不够用。轻者若无其事，重者则觉得难受，似乎被石头压住胸膛，甚至发生呼吸困难。它可能是身体器官的功能性表现，也可能是人体发生疾病的最早症状之一。不同年龄的人胸闷，其病因不一样，治疗不一样，后果也不一样。     一般来讲，引起胸闷的原因有很多，胸闷不仅可以是生理性的，也可以是由于身体内某些器官发生疾病而引起的，即病理性的胸闷。如：呼吸道受阻：气管支气管内长肿瘤、气管狭窄，气管受外压（甲状腺肿大、纵隔内长肿瘤）；肺部疾病：肺气肿、支气管炎、哮喘、肺不张、肺梗塞、气胸；心脏疾病：某些先天性心脏病、风湿性心脏瓣膜病、冠心病、心脏肿瘤；膈肌病变：膈肌膨升症、膈肌麻痹症；体液代谢和酸碱平衡失调等。需要到正规医院在专科医师的指导下进一步检查，明确原因，积极治疗。 </t>
  </si>
  <si>
    <t xml:space="preserve">的鼻子很大,而且没有鼻梁,难看死了,有没有办法变小或者鼻梁变挺? </t>
  </si>
  <si>
    <t>我的鼻子也是，不过我认为大鼻子的人有福气，所以即使很难看也觉得不是太糟糕的事情，你不妨把心态放正，这样就会好很多</t>
  </si>
  <si>
    <t xml:space="preserve">主板启动电脑？想问一下在主机开关出现故障时，直接利用主板如何启动 </t>
  </si>
  <si>
    <t>只要找到接主机开关的两条线，直接短路一下就可能了。</t>
  </si>
  <si>
    <t>T</t>
  </si>
  <si>
    <t>T-54中型坦克采用100毫米D-10T线膛坦克炮，与T-55一样。要到T-62出现苏联坦克才开始用滑膛炮。</t>
  </si>
  <si>
    <t xml:space="preserve">同花顺2007标准版和同花顺盛大密宝有什么区别同花顺里有同花顺2 </t>
  </si>
  <si>
    <t>同花顺2007标准版和同花顺盛大密宝两个分析软件好像都是免费的，我下载后感觉一样，比标准版大0.01M。</t>
  </si>
  <si>
    <t xml:space="preserve">鬣狗和野狗的外观和毛色都差不多,为何名称不同? </t>
  </si>
  <si>
    <t>两个都是非洲的,鬣狗前腿长,后腿短.野狗和家狗差不多.但耳朵很大.</t>
  </si>
  <si>
    <t xml:space="preserve">我就贷款买基金了今年贷款买了好多的基金啊，收益25%还多从八月到 </t>
  </si>
  <si>
    <t>俺也贷了,不过还没到手,真是麻烦.不过我贷的不多,15万,年利息5.8%,超过的就是俺赚的了.相信一年赚个15%-20%不是太难.这年头赚钱真辛苦哦,想尽办法.....</t>
  </si>
  <si>
    <t xml:space="preserve">我好心疼哦！！！我听说喜欢的人已经有心上人了，我好心疼哦！你们可 </t>
  </si>
  <si>
    <t>其实是你们 肥皂剧看得太少了，一般里面如果主线是女的先爱上男的，虽然历尽千辛万苦，不过最后争取到的结果都是幸福得不得了，想想难道不是吗，我们男生是喜欢美女的，越是女神越是发疯，但是能不能得到且不说，找个女朋友，不出以外就是一辈子一起走的人，是那些什么“心上人”“暗恋”能够得到的吗？也许经过你的努力争取，他发现以前自己的幼稚，你才是他值得保护的女神，那份海枯石烂的爱是多少人一生都无法体会的啊，有这个机会，千万别轻易放弃。。。千万千万。。。</t>
  </si>
  <si>
    <t xml:space="preserve">辐射防护该怎么做呢？ </t>
  </si>
  <si>
    <t xml:space="preserve">     医院通常采用的是防辐射铅板，用金属铅轧制而成的板材，有很强的防腐蚀,耐酸耐碱,经常用于耐酸环境的施工、医用防辐射,X光,CT室射线防护、加重、隔音等许多方面,是一种比较好的防辐射材料。防辐射铅板可抵挡从100kv到300kv的辐射,效果好，并可应用于任何医学、技术、研究方面的全面防护。     防辐射铅是防辐射工程必不可少的保障。目前防辐射铅板已广泛应用于锅炉压力容器、石油化工、压力管道、航空航天、机械、军工、核工业、医学、电力、电子、辐照等多个行业。有效的保障了工作者不受射线的危害。现今国际上最超轻、超薄、超柔软铅板防护材料；与同类进口铅板比较可减轻百分之二十五至三十的相对重量，不管是外观质量，还是防护性能，效果更佳。</t>
  </si>
  <si>
    <t xml:space="preserve">外贸服装哪里进货像“第一街”“署光里”那些外贸服装都从哪里进货 </t>
  </si>
  <si>
    <t>要是大批的话,可以试试广州的广园西路,迦南外贸服装批发城,那里都是大批工厂的库存啊,便宜货什么都有</t>
  </si>
  <si>
    <t xml:space="preserve">形成胆结石的原因是？ </t>
  </si>
  <si>
    <t>的成份及形成的原因　　胆结石的主要成份有胆固醇、胆红素、碳酸盐以及钙、镁、铁等金属元素，其中胆固醇和胆红素为主要成份。结石之所以能够形成，其外在的原因是胆汁成份的变异，表现为胆汁酸盐含量相对过少而胆固醇及胆红素等成份过多，胆汁酸盐不足以溶解过多的胆固醇及胆红素，日久，胆固醇及胆红素逐渐析出并凝聚成石，而本质的内在原因是因为肝、胆代谢功能异常甚至紊乱从而导致胆汁在分泌过程中出现比例失调现象，而代谢的 异常进一步恶化胆固醇及胆红素在肝肠内的循环代谢与吸收，多余的致石物质逐渐增多 ，成为结石形成的根本症结。胆结石也可导致休克　　胆结石除引起急性胆囊炎、急性胰腺炎等常见的并发症外，还会引起以下几种较重的并发症。　　1.中毒性休克：胆道被结石梗阻发生感染，吸收细菌毒素而引起的。其表现为：右上腹疼痛、黄疸、高热、寒站、神昏、烦躁不安、面色苍白、四肢冰冷、血压下降。　　2.胆道出血：胆管发炎形成脓肿，浓重溃破，侵蚀了肝脏里的血管而发生。表现为：右上腹剧烈绞痛、吐血、（或解黑大便），严重者可发生休克。　　3.肝浓肿：结石梗阻胆道，形成化腔性胆管炎。细菌自胆管向上扩散到肝脏，引起肝脓肿。表现为：右上腹胀痛，寒战高热、大汗淋漓、全身乏力。　　4.胆囊坏死穿孔，胆汁性腹膜炎：胆囊一旦坏死穿孔，脓性胆汁流入腹腔，引起腹膜炎。这是较严重的并发症，老年病人尤其易发生。表现为：腹痛突然加剧，腹肌压痛、腹紧张反跳痛。（来源：中华健康网）</t>
  </si>
  <si>
    <t xml:space="preserve">为什么会得癔症 </t>
  </si>
  <si>
    <t>您好，妄想症是一种精神病学诊断，出现臆想或者幻觉等，非怪诞性的妄想，不存在其他精神症状。一般治疗妄想症是药物治疗和心理治疗。</t>
  </si>
  <si>
    <t xml:space="preserve">我写了我的姓名和身份证号码通过哪个未成年许可怎么像是没反应的啊? </t>
  </si>
  <si>
    <t>您好,现在的防沉迷系统已经正式启动.所以没有登记的用户会默认为未成年人进行制约.您如果没有登记,请您及时登记.现在登记领取不到奖品了,因为这个系统已经开始执行了.不过通过之后会由系统告诉您您已经是/不是未成年人,请等待系统最终审核的提示.如果他说您已经成年,就差不多了.因为成年人不需要有什么反应和提示,所以您不必担心什么.只有未成年人在超过系统制约时限后会提示您.现在的新系统会提示您处于健康还是疲劳状态.谢谢您的支持!</t>
  </si>
  <si>
    <t xml:space="preserve">请问钨，钼，钨铝丝的居里点是多少？ </t>
  </si>
  <si>
    <t>居里点即居里温度，高于该温度时，铁磁质失去铁磁性转变为顺磁质。到现在为止,只有铁、钴、镍、钆四种金属在室温以上是铁磁质，其居里点为：铁769℃,钴1131℃,镍358℃,钆约20℃。（另有铽、镝、钬、铒、铥在极低温下是铁磁质。）钨、钼、钨铝丝都不是铁磁质，它们没有居里点。　　</t>
  </si>
  <si>
    <t xml:space="preserve">夏季如何进行饮食调养养生？ </t>
  </si>
  <si>
    <t>夏季气温高、易出汗，身体水分流失快，故应多食用多汁富含水分的食物，例如汤、粥和水果。晨起、沐浴前后应适量饮水，而体力大量消耗后应饮用盐水。每餐有粥或汤，并适当增加水果的摄入，则消脂瘦身、美容护肤的效果将立竿见影。鱼肉、鸭肉、莲子、丝瓜、豆腐等是夏季靓汤的首选食材；绿豆粥、扁豆粥、荷叶粥、薄荷粥等“解暑药粥”是夏季粥品的主角。   祝你好运一生一世！点击好评，谢谢你！</t>
  </si>
  <si>
    <t xml:space="preserve">冬天进补好呢还是夏天好？ </t>
  </si>
  <si>
    <t>你好！当然是冬天进补好的了，夏天人体的胃处于收缩状态，不适宜大量的进补，所以我们有时候说：“夏天就要吃些清淡的，就是这个道理的。”不过，秋季进补要注意“四忌” 一忌多多益善。任何补药服用过量都有害。认为“多吃补药，有病治病，无病强身”是不的。过量进补会加重脾胃、肝脏负担。在夏季里，人们由于喝冷饮，常食冻品，多有脾胃功能减弱的现象，这时候如果突然大量进补，会骤然加重脾胃及肝脏的负担，使长期处于疲弱的消化器官难于承受，导致消化器官功能紊乱。 二忌以药代食。重药物轻食物的做法是不科学的，许多食物也是好的滋补品。如多吃荠菜可治疗高血压；多吃萝卜可健胃消食，顺气宽胸；多吃山药能补脾胃。日常食用的胡桃、芝麻、花生、红枣、扁豆等也是进补的佳品。三忌越贵越好。每个人的身体状况不同，因此与之相适应的补品也是不同的。价格昂贵的补品如燕窝、人参之类并非对每个人都适合。每种进补品都有一定的对象和适应症，应以实用有效为滋补原则，缺啥补啥。 四忌只补肉类。秋季适当食用牛羊肉进补效果好。但经过夏季后，由于脾胃尚未完全恢复到正常功能，因此过于油腻的食品不易消化吸收。另外，体内过多的脂类、糖类等物质堆积可能诱发心脑血管病。</t>
  </si>
  <si>
    <t xml:space="preserve">上海哪家医院治疗输卵管堵塞好 </t>
  </si>
  <si>
    <t>输卵管堵塞在正规的医院可以得到有效的治疗，治愈的希望很大。对于输卵管堵塞的治疗，要现在正规的医院进行治疗。上海健桥医院在2010年与2012年连续两次获得“全国十大不孕不育专科医院”称号，并在2015年荣获“上海市星级医院”称号。上海健桥医院专家王爱莉教授，是中国优秀不孕不育诊疗专家。从事不孕不育临床、教学、科研工作30余年，师从我国著名的妇产专家、博士生导师戴炅笙教授。第十一、十二届人民代表；享受“政府特殊津贴”专家。现任上海健桥医院业务院长，不孕一科主任、学科带头人；国际宫腹腔镜-输卵管镜培训（上海）中心主任；中国医师协会会员，中华生殖健康专家组专家，国际腔镜技术协会会员。全国咨询电话：021-56659999地址:上海闸北区中兴路1122号（近共和新路交叉口）</t>
  </si>
  <si>
    <t xml:space="preserve">竹炭煮水的好处在水壶里放两大片洗净的竹碳，坐水时一起煮，这样的开 </t>
  </si>
  <si>
    <t>1.煮饭（松软美味）按平时煮饭的方式，淘好米，放入水，放入竹炭一起煮。 2-3杯米放入一片竹炭，用完后将竹炭上沾的米粒，用水清洗，晾干再继续使用。 使用注意事项：煮饭的竹炭，使用约7-10天，必需用a-c的方法再生一次，约有三个月的效果，之后冲洗，干燥后，放入米桶中可除异味，防虫。 2.净水（制作矿泉水） 一公斤的自来水，约放入2-3片的竹炭，浸泡约一天半后，再将水倒出，煮沸，水会变得更可口，冲泡茶叶或咖啡，会更香醇，更爽口。 使用注意事项：制水的容器最好使用玻璃瓶、陶瓶、不锈钢瓶，净水竹炭使用一个月后，必需用a-c的方法再生一次，效果可维持三个月，之后把竹炭干燥后放入花瓶中，花会更鲜艳持久。</t>
  </si>
  <si>
    <t xml:space="preserve">他这样是爱我吗？我们是经人介绍认识，认识到现在已经有三个月了，自 </t>
  </si>
  <si>
    <t>已经三个月了，你也可以适当的主动约他，这是很正常的。我不能肯定他是否爱你，但可以肯定他是希望和你交往下去的，要不不会在你没空出去的时候买东西给你吃。至于话题，我想是需要共同寻找的，多了解一些就会多些共同语言。要幸福是要自己付出努力的，就从打个电话给他开始吧。</t>
  </si>
  <si>
    <t xml:space="preserve">怎样才能使自己的内心强大起来！ </t>
  </si>
  <si>
    <t>！一、要学会独处，就是常说的慎独。但慎独不是说忍受孤独，而是在孤身一人的时候，在下班、放学后，还能有计划的安排自己。所获，一个人的成功是看每天工作的八小时之外的时间是怎么利用的。二、要学会放松，深入点说就是乐观。乐观到遇到什么都可以临危不惧，临阵不乱，依然能保持自己原有的风度和幽默，当然这不是乐观的目的。乐观的目的，是让自己能够用平和的心态和敏捷的思维来思考问题、解决问题，或者研究部署规划、理清思路。三、要会自我暗示。中自我暗示是一个人勇气和毅力的根本来源。一个自我暗示的人，是会自我积蓄力量的，能够接受非人考验的，并且要是个想着、记者自己的目标和期望。所以学会自我暗示，自己必须有一个明确的目标和做人的原则。四、精神独立。也就是说，不会受到任何外界的轻易干扰和拥有不会依赖外界而能够生存的思想。这首先就要树立一个正确的世界观，人生观和价值观。这是一个人生命轨迹的主线。所有的人都是在这个思想指导下去完成自己的思想，性格，行为的。当然最后的生活方式和结局也不同。五、摆脱依赖和懒惰思想。人只有不依赖了，才会对自己的行为负责，只有对自己行为能够负担起责任才不会抱怨。所以反推回来就是，你产生抱怨就是因为你不愿意为自己的行为负责，而去想方设法的找客观因素去抱怨。而不想为自己行为负责的原因就是，你想依赖别人而解决你的问题。而当你依赖的一方不能按照你的想法实现的时候，你自然就会产生抱怨。因为你把希望寄托到了别人身上，可是你又没有控制别人的能力。非常勿扰中，经常说的需要内心强大，你做到了吗？我觉得非常勿扰这个舞台却是是检验内心是否强大的一个舞台。面对24位女生、面对3位名人，还有全国观众，你是不是能够撑起整个场，用放松的、幽默的、智慧的、敏捷的语言来表达自己的观点，描述自己的愿景，不为任何人改变，不因任何因素而受阻？电脑前面的你可以吗？</t>
  </si>
  <si>
    <t xml:space="preserve">不睡枕头对颈椎病好吗？他们说有颈椎病的人最好不睡枕头。 </t>
  </si>
  <si>
    <t>不睡枕头对颈椎是不好的，正常的人体颈椎是向后弯曲的23度，好的枕头是应该是能够支撑颈椎的，保证正常的生理曲度的枕头，小软健康枕很不错，可以了解下</t>
  </si>
  <si>
    <t xml:space="preserve">《项链》的作者是谁 </t>
  </si>
  <si>
    <t xml:space="preserve">这是莫泊桑的短篇小说. </t>
  </si>
  <si>
    <t xml:space="preserve">用了祛痘洗面奶反而脸上长痘痘了怎么回事啊？ </t>
  </si>
  <si>
    <t>不能用刺激性太强的 会破坏皮肤  请给我一个好评哦 谢谢啦亲 并不是所有祛痘的洗面产品都适合自己的哦 您平常不要熬夜少吃辣 还有可以喝点蜂蜜哦</t>
  </si>
  <si>
    <t xml:space="preserve">宝宝这是鼻炎吗？宝宝鼻塞半个月，刚开始的鼻涕是白色带黄，后来是黄 </t>
  </si>
  <si>
    <t>宝宝多大呀？儿童和青少年是鼻炎的多发群体。应该不会是鼻炎，宝宝太小的话主要是自身调解能力差，呼吸系统敏感而脆弱，有的宝宝甚至流一个月的黄鼻涕还好不了。呼噜可能是因为鼻腔分泌物妨碍呼吸所致，宝宝不像大人似的有了鼻涕不舒服就会想办法弄出去，非得等到实在忍不住了打个喷嚏才能把鼻涕请出去。所以你不要担心宝宝会得鼻炎。你可以试着让宝宝闻一些不同的气味，如果宝宝对味道有反应就没事。得了鼻炎味觉也会下降甚至消失，还有，你可以用热水倒在杯子里，让宝宝呼吸蒸汽，小心不要烫着宝宝。一天熏个三四次，效果不错。</t>
  </si>
  <si>
    <t xml:space="preserve">请问11服的钢铁原石值多少钱呀？ </t>
  </si>
  <si>
    <t>卖价300-400买价200-300</t>
  </si>
  <si>
    <t xml:space="preserve">我儿子从高一上学期与班中的一位女体育特长生关系密切后,发现他对学? </t>
  </si>
  <si>
    <t>你平时跟你的儿子沟通的多么？---我是说那种较为平等的交流，而不是你或教训他。孩子学习成绩下降就一定是和那个女孩子有关系么？---这件事情你就这么有把握划上等号？会不会有其他的原因呢？从你的叙述看你应该是孩子的母亲，而青春期同男孩子的交流、沟通应该父亲比较合适吧？我想应该让孩子的父亲跟孩子好好的沟通一下。另外，毕竟孩子已经上高中了，他的潜意识里强烈的希望你们把他当成一个成年人，你想同他更好地交流、沟通，首先还是应该给他足够的尊重。但是我从你的叙述中明显的感觉你对他的朋友的不尊重，你非常非常反感那个女孩子，是么？这段时期的孩子的反叛心理非常大，可能他就要跟你们拧着干呢，试想：你们首先不愿意用看待朋友或两个成年人的眼光看待他和那个女孩子，而是以一种家长的强势姿态面对他，他怎么会愿意跟你交流呢？（这是我那个时期的感觉，但是我很庆幸我有个好父亲，呵呵）最后，感觉你对孩子比较严厉，虽然你在跟我们叙述的时候已经很缓和了语气。这样肯定不好，肯定会激起孩子更为强烈的反叛心理。以上算是分析吧，下面是我的主意，仅供参考：1、一定想办法跟孩子沟通，最好是爸爸跟他谈，用一种平等地的方式。2、让他知道你们希望他能够交到更多的朋友，也欢迎他的朋友到家里来玩，这个一方面锻炼了你儿子的人际交往能力；另外就是你们硬性反对他交往异性，他明里不来，暗中还是会有的，这种事能压抑么？（您自己也是那个时期过来的，应该深有感触啊），与其压不住，不如以一种包容的姿态请儿子带所有的朋友来家里作客（那女孩子也会来啊，千万别单独找那女孩子），这样还能全面看看儿子交往的人际范围嘛，而且再跟儿子谈不就有的放矢了么。3、不用转学了，说句笑话：在这里你儿子至少可以吸引女孩子，而且还是运动型的，那不是证明你儿子还是蛮有吸引力的嘛（这话都可以跟他说）。孩子的事不要总是想的太严重，可能到最后变成了做父母的自己吓自己了。4、只要你们能做到尊重孩子，那么至少成功了一半了。这个年龄的孩子不是听不进道理，而是在意你们讲道理的方式。你们应该做的是激励他的自尊心，而不是打击他。举个我自己的例子：我原来所在的重点中学毕业的时候升学率达到99%，我记忆中那年我们年级一共是四个班，二百多学生，好象只有2个还是3个人没考上大学。我不知道现在的重点中学是不是都是学习尖子（我读高中是87年，那时候很少有拿钱读书的，基本是考取的，成绩都不错，我初中毕业时是我们学校全年级前十名，高一结束的时候我是班级的倒数第五，那时候我都不想读了，呵呵，后来想想，都是全市的尖子生嘛，我又算什么），高二时候我也喜欢了一个女生，算是早恋爱了吧，后来父母知道了，是我父亲跟我谈的，他就是很尊重我，平等的与我交流，告诉我他在我当时的年龄也会跟我一样，甚至帮我分析那个女孩子。最后我和父亲成了朋友，而我也发现我的朋友都喜欢我父亲（包括我的早恋女友），都愿意跟他交流。至于我那个年龄学习是最重要的不是我父亲直接告诉我的，而是告诉我一些他自己以及他的朋友在我那个年龄走过的弯路，让我自己去体会的。好了，写不动了，挺辛苦的，打了这么多字，希望能对你有所帮助。</t>
  </si>
  <si>
    <t xml:space="preserve">历史上西施活了多少岁？ </t>
  </si>
  <si>
    <t>你好！西施，原名施夷光，春秋战国时期出生于浙江诸暨苎萝村。天生丽质。时越国称臣于吴国，越王勾践卧薪尝胆，谋复国。在国难当头之际，西施忍辱负重，以身许国，与郑旦一起由越王勾践献给吴王夫差，成为吴王最宠爱的妃子，把吴王迷惑得众叛亲离，无心于国事，为勾践的东山再起起了掩护作用，表现了一个爱国女子的高尚思想情操。后吴国终被勾践所灭。传说吴被灭后，西施与范蠡泛舟五湖，不知所终，一直受到后人的怀念。</t>
  </si>
  <si>
    <t xml:space="preserve">华夏公司网上交易使用的广发卡是广发理财通卡吗？如题，广发理财通卡 </t>
  </si>
  <si>
    <t>是广发理财通卡。华夏公司网上交易也能使用.</t>
  </si>
  <si>
    <t xml:space="preserve">九年级相似图形在梯形ABCD中，AD//BC,E是AB上的一点， </t>
  </si>
  <si>
    <t>设EF=X，则4：X=X:9=AE:EB。所以X=6，AE:EB=2:3</t>
  </si>
  <si>
    <t xml:space="preserve">怎么安装双系统？知道的进，高分我现在用的是XP系统，但是我还想安 </t>
  </si>
  <si>
    <t xml:space="preserve"> 最好的方法是，让用户熟悉Windows XP的操作。因为，考虑到预装的电脑安装Windows XP，可能分区已经是NTFS，所以你不仅仅需要做的是安装Windows 98这么一件事情那么简单。首先，您需要把NTFS重新分区，或者用PQMagic转换为FAT32，注意：PQMagic不支持中文，转换会出错，然后说不定您还需要更多的工作去修复中文相关的东西。转换完成后，一般来说，预装的只有一个分区，所以，您最好再用分出一个分区来，把Windows 98安装到和Windows XP不同的分区中。。。。。OK，安装完成Windows 98，您还需要把Windows XP的光盘放入光驱中引导启动，进入修复控制台，运行bootcfg /rebuild这个命令（考虑到您的只有恢复光盘，这样的操作是否可以完成还是一个问题）所以，不建议您说的安装Windows 98这样的举动。费时，费力，最后不讨好</t>
  </si>
  <si>
    <t xml:space="preserve">真有这么巧的事？建立个小弓和一转前的武器前4手上了3个G10老婆 </t>
  </si>
  <si>
    <t>先恭喜你一下:)   是的根据事实证明~~~!确实有所建的人物~就是所谓的ID,有幸运度高的~我也有个医生合成还算可以吧~~强化强5至今没暴过(好象就是卡的哪天强5爆了,但是强4以前不管什么时候都没爆过呢)~~特别爽~啊强5一身都是自己做的. 呵呵~~看来我这个号就是强化比较好~你们别不相信有些号确实适合做裁缝~~!!!!建议想自己做装备的玩家~自己建些小号实验一下合成强化幸运度~以后就用这个任务专门做装备了~  我的大号就是合东西强化东西不一一般的烂~烂到家了~没有1次强化成功过~我不相信~!强过那么多次也总该成几次吧~强3都没成过~哎~以前我的有个小剑还曾经4个石头上了4呢哈哈~那叫一个爽~~~  我现在的号就是1个枪就是升级升级再升级~~1个小医生就是合成强化做装备~还有2个小弓当仓库存放东西这样1个号~安排的多么合理~啊~~而且还不会乱套~各自发挥自己的强项哈哈~!!一起努力~!加油哦~0~</t>
  </si>
  <si>
    <t xml:space="preserve">期任九108元初单!欢迎指教!!1年轻人vs利物浦2乌迪内vs安 </t>
  </si>
  <si>
    <t>个人感觉勒沃应该防个平局</t>
  </si>
  <si>
    <t xml:space="preserve">大纳智捷生活馆是怎样看车的？ </t>
  </si>
  <si>
    <t>"我来说下吧，大概分为四个环节：第一环节：初步了解 销售顾问会把你带到客户区，一个3分钟的视频简单介绍裕隆的集团的历史，纳智捷品牌的诞生历程、企业理念、品牌理念、造车哲学、国际合作伙伴等内容；第二环节：体验剧场 接下来还是看短片，影片共有SUV、MPV两部，时长在7分多钟，影片内容就是模拟消费者在一天中的实际使用的情景剧，同时把产品的特点与感受融入到了影片里面；第三环节：互动体验区观看完影片，销售人员会将顾客领到互动体验区，一共有2组位置，每组位置有一台32寸屏的全触屏电脑，屏幕触感和操控方式比较接近ipad，里面集成了纳智捷的互动体验项目，包括品牌、研发团队介绍，车身颜色介绍、车辆核心技术演示、车辆制造和测试过程等等，全看完大概需要20分钟左右；第四环节：整车介绍和技术讲解互动环节之后才是真车的体验，顾客看每一款车之时销售顾问仍会陪在身边，随时解答问题并示范操作。虽然前面看似鸡肋，如果真的对这个车感兴趣，最好做个全面的了解也不错，最后，祝你看车愉快！"</t>
  </si>
  <si>
    <t xml:space="preserve">上古运动会有人作弊吗我知道上古运动会的时间是下午的3点5点和7点 </t>
  </si>
  <si>
    <t>恩，这是BUG，他们卡的，具体情况是，杀任务的时候把包东西装满，做完任务就显示包裹已满无法完成任务，然后就下线，到第二天马上任务开始了，就上线把包裹空一个格，就会得到任务物品，活动一开始就赶紧交，看谁手快就第一了</t>
  </si>
  <si>
    <t xml:space="preserve">西方经济学论文代发怎么样？各位都有这方面的经验吗？都尽量说说吧 </t>
  </si>
  <si>
    <t>有很多靠谱的，就好像京都名师论文网都是很出名的网站，你有需要的话都可以找他们，我就找过他们好多次了，感觉不错的。</t>
  </si>
  <si>
    <t xml:space="preserve">重庆哪里可以治疗尖锐湿疣能不复发 </t>
  </si>
  <si>
    <t>常规物理疗法，一般针对疣体较小、较少的情况下，一次在三百至五百左右。如果疣体较多则需要多次治疗，花费下来大概需要几千元，且会留下一些治疗后的疤痕。最关键之处在于，此类疗法很容易复发，治疗费用就是个无底洞，且患病部位常疤痕累累、惨不忍睹。而对于比较大的疣体或者处于腔径内部(女性生殖道内、肛部内)的疣体，这些疗法都是不适合的，就需要采用手术治疗或者其他方法治疗。尖锐湿疣治疗费用是大家最为关心的问题，但根据治疗的方法和病毒类型和数量不同，价格也会略有不同.收费标准各地不同,治疗方法不同,用药种类不同都大不一样,从大几百到几千不等.完全治愈疾病是目的,只有健康的身体才能会有一切你说对吧?</t>
  </si>
  <si>
    <t xml:space="preserve">请问什么工作或职业最赚钱？ </t>
  </si>
  <si>
    <t>做好任何一门职业都可以赚钱,俗话说条条大路通罗马.,但没有一个是可以轻易成功的.成功=努力+机遇+先天条件</t>
  </si>
  <si>
    <t xml:space="preserve">将SO2气体分别通入什么溶液中能出现下述现象？①紫色变红色;②紫 </t>
  </si>
  <si>
    <t>1、紫色石蕊试液2、酸性高锰酸钾溶液3、溴水4、硫酸铜溶液5、品红试液6、澄清石灰水7、H2S的溶液</t>
  </si>
  <si>
    <t xml:space="preserve">电影票房是怎样计算的？ </t>
  </si>
  <si>
    <t>在影院上映的收入就是票房。</t>
  </si>
  <si>
    <t xml:space="preserve">一元一次方程!车间有28名工人,生产一种螺栓和螺帽,一个螺栓的两 </t>
  </si>
  <si>
    <t>设X人生产螺栓，那么生产螺帽的人就是28-X，X人可生产螺栓12X个，28-X人可生产螺帽18*（28-X）个，因为两个螺帽和一个螺栓配成一套，那么可列方程12X=18（28-X）/212X=（504-18X）/212X=252-9X12X+9X=25221X=252X=252/21=12人那么生产螺帽的就是28-X=28-12=16人。</t>
  </si>
  <si>
    <t xml:space="preserve">宝宝腹泻一周，吃了药不见效，用换腹泻奶粉吗？已有宝宝:年龄1岁2 </t>
  </si>
  <si>
    <t xml:space="preserve">你是不是按照每天用量给孩子吃药的？你说的大便正常是指什么？是镜检没有红白血球之类？孩子已经1岁多了，应该以三顿饭为主，同时保证每天的奶量，三顿饭是不能停的。建议再观察看看如果确实按照正规治疗，腹泻一直不愈可以考虑吃不含乳糖的配方奶粉。 </t>
  </si>
  <si>
    <t xml:space="preserve">DZ怎么才能在大战场立脚我的盗贼无BUFF3700血，为了拿2把 </t>
  </si>
  <si>
    <t>说实话，贼如果和对方单挑还行，但是，如果混战就不好弄了，对方的群攻法术会很轻易的把你打出来，我一般就是复活后潜行到对方侧翼，找一个和战士什么的对攻半血的快速过去晕死，助攻，如果半途被打出来也不管就是冲向你的目标拼命杀，不要尝试杀敌方全血而且没有人打他的，除非你装备牛，运气好，否则很难在死前，在敌方阵前杀掉人，贼是不抗打的，混战里你出来一次杀掉一个就算够本，别空手回去就行。还是不要潜着不出来，这样不好。</t>
  </si>
  <si>
    <t xml:space="preserve">求解，这是什么东西啊？ </t>
  </si>
  <si>
    <t>这是黃秋葵，是一种蔬菜。</t>
  </si>
  <si>
    <t xml:space="preserve">16个月男宝宝长8颗牙齿??我家宝宝16个月:1、才长8颗牙齿( </t>
  </si>
  <si>
    <t>一种可能是缺乏维生素造成的，注意多吃青菜水果，还可以用手足脱皮软膏。第二个可能是空气太干燥，宝宝皮肤干燥。不要撕掉宝宝的蜕皮，等待它自然脱落。 蜕皮期间可以在皮肤上涂些润滑油，以保持皮肤湿润。</t>
  </si>
  <si>
    <t xml:space="preserve">根据我的中文名来取个英文名苏金凤根据我的中文名来取个英文名本人苏 </t>
  </si>
  <si>
    <t>苏金凤（女）的英文名：（1）。Jill   姬儿释义：年轻，平凡，安静，非常友善的女孩。（2）。Jessica   杰西嘉释义：美丽，甜美，很受欢迎的女孩。</t>
  </si>
  <si>
    <t xml:space="preserve">怎样快点长高我160想长高5厘米怎么可以长高 </t>
  </si>
  <si>
    <t>多摄入钙质，如牛奶、酸奶等，还可多进行对长高有益的运动，如跑步、篮球、跳高等，同时最好每日早睡早起，以免错过晚上的生长时间。市面上的一些增高药最好不要吃，对身体无益。</t>
  </si>
  <si>
    <t xml:space="preserve">word中想只插入一个键箭头如何居中？我在word中，我想打一个 </t>
  </si>
  <si>
    <t>你可以在"插入"菜单里"符号"选择一个箭头图标再改变字号居中就行了我试过</t>
  </si>
  <si>
    <t xml:space="preserve">公鸡和母鸡是怎么交配的如何受精产生小鸡 </t>
  </si>
  <si>
    <t>禽类有个泄殖孔.交配时雄雌二性的泄殖孔相对接就可以完成授精.从外表看,禽类的泄殖孔好象是肛门,其实你解剖一只母鸡就知道,它肛门的左边是输卵管,右边就是尿道,跟哺乳动物基本上一样.只是雄性跟哺乳动物差异很大.</t>
  </si>
  <si>
    <t xml:space="preserve">霉菌性阴道炎会上行感染胎儿吗目前未确定怀孕但怀孕可能性较大，我1 </t>
  </si>
  <si>
    <t>1. 现在，应该尽快做血检HCG，藉以确定是否怀孕。2. 无论怀孕与否，都是可以清洗阴道的。3. 一般说来，霉菌不会直接影响到胎儿。但是应该尽快治愈霉菌性阴道炎。</t>
  </si>
  <si>
    <t xml:space="preserve">请问吃紧急避孕药月经推迟多久才是正常的？我因为吃了那药，月经已经? </t>
  </si>
  <si>
    <t>因各人体质不同，推迟时间也不会相同。若担心怀孕可以去药店买个早早孕试纸自己检测一下，怀孕七天后就有结果。谢谢采纳</t>
  </si>
  <si>
    <t xml:space="preserve">为什么手机连不上wifi我的手机型号是lephone1800 </t>
  </si>
  <si>
    <t>手机飞行模式打开在关掉 。或者选择你的wifi，选择忘记密码或者不保存。在重新连接。 希望你能满意 求好评</t>
  </si>
  <si>
    <t xml:space="preserve">下体很痒怎么回事?是什么原因呢?长了一些像疹子一样的东西,正好我 </t>
  </si>
  <si>
    <t>恩，现在这种天气就容易出皮疹，没关系的，洗完澡在大腿根附近抹点痱子粉，天热容易出汗，那里潮湿所以就容易起你说的那种疹子。最好用带薄荷的卫生巾，像ABC卫生巾和护垫垫上凉凉的会舒服些！！</t>
  </si>
  <si>
    <t xml:space="preserve">简单的地理基础知识填空，要100%正确（一）考点知识清单一地图1 </t>
  </si>
  <si>
    <t>考点知识清单一地图1．地图上的方向（1）一般情况：面对地图，上（北）下（南）,左西右东（2）有指向标的地图：指向标的箭头指向（北）方（3）有经纬网的地图：经线指示（南北方向），纬线指示（东西方向）2．方格状或圆弧形的经纬网图（1）辨别南、北纬纬度数值向北递增为北纬纬度数值向南递增为南纬（2）辨别东、西经经度数值向东递增为（东）经经度数值向西递增为（西）经3．以南北极为中心的经纬网图（1）辨别南北图上标出的地球自转方向呈逆时针，则经纬网中心为（北）极图上标出的地球自转方向呈顺时针，则经纬网中心为（南）极（2）辨别东西根据地球自转方向自西向东，即自转箭头指东东经度数向东增大，向西减小，西经反之4． 地图上的比例尺（1）概念：表示图上距离比实地距离缩小的程度，比例尺=图上距离/实地距离（2）表示形式：数字式（1/100)、文字式(1厘米代表100千米）、线段式（不太好画）（3）用途：确定图上两个地点的实际距离（4）大小比较比例尺的分母愈大，比例尺愈（小），表示的范围愈（大），内容愈粗略比例尺的分母愈小，比例尺愈（大），表示的范围愈（小），内容愈详细5．地图上的高低起伏（1）高度表示：（地面）高度（海拔），其定义（地面某个地点高出海平面的垂直距离）、相对高度，其定义（某个地点高出另一地点的垂直距离）（2）地形判读坡度陡缓等高线密集处，坡度越（陡）等高线稀疏处，坡度越（缓）地形种类---------题目意思不懂？山顶，_________________________盆地，_________________________鞍部，_________________________山脊，山谷，不会做啦。初一第一册书有呀。。。再找找呼。。。。。。－ －！</t>
  </si>
  <si>
    <t xml:space="preserve">出大事了出大事了你知道吗武汉江夏公安分局接到群众举报电话,说在天 </t>
  </si>
  <si>
    <t>好一个出大事了，好一个炸弹！又着实被你忽悠一下，还以为出什么大事了。</t>
  </si>
  <si>
    <t xml:space="preserve">Word文档,一页半文字,怎样调整使其真好布满两页? </t>
  </si>
  <si>
    <t>可以全选后点右键选段落,在里面将字体加大,并且加大行距</t>
  </si>
  <si>
    <t xml:space="preserve">请各位老师讲解！如图所示，，A、B是圆的直径的两端，小张在A点， </t>
  </si>
  <si>
    <t>可设方程解答：设圆周长为X米，则得方程，80*2=60+X/2-80X=360（米）（第一次相遇，小张、小王合走半个周长；第二次相遇，小张、小王合走一个周长，即比第一次多走一培路程。这样，小张第一次走路程乘2就等于小张第二次走路程）你的解也是其中方法之一：第一次相遇，小张、小王合走半个周长AB，其中小张走路程AC是80米；第二次相遇，小张、小王合走一个周长 = CD（小王走的左边部分）+CD（小张走的右边部分）。第二次相遇时，小张、小王合走一个周长，等于第一次相遇时，合走半个周长的两培。所以，小张走的右边部分CD就是第一次走的80米（AC）的两培８０＊２（合走与个人走的按比例同时增加两培）。两次相遇时，小张走的路程加起来就是：AD=AC+CD=８０＊２+８０=８０＊３=２４０Ａ到Ｂ（半周长）距离：２４０－６０＝１８０ 即AB=AD-BC</t>
  </si>
  <si>
    <t xml:space="preserve">邯郸市哪里有卖纳威沙发 </t>
  </si>
  <si>
    <t>邯郸市亚森家具城内有卖的！ 地址：邯郸市中华大街天客隆超市对过即到！</t>
  </si>
  <si>
    <t xml:space="preserve">在离心管中加入水和密度小于水的小球在倾斜的离心管中加入水和密度小 </t>
  </si>
  <si>
    <t>题目应该是这样: 在倾斜的离心管中加入水和密度小于水的小球，在离心管转动时,为什么小球会下降(向转动轴方向运动)？解:在水中设有一个体积与小球相同的水球，这个水球与小球在同一位置（到转动轴的距离相同）上，由于水的密度大于小球的密度，所以水球的质量大于小球的质量，在离心管转动时水球能够保持不动，满足水球受到的合力提供向心力；而这时小球受到的合力与水球相同但是其质量小于水球，其向心力F=mv^2/r,小于水球需要的向心力，所以有小球受到的合力大于向心力，小球将做向心运动，最终运动到距离转动轴最近处。</t>
  </si>
  <si>
    <t xml:space="preserve">古代官职升迁又怎么说的，比如：拜。。。最好还有例句！ </t>
  </si>
  <si>
    <t xml:space="preserve">古代官职的任免升迁常用有以下词语：①拜：按一定的授予某种官职或名位；任命。例如柳宗元的《封建论》：“朝拜而不到，夕斥之矣。”②除：任命；拜官。例如《史记·魏其武安侯列传》：“上乃曰：‘君除吏已尽未？吾亦欲除吏。’”③迁：调动官职。一般指提升。例如《后汉书·张衡传》：“拜郎中，再迁为太史令。”迁又为放逐；流放。例如柳宗元的《封建论》：“及夫人逆不道，然后掩捕而迁之。”［左迁］：降职。例如《汉书·周昌传》：“吾极知其左迁。”“左迁”还特指贬官在外。例如刘禹锡《初至长安》诗：“左迁凡二纪，重见帝城春。”［迁客］：被贬到外地的官。例如范仲淹《岳阳楼记》：“迁客骚人，多会于此。”④擢：选拔；提拔。例如《汉书·霍光传》：“擢郎为九江太守。”古代平级调动官职叫“转”或“徙”。例如《后汉书·张衡传》：“顺帝初，再转复为太史令，衡不慕当世，所居之官积年不徙。”⑤黜：废；贬退；罢免或降职。例如柳宗元的《封建论》：“有罪得以黜，有能得以赏。”［黜陟］：（官吏）降级或升等。例如《书·舜典》：“三载考绩，三考黜陟幽明。”⑥谪：贬谪；（官吏）因罪被降职并外放。例如柳宗元的《愚溪诗序》：“余以愚触罪，谪潇水上。”⑦出：（官吏）外放；外调。就是京城的官调到地方任职。例如柳宗元的《哭连州凌员外司马》诗：“出守乌江浒。”⑧乞骸骨。封建社会，大臣年老了请求辞职为“乞骸骨”，意思是请求赐还自己的身体，回到家乡。 </t>
  </si>
  <si>
    <t xml:space="preserve">onthesouthofthecity是在城内还是成外？ </t>
  </si>
  <si>
    <t>在城外.例如: Viet Nam is on the south of China.越南在中国的南面. 摘录自英汉综合大词典,该字典还有这样两个例句: Spain is in the south of Europe.西班牙在欧洲的南部。Mexico is to the south of the USA. 墨西哥在美国的南部。</t>
  </si>
  <si>
    <t xml:space="preserve">老师好，青青稞酒明天再跌就可以建仓了吗？谢谢。 </t>
  </si>
  <si>
    <t>青青稞酒：散户在不断地卖出，主力资金却在周三悄悄地吃便宜货。该股处于上市以来的最低迷状态，这一点从成交量就可以看得清清楚楚。但是，现在也许并不是你介入的最佳时机。因为从形态看，散户还会有更便宜的筹码在以后卖出，而主力资金至今收集的筹码也不足以使其达到建完仓的地步。因此建议你再等等。这只股票将来看好是不言而喻的。对于短线操作来说，介入的标志是放量。对于中长线来说，还要看大趋势。</t>
  </si>
  <si>
    <t xml:space="preserve">有6区无尽之海众神之子工会的吗?你们会怎么了?看不见人了,解散了 </t>
  </si>
  <si>
    <t xml:space="preserve">我听原众神成员说 众神的副会长 卷了工会财产跑路了(几千W呢)  所以导致工会解散 哎 真是人心陷恶   </t>
  </si>
  <si>
    <t xml:space="preserve">降压药的选择不知道波依定和洛活喜两种药各有什么特点，适合哪种人服 </t>
  </si>
  <si>
    <t>收缩压180，舒张压95的人，推荐服用“络活喜＋氢氯噻嗪”。</t>
  </si>
  <si>
    <t xml:space="preserve">本期铁胆罗马强势单3 </t>
  </si>
  <si>
    <t>谢谢分享！！祝你多多中奖！！！</t>
  </si>
  <si>
    <t xml:space="preserve">替人垂泪到天明－－商业用语一 </t>
  </si>
  <si>
    <t>代销点</t>
  </si>
  <si>
    <t xml:space="preserve">黑河市治疗癫痫最权威的医院有哪些 </t>
  </si>
  <si>
    <t>治疗癫痫病的时候是要很长的时间的，不是一两天就能够治好的，而且也不是一两个月就能够治好的。当然想要把癫痫病治好，那么癫痫患者就要去专业的医院治疗，只有专业的医院才能够把癫痫病治好。癫痫患者在找医院的时候要看看医院有没有先进的治疗设备，有没有很有效的治疗的方法，因为这些在治疗癫痫病的时候是很重要的。生了病就要赶紧的到医院治疗，当然是要到专业的医院，但是患者除了要找到正规的医院以外，患者也要找到治病的方法。治疗癫痫病的方法是有很多的，因为发作的原因不一样，所以在治疗的时候方法也就不一样了。因此癫痫患者在选择方法的时候要注意一些。治疗癫痫病不是很容易的事情，癫痫患者想要把癫痫病治好，那么癫痫患者就要在治疗的时候选对治疗的医院，这样癫痫患者的疾病才可以有不错的治疗的。癫痫患者在选择医院的时候要选择专业的医院，专业的医院有着权威的治疗专家的，也是有着好的治疗的方法的，这样癫痫患者的疾病就可以有好的治疗。治疗癫痫病的时候，癫痫患者要选择好的治疗的方法，这样癫痫患者的疾病才能得到好的治疗。癫痫患者在选择治疗方法的时候，患者先要把自己的病情确定清楚，然后患者在根据自己的病情来选择治疗的方法，这样癫痫患者的疾病才能得到好转的。</t>
  </si>
  <si>
    <t xml:space="preserve">毛孔粗大怎么办我脸上长豆豆,出油,额头,鼻子上,脸上都有毛孔,很 </t>
  </si>
  <si>
    <t>这是很多人都关心的问题。在此我们先关注毛孔收缩与舒张的问题。曾不止一次地看过一个关于洗脸的小常识，就是：在洗脸时应先用温热的水让毛孔打开，以便让毛孔里的脏污能够顺利洗去，洗完脸后再用冷水轻泼脸庞，有助于毛孔的收缩。毛孔这样一开一收的说法，虽然我们很难用肉眼观察到，不过，医生的回答却是至今还没有针对毛孔开与收做出任何具体的临床报告。   然而，对于毛孔变大是否能缩小，却是有明确的数据证明。皮肤科医生指出，毛孔的确能缩小，关键就在于肌肤细胞间的保水度充足，让细胞间的空隙变小，进而往表皮层推挤后，毛孔自然就变小了。只是，要让一个毛孔原本很明显的人缩小到几乎看不见，就属于不可能的任务了。如果把肌肤用放大镜仔细端详，会发现年轻肌肤的纹理是呈米字形的，有彼此来回穿梭的线条以保住水分，所以肌肤较厚实，当然毛孔也就不明显。但当肌肤老化时，放大镜下的纹理就变成川字形了，平行的纹理是薄的、是无法保住水分的，所以毛孔也就松垮地变大了。   两大关键毛孔是有弹性的，如果你可以减少毛孔的阻塞物，它自然就能缩小了。所以，要养成清理角质的习惯，不要等到粉刺有黑头现象才处理。以往许多人总是把毛孔的焦点仅仅放在清洁部分，虽然这是很重要的，但是保水让肌肤里层的组织变厚，也是让毛孔缩小的重要关键。在清洁方面，水杨酸是皮肤科医生一致公认的成分，主要的功能是调整肌肤的角化过程，去除表层的老废角质，让肌肤变得平滑柔嫩，但水杨酸所使用的浓度多寡更与成效息息相关。在医生帮患者进行去角质换肤时，浓度多控制在3%－10％；而保养品则多限制在0．2%~1．5％间。比如Clinique倩碧的洁肤水、SK－II的精致换肤霜、欧莱雅的细致毛孔精华露与Neutrogena露得清的毛孔细致精华霜都含有不同浓度比例的水杨酸，帮助肌肤清理角质层，全面改善毛孔和肤质。   另外，保湿是很重要的。许多干性肤质的人也会面临毛孔粗大的危机，大部分是因为保养不当与肌肤老化所致。以保养不当来说，像乱挤粉刺、使用不适合自己的保养品造成肌肤表皮角化不正常，让老废角质长期堆积在毛孔，自然毛孔就变大了。要改善这样的现象，除了以水杨酸成分去除角质外，保湿就成为更必要的急救法门了。所以，许多标榜能缩小毛孔的产品，同时也有保湿的成分。 一、形成毛孔粗大的原因： 1、遗传基因引起，先天不足后天补。 2、许多人因皮肤油，长期皮脂分泌旺盛，平时没有及时做皮肤的护理，天天清除皮肤上的灰尘和污垢，久而久之，皮肤不清洁形成毛孔堵塞，皮脂排不出，自然就把毛孔撑大，形成粗大毛孔。 3、有的多年长痘，反反复复，一个地方多次发作，形成粗大毛孔。这是不知道痘痘的形成是外界的螨虫寄生在皮肤里，活的寄生虫当然要不断的繁殖，你不清除它，它就会不客气的吃你的肉喝你的血，让你的皮肤上形成许多小洞，看起来就象毛孔粗大。 二、毛孔粗大怎么办： 最好的办法是做特色美容，通过特色美容可以达到减少皮脂分泌，刺激毛孔收缩，毛孔是有弹性的，激活后就会收缩变小，再辅以正确的家庭护理，就可以保持皮肤细腻。 1、每天用羽花黑本草洗得净洗面，按摩几分钟，以便及时清除毛孔里的垃圾，保持皮肤的清洁。 2、带水用珍珠粉做按摩，并且保留在脸上，可以细腻皮肤，同时可以去油。 3、拍上少量羽花黑本草霜，以保证不再长痘，让皮肤 细腻光滑。 4、有黑头时要用蒸汽蒸脸，用黑头导出液，这样很容易的就把黑头清除，有效的防止毛孔粗大。 5、定期做美容，是保持皮肤细腻的有效的方法。 6、用天然的精油等生物制剂。  如果你幸运地没有毛孔粗大的烦恼，也请务必做好保湿的护理，难保你不会因为肌肤的老化而导致毛孔渐渐明显。别认为我在危言耸听，我就有一个肌肤不错的朋友，一直自恃肤质好而不注意保湿。没过几年，她进入熟龄的干性肌肤就皱纹毕现，毛孔也明显起来，往日的平滑细致不复存在了。 缩小毛孔大行动！！！ 类型1：因油性肌肤而引起： 油性皮肤和混合性的T型部位皮脂分泌特别旺盛，过剩的皮脂堆积在毛囊里，膨胀毛孔，随着年龄的增长，毛孔看起来越来越粗大。 类型2：因清洁不当而引起： 皮肤的表皮基底层不断地制造细胞，并输送到上层，待细胞老化之后形成外层老化角质层。长期不正确的清洁皮肤方式，使得其新陈代谢不顺利，无法如期脱落，致使毛细孔扩大 缩小毛孔方法： 1、冰敷--把冰过的化妆水用化妆棉沾湿，敷在脸上或毛孔粗大的地方，可以起到不错的收敛效果。 2、毛巾冷敷--把干净的专用小毛巾放在冰箱里，洗完脸后，把冰毛巾轻敷在脸上几秒钟。 3、用水果敷脸--西瓜皮、柠檬皮等都可以用来敷脸，它们有很好的收敛柔软毛细孔、抑制油脂分泌及美白等多重功效。 找对原因 粗大毛孔易收紧 4、柠檬汁洗脸--油性肌肤的人可以在洗脸时，在清水中滴入几滴柠檬汁，除了可收敛毛孔外，也能减少粉刺和面疱的产生。(但注意浓度不可太浓，且不可将柠檬汁直接涂抹在脸上) 5、化妆棉+化妆水--事先准备1小瓶无油化妆水再装上化妆棉，一小时后，以化妆棉喷上化妆水轻拭出油的部位，对于毛孔粗大的你来说是清爽又有效的。 6、鸡蛋橄榄油紧肤--将一个鸡蛋打散，加入半个柠檬汁及一点点粗盐，充分搅拌均匀后，将橄榄油加入鸡蛋汁里，使二者混合均匀。平日可将此面膜储存在冰箱里，一周做1-2次就可以让肌肤紧实，改善毛孔粗大，促进皮肤的光滑细致。 7、栗皮紧肤--取栗子的内果皮，捣成末状，与蜂蜜均匀搅拌，涂于面部，能使脸部光洁、富有弹性。</t>
  </si>
  <si>
    <t xml:space="preserve">请教怎么能很快能洗干净猪肠?有什么方法 </t>
  </si>
  <si>
    <t>先用清水冲一下,在用食盐反复的搓揉,直到肠的黏液全去掉为止,在用清水反复冲洗干净,最好把肠上的油去掉一些再下锅。</t>
  </si>
  <si>
    <t xml:space="preserve">松本面板可以配什么品牌的超五类模块?? </t>
  </si>
  <si>
    <t>AMP的试试吧，还有普天的。</t>
  </si>
  <si>
    <t xml:space="preserve">请问这起交通事故是谁的责任居多?小车和摩托车发生事故，在无红绿灯 </t>
  </si>
  <si>
    <t>通过没有信号控制的十字路口，应该减速慢性，让右边的车先行，按你说的，摩托车好像在汽车的左边，所以严格来说可能摩托车全责。当然还要看汽车是否证照齐全，是否饮酒等。具体由交警调查后认定。</t>
  </si>
  <si>
    <t>我的小baby</t>
  </si>
  <si>
    <t>勤洗澡，养成好的卫生习惯</t>
  </si>
  <si>
    <t xml:space="preserve">人站在地球上为什么没有头朝下的感觉 </t>
  </si>
  <si>
    <t>地球上重力作用一直是指向球心的，因此只要头远离球心，人们就回感到头朝上。</t>
  </si>
  <si>
    <t>druenrCkvHXSZwEiyLte</t>
  </si>
  <si>
    <t>DLQVqCDKqwpqASlPZZwEobcRKdhwveoaRrGKXnJIsAobKNzbaw</t>
  </si>
  <si>
    <t>LiEpeuAGIpXvZJmaBURN</t>
  </si>
  <si>
    <t>TLnjhJUEWHMpmvuCSbKeUSIkuaqRBnilqbQNGGGGCDwrogwGoh</t>
  </si>
  <si>
    <t>xRNCGbeVQCScIgGNwPWB</t>
  </si>
  <si>
    <t>TIyaLEPajiCwhpqqEurOlfzFtSUutpDelKuxFYNJtufDgqMQUS</t>
  </si>
  <si>
    <t>AlphaGo只会下围棋吗？阿法狗能写小说吗？</t>
  </si>
  <si>
    <t>AlphaGo只会下围棋，因为它的设计目的，架构，技术方案以及训练数据，都是围绕下围棋这个核心进行的。它在围棋领域的突破，证明了深度学习深度强化学习MCTS技术在围棋领域的有效性，并且取得了重大的PR效果。AlphaGo不会写小说，它是专用的，不会做跨出它领域的其它事情，比如语音识别，人脸识别，自动驾驶，写小说或者理解小说。</t>
  </si>
  <si>
    <t>冬天进补好一些呢，还是夏天进补好啊？</t>
  </si>
  <si>
    <t>你好！当然是冬天进补好的了，夏天人体的胃处于收缩状态，不适宜大量的进补，所以我们有时候说夏天就要吃些清淡的，就是这个道理的。</t>
  </si>
  <si>
    <t>为什么大多数楼盘的名字俗到不行？</t>
  </si>
  <si>
    <t>房子是卖给大众的，不是专卖给诗人文青的，我见过几个取的很雅的楼盘名字提案，都被毙掉了，因为你要解释这个名字就得一堆文字，不能给大众直观的感觉。另，现在觉得俗是因为见的多了。。。</t>
  </si>
  <si>
    <t>请08年28号新诛仙有电信新区吗?我想问下08年28号的新诛仙六道</t>
  </si>
  <si>
    <t>请我想开办一个网上的网站，请问需要办理哪些手续？</t>
  </si>
  <si>
    <t>你的购物网站肯定要挂靠在公司下面，先注册一个公司去吧</t>
  </si>
  <si>
    <t>请问这起交通事故是谁的责任居多?小车和摩托车发生事故，在无红绿灯的路口</t>
  </si>
  <si>
    <t>张献忠血洗四川是否属实？</t>
  </si>
  <si>
    <t>四川人历史上有三次大灭绝，现在的川人基本都是湖广填四川填过来的，所以我认为这个基本属实。</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 x14ac:knownFonts="1">
    <font>
      <sz val="11"/>
      <color theme="1"/>
      <name val="宋体"/>
      <charset val="134"/>
      <scheme val="minor"/>
    </font>
    <font>
      <b/>
      <sz val="11"/>
      <name val="宋体"/>
      <charset val="134"/>
      <scheme val="minor"/>
    </font>
    <font>
      <sz val="9"/>
      <name val="宋体"/>
      <family val="3"/>
      <charset val="134"/>
      <scheme val="minor"/>
    </font>
  </fonts>
  <fills count="2">
    <fill>
      <patternFill patternType="none"/>
    </fill>
    <fill>
      <patternFill patternType="gray125"/>
    </fill>
  </fills>
  <borders count="1">
    <border>
      <left/>
      <right/>
      <top/>
      <bottom/>
      <diagonal/>
    </border>
  </borders>
  <cellStyleXfs count="1">
    <xf numFmtId="0" fontId="0" fillId="0" borderId="0"/>
  </cellStyleXfs>
  <cellXfs count="2">
    <xf numFmtId="0" fontId="0" fillId="0" borderId="0" xfId="0"/>
    <xf numFmtId="0" fontId="1" fillId="0" borderId="0" xfId="0" applyFont="1"/>
  </cellXfs>
  <cellStyles count="1">
    <cellStyle name="常规"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154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吧"/>
    </sheetNames>
    <definedNames>
      <definedName name="我的账号啊。天天注册" refersTo="#REF!"/>
    </definedNames>
    <sheetDataSet>
      <sheetData sheetId="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C24997"/>
  <sheetViews>
    <sheetView tabSelected="1" workbookViewId="0">
      <pane ySplit="1" topLeftCell="A2" activePane="bottomLeft" state="frozen"/>
      <selection pane="bottomLeft" activeCell="A2" sqref="A2"/>
    </sheetView>
  </sheetViews>
  <sheetFormatPr defaultColWidth="9" defaultRowHeight="13.5" x14ac:dyDescent="0.15"/>
  <cols>
    <col min="1" max="1" width="8.5" customWidth="1"/>
    <col min="2" max="2" width="35" customWidth="1"/>
    <col min="3" max="3" width="23.875" customWidth="1"/>
  </cols>
  <sheetData>
    <row r="1" spans="1:3" x14ac:dyDescent="0.15">
      <c r="A1" s="1" t="s">
        <v>0</v>
      </c>
      <c r="B1" s="1" t="s">
        <v>1</v>
      </c>
      <c r="C1" s="1" t="s">
        <v>2</v>
      </c>
    </row>
    <row r="2" spans="1:3" x14ac:dyDescent="0.15">
      <c r="A2">
        <v>25020</v>
      </c>
      <c r="B2" t="s">
        <v>3</v>
      </c>
      <c r="C2" t="s">
        <v>4</v>
      </c>
    </row>
    <row r="3" spans="1:3" x14ac:dyDescent="0.15">
      <c r="A3">
        <v>25019</v>
      </c>
      <c r="B3" t="s">
        <v>5</v>
      </c>
      <c r="C3" t="s">
        <v>6</v>
      </c>
    </row>
    <row r="4" spans="1:3" x14ac:dyDescent="0.15">
      <c r="A4">
        <v>25018</v>
      </c>
      <c r="B4" t="s">
        <v>7</v>
      </c>
      <c r="C4" t="s">
        <v>8</v>
      </c>
    </row>
    <row r="5" spans="1:3" x14ac:dyDescent="0.15">
      <c r="A5">
        <v>25017</v>
      </c>
      <c r="B5" t="s">
        <v>9</v>
      </c>
      <c r="C5" t="s">
        <v>10</v>
      </c>
    </row>
    <row r="6" spans="1:3" x14ac:dyDescent="0.15">
      <c r="A6">
        <v>25016</v>
      </c>
      <c r="B6" t="s">
        <v>11</v>
      </c>
      <c r="C6" t="s">
        <v>12</v>
      </c>
    </row>
    <row r="7" spans="1:3" x14ac:dyDescent="0.15">
      <c r="A7">
        <v>25015</v>
      </c>
      <c r="B7" t="s">
        <v>13</v>
      </c>
      <c r="C7" t="s">
        <v>14</v>
      </c>
    </row>
    <row r="8" spans="1:3" x14ac:dyDescent="0.15">
      <c r="A8">
        <v>25014</v>
      </c>
      <c r="B8" t="s">
        <v>15</v>
      </c>
      <c r="C8" t="s">
        <v>16</v>
      </c>
    </row>
    <row r="9" spans="1:3" x14ac:dyDescent="0.15">
      <c r="A9">
        <v>25013</v>
      </c>
      <c r="B9" t="s">
        <v>17</v>
      </c>
      <c r="C9" t="s">
        <v>18</v>
      </c>
    </row>
    <row r="10" spans="1:3" x14ac:dyDescent="0.15">
      <c r="A10">
        <v>25012</v>
      </c>
      <c r="B10" t="s">
        <v>19</v>
      </c>
      <c r="C10" t="s">
        <v>20</v>
      </c>
    </row>
    <row r="11" spans="1:3" x14ac:dyDescent="0.15">
      <c r="A11">
        <v>25011</v>
      </c>
      <c r="B11" t="s">
        <v>21</v>
      </c>
      <c r="C11" t="s">
        <v>22</v>
      </c>
    </row>
    <row r="12" spans="1:3" x14ac:dyDescent="0.15">
      <c r="A12">
        <v>25010</v>
      </c>
      <c r="B12" t="s">
        <v>23</v>
      </c>
      <c r="C12" t="s">
        <v>22</v>
      </c>
    </row>
    <row r="13" spans="1:3" x14ac:dyDescent="0.15">
      <c r="A13">
        <v>25009</v>
      </c>
      <c r="B13" t="s">
        <v>24</v>
      </c>
      <c r="C13" t="s">
        <v>20</v>
      </c>
    </row>
    <row r="14" spans="1:3" x14ac:dyDescent="0.15">
      <c r="A14">
        <v>25008</v>
      </c>
      <c r="B14" t="s">
        <v>25</v>
      </c>
      <c r="C14" t="s">
        <v>18</v>
      </c>
    </row>
    <row r="15" spans="1:3" x14ac:dyDescent="0.15">
      <c r="A15">
        <v>25007</v>
      </c>
      <c r="B15" t="s">
        <v>26</v>
      </c>
      <c r="C15" t="s">
        <v>16</v>
      </c>
    </row>
    <row r="16" spans="1:3" x14ac:dyDescent="0.15">
      <c r="A16">
        <v>25006</v>
      </c>
      <c r="B16" t="s">
        <v>27</v>
      </c>
      <c r="C16" t="s">
        <v>14</v>
      </c>
    </row>
    <row r="17" spans="1:3" x14ac:dyDescent="0.15">
      <c r="A17">
        <v>25005</v>
      </c>
      <c r="B17" t="s">
        <v>28</v>
      </c>
      <c r="C17" t="s">
        <v>12</v>
      </c>
    </row>
    <row r="18" spans="1:3" x14ac:dyDescent="0.15">
      <c r="A18">
        <v>25004</v>
      </c>
      <c r="B18" t="s">
        <v>29</v>
      </c>
      <c r="C18" t="s">
        <v>30</v>
      </c>
    </row>
    <row r="19" spans="1:3" x14ac:dyDescent="0.15">
      <c r="A19">
        <v>25003</v>
      </c>
      <c r="B19" t="s">
        <v>31</v>
      </c>
      <c r="C19" t="s">
        <v>8</v>
      </c>
    </row>
    <row r="20" spans="1:3" x14ac:dyDescent="0.15">
      <c r="A20">
        <v>25002</v>
      </c>
      <c r="B20" t="s">
        <v>32</v>
      </c>
      <c r="C20" t="s">
        <v>6</v>
      </c>
    </row>
    <row r="21" spans="1:3" x14ac:dyDescent="0.15">
      <c r="A21">
        <v>25001</v>
      </c>
      <c r="B21" t="s">
        <v>33</v>
      </c>
      <c r="C21" t="s">
        <v>4</v>
      </c>
    </row>
    <row r="22" spans="1:3" x14ac:dyDescent="0.15">
      <c r="A22">
        <v>25000</v>
      </c>
      <c r="B22" t="s">
        <v>34</v>
      </c>
      <c r="C22" t="s">
        <v>35</v>
      </c>
    </row>
    <row r="23" spans="1:3" x14ac:dyDescent="0.15">
      <c r="A23">
        <v>24999</v>
      </c>
      <c r="B23" t="s">
        <v>36</v>
      </c>
      <c r="C23" t="s">
        <v>37</v>
      </c>
    </row>
    <row r="24" spans="1:3" x14ac:dyDescent="0.15">
      <c r="A24">
        <v>24998</v>
      </c>
      <c r="B24" t="s">
        <v>38</v>
      </c>
      <c r="C24" t="s">
        <v>39</v>
      </c>
    </row>
    <row r="25" spans="1:3" x14ac:dyDescent="0.15">
      <c r="A25">
        <v>24997</v>
      </c>
      <c r="B25" t="s">
        <v>40</v>
      </c>
      <c r="C25" t="s">
        <v>41</v>
      </c>
    </row>
    <row r="26" spans="1:3" x14ac:dyDescent="0.15">
      <c r="A26">
        <v>24996</v>
      </c>
      <c r="B26" t="s">
        <v>42</v>
      </c>
      <c r="C26" t="s">
        <v>43</v>
      </c>
    </row>
    <row r="27" spans="1:3" x14ac:dyDescent="0.15">
      <c r="A27">
        <v>24995</v>
      </c>
      <c r="B27" t="s">
        <v>44</v>
      </c>
      <c r="C27" t="s">
        <v>45</v>
      </c>
    </row>
    <row r="28" spans="1:3" x14ac:dyDescent="0.15">
      <c r="A28">
        <v>24994</v>
      </c>
      <c r="B28" t="s">
        <v>46</v>
      </c>
      <c r="C28" t="s">
        <v>47</v>
      </c>
    </row>
    <row r="29" spans="1:3" x14ac:dyDescent="0.15">
      <c r="A29">
        <v>24993</v>
      </c>
      <c r="B29" t="s">
        <v>48</v>
      </c>
      <c r="C29" t="s">
        <v>49</v>
      </c>
    </row>
    <row r="30" spans="1:3" x14ac:dyDescent="0.15">
      <c r="A30">
        <v>24992</v>
      </c>
      <c r="B30" t="s">
        <v>50</v>
      </c>
      <c r="C30" t="s">
        <v>51</v>
      </c>
    </row>
    <row r="31" spans="1:3" x14ac:dyDescent="0.15">
      <c r="A31">
        <v>24991</v>
      </c>
      <c r="B31" t="s">
        <v>52</v>
      </c>
      <c r="C31" t="s">
        <v>53</v>
      </c>
    </row>
    <row r="32" spans="1:3" x14ac:dyDescent="0.15">
      <c r="A32">
        <v>24990</v>
      </c>
      <c r="B32" t="s">
        <v>54</v>
      </c>
      <c r="C32" t="s">
        <v>55</v>
      </c>
    </row>
    <row r="33" spans="1:3" x14ac:dyDescent="0.15">
      <c r="A33">
        <v>24989</v>
      </c>
      <c r="B33" t="s">
        <v>56</v>
      </c>
      <c r="C33" t="s">
        <v>57</v>
      </c>
    </row>
    <row r="34" spans="1:3" x14ac:dyDescent="0.15">
      <c r="A34">
        <v>24988</v>
      </c>
      <c r="B34" t="s">
        <v>58</v>
      </c>
      <c r="C34" t="s">
        <v>59</v>
      </c>
    </row>
    <row r="35" spans="1:3" x14ac:dyDescent="0.15">
      <c r="A35">
        <v>24987</v>
      </c>
      <c r="B35" t="s">
        <v>60</v>
      </c>
      <c r="C35" t="s">
        <v>61</v>
      </c>
    </row>
    <row r="36" spans="1:3" x14ac:dyDescent="0.15">
      <c r="A36">
        <v>24986</v>
      </c>
      <c r="B36" t="s">
        <v>62</v>
      </c>
      <c r="C36" t="s">
        <v>63</v>
      </c>
    </row>
    <row r="37" spans="1:3" x14ac:dyDescent="0.15">
      <c r="A37">
        <v>24985</v>
      </c>
      <c r="B37" t="s">
        <v>64</v>
      </c>
      <c r="C37" t="s">
        <v>65</v>
      </c>
    </row>
    <row r="38" spans="1:3" x14ac:dyDescent="0.15">
      <c r="A38">
        <v>24984</v>
      </c>
      <c r="B38" t="s">
        <v>66</v>
      </c>
      <c r="C38" t="s">
        <v>67</v>
      </c>
    </row>
    <row r="39" spans="1:3" x14ac:dyDescent="0.15">
      <c r="A39">
        <v>24983</v>
      </c>
      <c r="B39" t="s">
        <v>68</v>
      </c>
      <c r="C39" t="s">
        <v>69</v>
      </c>
    </row>
    <row r="40" spans="1:3" x14ac:dyDescent="0.15">
      <c r="A40">
        <v>24982</v>
      </c>
      <c r="B40" t="s">
        <v>70</v>
      </c>
      <c r="C40" t="s">
        <v>71</v>
      </c>
    </row>
    <row r="41" spans="1:3" x14ac:dyDescent="0.15">
      <c r="A41">
        <v>24981</v>
      </c>
      <c r="B41" t="s">
        <v>72</v>
      </c>
      <c r="C41" t="s">
        <v>73</v>
      </c>
    </row>
    <row r="42" spans="1:3" x14ac:dyDescent="0.15">
      <c r="A42">
        <v>24980</v>
      </c>
      <c r="B42" t="s">
        <v>74</v>
      </c>
      <c r="C42" t="s">
        <v>75</v>
      </c>
    </row>
    <row r="43" spans="1:3" x14ac:dyDescent="0.15">
      <c r="A43">
        <v>24979</v>
      </c>
      <c r="B43" t="s">
        <v>76</v>
      </c>
      <c r="C43" t="s">
        <v>77</v>
      </c>
    </row>
    <row r="44" spans="1:3" x14ac:dyDescent="0.15">
      <c r="A44">
        <v>24978</v>
      </c>
      <c r="B44" t="s">
        <v>78</v>
      </c>
      <c r="C44" t="s">
        <v>79</v>
      </c>
    </row>
    <row r="45" spans="1:3" x14ac:dyDescent="0.15">
      <c r="A45">
        <v>24977</v>
      </c>
      <c r="B45" t="s">
        <v>80</v>
      </c>
      <c r="C45" t="s">
        <v>81</v>
      </c>
    </row>
    <row r="46" spans="1:3" x14ac:dyDescent="0.15">
      <c r="A46">
        <v>24976</v>
      </c>
      <c r="B46" t="s">
        <v>82</v>
      </c>
      <c r="C46" t="s">
        <v>83</v>
      </c>
    </row>
    <row r="47" spans="1:3" x14ac:dyDescent="0.15">
      <c r="A47">
        <v>24975</v>
      </c>
      <c r="B47" t="s">
        <v>84</v>
      </c>
      <c r="C47" t="s">
        <v>85</v>
      </c>
    </row>
    <row r="48" spans="1:3" x14ac:dyDescent="0.15">
      <c r="A48">
        <v>24974</v>
      </c>
      <c r="B48" t="s">
        <v>86</v>
      </c>
      <c r="C48" t="s">
        <v>87</v>
      </c>
    </row>
    <row r="49" spans="1:3" x14ac:dyDescent="0.15">
      <c r="A49">
        <v>24973</v>
      </c>
      <c r="B49" t="s">
        <v>88</v>
      </c>
      <c r="C49" t="s">
        <v>89</v>
      </c>
    </row>
    <row r="50" spans="1:3" x14ac:dyDescent="0.15">
      <c r="A50">
        <v>24972</v>
      </c>
      <c r="B50" t="s">
        <v>90</v>
      </c>
      <c r="C50" t="s">
        <v>91</v>
      </c>
    </row>
    <row r="51" spans="1:3" x14ac:dyDescent="0.15">
      <c r="A51">
        <v>24971</v>
      </c>
      <c r="B51" t="s">
        <v>92</v>
      </c>
      <c r="C51" t="s">
        <v>93</v>
      </c>
    </row>
    <row r="52" spans="1:3" x14ac:dyDescent="0.15">
      <c r="A52">
        <v>24970</v>
      </c>
      <c r="B52" t="s">
        <v>94</v>
      </c>
      <c r="C52" t="s">
        <v>95</v>
      </c>
    </row>
    <row r="53" spans="1:3" x14ac:dyDescent="0.15">
      <c r="A53">
        <v>24969</v>
      </c>
      <c r="B53" t="s">
        <v>96</v>
      </c>
      <c r="C53" t="s">
        <v>97</v>
      </c>
    </row>
    <row r="54" spans="1:3" x14ac:dyDescent="0.15">
      <c r="A54">
        <v>24968</v>
      </c>
      <c r="B54" t="s">
        <v>98</v>
      </c>
      <c r="C54" t="s">
        <v>99</v>
      </c>
    </row>
    <row r="55" spans="1:3" x14ac:dyDescent="0.15">
      <c r="A55">
        <v>24967</v>
      </c>
      <c r="B55" t="s">
        <v>100</v>
      </c>
      <c r="C55" t="s">
        <v>101</v>
      </c>
    </row>
    <row r="56" spans="1:3" x14ac:dyDescent="0.15">
      <c r="A56">
        <v>24966</v>
      </c>
      <c r="B56" t="s">
        <v>102</v>
      </c>
      <c r="C56" t="s">
        <v>103</v>
      </c>
    </row>
    <row r="57" spans="1:3" x14ac:dyDescent="0.15">
      <c r="A57">
        <v>24965</v>
      </c>
      <c r="B57" t="s">
        <v>104</v>
      </c>
      <c r="C57" t="s">
        <v>105</v>
      </c>
    </row>
    <row r="58" spans="1:3" x14ac:dyDescent="0.15">
      <c r="A58">
        <v>24964</v>
      </c>
      <c r="B58" t="s">
        <v>106</v>
      </c>
      <c r="C58" t="s">
        <v>107</v>
      </c>
    </row>
    <row r="59" spans="1:3" x14ac:dyDescent="0.15">
      <c r="A59">
        <v>24963</v>
      </c>
      <c r="B59" t="s">
        <v>108</v>
      </c>
      <c r="C59" t="s">
        <v>109</v>
      </c>
    </row>
    <row r="60" spans="1:3" x14ac:dyDescent="0.15">
      <c r="A60">
        <v>24962</v>
      </c>
      <c r="B60" t="s">
        <v>110</v>
      </c>
      <c r="C60" t="s">
        <v>111</v>
      </c>
    </row>
    <row r="61" spans="1:3" x14ac:dyDescent="0.15">
      <c r="A61">
        <v>24961</v>
      </c>
      <c r="B61" t="s">
        <v>112</v>
      </c>
      <c r="C61" t="s">
        <v>113</v>
      </c>
    </row>
    <row r="62" spans="1:3" x14ac:dyDescent="0.15">
      <c r="A62">
        <v>24960</v>
      </c>
      <c r="B62" t="s">
        <v>114</v>
      </c>
      <c r="C62" t="s">
        <v>115</v>
      </c>
    </row>
    <row r="63" spans="1:3" x14ac:dyDescent="0.15">
      <c r="A63">
        <v>24959</v>
      </c>
      <c r="B63" t="s">
        <v>116</v>
      </c>
      <c r="C63" t="s">
        <v>117</v>
      </c>
    </row>
    <row r="64" spans="1:3" x14ac:dyDescent="0.15">
      <c r="A64">
        <v>24958</v>
      </c>
      <c r="B64" t="s">
        <v>118</v>
      </c>
      <c r="C64" t="s">
        <v>119</v>
      </c>
    </row>
    <row r="65" spans="1:3" x14ac:dyDescent="0.15">
      <c r="A65">
        <v>24957</v>
      </c>
      <c r="B65" t="s">
        <v>120</v>
      </c>
      <c r="C65" t="s">
        <v>121</v>
      </c>
    </row>
    <row r="66" spans="1:3" x14ac:dyDescent="0.15">
      <c r="A66">
        <v>24956</v>
      </c>
      <c r="B66" t="s">
        <v>122</v>
      </c>
      <c r="C66" t="s">
        <v>123</v>
      </c>
    </row>
    <row r="67" spans="1:3" x14ac:dyDescent="0.15">
      <c r="A67">
        <v>24955</v>
      </c>
      <c r="B67" t="s">
        <v>124</v>
      </c>
      <c r="C67" t="s">
        <v>125</v>
      </c>
    </row>
    <row r="68" spans="1:3" x14ac:dyDescent="0.15">
      <c r="A68">
        <v>24954</v>
      </c>
      <c r="B68" t="s">
        <v>126</v>
      </c>
      <c r="C68" t="s">
        <v>127</v>
      </c>
    </row>
    <row r="69" spans="1:3" x14ac:dyDescent="0.15">
      <c r="A69">
        <v>24953</v>
      </c>
      <c r="B69" t="s">
        <v>128</v>
      </c>
      <c r="C69" t="s">
        <v>129</v>
      </c>
    </row>
    <row r="70" spans="1:3" x14ac:dyDescent="0.15">
      <c r="A70">
        <v>24952</v>
      </c>
      <c r="B70" t="s">
        <v>130</v>
      </c>
      <c r="C70" t="s">
        <v>131</v>
      </c>
    </row>
    <row r="71" spans="1:3" x14ac:dyDescent="0.15">
      <c r="A71">
        <v>24951</v>
      </c>
      <c r="B71" t="s">
        <v>132</v>
      </c>
      <c r="C71" t="s">
        <v>133</v>
      </c>
    </row>
    <row r="72" spans="1:3" x14ac:dyDescent="0.15">
      <c r="A72">
        <v>24950</v>
      </c>
      <c r="B72" t="s">
        <v>134</v>
      </c>
      <c r="C72" t="s">
        <v>135</v>
      </c>
    </row>
    <row r="73" spans="1:3" x14ac:dyDescent="0.15">
      <c r="A73">
        <v>24949</v>
      </c>
      <c r="B73" t="s">
        <v>136</v>
      </c>
      <c r="C73" t="s">
        <v>137</v>
      </c>
    </row>
    <row r="74" spans="1:3" x14ac:dyDescent="0.15">
      <c r="A74">
        <v>24948</v>
      </c>
      <c r="B74" t="s">
        <v>138</v>
      </c>
      <c r="C74" t="s">
        <v>139</v>
      </c>
    </row>
    <row r="75" spans="1:3" x14ac:dyDescent="0.15">
      <c r="A75">
        <v>24947</v>
      </c>
      <c r="B75" t="s">
        <v>140</v>
      </c>
      <c r="C75" t="s">
        <v>141</v>
      </c>
    </row>
    <row r="76" spans="1:3" x14ac:dyDescent="0.15">
      <c r="A76">
        <v>24946</v>
      </c>
      <c r="B76" t="s">
        <v>142</v>
      </c>
      <c r="C76" t="s">
        <v>143</v>
      </c>
    </row>
    <row r="77" spans="1:3" x14ac:dyDescent="0.15">
      <c r="A77">
        <v>24945</v>
      </c>
      <c r="B77" t="s">
        <v>144</v>
      </c>
      <c r="C77" t="s">
        <v>145</v>
      </c>
    </row>
    <row r="78" spans="1:3" x14ac:dyDescent="0.15">
      <c r="A78">
        <v>24944</v>
      </c>
      <c r="B78" t="s">
        <v>146</v>
      </c>
      <c r="C78" t="s">
        <v>147</v>
      </c>
    </row>
    <row r="79" spans="1:3" x14ac:dyDescent="0.15">
      <c r="A79">
        <v>24943</v>
      </c>
      <c r="B79" t="s">
        <v>148</v>
      </c>
      <c r="C79" t="s">
        <v>149</v>
      </c>
    </row>
    <row r="80" spans="1:3" x14ac:dyDescent="0.15">
      <c r="A80">
        <v>24942</v>
      </c>
      <c r="B80" t="s">
        <v>150</v>
      </c>
      <c r="C80" t="s">
        <v>151</v>
      </c>
    </row>
    <row r="81" spans="1:3" x14ac:dyDescent="0.15">
      <c r="A81">
        <v>24941</v>
      </c>
      <c r="B81" t="s">
        <v>152</v>
      </c>
      <c r="C81" t="s">
        <v>153</v>
      </c>
    </row>
    <row r="82" spans="1:3" x14ac:dyDescent="0.15">
      <c r="A82">
        <v>24940</v>
      </c>
      <c r="B82" t="s">
        <v>154</v>
      </c>
      <c r="C82" t="s">
        <v>155</v>
      </c>
    </row>
    <row r="83" spans="1:3" x14ac:dyDescent="0.15">
      <c r="A83">
        <v>24939</v>
      </c>
      <c r="B83" t="s">
        <v>156</v>
      </c>
      <c r="C83" t="s">
        <v>157</v>
      </c>
    </row>
    <row r="84" spans="1:3" x14ac:dyDescent="0.15">
      <c r="A84">
        <v>24938</v>
      </c>
      <c r="B84" t="s">
        <v>158</v>
      </c>
      <c r="C84" t="s">
        <v>159</v>
      </c>
    </row>
    <row r="85" spans="1:3" x14ac:dyDescent="0.15">
      <c r="A85">
        <v>24937</v>
      </c>
      <c r="B85" t="s">
        <v>160</v>
      </c>
      <c r="C85" t="s">
        <v>161</v>
      </c>
    </row>
    <row r="86" spans="1:3" x14ac:dyDescent="0.15">
      <c r="A86">
        <v>24936</v>
      </c>
      <c r="B86" t="s">
        <v>162</v>
      </c>
      <c r="C86" t="s">
        <v>163</v>
      </c>
    </row>
    <row r="87" spans="1:3" x14ac:dyDescent="0.15">
      <c r="A87">
        <v>24935</v>
      </c>
      <c r="B87" t="s">
        <v>164</v>
      </c>
      <c r="C87" t="s">
        <v>165</v>
      </c>
    </row>
    <row r="88" spans="1:3" x14ac:dyDescent="0.15">
      <c r="A88">
        <v>24934</v>
      </c>
      <c r="B88" t="s">
        <v>166</v>
      </c>
      <c r="C88" t="s">
        <v>167</v>
      </c>
    </row>
    <row r="89" spans="1:3" x14ac:dyDescent="0.15">
      <c r="A89">
        <v>24933</v>
      </c>
      <c r="B89" t="s">
        <v>168</v>
      </c>
      <c r="C89" t="s">
        <v>169</v>
      </c>
    </row>
    <row r="90" spans="1:3" x14ac:dyDescent="0.15">
      <c r="A90">
        <v>24932</v>
      </c>
      <c r="B90" t="s">
        <v>170</v>
      </c>
      <c r="C90" t="s">
        <v>171</v>
      </c>
    </row>
    <row r="91" spans="1:3" x14ac:dyDescent="0.15">
      <c r="A91">
        <v>24931</v>
      </c>
      <c r="B91" t="s">
        <v>172</v>
      </c>
      <c r="C91" t="s">
        <v>173</v>
      </c>
    </row>
    <row r="92" spans="1:3" x14ac:dyDescent="0.15">
      <c r="A92">
        <v>24930</v>
      </c>
      <c r="B92" t="s">
        <v>174</v>
      </c>
      <c r="C92" t="s">
        <v>175</v>
      </c>
    </row>
    <row r="93" spans="1:3" x14ac:dyDescent="0.15">
      <c r="A93">
        <v>24929</v>
      </c>
      <c r="B93" t="s">
        <v>176</v>
      </c>
      <c r="C93" t="s">
        <v>177</v>
      </c>
    </row>
    <row r="94" spans="1:3" x14ac:dyDescent="0.15">
      <c r="A94">
        <v>24928</v>
      </c>
      <c r="B94" t="s">
        <v>178</v>
      </c>
      <c r="C94" t="s">
        <v>179</v>
      </c>
    </row>
    <row r="95" spans="1:3" x14ac:dyDescent="0.15">
      <c r="A95">
        <v>24927</v>
      </c>
      <c r="B95" t="s">
        <v>180</v>
      </c>
      <c r="C95" t="s">
        <v>181</v>
      </c>
    </row>
    <row r="96" spans="1:3" x14ac:dyDescent="0.15">
      <c r="A96">
        <v>24926</v>
      </c>
      <c r="B96" t="s">
        <v>182</v>
      </c>
      <c r="C96" t="s">
        <v>183</v>
      </c>
    </row>
    <row r="97" spans="1:3" x14ac:dyDescent="0.15">
      <c r="A97">
        <v>24925</v>
      </c>
      <c r="B97" t="s">
        <v>184</v>
      </c>
      <c r="C97" t="s">
        <v>185</v>
      </c>
    </row>
    <row r="98" spans="1:3" x14ac:dyDescent="0.15">
      <c r="A98">
        <v>24924</v>
      </c>
      <c r="B98" t="s">
        <v>186</v>
      </c>
      <c r="C98" t="s">
        <v>187</v>
      </c>
    </row>
    <row r="99" spans="1:3" x14ac:dyDescent="0.15">
      <c r="A99">
        <v>24923</v>
      </c>
      <c r="B99" t="s">
        <v>188</v>
      </c>
      <c r="C99" t="s">
        <v>189</v>
      </c>
    </row>
    <row r="100" spans="1:3" x14ac:dyDescent="0.15">
      <c r="A100">
        <v>24922</v>
      </c>
      <c r="B100" t="s">
        <v>190</v>
      </c>
      <c r="C100" t="s">
        <v>191</v>
      </c>
    </row>
    <row r="101" spans="1:3" x14ac:dyDescent="0.15">
      <c r="A101">
        <v>24921</v>
      </c>
      <c r="B101" t="s">
        <v>192</v>
      </c>
      <c r="C101" t="s">
        <v>193</v>
      </c>
    </row>
    <row r="102" spans="1:3" x14ac:dyDescent="0.15">
      <c r="A102">
        <v>24920</v>
      </c>
      <c r="B102" t="s">
        <v>194</v>
      </c>
      <c r="C102" t="s">
        <v>195</v>
      </c>
    </row>
    <row r="103" spans="1:3" x14ac:dyDescent="0.15">
      <c r="A103">
        <v>24919</v>
      </c>
      <c r="B103" t="s">
        <v>196</v>
      </c>
      <c r="C103" t="s">
        <v>197</v>
      </c>
    </row>
    <row r="104" spans="1:3" x14ac:dyDescent="0.15">
      <c r="A104">
        <v>24918</v>
      </c>
      <c r="B104" t="s">
        <v>198</v>
      </c>
      <c r="C104" t="s">
        <v>199</v>
      </c>
    </row>
    <row r="105" spans="1:3" x14ac:dyDescent="0.15">
      <c r="A105">
        <v>24916</v>
      </c>
      <c r="B105" t="s">
        <v>200</v>
      </c>
      <c r="C105" t="s">
        <v>201</v>
      </c>
    </row>
    <row r="106" spans="1:3" x14ac:dyDescent="0.15">
      <c r="A106">
        <v>24915</v>
      </c>
      <c r="B106" t="s">
        <v>202</v>
      </c>
      <c r="C106" t="s">
        <v>203</v>
      </c>
    </row>
    <row r="107" spans="1:3" x14ac:dyDescent="0.15">
      <c r="A107">
        <v>24914</v>
      </c>
      <c r="B107" t="s">
        <v>204</v>
      </c>
      <c r="C107" t="s">
        <v>205</v>
      </c>
    </row>
    <row r="108" spans="1:3" x14ac:dyDescent="0.15">
      <c r="A108">
        <v>24913</v>
      </c>
      <c r="B108" t="s">
        <v>206</v>
      </c>
      <c r="C108" t="s">
        <v>207</v>
      </c>
    </row>
    <row r="109" spans="1:3" x14ac:dyDescent="0.15">
      <c r="A109">
        <v>24912</v>
      </c>
      <c r="B109" t="s">
        <v>208</v>
      </c>
      <c r="C109" t="s">
        <v>209</v>
      </c>
    </row>
    <row r="110" spans="1:3" x14ac:dyDescent="0.15">
      <c r="A110">
        <v>24911</v>
      </c>
      <c r="B110" t="s">
        <v>210</v>
      </c>
      <c r="C110" t="s">
        <v>211</v>
      </c>
    </row>
    <row r="111" spans="1:3" x14ac:dyDescent="0.15">
      <c r="A111">
        <v>24910</v>
      </c>
      <c r="B111" t="s">
        <v>212</v>
      </c>
      <c r="C111" t="s">
        <v>213</v>
      </c>
    </row>
    <row r="112" spans="1:3" x14ac:dyDescent="0.15">
      <c r="A112">
        <v>24909</v>
      </c>
      <c r="B112" t="s">
        <v>214</v>
      </c>
      <c r="C112" t="s">
        <v>215</v>
      </c>
    </row>
    <row r="113" spans="1:3" x14ac:dyDescent="0.15">
      <c r="A113">
        <v>24908</v>
      </c>
      <c r="B113" t="s">
        <v>216</v>
      </c>
      <c r="C113" t="s">
        <v>217</v>
      </c>
    </row>
    <row r="114" spans="1:3" x14ac:dyDescent="0.15">
      <c r="A114">
        <v>24907</v>
      </c>
      <c r="B114" t="s">
        <v>218</v>
      </c>
      <c r="C114" t="s">
        <v>219</v>
      </c>
    </row>
    <row r="115" spans="1:3" x14ac:dyDescent="0.15">
      <c r="A115">
        <v>24906</v>
      </c>
      <c r="B115" t="s">
        <v>220</v>
      </c>
      <c r="C115" t="s">
        <v>221</v>
      </c>
    </row>
    <row r="116" spans="1:3" x14ac:dyDescent="0.15">
      <c r="A116">
        <v>24905</v>
      </c>
      <c r="B116" t="s">
        <v>222</v>
      </c>
      <c r="C116" t="s">
        <v>223</v>
      </c>
    </row>
    <row r="117" spans="1:3" x14ac:dyDescent="0.15">
      <c r="A117">
        <v>24904</v>
      </c>
      <c r="B117" t="s">
        <v>224</v>
      </c>
      <c r="C117" t="s">
        <v>225</v>
      </c>
    </row>
    <row r="118" spans="1:3" x14ac:dyDescent="0.15">
      <c r="A118">
        <v>24903</v>
      </c>
      <c r="B118" t="s">
        <v>226</v>
      </c>
      <c r="C118" t="s">
        <v>227</v>
      </c>
    </row>
    <row r="119" spans="1:3" x14ac:dyDescent="0.15">
      <c r="A119">
        <v>24902</v>
      </c>
      <c r="B119" t="s">
        <v>228</v>
      </c>
      <c r="C119" t="s">
        <v>229</v>
      </c>
    </row>
    <row r="120" spans="1:3" x14ac:dyDescent="0.15">
      <c r="A120">
        <v>24901</v>
      </c>
      <c r="B120" t="s">
        <v>230</v>
      </c>
      <c r="C120" t="s">
        <v>231</v>
      </c>
    </row>
    <row r="121" spans="1:3" x14ac:dyDescent="0.15">
      <c r="A121">
        <v>24900</v>
      </c>
      <c r="B121" t="s">
        <v>232</v>
      </c>
      <c r="C121" t="s">
        <v>233</v>
      </c>
    </row>
    <row r="122" spans="1:3" x14ac:dyDescent="0.15">
      <c r="A122">
        <v>24899</v>
      </c>
      <c r="B122" t="s">
        <v>234</v>
      </c>
      <c r="C122" t="s">
        <v>235</v>
      </c>
    </row>
    <row r="123" spans="1:3" x14ac:dyDescent="0.15">
      <c r="A123">
        <v>24898</v>
      </c>
      <c r="B123" t="s">
        <v>236</v>
      </c>
      <c r="C123" t="s">
        <v>237</v>
      </c>
    </row>
    <row r="124" spans="1:3" x14ac:dyDescent="0.15">
      <c r="A124">
        <v>24897</v>
      </c>
      <c r="B124" t="s">
        <v>238</v>
      </c>
      <c r="C124" t="s">
        <v>239</v>
      </c>
    </row>
    <row r="125" spans="1:3" x14ac:dyDescent="0.15">
      <c r="A125">
        <v>24896</v>
      </c>
      <c r="B125" t="s">
        <v>240</v>
      </c>
      <c r="C125" t="s">
        <v>241</v>
      </c>
    </row>
    <row r="126" spans="1:3" x14ac:dyDescent="0.15">
      <c r="A126">
        <v>24895</v>
      </c>
      <c r="B126" t="s">
        <v>242</v>
      </c>
      <c r="C126" t="s">
        <v>243</v>
      </c>
    </row>
    <row r="127" spans="1:3" x14ac:dyDescent="0.15">
      <c r="A127">
        <v>24894</v>
      </c>
      <c r="B127" t="s">
        <v>244</v>
      </c>
      <c r="C127" t="s">
        <v>245</v>
      </c>
    </row>
    <row r="128" spans="1:3" x14ac:dyDescent="0.15">
      <c r="A128">
        <v>24893</v>
      </c>
      <c r="B128" t="s">
        <v>246</v>
      </c>
      <c r="C128" t="s">
        <v>247</v>
      </c>
    </row>
    <row r="129" spans="1:3" x14ac:dyDescent="0.15">
      <c r="A129">
        <v>24892</v>
      </c>
      <c r="B129" t="s">
        <v>248</v>
      </c>
      <c r="C129" t="s">
        <v>249</v>
      </c>
    </row>
    <row r="130" spans="1:3" x14ac:dyDescent="0.15">
      <c r="A130">
        <v>24891</v>
      </c>
      <c r="B130" t="s">
        <v>250</v>
      </c>
      <c r="C130" t="s">
        <v>251</v>
      </c>
    </row>
    <row r="131" spans="1:3" x14ac:dyDescent="0.15">
      <c r="A131">
        <v>24890</v>
      </c>
      <c r="B131" t="s">
        <v>252</v>
      </c>
      <c r="C131" t="s">
        <v>253</v>
      </c>
    </row>
    <row r="132" spans="1:3" x14ac:dyDescent="0.15">
      <c r="A132">
        <v>24889</v>
      </c>
      <c r="B132" t="s">
        <v>254</v>
      </c>
      <c r="C132" t="s">
        <v>255</v>
      </c>
    </row>
    <row r="133" spans="1:3" x14ac:dyDescent="0.15">
      <c r="A133">
        <v>24888</v>
      </c>
      <c r="B133" t="s">
        <v>256</v>
      </c>
      <c r="C133" t="s">
        <v>257</v>
      </c>
    </row>
    <row r="134" spans="1:3" x14ac:dyDescent="0.15">
      <c r="A134">
        <v>24887</v>
      </c>
      <c r="B134" t="s">
        <v>258</v>
      </c>
      <c r="C134" t="s">
        <v>259</v>
      </c>
    </row>
    <row r="135" spans="1:3" x14ac:dyDescent="0.15">
      <c r="A135">
        <v>24886</v>
      </c>
      <c r="B135" t="s">
        <v>260</v>
      </c>
      <c r="C135" t="s">
        <v>261</v>
      </c>
    </row>
    <row r="136" spans="1:3" x14ac:dyDescent="0.15">
      <c r="A136">
        <v>24885</v>
      </c>
      <c r="B136" t="s">
        <v>262</v>
      </c>
      <c r="C136" t="s">
        <v>263</v>
      </c>
    </row>
    <row r="137" spans="1:3" x14ac:dyDescent="0.15">
      <c r="A137">
        <v>24884</v>
      </c>
      <c r="B137" t="s">
        <v>264</v>
      </c>
      <c r="C137" t="s">
        <v>265</v>
      </c>
    </row>
    <row r="138" spans="1:3" x14ac:dyDescent="0.15">
      <c r="A138">
        <v>24883</v>
      </c>
      <c r="B138" t="s">
        <v>266</v>
      </c>
      <c r="C138" t="s">
        <v>267</v>
      </c>
    </row>
    <row r="139" spans="1:3" x14ac:dyDescent="0.15">
      <c r="A139">
        <v>24882</v>
      </c>
      <c r="B139" t="s">
        <v>268</v>
      </c>
      <c r="C139" t="s">
        <v>269</v>
      </c>
    </row>
    <row r="140" spans="1:3" x14ac:dyDescent="0.15">
      <c r="A140">
        <v>24881</v>
      </c>
      <c r="B140" t="s">
        <v>270</v>
      </c>
      <c r="C140" t="s">
        <v>271</v>
      </c>
    </row>
    <row r="141" spans="1:3" x14ac:dyDescent="0.15">
      <c r="A141">
        <v>24880</v>
      </c>
      <c r="B141" t="s">
        <v>272</v>
      </c>
      <c r="C141" t="s">
        <v>273</v>
      </c>
    </row>
    <row r="142" spans="1:3" x14ac:dyDescent="0.15">
      <c r="A142">
        <v>24879</v>
      </c>
      <c r="B142" t="s">
        <v>274</v>
      </c>
      <c r="C142" t="s">
        <v>275</v>
      </c>
    </row>
    <row r="143" spans="1:3" x14ac:dyDescent="0.15">
      <c r="A143">
        <v>24878</v>
      </c>
      <c r="B143" t="s">
        <v>276</v>
      </c>
      <c r="C143" t="s">
        <v>277</v>
      </c>
    </row>
    <row r="144" spans="1:3" x14ac:dyDescent="0.15">
      <c r="A144">
        <v>24877</v>
      </c>
      <c r="B144" t="s">
        <v>278</v>
      </c>
      <c r="C144" t="s">
        <v>279</v>
      </c>
    </row>
    <row r="145" spans="1:3" x14ac:dyDescent="0.15">
      <c r="A145">
        <v>24876</v>
      </c>
      <c r="B145" t="s">
        <v>280</v>
      </c>
      <c r="C145" t="s">
        <v>281</v>
      </c>
    </row>
    <row r="146" spans="1:3" x14ac:dyDescent="0.15">
      <c r="A146">
        <v>24875</v>
      </c>
      <c r="B146" t="s">
        <v>282</v>
      </c>
      <c r="C146" t="s">
        <v>283</v>
      </c>
    </row>
    <row r="147" spans="1:3" x14ac:dyDescent="0.15">
      <c r="A147">
        <v>24874</v>
      </c>
      <c r="B147" t="s">
        <v>284</v>
      </c>
      <c r="C147" t="s">
        <v>285</v>
      </c>
    </row>
    <row r="148" spans="1:3" x14ac:dyDescent="0.15">
      <c r="A148">
        <v>24873</v>
      </c>
      <c r="B148" t="s">
        <v>286</v>
      </c>
      <c r="C148" t="s">
        <v>287</v>
      </c>
    </row>
    <row r="149" spans="1:3" x14ac:dyDescent="0.15">
      <c r="A149">
        <v>24872</v>
      </c>
      <c r="B149" t="s">
        <v>288</v>
      </c>
      <c r="C149" t="s">
        <v>289</v>
      </c>
    </row>
    <row r="150" spans="1:3" x14ac:dyDescent="0.15">
      <c r="A150">
        <v>24871</v>
      </c>
      <c r="B150" t="s">
        <v>290</v>
      </c>
      <c r="C150" t="s">
        <v>291</v>
      </c>
    </row>
    <row r="151" spans="1:3" x14ac:dyDescent="0.15">
      <c r="A151">
        <v>24870</v>
      </c>
      <c r="B151" t="s">
        <v>292</v>
      </c>
      <c r="C151" t="s">
        <v>293</v>
      </c>
    </row>
    <row r="152" spans="1:3" x14ac:dyDescent="0.15">
      <c r="A152">
        <v>24869</v>
      </c>
      <c r="B152" t="s">
        <v>294</v>
      </c>
      <c r="C152" t="s">
        <v>295</v>
      </c>
    </row>
    <row r="153" spans="1:3" x14ac:dyDescent="0.15">
      <c r="A153">
        <v>24868</v>
      </c>
      <c r="B153" t="s">
        <v>296</v>
      </c>
      <c r="C153" t="s">
        <v>297</v>
      </c>
    </row>
    <row r="154" spans="1:3" x14ac:dyDescent="0.15">
      <c r="A154">
        <v>24867</v>
      </c>
      <c r="B154" t="s">
        <v>298</v>
      </c>
      <c r="C154" t="s">
        <v>299</v>
      </c>
    </row>
    <row r="155" spans="1:3" x14ac:dyDescent="0.15">
      <c r="A155">
        <v>24866</v>
      </c>
      <c r="B155" t="s">
        <v>300</v>
      </c>
      <c r="C155" t="s">
        <v>301</v>
      </c>
    </row>
    <row r="156" spans="1:3" x14ac:dyDescent="0.15">
      <c r="A156">
        <v>24865</v>
      </c>
      <c r="B156" t="s">
        <v>302</v>
      </c>
      <c r="C156" t="s">
        <v>303</v>
      </c>
    </row>
    <row r="157" spans="1:3" x14ac:dyDescent="0.15">
      <c r="A157">
        <v>24864</v>
      </c>
      <c r="B157" t="s">
        <v>304</v>
      </c>
      <c r="C157" t="s">
        <v>305</v>
      </c>
    </row>
    <row r="158" spans="1:3" x14ac:dyDescent="0.15">
      <c r="A158">
        <v>24863</v>
      </c>
      <c r="B158" t="s">
        <v>306</v>
      </c>
      <c r="C158" t="s">
        <v>307</v>
      </c>
    </row>
    <row r="159" spans="1:3" x14ac:dyDescent="0.15">
      <c r="A159">
        <v>24862</v>
      </c>
      <c r="B159" t="s">
        <v>308</v>
      </c>
      <c r="C159" t="s">
        <v>309</v>
      </c>
    </row>
    <row r="160" spans="1:3" x14ac:dyDescent="0.15">
      <c r="A160">
        <v>24861</v>
      </c>
      <c r="B160" t="s">
        <v>310</v>
      </c>
      <c r="C160" t="s">
        <v>311</v>
      </c>
    </row>
    <row r="161" spans="1:3" x14ac:dyDescent="0.15">
      <c r="A161">
        <v>24860</v>
      </c>
      <c r="B161" t="s">
        <v>312</v>
      </c>
      <c r="C161" t="s">
        <v>313</v>
      </c>
    </row>
    <row r="162" spans="1:3" x14ac:dyDescent="0.15">
      <c r="A162">
        <v>24859</v>
      </c>
      <c r="B162" t="s">
        <v>314</v>
      </c>
      <c r="C162" t="s">
        <v>315</v>
      </c>
    </row>
    <row r="163" spans="1:3" x14ac:dyDescent="0.15">
      <c r="A163">
        <v>24858</v>
      </c>
      <c r="B163" t="s">
        <v>316</v>
      </c>
      <c r="C163" t="s">
        <v>317</v>
      </c>
    </row>
    <row r="164" spans="1:3" x14ac:dyDescent="0.15">
      <c r="A164">
        <v>24857</v>
      </c>
      <c r="B164" t="s">
        <v>318</v>
      </c>
      <c r="C164" t="s">
        <v>319</v>
      </c>
    </row>
    <row r="165" spans="1:3" x14ac:dyDescent="0.15">
      <c r="A165">
        <v>24856</v>
      </c>
      <c r="B165" t="s">
        <v>320</v>
      </c>
      <c r="C165" t="s">
        <v>321</v>
      </c>
    </row>
    <row r="166" spans="1:3" x14ac:dyDescent="0.15">
      <c r="A166">
        <v>24855</v>
      </c>
      <c r="B166" t="s">
        <v>322</v>
      </c>
      <c r="C166" t="s">
        <v>323</v>
      </c>
    </row>
    <row r="167" spans="1:3" x14ac:dyDescent="0.15">
      <c r="A167">
        <v>24854</v>
      </c>
      <c r="B167" t="s">
        <v>324</v>
      </c>
      <c r="C167" t="s">
        <v>325</v>
      </c>
    </row>
    <row r="168" spans="1:3" x14ac:dyDescent="0.15">
      <c r="A168">
        <v>24853</v>
      </c>
      <c r="B168" t="s">
        <v>326</v>
      </c>
      <c r="C168" t="s">
        <v>327</v>
      </c>
    </row>
    <row r="169" spans="1:3" x14ac:dyDescent="0.15">
      <c r="A169">
        <v>24852</v>
      </c>
      <c r="B169" t="s">
        <v>328</v>
      </c>
      <c r="C169" t="s">
        <v>329</v>
      </c>
    </row>
    <row r="170" spans="1:3" x14ac:dyDescent="0.15">
      <c r="A170">
        <v>24851</v>
      </c>
      <c r="B170" t="s">
        <v>330</v>
      </c>
      <c r="C170" t="s">
        <v>331</v>
      </c>
    </row>
    <row r="171" spans="1:3" x14ac:dyDescent="0.15">
      <c r="A171">
        <v>24850</v>
      </c>
      <c r="B171" t="s">
        <v>332</v>
      </c>
      <c r="C171" t="s">
        <v>333</v>
      </c>
    </row>
    <row r="172" spans="1:3" x14ac:dyDescent="0.15">
      <c r="A172">
        <v>24849</v>
      </c>
      <c r="B172" t="s">
        <v>334</v>
      </c>
      <c r="C172" t="s">
        <v>335</v>
      </c>
    </row>
    <row r="173" spans="1:3" x14ac:dyDescent="0.15">
      <c r="A173">
        <v>24848</v>
      </c>
      <c r="B173" t="s">
        <v>336</v>
      </c>
      <c r="C173" t="s">
        <v>337</v>
      </c>
    </row>
    <row r="174" spans="1:3" x14ac:dyDescent="0.15">
      <c r="A174">
        <v>24847</v>
      </c>
      <c r="B174" t="s">
        <v>338</v>
      </c>
      <c r="C174" t="s">
        <v>339</v>
      </c>
    </row>
    <row r="175" spans="1:3" x14ac:dyDescent="0.15">
      <c r="A175">
        <v>24846</v>
      </c>
      <c r="B175" t="s">
        <v>340</v>
      </c>
      <c r="C175" t="s">
        <v>341</v>
      </c>
    </row>
    <row r="176" spans="1:3" x14ac:dyDescent="0.15">
      <c r="A176">
        <v>24845</v>
      </c>
      <c r="B176" t="s">
        <v>342</v>
      </c>
      <c r="C176" t="s">
        <v>343</v>
      </c>
    </row>
    <row r="177" spans="1:3" x14ac:dyDescent="0.15">
      <c r="A177">
        <v>24844</v>
      </c>
      <c r="B177" t="s">
        <v>344</v>
      </c>
      <c r="C177" t="s">
        <v>345</v>
      </c>
    </row>
    <row r="178" spans="1:3" x14ac:dyDescent="0.15">
      <c r="A178">
        <v>24843</v>
      </c>
      <c r="B178" t="s">
        <v>346</v>
      </c>
      <c r="C178" t="s">
        <v>347</v>
      </c>
    </row>
    <row r="179" spans="1:3" x14ac:dyDescent="0.15">
      <c r="A179">
        <v>24842</v>
      </c>
      <c r="B179" t="s">
        <v>348</v>
      </c>
      <c r="C179" t="s">
        <v>349</v>
      </c>
    </row>
    <row r="180" spans="1:3" x14ac:dyDescent="0.15">
      <c r="A180">
        <v>24841</v>
      </c>
      <c r="B180" t="s">
        <v>350</v>
      </c>
      <c r="C180" t="s">
        <v>351</v>
      </c>
    </row>
    <row r="181" spans="1:3" x14ac:dyDescent="0.15">
      <c r="A181">
        <v>24840</v>
      </c>
      <c r="B181" t="s">
        <v>352</v>
      </c>
      <c r="C181" t="s">
        <v>353</v>
      </c>
    </row>
    <row r="182" spans="1:3" x14ac:dyDescent="0.15">
      <c r="A182">
        <v>24839</v>
      </c>
      <c r="B182" t="s">
        <v>354</v>
      </c>
      <c r="C182" t="s">
        <v>355</v>
      </c>
    </row>
    <row r="183" spans="1:3" x14ac:dyDescent="0.15">
      <c r="A183">
        <v>24838</v>
      </c>
      <c r="B183" t="s">
        <v>356</v>
      </c>
      <c r="C183" t="s">
        <v>357</v>
      </c>
    </row>
    <row r="184" spans="1:3" x14ac:dyDescent="0.15">
      <c r="A184">
        <v>24837</v>
      </c>
      <c r="B184" t="s">
        <v>358</v>
      </c>
      <c r="C184" t="s">
        <v>359</v>
      </c>
    </row>
    <row r="185" spans="1:3" x14ac:dyDescent="0.15">
      <c r="A185">
        <v>24836</v>
      </c>
      <c r="B185" t="s">
        <v>360</v>
      </c>
      <c r="C185" t="s">
        <v>361</v>
      </c>
    </row>
    <row r="186" spans="1:3" x14ac:dyDescent="0.15">
      <c r="A186">
        <v>24835</v>
      </c>
      <c r="B186" t="s">
        <v>362</v>
      </c>
      <c r="C186" t="s">
        <v>363</v>
      </c>
    </row>
    <row r="187" spans="1:3" x14ac:dyDescent="0.15">
      <c r="A187">
        <v>24834</v>
      </c>
      <c r="B187" t="s">
        <v>364</v>
      </c>
      <c r="C187" t="s">
        <v>365</v>
      </c>
    </row>
    <row r="188" spans="1:3" x14ac:dyDescent="0.15">
      <c r="A188">
        <v>24833</v>
      </c>
      <c r="B188" t="s">
        <v>366</v>
      </c>
      <c r="C188" t="s">
        <v>367</v>
      </c>
    </row>
    <row r="189" spans="1:3" x14ac:dyDescent="0.15">
      <c r="A189">
        <v>24832</v>
      </c>
      <c r="B189" t="s">
        <v>368</v>
      </c>
      <c r="C189" t="s">
        <v>369</v>
      </c>
    </row>
    <row r="190" spans="1:3" x14ac:dyDescent="0.15">
      <c r="A190">
        <v>24831</v>
      </c>
      <c r="B190" t="s">
        <v>370</v>
      </c>
      <c r="C190" t="s">
        <v>371</v>
      </c>
    </row>
    <row r="191" spans="1:3" x14ac:dyDescent="0.15">
      <c r="A191">
        <v>24830</v>
      </c>
      <c r="B191" t="s">
        <v>372</v>
      </c>
      <c r="C191" t="s">
        <v>373</v>
      </c>
    </row>
    <row r="192" spans="1:3" x14ac:dyDescent="0.15">
      <c r="A192">
        <v>24829</v>
      </c>
      <c r="B192" t="s">
        <v>374</v>
      </c>
      <c r="C192" t="s">
        <v>375</v>
      </c>
    </row>
    <row r="193" spans="1:3" x14ac:dyDescent="0.15">
      <c r="A193">
        <v>24828</v>
      </c>
      <c r="B193" t="s">
        <v>376</v>
      </c>
      <c r="C193" t="s">
        <v>377</v>
      </c>
    </row>
    <row r="194" spans="1:3" x14ac:dyDescent="0.15">
      <c r="A194">
        <v>24827</v>
      </c>
      <c r="B194" t="s">
        <v>378</v>
      </c>
      <c r="C194" t="s">
        <v>379</v>
      </c>
    </row>
    <row r="195" spans="1:3" x14ac:dyDescent="0.15">
      <c r="A195">
        <v>24826</v>
      </c>
      <c r="B195" t="s">
        <v>380</v>
      </c>
      <c r="C195" t="s">
        <v>381</v>
      </c>
    </row>
    <row r="196" spans="1:3" x14ac:dyDescent="0.15">
      <c r="A196">
        <v>24825</v>
      </c>
      <c r="B196" t="s">
        <v>382</v>
      </c>
      <c r="C196" t="s">
        <v>383</v>
      </c>
    </row>
    <row r="197" spans="1:3" x14ac:dyDescent="0.15">
      <c r="A197">
        <v>24824</v>
      </c>
      <c r="B197" t="s">
        <v>384</v>
      </c>
      <c r="C197" t="s">
        <v>385</v>
      </c>
    </row>
    <row r="198" spans="1:3" x14ac:dyDescent="0.15">
      <c r="A198">
        <v>24823</v>
      </c>
      <c r="B198" t="s">
        <v>386</v>
      </c>
      <c r="C198" t="s">
        <v>387</v>
      </c>
    </row>
    <row r="199" spans="1:3" x14ac:dyDescent="0.15">
      <c r="A199">
        <v>24822</v>
      </c>
      <c r="B199" t="s">
        <v>388</v>
      </c>
      <c r="C199" t="s">
        <v>389</v>
      </c>
    </row>
    <row r="200" spans="1:3" x14ac:dyDescent="0.15">
      <c r="A200">
        <v>24821</v>
      </c>
      <c r="B200" t="s">
        <v>390</v>
      </c>
      <c r="C200" t="s">
        <v>391</v>
      </c>
    </row>
    <row r="201" spans="1:3" x14ac:dyDescent="0.15">
      <c r="A201">
        <v>24820</v>
      </c>
      <c r="B201" t="s">
        <v>392</v>
      </c>
      <c r="C201" t="s">
        <v>393</v>
      </c>
    </row>
    <row r="202" spans="1:3" x14ac:dyDescent="0.15">
      <c r="A202">
        <v>24819</v>
      </c>
      <c r="B202" t="s">
        <v>394</v>
      </c>
      <c r="C202" t="s">
        <v>395</v>
      </c>
    </row>
    <row r="203" spans="1:3" x14ac:dyDescent="0.15">
      <c r="A203">
        <v>24818</v>
      </c>
      <c r="B203" t="s">
        <v>396</v>
      </c>
      <c r="C203" t="s">
        <v>397</v>
      </c>
    </row>
    <row r="204" spans="1:3" x14ac:dyDescent="0.15">
      <c r="A204">
        <v>24817</v>
      </c>
      <c r="B204" t="s">
        <v>398</v>
      </c>
      <c r="C204" t="s">
        <v>399</v>
      </c>
    </row>
    <row r="205" spans="1:3" x14ac:dyDescent="0.15">
      <c r="A205">
        <v>24816</v>
      </c>
      <c r="B205" t="s">
        <v>400</v>
      </c>
      <c r="C205" t="s">
        <v>401</v>
      </c>
    </row>
    <row r="206" spans="1:3" x14ac:dyDescent="0.15">
      <c r="A206">
        <v>24815</v>
      </c>
      <c r="B206" t="s">
        <v>402</v>
      </c>
      <c r="C206" t="s">
        <v>403</v>
      </c>
    </row>
    <row r="207" spans="1:3" x14ac:dyDescent="0.15">
      <c r="A207">
        <v>24814</v>
      </c>
      <c r="B207" t="s">
        <v>404</v>
      </c>
      <c r="C207" t="s">
        <v>405</v>
      </c>
    </row>
    <row r="208" spans="1:3" x14ac:dyDescent="0.15">
      <c r="A208">
        <v>24813</v>
      </c>
      <c r="B208" t="s">
        <v>406</v>
      </c>
      <c r="C208" t="s">
        <v>407</v>
      </c>
    </row>
    <row r="209" spans="1:3" x14ac:dyDescent="0.15">
      <c r="A209">
        <v>24812</v>
      </c>
      <c r="B209" t="s">
        <v>408</v>
      </c>
      <c r="C209" t="s">
        <v>409</v>
      </c>
    </row>
    <row r="210" spans="1:3" x14ac:dyDescent="0.15">
      <c r="A210">
        <v>24811</v>
      </c>
      <c r="B210" t="s">
        <v>410</v>
      </c>
      <c r="C210" t="s">
        <v>411</v>
      </c>
    </row>
    <row r="211" spans="1:3" x14ac:dyDescent="0.15">
      <c r="A211">
        <v>24810</v>
      </c>
      <c r="B211" t="s">
        <v>412</v>
      </c>
      <c r="C211" t="s">
        <v>413</v>
      </c>
    </row>
    <row r="212" spans="1:3" x14ac:dyDescent="0.15">
      <c r="A212">
        <v>24809</v>
      </c>
      <c r="B212" t="s">
        <v>414</v>
      </c>
      <c r="C212" t="s">
        <v>415</v>
      </c>
    </row>
    <row r="213" spans="1:3" x14ac:dyDescent="0.15">
      <c r="A213">
        <v>24808</v>
      </c>
      <c r="B213" t="s">
        <v>416</v>
      </c>
      <c r="C213" t="s">
        <v>417</v>
      </c>
    </row>
    <row r="214" spans="1:3" x14ac:dyDescent="0.15">
      <c r="A214">
        <v>24807</v>
      </c>
      <c r="B214" t="s">
        <v>418</v>
      </c>
      <c r="C214" t="s">
        <v>419</v>
      </c>
    </row>
    <row r="215" spans="1:3" x14ac:dyDescent="0.15">
      <c r="A215">
        <v>24806</v>
      </c>
      <c r="B215" t="s">
        <v>420</v>
      </c>
      <c r="C215" t="s">
        <v>421</v>
      </c>
    </row>
    <row r="216" spans="1:3" x14ac:dyDescent="0.15">
      <c r="A216">
        <v>24805</v>
      </c>
      <c r="B216" t="s">
        <v>422</v>
      </c>
      <c r="C216" t="s">
        <v>423</v>
      </c>
    </row>
    <row r="217" spans="1:3" x14ac:dyDescent="0.15">
      <c r="A217">
        <v>24804</v>
      </c>
      <c r="B217" t="s">
        <v>424</v>
      </c>
      <c r="C217" t="s">
        <v>425</v>
      </c>
    </row>
    <row r="218" spans="1:3" x14ac:dyDescent="0.15">
      <c r="A218">
        <v>24803</v>
      </c>
      <c r="B218" t="s">
        <v>426</v>
      </c>
      <c r="C218" t="s">
        <v>427</v>
      </c>
    </row>
    <row r="219" spans="1:3" x14ac:dyDescent="0.15">
      <c r="A219">
        <v>24802</v>
      </c>
      <c r="B219" t="s">
        <v>428</v>
      </c>
      <c r="C219" t="s">
        <v>429</v>
      </c>
    </row>
    <row r="220" spans="1:3" x14ac:dyDescent="0.15">
      <c r="A220">
        <v>24801</v>
      </c>
      <c r="B220" t="s">
        <v>430</v>
      </c>
      <c r="C220" t="s">
        <v>431</v>
      </c>
    </row>
    <row r="221" spans="1:3" x14ac:dyDescent="0.15">
      <c r="A221">
        <v>24800</v>
      </c>
      <c r="B221" t="s">
        <v>432</v>
      </c>
      <c r="C221" t="s">
        <v>433</v>
      </c>
    </row>
    <row r="222" spans="1:3" x14ac:dyDescent="0.15">
      <c r="A222">
        <v>24799</v>
      </c>
      <c r="B222" t="s">
        <v>434</v>
      </c>
      <c r="C222" t="s">
        <v>435</v>
      </c>
    </row>
    <row r="223" spans="1:3" x14ac:dyDescent="0.15">
      <c r="A223">
        <v>24798</v>
      </c>
      <c r="B223" t="s">
        <v>436</v>
      </c>
      <c r="C223" t="s">
        <v>437</v>
      </c>
    </row>
    <row r="224" spans="1:3" x14ac:dyDescent="0.15">
      <c r="A224">
        <v>24797</v>
      </c>
      <c r="B224" t="s">
        <v>438</v>
      </c>
      <c r="C224" t="s">
        <v>439</v>
      </c>
    </row>
    <row r="225" spans="1:3" x14ac:dyDescent="0.15">
      <c r="A225">
        <v>24796</v>
      </c>
      <c r="B225" t="s">
        <v>440</v>
      </c>
      <c r="C225" t="s">
        <v>441</v>
      </c>
    </row>
    <row r="226" spans="1:3" x14ac:dyDescent="0.15">
      <c r="A226">
        <v>24795</v>
      </c>
      <c r="B226" t="s">
        <v>442</v>
      </c>
      <c r="C226" t="s">
        <v>443</v>
      </c>
    </row>
    <row r="227" spans="1:3" x14ac:dyDescent="0.15">
      <c r="A227">
        <v>24794</v>
      </c>
      <c r="B227" t="s">
        <v>444</v>
      </c>
      <c r="C227" t="s">
        <v>445</v>
      </c>
    </row>
    <row r="228" spans="1:3" x14ac:dyDescent="0.15">
      <c r="A228">
        <v>24793</v>
      </c>
      <c r="B228" t="s">
        <v>446</v>
      </c>
      <c r="C228" t="s">
        <v>447</v>
      </c>
    </row>
    <row r="229" spans="1:3" x14ac:dyDescent="0.15">
      <c r="A229">
        <v>24792</v>
      </c>
      <c r="B229" t="s">
        <v>448</v>
      </c>
      <c r="C229" t="s">
        <v>449</v>
      </c>
    </row>
    <row r="230" spans="1:3" x14ac:dyDescent="0.15">
      <c r="A230">
        <v>24791</v>
      </c>
      <c r="B230" t="s">
        <v>450</v>
      </c>
      <c r="C230" t="s">
        <v>451</v>
      </c>
    </row>
    <row r="231" spans="1:3" x14ac:dyDescent="0.15">
      <c r="A231">
        <v>24790</v>
      </c>
      <c r="B231" t="s">
        <v>452</v>
      </c>
      <c r="C231" t="s">
        <v>453</v>
      </c>
    </row>
    <row r="232" spans="1:3" x14ac:dyDescent="0.15">
      <c r="A232">
        <v>24789</v>
      </c>
      <c r="B232" t="s">
        <v>454</v>
      </c>
      <c r="C232" t="s">
        <v>455</v>
      </c>
    </row>
    <row r="233" spans="1:3" x14ac:dyDescent="0.15">
      <c r="A233">
        <v>24788</v>
      </c>
      <c r="B233" t="s">
        <v>456</v>
      </c>
      <c r="C233" t="s">
        <v>457</v>
      </c>
    </row>
    <row r="234" spans="1:3" x14ac:dyDescent="0.15">
      <c r="A234">
        <v>24787</v>
      </c>
      <c r="B234" t="s">
        <v>458</v>
      </c>
      <c r="C234" t="s">
        <v>459</v>
      </c>
    </row>
    <row r="235" spans="1:3" x14ac:dyDescent="0.15">
      <c r="A235">
        <v>24786</v>
      </c>
      <c r="B235" t="s">
        <v>460</v>
      </c>
      <c r="C235" t="s">
        <v>461</v>
      </c>
    </row>
    <row r="236" spans="1:3" x14ac:dyDescent="0.15">
      <c r="A236">
        <v>24785</v>
      </c>
      <c r="B236" t="s">
        <v>462</v>
      </c>
      <c r="C236" t="s">
        <v>463</v>
      </c>
    </row>
    <row r="237" spans="1:3" x14ac:dyDescent="0.15">
      <c r="A237">
        <v>24784</v>
      </c>
      <c r="B237" t="s">
        <v>464</v>
      </c>
      <c r="C237" t="s">
        <v>465</v>
      </c>
    </row>
    <row r="238" spans="1:3" x14ac:dyDescent="0.15">
      <c r="A238">
        <v>24783</v>
      </c>
      <c r="B238" t="s">
        <v>466</v>
      </c>
      <c r="C238" t="s">
        <v>467</v>
      </c>
    </row>
    <row r="239" spans="1:3" x14ac:dyDescent="0.15">
      <c r="A239">
        <v>24782</v>
      </c>
      <c r="B239" t="s">
        <v>468</v>
      </c>
      <c r="C239" t="s">
        <v>469</v>
      </c>
    </row>
    <row r="240" spans="1:3" x14ac:dyDescent="0.15">
      <c r="A240">
        <v>24781</v>
      </c>
      <c r="B240" t="s">
        <v>470</v>
      </c>
      <c r="C240" t="s">
        <v>471</v>
      </c>
    </row>
    <row r="241" spans="1:3" x14ac:dyDescent="0.15">
      <c r="A241">
        <v>24780</v>
      </c>
      <c r="B241" t="s">
        <v>472</v>
      </c>
      <c r="C241" t="s">
        <v>473</v>
      </c>
    </row>
    <row r="242" spans="1:3" x14ac:dyDescent="0.15">
      <c r="A242">
        <v>24779</v>
      </c>
      <c r="B242" t="s">
        <v>474</v>
      </c>
      <c r="C242" t="s">
        <v>475</v>
      </c>
    </row>
    <row r="243" spans="1:3" x14ac:dyDescent="0.15">
      <c r="A243">
        <v>24778</v>
      </c>
      <c r="B243" t="s">
        <v>476</v>
      </c>
      <c r="C243" t="s">
        <v>477</v>
      </c>
    </row>
    <row r="244" spans="1:3" x14ac:dyDescent="0.15">
      <c r="A244">
        <v>24777</v>
      </c>
      <c r="B244" t="s">
        <v>478</v>
      </c>
      <c r="C244" t="s">
        <v>479</v>
      </c>
    </row>
    <row r="245" spans="1:3" x14ac:dyDescent="0.15">
      <c r="A245">
        <v>24776</v>
      </c>
      <c r="B245" t="s">
        <v>480</v>
      </c>
      <c r="C245" t="s">
        <v>481</v>
      </c>
    </row>
    <row r="246" spans="1:3" x14ac:dyDescent="0.15">
      <c r="A246">
        <v>24775</v>
      </c>
      <c r="B246" t="s">
        <v>482</v>
      </c>
      <c r="C246" t="s">
        <v>483</v>
      </c>
    </row>
    <row r="247" spans="1:3" x14ac:dyDescent="0.15">
      <c r="A247">
        <v>24774</v>
      </c>
      <c r="B247" t="s">
        <v>484</v>
      </c>
      <c r="C247" t="s">
        <v>485</v>
      </c>
    </row>
    <row r="248" spans="1:3" x14ac:dyDescent="0.15">
      <c r="A248">
        <v>24773</v>
      </c>
      <c r="B248" t="s">
        <v>486</v>
      </c>
      <c r="C248" t="s">
        <v>487</v>
      </c>
    </row>
    <row r="249" spans="1:3" x14ac:dyDescent="0.15">
      <c r="A249">
        <v>24772</v>
      </c>
      <c r="B249" t="s">
        <v>488</v>
      </c>
      <c r="C249" t="s">
        <v>489</v>
      </c>
    </row>
    <row r="250" spans="1:3" x14ac:dyDescent="0.15">
      <c r="A250">
        <v>24771</v>
      </c>
      <c r="B250" t="s">
        <v>490</v>
      </c>
      <c r="C250" t="s">
        <v>491</v>
      </c>
    </row>
    <row r="251" spans="1:3" x14ac:dyDescent="0.15">
      <c r="A251">
        <v>24770</v>
      </c>
      <c r="B251" t="s">
        <v>492</v>
      </c>
      <c r="C251" t="s">
        <v>493</v>
      </c>
    </row>
    <row r="252" spans="1:3" x14ac:dyDescent="0.15">
      <c r="A252">
        <v>24769</v>
      </c>
      <c r="B252" t="s">
        <v>494</v>
      </c>
      <c r="C252" t="s">
        <v>495</v>
      </c>
    </row>
    <row r="253" spans="1:3" x14ac:dyDescent="0.15">
      <c r="A253">
        <v>24768</v>
      </c>
      <c r="B253" t="s">
        <v>496</v>
      </c>
      <c r="C253" t="s">
        <v>497</v>
      </c>
    </row>
    <row r="254" spans="1:3" x14ac:dyDescent="0.15">
      <c r="A254">
        <v>24767</v>
      </c>
      <c r="B254" t="s">
        <v>498</v>
      </c>
      <c r="C254" t="s">
        <v>499</v>
      </c>
    </row>
    <row r="255" spans="1:3" x14ac:dyDescent="0.15">
      <c r="A255">
        <v>24766</v>
      </c>
      <c r="B255" t="s">
        <v>500</v>
      </c>
      <c r="C255" t="s">
        <v>501</v>
      </c>
    </row>
    <row r="256" spans="1:3" x14ac:dyDescent="0.15">
      <c r="A256">
        <v>24765</v>
      </c>
      <c r="B256" t="s">
        <v>502</v>
      </c>
      <c r="C256" t="s">
        <v>503</v>
      </c>
    </row>
    <row r="257" spans="1:3" x14ac:dyDescent="0.15">
      <c r="A257">
        <v>24764</v>
      </c>
      <c r="B257" t="s">
        <v>504</v>
      </c>
      <c r="C257" t="s">
        <v>505</v>
      </c>
    </row>
    <row r="258" spans="1:3" x14ac:dyDescent="0.15">
      <c r="A258">
        <v>24763</v>
      </c>
      <c r="B258" t="s">
        <v>506</v>
      </c>
      <c r="C258" t="s">
        <v>507</v>
      </c>
    </row>
    <row r="259" spans="1:3" x14ac:dyDescent="0.15">
      <c r="A259">
        <v>24762</v>
      </c>
      <c r="B259" t="s">
        <v>508</v>
      </c>
      <c r="C259" t="s">
        <v>509</v>
      </c>
    </row>
    <row r="260" spans="1:3" x14ac:dyDescent="0.15">
      <c r="A260">
        <v>24761</v>
      </c>
      <c r="B260" t="s">
        <v>510</v>
      </c>
      <c r="C260" t="s">
        <v>511</v>
      </c>
    </row>
    <row r="261" spans="1:3" x14ac:dyDescent="0.15">
      <c r="A261">
        <v>24760</v>
      </c>
      <c r="B261" t="s">
        <v>512</v>
      </c>
      <c r="C261" t="s">
        <v>513</v>
      </c>
    </row>
    <row r="262" spans="1:3" x14ac:dyDescent="0.15">
      <c r="A262">
        <v>24759</v>
      </c>
      <c r="B262" t="s">
        <v>514</v>
      </c>
      <c r="C262" t="s">
        <v>515</v>
      </c>
    </row>
    <row r="263" spans="1:3" x14ac:dyDescent="0.15">
      <c r="A263">
        <v>24758</v>
      </c>
      <c r="B263" t="s">
        <v>516</v>
      </c>
      <c r="C263" t="s">
        <v>517</v>
      </c>
    </row>
    <row r="264" spans="1:3" x14ac:dyDescent="0.15">
      <c r="A264">
        <v>24757</v>
      </c>
      <c r="B264" t="s">
        <v>518</v>
      </c>
      <c r="C264" t="s">
        <v>519</v>
      </c>
    </row>
    <row r="265" spans="1:3" x14ac:dyDescent="0.15">
      <c r="A265">
        <v>24756</v>
      </c>
      <c r="B265" t="s">
        <v>520</v>
      </c>
      <c r="C265" t="s">
        <v>521</v>
      </c>
    </row>
    <row r="266" spans="1:3" x14ac:dyDescent="0.15">
      <c r="A266">
        <v>24755</v>
      </c>
      <c r="B266" t="s">
        <v>522</v>
      </c>
      <c r="C266" t="s">
        <v>523</v>
      </c>
    </row>
    <row r="267" spans="1:3" x14ac:dyDescent="0.15">
      <c r="A267">
        <v>24754</v>
      </c>
      <c r="B267" t="s">
        <v>524</v>
      </c>
      <c r="C267" t="s">
        <v>525</v>
      </c>
    </row>
    <row r="268" spans="1:3" x14ac:dyDescent="0.15">
      <c r="A268">
        <v>24753</v>
      </c>
      <c r="B268" t="s">
        <v>526</v>
      </c>
      <c r="C268" t="s">
        <v>527</v>
      </c>
    </row>
    <row r="269" spans="1:3" x14ac:dyDescent="0.15">
      <c r="A269">
        <v>24752</v>
      </c>
      <c r="B269" t="s">
        <v>528</v>
      </c>
      <c r="C269" t="s">
        <v>529</v>
      </c>
    </row>
    <row r="270" spans="1:3" x14ac:dyDescent="0.15">
      <c r="A270">
        <v>24751</v>
      </c>
      <c r="B270" t="s">
        <v>530</v>
      </c>
      <c r="C270" t="s">
        <v>531</v>
      </c>
    </row>
    <row r="271" spans="1:3" x14ac:dyDescent="0.15">
      <c r="A271">
        <v>24750</v>
      </c>
      <c r="B271" t="s">
        <v>532</v>
      </c>
      <c r="C271" t="s">
        <v>533</v>
      </c>
    </row>
    <row r="272" spans="1:3" x14ac:dyDescent="0.15">
      <c r="A272">
        <v>24749</v>
      </c>
      <c r="B272" t="s">
        <v>534</v>
      </c>
      <c r="C272" t="s">
        <v>535</v>
      </c>
    </row>
    <row r="273" spans="1:3" x14ac:dyDescent="0.15">
      <c r="A273">
        <v>24748</v>
      </c>
      <c r="B273" t="s">
        <v>536</v>
      </c>
      <c r="C273" t="s">
        <v>537</v>
      </c>
    </row>
    <row r="274" spans="1:3" x14ac:dyDescent="0.15">
      <c r="A274">
        <v>24747</v>
      </c>
      <c r="B274" t="s">
        <v>538</v>
      </c>
      <c r="C274" t="s">
        <v>539</v>
      </c>
    </row>
    <row r="275" spans="1:3" x14ac:dyDescent="0.15">
      <c r="A275">
        <v>24746</v>
      </c>
      <c r="B275" t="s">
        <v>540</v>
      </c>
      <c r="C275" t="s">
        <v>541</v>
      </c>
    </row>
    <row r="276" spans="1:3" x14ac:dyDescent="0.15">
      <c r="A276">
        <v>24745</v>
      </c>
      <c r="B276" t="s">
        <v>542</v>
      </c>
      <c r="C276" t="s">
        <v>543</v>
      </c>
    </row>
    <row r="277" spans="1:3" x14ac:dyDescent="0.15">
      <c r="A277">
        <v>24744</v>
      </c>
      <c r="B277" t="s">
        <v>544</v>
      </c>
      <c r="C277" t="s">
        <v>545</v>
      </c>
    </row>
    <row r="278" spans="1:3" x14ac:dyDescent="0.15">
      <c r="A278">
        <v>24743</v>
      </c>
      <c r="B278" t="s">
        <v>546</v>
      </c>
      <c r="C278" t="s">
        <v>547</v>
      </c>
    </row>
    <row r="279" spans="1:3" x14ac:dyDescent="0.15">
      <c r="A279">
        <v>24742</v>
      </c>
      <c r="B279" t="s">
        <v>548</v>
      </c>
      <c r="C279" t="s">
        <v>549</v>
      </c>
    </row>
    <row r="280" spans="1:3" x14ac:dyDescent="0.15">
      <c r="A280">
        <v>24741</v>
      </c>
      <c r="B280" t="s">
        <v>550</v>
      </c>
      <c r="C280" t="s">
        <v>551</v>
      </c>
    </row>
    <row r="281" spans="1:3" x14ac:dyDescent="0.15">
      <c r="A281">
        <v>24740</v>
      </c>
      <c r="B281" t="s">
        <v>552</v>
      </c>
      <c r="C281" t="s">
        <v>553</v>
      </c>
    </row>
    <row r="282" spans="1:3" x14ac:dyDescent="0.15">
      <c r="A282">
        <v>24739</v>
      </c>
      <c r="B282" t="s">
        <v>554</v>
      </c>
      <c r="C282" t="s">
        <v>555</v>
      </c>
    </row>
    <row r="283" spans="1:3" x14ac:dyDescent="0.15">
      <c r="A283">
        <v>24738</v>
      </c>
      <c r="B283" t="s">
        <v>556</v>
      </c>
      <c r="C283" t="s">
        <v>557</v>
      </c>
    </row>
    <row r="284" spans="1:3" x14ac:dyDescent="0.15">
      <c r="A284">
        <v>24737</v>
      </c>
      <c r="B284" t="s">
        <v>558</v>
      </c>
      <c r="C284" t="s">
        <v>559</v>
      </c>
    </row>
    <row r="285" spans="1:3" x14ac:dyDescent="0.15">
      <c r="A285">
        <v>24736</v>
      </c>
      <c r="B285" t="s">
        <v>560</v>
      </c>
      <c r="C285" t="s">
        <v>561</v>
      </c>
    </row>
    <row r="286" spans="1:3" x14ac:dyDescent="0.15">
      <c r="A286">
        <v>24735</v>
      </c>
      <c r="B286" t="s">
        <v>562</v>
      </c>
      <c r="C286" t="s">
        <v>563</v>
      </c>
    </row>
    <row r="287" spans="1:3" x14ac:dyDescent="0.15">
      <c r="A287">
        <v>24734</v>
      </c>
      <c r="B287" t="s">
        <v>564</v>
      </c>
      <c r="C287" t="s">
        <v>565</v>
      </c>
    </row>
    <row r="288" spans="1:3" x14ac:dyDescent="0.15">
      <c r="A288">
        <v>24733</v>
      </c>
      <c r="B288" t="s">
        <v>566</v>
      </c>
      <c r="C288" t="s">
        <v>567</v>
      </c>
    </row>
    <row r="289" spans="1:3" x14ac:dyDescent="0.15">
      <c r="A289">
        <v>24732</v>
      </c>
      <c r="B289" t="s">
        <v>568</v>
      </c>
      <c r="C289" t="s">
        <v>569</v>
      </c>
    </row>
    <row r="290" spans="1:3" x14ac:dyDescent="0.15">
      <c r="A290">
        <v>24731</v>
      </c>
      <c r="B290" t="s">
        <v>570</v>
      </c>
      <c r="C290" t="s">
        <v>571</v>
      </c>
    </row>
    <row r="291" spans="1:3" x14ac:dyDescent="0.15">
      <c r="A291">
        <v>24730</v>
      </c>
      <c r="B291" t="s">
        <v>572</v>
      </c>
      <c r="C291" t="s">
        <v>573</v>
      </c>
    </row>
    <row r="292" spans="1:3" x14ac:dyDescent="0.15">
      <c r="A292">
        <v>24729</v>
      </c>
      <c r="B292" t="s">
        <v>574</v>
      </c>
      <c r="C292" t="s">
        <v>575</v>
      </c>
    </row>
    <row r="293" spans="1:3" x14ac:dyDescent="0.15">
      <c r="A293">
        <v>24728</v>
      </c>
      <c r="B293" t="s">
        <v>576</v>
      </c>
      <c r="C293" t="s">
        <v>577</v>
      </c>
    </row>
    <row r="294" spans="1:3" x14ac:dyDescent="0.15">
      <c r="A294">
        <v>24727</v>
      </c>
      <c r="B294" t="s">
        <v>578</v>
      </c>
      <c r="C294" t="s">
        <v>579</v>
      </c>
    </row>
    <row r="295" spans="1:3" x14ac:dyDescent="0.15">
      <c r="A295">
        <v>24726</v>
      </c>
      <c r="B295" t="s">
        <v>580</v>
      </c>
      <c r="C295" t="s">
        <v>581</v>
      </c>
    </row>
    <row r="296" spans="1:3" x14ac:dyDescent="0.15">
      <c r="A296">
        <v>24725</v>
      </c>
      <c r="B296" t="s">
        <v>582</v>
      </c>
      <c r="C296" t="s">
        <v>583</v>
      </c>
    </row>
    <row r="297" spans="1:3" x14ac:dyDescent="0.15">
      <c r="A297">
        <v>24724</v>
      </c>
      <c r="B297" t="s">
        <v>584</v>
      </c>
      <c r="C297" t="s">
        <v>585</v>
      </c>
    </row>
    <row r="298" spans="1:3" x14ac:dyDescent="0.15">
      <c r="A298">
        <v>24723</v>
      </c>
      <c r="B298" t="s">
        <v>586</v>
      </c>
      <c r="C298" t="s">
        <v>587</v>
      </c>
    </row>
    <row r="299" spans="1:3" x14ac:dyDescent="0.15">
      <c r="A299">
        <v>24722</v>
      </c>
      <c r="B299" t="s">
        <v>588</v>
      </c>
      <c r="C299" t="s">
        <v>589</v>
      </c>
    </row>
    <row r="300" spans="1:3" x14ac:dyDescent="0.15">
      <c r="A300">
        <v>24721</v>
      </c>
      <c r="B300" t="s">
        <v>590</v>
      </c>
      <c r="C300" t="s">
        <v>591</v>
      </c>
    </row>
    <row r="301" spans="1:3" x14ac:dyDescent="0.15">
      <c r="A301">
        <v>24720</v>
      </c>
      <c r="B301" t="s">
        <v>592</v>
      </c>
      <c r="C301" t="s">
        <v>593</v>
      </c>
    </row>
    <row r="302" spans="1:3" x14ac:dyDescent="0.15">
      <c r="A302">
        <v>24719</v>
      </c>
      <c r="B302" t="s">
        <v>594</v>
      </c>
      <c r="C302" t="s">
        <v>595</v>
      </c>
    </row>
    <row r="303" spans="1:3" x14ac:dyDescent="0.15">
      <c r="A303">
        <v>24718</v>
      </c>
      <c r="B303" t="s">
        <v>596</v>
      </c>
      <c r="C303" t="s">
        <v>597</v>
      </c>
    </row>
    <row r="304" spans="1:3" x14ac:dyDescent="0.15">
      <c r="A304">
        <v>24717</v>
      </c>
      <c r="B304" t="s">
        <v>598</v>
      </c>
      <c r="C304" t="s">
        <v>599</v>
      </c>
    </row>
    <row r="305" spans="1:3" x14ac:dyDescent="0.15">
      <c r="A305">
        <v>24716</v>
      </c>
      <c r="B305" t="s">
        <v>600</v>
      </c>
      <c r="C305" t="s">
        <v>601</v>
      </c>
    </row>
    <row r="306" spans="1:3" x14ac:dyDescent="0.15">
      <c r="A306">
        <v>24715</v>
      </c>
      <c r="B306" t="s">
        <v>602</v>
      </c>
      <c r="C306" t="s">
        <v>603</v>
      </c>
    </row>
    <row r="307" spans="1:3" x14ac:dyDescent="0.15">
      <c r="A307">
        <v>24714</v>
      </c>
      <c r="B307" t="s">
        <v>604</v>
      </c>
      <c r="C307" t="s">
        <v>605</v>
      </c>
    </row>
    <row r="308" spans="1:3" x14ac:dyDescent="0.15">
      <c r="A308">
        <v>24713</v>
      </c>
      <c r="B308" t="s">
        <v>606</v>
      </c>
      <c r="C308" t="s">
        <v>607</v>
      </c>
    </row>
    <row r="309" spans="1:3" x14ac:dyDescent="0.15">
      <c r="A309">
        <v>24712</v>
      </c>
      <c r="B309" t="s">
        <v>608</v>
      </c>
      <c r="C309" t="s">
        <v>609</v>
      </c>
    </row>
    <row r="310" spans="1:3" x14ac:dyDescent="0.15">
      <c r="A310">
        <v>24711</v>
      </c>
      <c r="B310" t="s">
        <v>610</v>
      </c>
      <c r="C310" t="s">
        <v>611</v>
      </c>
    </row>
    <row r="311" spans="1:3" x14ac:dyDescent="0.15">
      <c r="A311">
        <v>24710</v>
      </c>
      <c r="B311" t="s">
        <v>612</v>
      </c>
      <c r="C311" t="s">
        <v>613</v>
      </c>
    </row>
    <row r="312" spans="1:3" x14ac:dyDescent="0.15">
      <c r="A312">
        <v>24709</v>
      </c>
      <c r="B312" t="s">
        <v>614</v>
      </c>
      <c r="C312" t="s">
        <v>615</v>
      </c>
    </row>
    <row r="313" spans="1:3" x14ac:dyDescent="0.15">
      <c r="A313">
        <v>24708</v>
      </c>
      <c r="B313" t="s">
        <v>616</v>
      </c>
      <c r="C313" t="s">
        <v>617</v>
      </c>
    </row>
    <row r="314" spans="1:3" x14ac:dyDescent="0.15">
      <c r="A314">
        <v>24707</v>
      </c>
      <c r="B314" t="s">
        <v>618</v>
      </c>
      <c r="C314" t="s">
        <v>619</v>
      </c>
    </row>
    <row r="315" spans="1:3" x14ac:dyDescent="0.15">
      <c r="A315">
        <v>24706</v>
      </c>
      <c r="B315" t="s">
        <v>620</v>
      </c>
      <c r="C315" t="s">
        <v>621</v>
      </c>
    </row>
    <row r="316" spans="1:3" x14ac:dyDescent="0.15">
      <c r="A316">
        <v>24705</v>
      </c>
      <c r="B316" t="s">
        <v>622</v>
      </c>
      <c r="C316" t="s">
        <v>623</v>
      </c>
    </row>
    <row r="317" spans="1:3" x14ac:dyDescent="0.15">
      <c r="A317">
        <v>24704</v>
      </c>
      <c r="B317" t="s">
        <v>624</v>
      </c>
      <c r="C317" t="s">
        <v>625</v>
      </c>
    </row>
    <row r="318" spans="1:3" x14ac:dyDescent="0.15">
      <c r="A318">
        <v>24703</v>
      </c>
      <c r="B318" t="s">
        <v>626</v>
      </c>
      <c r="C318" t="s">
        <v>627</v>
      </c>
    </row>
    <row r="319" spans="1:3" x14ac:dyDescent="0.15">
      <c r="A319">
        <v>24702</v>
      </c>
      <c r="B319" t="s">
        <v>628</v>
      </c>
      <c r="C319" t="s">
        <v>629</v>
      </c>
    </row>
    <row r="320" spans="1:3" x14ac:dyDescent="0.15">
      <c r="A320">
        <v>24701</v>
      </c>
      <c r="B320" t="s">
        <v>630</v>
      </c>
      <c r="C320" t="s">
        <v>631</v>
      </c>
    </row>
    <row r="321" spans="1:3" x14ac:dyDescent="0.15">
      <c r="A321">
        <v>24700</v>
      </c>
      <c r="B321" t="s">
        <v>632</v>
      </c>
      <c r="C321" t="s">
        <v>633</v>
      </c>
    </row>
    <row r="322" spans="1:3" x14ac:dyDescent="0.15">
      <c r="A322">
        <v>24699</v>
      </c>
      <c r="B322" t="s">
        <v>634</v>
      </c>
      <c r="C322" t="s">
        <v>635</v>
      </c>
    </row>
    <row r="323" spans="1:3" x14ac:dyDescent="0.15">
      <c r="A323">
        <v>24698</v>
      </c>
      <c r="B323" t="s">
        <v>636</v>
      </c>
      <c r="C323" t="s">
        <v>637</v>
      </c>
    </row>
    <row r="324" spans="1:3" x14ac:dyDescent="0.15">
      <c r="A324">
        <v>24697</v>
      </c>
      <c r="B324" t="s">
        <v>638</v>
      </c>
      <c r="C324" t="s">
        <v>639</v>
      </c>
    </row>
    <row r="325" spans="1:3" x14ac:dyDescent="0.15">
      <c r="A325">
        <v>24696</v>
      </c>
      <c r="B325" t="s">
        <v>640</v>
      </c>
      <c r="C325" t="s">
        <v>641</v>
      </c>
    </row>
    <row r="326" spans="1:3" x14ac:dyDescent="0.15">
      <c r="A326">
        <v>24695</v>
      </c>
      <c r="B326" t="s">
        <v>642</v>
      </c>
      <c r="C326" t="s">
        <v>643</v>
      </c>
    </row>
    <row r="327" spans="1:3" x14ac:dyDescent="0.15">
      <c r="A327">
        <v>24694</v>
      </c>
      <c r="B327" t="s">
        <v>644</v>
      </c>
      <c r="C327" t="s">
        <v>645</v>
      </c>
    </row>
    <row r="328" spans="1:3" x14ac:dyDescent="0.15">
      <c r="A328">
        <v>24693</v>
      </c>
      <c r="B328" t="s">
        <v>646</v>
      </c>
      <c r="C328" t="s">
        <v>647</v>
      </c>
    </row>
    <row r="329" spans="1:3" x14ac:dyDescent="0.15">
      <c r="A329">
        <v>24692</v>
      </c>
      <c r="B329" t="s">
        <v>648</v>
      </c>
      <c r="C329" t="s">
        <v>649</v>
      </c>
    </row>
    <row r="330" spans="1:3" x14ac:dyDescent="0.15">
      <c r="A330">
        <v>24691</v>
      </c>
      <c r="B330" t="s">
        <v>650</v>
      </c>
      <c r="C330" t="s">
        <v>651</v>
      </c>
    </row>
    <row r="331" spans="1:3" x14ac:dyDescent="0.15">
      <c r="A331">
        <v>24690</v>
      </c>
      <c r="B331" t="s">
        <v>652</v>
      </c>
      <c r="C331" t="s">
        <v>653</v>
      </c>
    </row>
    <row r="332" spans="1:3" x14ac:dyDescent="0.15">
      <c r="A332">
        <v>24689</v>
      </c>
      <c r="B332" t="s">
        <v>654</v>
      </c>
      <c r="C332" t="s">
        <v>655</v>
      </c>
    </row>
    <row r="333" spans="1:3" x14ac:dyDescent="0.15">
      <c r="A333">
        <v>24688</v>
      </c>
      <c r="B333" t="s">
        <v>656</v>
      </c>
      <c r="C333" t="s">
        <v>657</v>
      </c>
    </row>
    <row r="334" spans="1:3" x14ac:dyDescent="0.15">
      <c r="A334">
        <v>24687</v>
      </c>
      <c r="B334" t="s">
        <v>658</v>
      </c>
      <c r="C334" t="s">
        <v>659</v>
      </c>
    </row>
    <row r="335" spans="1:3" x14ac:dyDescent="0.15">
      <c r="A335">
        <v>24686</v>
      </c>
      <c r="B335" t="s">
        <v>660</v>
      </c>
      <c r="C335" t="s">
        <v>661</v>
      </c>
    </row>
    <row r="336" spans="1:3" x14ac:dyDescent="0.15">
      <c r="A336">
        <v>24685</v>
      </c>
      <c r="B336" t="s">
        <v>662</v>
      </c>
      <c r="C336" t="s">
        <v>663</v>
      </c>
    </row>
    <row r="337" spans="1:3" x14ac:dyDescent="0.15">
      <c r="A337">
        <v>24684</v>
      </c>
      <c r="B337" t="s">
        <v>664</v>
      </c>
      <c r="C337" t="s">
        <v>665</v>
      </c>
    </row>
    <row r="338" spans="1:3" x14ac:dyDescent="0.15">
      <c r="A338">
        <v>24683</v>
      </c>
      <c r="B338" t="s">
        <v>666</v>
      </c>
      <c r="C338" t="s">
        <v>667</v>
      </c>
    </row>
    <row r="339" spans="1:3" x14ac:dyDescent="0.15">
      <c r="A339">
        <v>24682</v>
      </c>
      <c r="B339" t="s">
        <v>668</v>
      </c>
      <c r="C339" t="s">
        <v>669</v>
      </c>
    </row>
    <row r="340" spans="1:3" x14ac:dyDescent="0.15">
      <c r="A340">
        <v>24681</v>
      </c>
      <c r="B340" t="s">
        <v>670</v>
      </c>
      <c r="C340" t="s">
        <v>671</v>
      </c>
    </row>
    <row r="341" spans="1:3" x14ac:dyDescent="0.15">
      <c r="A341">
        <v>24680</v>
      </c>
      <c r="B341" t="s">
        <v>672</v>
      </c>
      <c r="C341" t="s">
        <v>673</v>
      </c>
    </row>
    <row r="342" spans="1:3" x14ac:dyDescent="0.15">
      <c r="A342">
        <v>24679</v>
      </c>
      <c r="B342" t="s">
        <v>674</v>
      </c>
      <c r="C342" t="s">
        <v>675</v>
      </c>
    </row>
    <row r="343" spans="1:3" x14ac:dyDescent="0.15">
      <c r="A343">
        <v>24678</v>
      </c>
      <c r="B343" t="s">
        <v>676</v>
      </c>
      <c r="C343" t="s">
        <v>677</v>
      </c>
    </row>
    <row r="344" spans="1:3" x14ac:dyDescent="0.15">
      <c r="A344">
        <v>24677</v>
      </c>
      <c r="B344" t="s">
        <v>678</v>
      </c>
      <c r="C344" t="s">
        <v>679</v>
      </c>
    </row>
    <row r="345" spans="1:3" x14ac:dyDescent="0.15">
      <c r="A345">
        <v>24676</v>
      </c>
      <c r="B345" t="s">
        <v>680</v>
      </c>
      <c r="C345" t="s">
        <v>681</v>
      </c>
    </row>
    <row r="346" spans="1:3" x14ac:dyDescent="0.15">
      <c r="A346">
        <v>24675</v>
      </c>
      <c r="B346" t="s">
        <v>682</v>
      </c>
      <c r="C346" t="s">
        <v>683</v>
      </c>
    </row>
    <row r="347" spans="1:3" x14ac:dyDescent="0.15">
      <c r="A347">
        <v>24674</v>
      </c>
      <c r="B347" t="s">
        <v>684</v>
      </c>
      <c r="C347" t="s">
        <v>685</v>
      </c>
    </row>
    <row r="348" spans="1:3" x14ac:dyDescent="0.15">
      <c r="A348">
        <v>24673</v>
      </c>
      <c r="B348" t="s">
        <v>686</v>
      </c>
      <c r="C348" t="s">
        <v>687</v>
      </c>
    </row>
    <row r="349" spans="1:3" x14ac:dyDescent="0.15">
      <c r="A349">
        <v>24672</v>
      </c>
      <c r="B349" t="s">
        <v>688</v>
      </c>
      <c r="C349" t="s">
        <v>689</v>
      </c>
    </row>
    <row r="350" spans="1:3" x14ac:dyDescent="0.15">
      <c r="A350">
        <v>24671</v>
      </c>
      <c r="B350" t="s">
        <v>690</v>
      </c>
      <c r="C350" t="s">
        <v>691</v>
      </c>
    </row>
    <row r="351" spans="1:3" x14ac:dyDescent="0.15">
      <c r="A351">
        <v>24670</v>
      </c>
      <c r="B351" t="s">
        <v>692</v>
      </c>
      <c r="C351" t="s">
        <v>693</v>
      </c>
    </row>
    <row r="352" spans="1:3" x14ac:dyDescent="0.15">
      <c r="A352">
        <v>24669</v>
      </c>
      <c r="B352" t="s">
        <v>694</v>
      </c>
      <c r="C352" t="s">
        <v>695</v>
      </c>
    </row>
    <row r="353" spans="1:3" x14ac:dyDescent="0.15">
      <c r="A353">
        <v>24668</v>
      </c>
      <c r="B353" t="s">
        <v>696</v>
      </c>
      <c r="C353" t="s">
        <v>697</v>
      </c>
    </row>
    <row r="354" spans="1:3" x14ac:dyDescent="0.15">
      <c r="A354">
        <v>24667</v>
      </c>
      <c r="B354" t="s">
        <v>698</v>
      </c>
      <c r="C354" t="s">
        <v>699</v>
      </c>
    </row>
    <row r="355" spans="1:3" x14ac:dyDescent="0.15">
      <c r="A355">
        <v>24666</v>
      </c>
      <c r="B355" t="s">
        <v>700</v>
      </c>
      <c r="C355" t="s">
        <v>701</v>
      </c>
    </row>
    <row r="356" spans="1:3" x14ac:dyDescent="0.15">
      <c r="A356">
        <v>24665</v>
      </c>
      <c r="B356" t="s">
        <v>702</v>
      </c>
      <c r="C356" t="s">
        <v>703</v>
      </c>
    </row>
    <row r="357" spans="1:3" x14ac:dyDescent="0.15">
      <c r="A357">
        <v>24664</v>
      </c>
      <c r="B357" t="s">
        <v>704</v>
      </c>
      <c r="C357" t="s">
        <v>705</v>
      </c>
    </row>
    <row r="358" spans="1:3" x14ac:dyDescent="0.15">
      <c r="A358">
        <v>24663</v>
      </c>
      <c r="B358" t="s">
        <v>706</v>
      </c>
      <c r="C358" t="s">
        <v>707</v>
      </c>
    </row>
    <row r="359" spans="1:3" x14ac:dyDescent="0.15">
      <c r="A359">
        <v>24662</v>
      </c>
      <c r="B359" t="s">
        <v>708</v>
      </c>
      <c r="C359" t="s">
        <v>709</v>
      </c>
    </row>
    <row r="360" spans="1:3" x14ac:dyDescent="0.15">
      <c r="A360">
        <v>24661</v>
      </c>
      <c r="B360" t="s">
        <v>710</v>
      </c>
      <c r="C360" t="s">
        <v>711</v>
      </c>
    </row>
    <row r="361" spans="1:3" x14ac:dyDescent="0.15">
      <c r="A361">
        <v>24660</v>
      </c>
      <c r="B361" t="s">
        <v>712</v>
      </c>
      <c r="C361" t="s">
        <v>713</v>
      </c>
    </row>
    <row r="362" spans="1:3" x14ac:dyDescent="0.15">
      <c r="A362">
        <v>24659</v>
      </c>
      <c r="B362" t="s">
        <v>714</v>
      </c>
      <c r="C362" t="s">
        <v>715</v>
      </c>
    </row>
    <row r="363" spans="1:3" x14ac:dyDescent="0.15">
      <c r="A363">
        <v>24658</v>
      </c>
      <c r="B363" t="s">
        <v>716</v>
      </c>
      <c r="C363" t="s">
        <v>717</v>
      </c>
    </row>
    <row r="364" spans="1:3" x14ac:dyDescent="0.15">
      <c r="A364">
        <v>24657</v>
      </c>
      <c r="B364" t="s">
        <v>718</v>
      </c>
      <c r="C364" t="s">
        <v>719</v>
      </c>
    </row>
    <row r="365" spans="1:3" x14ac:dyDescent="0.15">
      <c r="A365">
        <v>24656</v>
      </c>
      <c r="B365" t="s">
        <v>720</v>
      </c>
      <c r="C365" t="s">
        <v>721</v>
      </c>
    </row>
    <row r="366" spans="1:3" x14ac:dyDescent="0.15">
      <c r="A366">
        <v>24655</v>
      </c>
      <c r="B366" t="s">
        <v>722</v>
      </c>
      <c r="C366" t="s">
        <v>491</v>
      </c>
    </row>
    <row r="367" spans="1:3" x14ac:dyDescent="0.15">
      <c r="A367">
        <v>24654</v>
      </c>
      <c r="B367" t="s">
        <v>723</v>
      </c>
      <c r="C367" t="e">
        <v>#NAME?</v>
      </c>
    </row>
    <row r="368" spans="1:3" x14ac:dyDescent="0.15">
      <c r="A368">
        <v>24653</v>
      </c>
      <c r="B368" t="s">
        <v>724</v>
      </c>
      <c r="C368" t="s">
        <v>725</v>
      </c>
    </row>
    <row r="369" spans="1:3" x14ac:dyDescent="0.15">
      <c r="A369">
        <v>24652</v>
      </c>
      <c r="B369" t="s">
        <v>726</v>
      </c>
      <c r="C369" t="s">
        <v>727</v>
      </c>
    </row>
    <row r="370" spans="1:3" x14ac:dyDescent="0.15">
      <c r="A370">
        <v>24651</v>
      </c>
      <c r="B370" t="s">
        <v>728</v>
      </c>
      <c r="C370" t="s">
        <v>729</v>
      </c>
    </row>
    <row r="371" spans="1:3" x14ac:dyDescent="0.15">
      <c r="A371">
        <v>24650</v>
      </c>
      <c r="B371" t="s">
        <v>730</v>
      </c>
      <c r="C371" t="s">
        <v>731</v>
      </c>
    </row>
    <row r="372" spans="1:3" x14ac:dyDescent="0.15">
      <c r="A372">
        <v>24649</v>
      </c>
      <c r="B372" t="s">
        <v>732</v>
      </c>
      <c r="C372" t="s">
        <v>733</v>
      </c>
    </row>
    <row r="373" spans="1:3" x14ac:dyDescent="0.15">
      <c r="A373">
        <v>24648</v>
      </c>
      <c r="B373" t="s">
        <v>734</v>
      </c>
      <c r="C373" t="s">
        <v>735</v>
      </c>
    </row>
    <row r="374" spans="1:3" x14ac:dyDescent="0.15">
      <c r="A374">
        <v>24647</v>
      </c>
      <c r="B374" t="s">
        <v>736</v>
      </c>
      <c r="C374" t="s">
        <v>737</v>
      </c>
    </row>
    <row r="375" spans="1:3" x14ac:dyDescent="0.15">
      <c r="A375">
        <v>24646</v>
      </c>
      <c r="B375" t="s">
        <v>738</v>
      </c>
      <c r="C375" t="s">
        <v>739</v>
      </c>
    </row>
    <row r="376" spans="1:3" x14ac:dyDescent="0.15">
      <c r="A376">
        <v>24645</v>
      </c>
      <c r="B376" t="s">
        <v>740</v>
      </c>
      <c r="C376" t="s">
        <v>741</v>
      </c>
    </row>
    <row r="377" spans="1:3" x14ac:dyDescent="0.15">
      <c r="A377">
        <v>24644</v>
      </c>
      <c r="B377" t="s">
        <v>742</v>
      </c>
      <c r="C377" t="s">
        <v>743</v>
      </c>
    </row>
    <row r="378" spans="1:3" x14ac:dyDescent="0.15">
      <c r="A378">
        <v>24643</v>
      </c>
      <c r="B378" t="s">
        <v>744</v>
      </c>
      <c r="C378" t="s">
        <v>745</v>
      </c>
    </row>
    <row r="379" spans="1:3" x14ac:dyDescent="0.15">
      <c r="A379">
        <v>24642</v>
      </c>
      <c r="B379" t="s">
        <v>746</v>
      </c>
      <c r="C379" t="s">
        <v>747</v>
      </c>
    </row>
    <row r="380" spans="1:3" x14ac:dyDescent="0.15">
      <c r="A380">
        <v>24641</v>
      </c>
      <c r="B380" t="s">
        <v>748</v>
      </c>
      <c r="C380" t="s">
        <v>749</v>
      </c>
    </row>
    <row r="381" spans="1:3" x14ac:dyDescent="0.15">
      <c r="A381">
        <v>24640</v>
      </c>
      <c r="B381" t="s">
        <v>750</v>
      </c>
      <c r="C381" t="s">
        <v>751</v>
      </c>
    </row>
    <row r="382" spans="1:3" x14ac:dyDescent="0.15">
      <c r="A382">
        <v>24639</v>
      </c>
      <c r="B382" t="s">
        <v>752</v>
      </c>
      <c r="C382" t="s">
        <v>753</v>
      </c>
    </row>
    <row r="383" spans="1:3" x14ac:dyDescent="0.15">
      <c r="A383">
        <v>24638</v>
      </c>
      <c r="B383" t="s">
        <v>754</v>
      </c>
      <c r="C383" t="s">
        <v>755</v>
      </c>
    </row>
    <row r="384" spans="1:3" x14ac:dyDescent="0.15">
      <c r="A384">
        <v>24637</v>
      </c>
      <c r="B384" t="s">
        <v>756</v>
      </c>
      <c r="C384" t="s">
        <v>757</v>
      </c>
    </row>
    <row r="385" spans="1:3" x14ac:dyDescent="0.15">
      <c r="A385">
        <v>24636</v>
      </c>
      <c r="B385" t="s">
        <v>758</v>
      </c>
      <c r="C385" t="s">
        <v>759</v>
      </c>
    </row>
    <row r="386" spans="1:3" x14ac:dyDescent="0.15">
      <c r="A386">
        <v>24635</v>
      </c>
      <c r="B386" t="s">
        <v>760</v>
      </c>
      <c r="C386" t="s">
        <v>761</v>
      </c>
    </row>
    <row r="387" spans="1:3" x14ac:dyDescent="0.15">
      <c r="A387">
        <v>24634</v>
      </c>
      <c r="B387" t="s">
        <v>762</v>
      </c>
      <c r="C387" t="s">
        <v>763</v>
      </c>
    </row>
    <row r="388" spans="1:3" x14ac:dyDescent="0.15">
      <c r="A388">
        <v>24633</v>
      </c>
      <c r="B388" t="s">
        <v>764</v>
      </c>
      <c r="C388" t="s">
        <v>765</v>
      </c>
    </row>
    <row r="389" spans="1:3" x14ac:dyDescent="0.15">
      <c r="A389">
        <v>24632</v>
      </c>
      <c r="B389" t="s">
        <v>766</v>
      </c>
      <c r="C389" t="s">
        <v>767</v>
      </c>
    </row>
    <row r="390" spans="1:3" x14ac:dyDescent="0.15">
      <c r="A390">
        <v>24631</v>
      </c>
      <c r="B390" t="s">
        <v>768</v>
      </c>
      <c r="C390" t="s">
        <v>769</v>
      </c>
    </row>
    <row r="391" spans="1:3" x14ac:dyDescent="0.15">
      <c r="A391">
        <v>24630</v>
      </c>
      <c r="B391" t="s">
        <v>770</v>
      </c>
      <c r="C391" t="s">
        <v>771</v>
      </c>
    </row>
    <row r="392" spans="1:3" x14ac:dyDescent="0.15">
      <c r="A392">
        <v>24629</v>
      </c>
      <c r="B392" t="s">
        <v>772</v>
      </c>
      <c r="C392" t="s">
        <v>773</v>
      </c>
    </row>
    <row r="393" spans="1:3" x14ac:dyDescent="0.15">
      <c r="A393">
        <v>24628</v>
      </c>
      <c r="B393" t="s">
        <v>774</v>
      </c>
      <c r="C393" t="s">
        <v>775</v>
      </c>
    </row>
    <row r="394" spans="1:3" x14ac:dyDescent="0.15">
      <c r="A394">
        <v>24627</v>
      </c>
      <c r="B394" t="s">
        <v>776</v>
      </c>
      <c r="C394" t="s">
        <v>777</v>
      </c>
    </row>
    <row r="395" spans="1:3" x14ac:dyDescent="0.15">
      <c r="A395">
        <v>24626</v>
      </c>
      <c r="B395" t="s">
        <v>778</v>
      </c>
      <c r="C395" t="s">
        <v>779</v>
      </c>
    </row>
    <row r="396" spans="1:3" x14ac:dyDescent="0.15">
      <c r="A396">
        <v>24625</v>
      </c>
      <c r="B396" t="s">
        <v>780</v>
      </c>
      <c r="C396" t="s">
        <v>781</v>
      </c>
    </row>
    <row r="397" spans="1:3" x14ac:dyDescent="0.15">
      <c r="A397">
        <v>24624</v>
      </c>
      <c r="B397" t="s">
        <v>782</v>
      </c>
      <c r="C397" t="s">
        <v>783</v>
      </c>
    </row>
    <row r="398" spans="1:3" x14ac:dyDescent="0.15">
      <c r="A398">
        <v>24623</v>
      </c>
      <c r="B398" t="s">
        <v>784</v>
      </c>
      <c r="C398" t="s">
        <v>785</v>
      </c>
    </row>
    <row r="399" spans="1:3" x14ac:dyDescent="0.15">
      <c r="A399">
        <v>24622</v>
      </c>
      <c r="B399" t="s">
        <v>786</v>
      </c>
      <c r="C399" t="s">
        <v>787</v>
      </c>
    </row>
    <row r="400" spans="1:3" x14ac:dyDescent="0.15">
      <c r="A400">
        <v>24621</v>
      </c>
      <c r="B400" t="s">
        <v>788</v>
      </c>
      <c r="C400" t="s">
        <v>789</v>
      </c>
    </row>
    <row r="401" spans="1:3" x14ac:dyDescent="0.15">
      <c r="A401">
        <v>24620</v>
      </c>
      <c r="B401" t="s">
        <v>790</v>
      </c>
      <c r="C401" t="s">
        <v>791</v>
      </c>
    </row>
    <row r="402" spans="1:3" x14ac:dyDescent="0.15">
      <c r="A402">
        <v>24619</v>
      </c>
      <c r="B402" t="s">
        <v>792</v>
      </c>
      <c r="C402" t="s">
        <v>793</v>
      </c>
    </row>
    <row r="403" spans="1:3" x14ac:dyDescent="0.15">
      <c r="A403">
        <v>24618</v>
      </c>
      <c r="B403" t="s">
        <v>794</v>
      </c>
      <c r="C403" t="s">
        <v>795</v>
      </c>
    </row>
    <row r="404" spans="1:3" x14ac:dyDescent="0.15">
      <c r="A404">
        <v>24617</v>
      </c>
      <c r="B404" t="s">
        <v>796</v>
      </c>
      <c r="C404" t="s">
        <v>797</v>
      </c>
    </row>
    <row r="405" spans="1:3" x14ac:dyDescent="0.15">
      <c r="A405">
        <v>24616</v>
      </c>
      <c r="B405" t="s">
        <v>798</v>
      </c>
      <c r="C405" t="s">
        <v>799</v>
      </c>
    </row>
    <row r="406" spans="1:3" x14ac:dyDescent="0.15">
      <c r="A406">
        <v>24615</v>
      </c>
      <c r="B406" t="s">
        <v>800</v>
      </c>
      <c r="C406" t="s">
        <v>801</v>
      </c>
    </row>
    <row r="407" spans="1:3" x14ac:dyDescent="0.15">
      <c r="A407">
        <v>24614</v>
      </c>
      <c r="B407" t="s">
        <v>802</v>
      </c>
      <c r="C407" t="s">
        <v>803</v>
      </c>
    </row>
    <row r="408" spans="1:3" x14ac:dyDescent="0.15">
      <c r="A408">
        <v>24613</v>
      </c>
      <c r="B408" t="s">
        <v>804</v>
      </c>
      <c r="C408" t="s">
        <v>805</v>
      </c>
    </row>
    <row r="409" spans="1:3" x14ac:dyDescent="0.15">
      <c r="A409">
        <v>24612</v>
      </c>
      <c r="B409" t="s">
        <v>806</v>
      </c>
      <c r="C409" t="s">
        <v>807</v>
      </c>
    </row>
    <row r="410" spans="1:3" x14ac:dyDescent="0.15">
      <c r="A410">
        <v>24611</v>
      </c>
      <c r="B410" t="s">
        <v>808</v>
      </c>
      <c r="C410" t="s">
        <v>809</v>
      </c>
    </row>
    <row r="411" spans="1:3" x14ac:dyDescent="0.15">
      <c r="A411">
        <v>24610</v>
      </c>
      <c r="B411" t="s">
        <v>810</v>
      </c>
      <c r="C411" t="s">
        <v>811</v>
      </c>
    </row>
    <row r="412" spans="1:3" x14ac:dyDescent="0.15">
      <c r="A412">
        <v>24609</v>
      </c>
      <c r="B412" t="s">
        <v>812</v>
      </c>
      <c r="C412" t="s">
        <v>813</v>
      </c>
    </row>
    <row r="413" spans="1:3" x14ac:dyDescent="0.15">
      <c r="A413">
        <v>24608</v>
      </c>
      <c r="B413" t="s">
        <v>814</v>
      </c>
      <c r="C413" t="s">
        <v>815</v>
      </c>
    </row>
    <row r="414" spans="1:3" x14ac:dyDescent="0.15">
      <c r="A414">
        <v>24607</v>
      </c>
      <c r="B414" t="s">
        <v>816</v>
      </c>
      <c r="C414" t="s">
        <v>817</v>
      </c>
    </row>
    <row r="415" spans="1:3" x14ac:dyDescent="0.15">
      <c r="A415">
        <v>24606</v>
      </c>
      <c r="B415" t="s">
        <v>818</v>
      </c>
      <c r="C415" t="s">
        <v>819</v>
      </c>
    </row>
    <row r="416" spans="1:3" x14ac:dyDescent="0.15">
      <c r="A416">
        <v>24605</v>
      </c>
      <c r="B416" t="s">
        <v>820</v>
      </c>
      <c r="C416" t="s">
        <v>821</v>
      </c>
    </row>
    <row r="417" spans="1:3" x14ac:dyDescent="0.15">
      <c r="A417">
        <v>24604</v>
      </c>
      <c r="B417" t="s">
        <v>822</v>
      </c>
      <c r="C417" t="s">
        <v>823</v>
      </c>
    </row>
    <row r="418" spans="1:3" x14ac:dyDescent="0.15">
      <c r="A418">
        <v>24603</v>
      </c>
      <c r="B418" t="s">
        <v>824</v>
      </c>
      <c r="C418" t="s">
        <v>825</v>
      </c>
    </row>
    <row r="419" spans="1:3" x14ac:dyDescent="0.15">
      <c r="A419">
        <v>24602</v>
      </c>
      <c r="B419" t="s">
        <v>826</v>
      </c>
      <c r="C419" t="s">
        <v>827</v>
      </c>
    </row>
    <row r="420" spans="1:3" x14ac:dyDescent="0.15">
      <c r="A420">
        <v>24601</v>
      </c>
      <c r="B420" t="s">
        <v>828</v>
      </c>
      <c r="C420" t="s">
        <v>829</v>
      </c>
    </row>
    <row r="421" spans="1:3" x14ac:dyDescent="0.15">
      <c r="A421">
        <v>24600</v>
      </c>
      <c r="B421" t="s">
        <v>830</v>
      </c>
      <c r="C421" t="s">
        <v>831</v>
      </c>
    </row>
    <row r="422" spans="1:3" x14ac:dyDescent="0.15">
      <c r="A422">
        <v>24599</v>
      </c>
      <c r="B422" t="s">
        <v>832</v>
      </c>
      <c r="C422" t="s">
        <v>833</v>
      </c>
    </row>
    <row r="423" spans="1:3" x14ac:dyDescent="0.15">
      <c r="A423">
        <v>24598</v>
      </c>
      <c r="B423" t="s">
        <v>834</v>
      </c>
      <c r="C423" t="s">
        <v>835</v>
      </c>
    </row>
    <row r="424" spans="1:3" x14ac:dyDescent="0.15">
      <c r="A424">
        <v>24597</v>
      </c>
      <c r="B424" t="s">
        <v>836</v>
      </c>
      <c r="C424" t="s">
        <v>837</v>
      </c>
    </row>
    <row r="425" spans="1:3" x14ac:dyDescent="0.15">
      <c r="A425">
        <v>24596</v>
      </c>
      <c r="B425" t="s">
        <v>838</v>
      </c>
      <c r="C425" t="s">
        <v>839</v>
      </c>
    </row>
    <row r="426" spans="1:3" x14ac:dyDescent="0.15">
      <c r="A426">
        <v>24595</v>
      </c>
      <c r="B426" t="s">
        <v>840</v>
      </c>
      <c r="C426" t="s">
        <v>841</v>
      </c>
    </row>
    <row r="427" spans="1:3" x14ac:dyDescent="0.15">
      <c r="A427">
        <v>24594</v>
      </c>
      <c r="B427" t="s">
        <v>842</v>
      </c>
      <c r="C427" t="s">
        <v>843</v>
      </c>
    </row>
    <row r="428" spans="1:3" x14ac:dyDescent="0.15">
      <c r="A428">
        <v>24593</v>
      </c>
      <c r="B428" t="s">
        <v>844</v>
      </c>
      <c r="C428" t="s">
        <v>845</v>
      </c>
    </row>
    <row r="429" spans="1:3" x14ac:dyDescent="0.15">
      <c r="A429">
        <v>24592</v>
      </c>
      <c r="B429" t="s">
        <v>846</v>
      </c>
      <c r="C429" t="s">
        <v>847</v>
      </c>
    </row>
    <row r="430" spans="1:3" x14ac:dyDescent="0.15">
      <c r="A430">
        <v>24591</v>
      </c>
      <c r="B430" t="s">
        <v>848</v>
      </c>
      <c r="C430" t="s">
        <v>849</v>
      </c>
    </row>
    <row r="431" spans="1:3" x14ac:dyDescent="0.15">
      <c r="A431">
        <v>24590</v>
      </c>
      <c r="B431" t="s">
        <v>850</v>
      </c>
      <c r="C431" t="s">
        <v>851</v>
      </c>
    </row>
    <row r="432" spans="1:3" x14ac:dyDescent="0.15">
      <c r="A432">
        <v>24589</v>
      </c>
      <c r="B432" t="s">
        <v>852</v>
      </c>
      <c r="C432" t="s">
        <v>853</v>
      </c>
    </row>
    <row r="433" spans="1:3" x14ac:dyDescent="0.15">
      <c r="A433">
        <v>24588</v>
      </c>
      <c r="B433" t="s">
        <v>854</v>
      </c>
      <c r="C433" t="s">
        <v>855</v>
      </c>
    </row>
    <row r="434" spans="1:3" x14ac:dyDescent="0.15">
      <c r="A434">
        <v>24587</v>
      </c>
      <c r="B434" t="s">
        <v>856</v>
      </c>
      <c r="C434" t="s">
        <v>857</v>
      </c>
    </row>
    <row r="435" spans="1:3" x14ac:dyDescent="0.15">
      <c r="A435">
        <v>24586</v>
      </c>
      <c r="B435" t="s">
        <v>858</v>
      </c>
      <c r="C435" t="s">
        <v>859</v>
      </c>
    </row>
    <row r="436" spans="1:3" x14ac:dyDescent="0.15">
      <c r="A436">
        <v>24585</v>
      </c>
      <c r="B436" t="s">
        <v>860</v>
      </c>
      <c r="C436" t="s">
        <v>861</v>
      </c>
    </row>
    <row r="437" spans="1:3" x14ac:dyDescent="0.15">
      <c r="A437">
        <v>24584</v>
      </c>
      <c r="B437" t="s">
        <v>862</v>
      </c>
      <c r="C437" t="s">
        <v>863</v>
      </c>
    </row>
    <row r="438" spans="1:3" x14ac:dyDescent="0.15">
      <c r="A438">
        <v>24583</v>
      </c>
      <c r="B438" t="s">
        <v>864</v>
      </c>
      <c r="C438" t="s">
        <v>865</v>
      </c>
    </row>
    <row r="439" spans="1:3" x14ac:dyDescent="0.15">
      <c r="A439">
        <v>24582</v>
      </c>
      <c r="B439" t="s">
        <v>866</v>
      </c>
      <c r="C439" t="s">
        <v>867</v>
      </c>
    </row>
    <row r="440" spans="1:3" x14ac:dyDescent="0.15">
      <c r="A440">
        <v>24581</v>
      </c>
      <c r="B440" t="s">
        <v>868</v>
      </c>
      <c r="C440" t="s">
        <v>869</v>
      </c>
    </row>
    <row r="441" spans="1:3" x14ac:dyDescent="0.15">
      <c r="A441">
        <v>24580</v>
      </c>
      <c r="B441" t="s">
        <v>870</v>
      </c>
      <c r="C441" t="s">
        <v>871</v>
      </c>
    </row>
    <row r="442" spans="1:3" x14ac:dyDescent="0.15">
      <c r="A442">
        <v>24579</v>
      </c>
      <c r="B442" t="s">
        <v>872</v>
      </c>
      <c r="C442" t="s">
        <v>873</v>
      </c>
    </row>
    <row r="443" spans="1:3" x14ac:dyDescent="0.15">
      <c r="A443">
        <v>24578</v>
      </c>
      <c r="B443" t="s">
        <v>874</v>
      </c>
      <c r="C443" t="s">
        <v>875</v>
      </c>
    </row>
    <row r="444" spans="1:3" x14ac:dyDescent="0.15">
      <c r="A444">
        <v>24577</v>
      </c>
      <c r="B444" t="s">
        <v>876</v>
      </c>
      <c r="C444" t="s">
        <v>877</v>
      </c>
    </row>
    <row r="445" spans="1:3" x14ac:dyDescent="0.15">
      <c r="A445">
        <v>24576</v>
      </c>
      <c r="B445" t="s">
        <v>878</v>
      </c>
      <c r="C445" t="s">
        <v>879</v>
      </c>
    </row>
    <row r="446" spans="1:3" x14ac:dyDescent="0.15">
      <c r="A446">
        <v>24575</v>
      </c>
      <c r="B446" t="s">
        <v>880</v>
      </c>
      <c r="C446" t="s">
        <v>881</v>
      </c>
    </row>
    <row r="447" spans="1:3" x14ac:dyDescent="0.15">
      <c r="A447">
        <v>24574</v>
      </c>
      <c r="B447" t="s">
        <v>882</v>
      </c>
      <c r="C447" t="s">
        <v>883</v>
      </c>
    </row>
    <row r="448" spans="1:3" x14ac:dyDescent="0.15">
      <c r="A448">
        <v>24573</v>
      </c>
      <c r="B448" t="s">
        <v>884</v>
      </c>
      <c r="C448" t="s">
        <v>885</v>
      </c>
    </row>
    <row r="449" spans="1:3" x14ac:dyDescent="0.15">
      <c r="A449">
        <v>24572</v>
      </c>
      <c r="B449" t="s">
        <v>886</v>
      </c>
      <c r="C449" t="s">
        <v>887</v>
      </c>
    </row>
    <row r="450" spans="1:3" x14ac:dyDescent="0.15">
      <c r="A450">
        <v>24571</v>
      </c>
      <c r="B450" t="s">
        <v>888</v>
      </c>
      <c r="C450" t="s">
        <v>889</v>
      </c>
    </row>
    <row r="451" spans="1:3" x14ac:dyDescent="0.15">
      <c r="A451">
        <v>24570</v>
      </c>
      <c r="B451" t="s">
        <v>890</v>
      </c>
      <c r="C451" t="s">
        <v>891</v>
      </c>
    </row>
    <row r="452" spans="1:3" x14ac:dyDescent="0.15">
      <c r="A452">
        <v>24569</v>
      </c>
      <c r="B452" t="s">
        <v>892</v>
      </c>
      <c r="C452" t="s">
        <v>893</v>
      </c>
    </row>
    <row r="453" spans="1:3" x14ac:dyDescent="0.15">
      <c r="A453">
        <v>24568</v>
      </c>
      <c r="B453" t="s">
        <v>894</v>
      </c>
      <c r="C453" t="s">
        <v>895</v>
      </c>
    </row>
    <row r="454" spans="1:3" x14ac:dyDescent="0.15">
      <c r="A454">
        <v>24567</v>
      </c>
      <c r="B454" t="s">
        <v>896</v>
      </c>
      <c r="C454" t="s">
        <v>897</v>
      </c>
    </row>
    <row r="455" spans="1:3" x14ac:dyDescent="0.15">
      <c r="A455">
        <v>24566</v>
      </c>
      <c r="B455" t="s">
        <v>898</v>
      </c>
      <c r="C455" t="s">
        <v>899</v>
      </c>
    </row>
    <row r="456" spans="1:3" x14ac:dyDescent="0.15">
      <c r="A456">
        <v>24565</v>
      </c>
      <c r="B456" t="s">
        <v>900</v>
      </c>
      <c r="C456" t="s">
        <v>901</v>
      </c>
    </row>
    <row r="457" spans="1:3" x14ac:dyDescent="0.15">
      <c r="A457">
        <v>24564</v>
      </c>
      <c r="B457" t="s">
        <v>902</v>
      </c>
      <c r="C457" t="s">
        <v>903</v>
      </c>
    </row>
    <row r="458" spans="1:3" x14ac:dyDescent="0.15">
      <c r="A458">
        <v>24563</v>
      </c>
      <c r="B458" t="s">
        <v>904</v>
      </c>
      <c r="C458" t="s">
        <v>905</v>
      </c>
    </row>
    <row r="459" spans="1:3" x14ac:dyDescent="0.15">
      <c r="A459">
        <v>24562</v>
      </c>
      <c r="B459" t="s">
        <v>906</v>
      </c>
      <c r="C459" t="s">
        <v>907</v>
      </c>
    </row>
    <row r="460" spans="1:3" x14ac:dyDescent="0.15">
      <c r="A460">
        <v>24561</v>
      </c>
      <c r="B460" t="s">
        <v>908</v>
      </c>
      <c r="C460" t="s">
        <v>909</v>
      </c>
    </row>
    <row r="461" spans="1:3" x14ac:dyDescent="0.15">
      <c r="A461">
        <v>24560</v>
      </c>
      <c r="B461" t="s">
        <v>910</v>
      </c>
      <c r="C461" t="s">
        <v>911</v>
      </c>
    </row>
    <row r="462" spans="1:3" x14ac:dyDescent="0.15">
      <c r="A462">
        <v>24559</v>
      </c>
      <c r="B462" t="s">
        <v>912</v>
      </c>
      <c r="C462" t="s">
        <v>913</v>
      </c>
    </row>
    <row r="463" spans="1:3" x14ac:dyDescent="0.15">
      <c r="A463">
        <v>24558</v>
      </c>
      <c r="B463" t="s">
        <v>914</v>
      </c>
      <c r="C463" t="s">
        <v>915</v>
      </c>
    </row>
    <row r="464" spans="1:3" x14ac:dyDescent="0.15">
      <c r="A464">
        <v>24557</v>
      </c>
      <c r="B464" t="s">
        <v>916</v>
      </c>
      <c r="C464" t="s">
        <v>917</v>
      </c>
    </row>
    <row r="465" spans="1:3" x14ac:dyDescent="0.15">
      <c r="A465">
        <v>24556</v>
      </c>
      <c r="B465" t="s">
        <v>918</v>
      </c>
      <c r="C465" t="s">
        <v>919</v>
      </c>
    </row>
    <row r="466" spans="1:3" x14ac:dyDescent="0.15">
      <c r="A466">
        <v>24555</v>
      </c>
      <c r="B466" t="s">
        <v>920</v>
      </c>
      <c r="C466" t="s">
        <v>921</v>
      </c>
    </row>
    <row r="467" spans="1:3" x14ac:dyDescent="0.15">
      <c r="A467">
        <v>24554</v>
      </c>
      <c r="B467" t="s">
        <v>922</v>
      </c>
      <c r="C467" t="s">
        <v>923</v>
      </c>
    </row>
    <row r="468" spans="1:3" x14ac:dyDescent="0.15">
      <c r="A468">
        <v>24553</v>
      </c>
      <c r="B468" t="s">
        <v>924</v>
      </c>
      <c r="C468" t="s">
        <v>925</v>
      </c>
    </row>
    <row r="469" spans="1:3" x14ac:dyDescent="0.15">
      <c r="A469">
        <v>24552</v>
      </c>
      <c r="B469" t="s">
        <v>926</v>
      </c>
      <c r="C469" t="s">
        <v>927</v>
      </c>
    </row>
    <row r="470" spans="1:3" x14ac:dyDescent="0.15">
      <c r="A470">
        <v>24551</v>
      </c>
      <c r="B470" t="s">
        <v>928</v>
      </c>
      <c r="C470" t="s">
        <v>929</v>
      </c>
    </row>
    <row r="471" spans="1:3" x14ac:dyDescent="0.15">
      <c r="A471">
        <v>24550</v>
      </c>
      <c r="B471" t="s">
        <v>930</v>
      </c>
      <c r="C471" t="s">
        <v>931</v>
      </c>
    </row>
    <row r="472" spans="1:3" x14ac:dyDescent="0.15">
      <c r="A472">
        <v>24549</v>
      </c>
      <c r="B472" t="s">
        <v>932</v>
      </c>
      <c r="C472" t="s">
        <v>933</v>
      </c>
    </row>
    <row r="473" spans="1:3" x14ac:dyDescent="0.15">
      <c r="A473">
        <v>24548</v>
      </c>
      <c r="B473" t="s">
        <v>934</v>
      </c>
      <c r="C473" t="s">
        <v>935</v>
      </c>
    </row>
    <row r="474" spans="1:3" x14ac:dyDescent="0.15">
      <c r="A474">
        <v>24547</v>
      </c>
      <c r="B474" t="s">
        <v>936</v>
      </c>
      <c r="C474" t="s">
        <v>937</v>
      </c>
    </row>
    <row r="475" spans="1:3" x14ac:dyDescent="0.15">
      <c r="A475">
        <v>24546</v>
      </c>
      <c r="B475" t="s">
        <v>938</v>
      </c>
      <c r="C475" t="s">
        <v>939</v>
      </c>
    </row>
    <row r="476" spans="1:3" x14ac:dyDescent="0.15">
      <c r="A476">
        <v>24545</v>
      </c>
      <c r="B476" t="s">
        <v>940</v>
      </c>
      <c r="C476" t="s">
        <v>941</v>
      </c>
    </row>
    <row r="477" spans="1:3" x14ac:dyDescent="0.15">
      <c r="A477">
        <v>24544</v>
      </c>
      <c r="B477" t="s">
        <v>942</v>
      </c>
      <c r="C477" t="s">
        <v>943</v>
      </c>
    </row>
    <row r="478" spans="1:3" x14ac:dyDescent="0.15">
      <c r="A478">
        <v>24543</v>
      </c>
      <c r="B478" t="s">
        <v>944</v>
      </c>
      <c r="C478" t="s">
        <v>945</v>
      </c>
    </row>
    <row r="479" spans="1:3" x14ac:dyDescent="0.15">
      <c r="A479">
        <v>24542</v>
      </c>
      <c r="B479" t="s">
        <v>946</v>
      </c>
      <c r="C479" t="s">
        <v>947</v>
      </c>
    </row>
    <row r="480" spans="1:3" x14ac:dyDescent="0.15">
      <c r="A480">
        <v>24541</v>
      </c>
      <c r="B480" t="s">
        <v>948</v>
      </c>
      <c r="C480" t="s">
        <v>949</v>
      </c>
    </row>
    <row r="481" spans="1:3" x14ac:dyDescent="0.15">
      <c r="A481">
        <v>24540</v>
      </c>
      <c r="B481" t="s">
        <v>950</v>
      </c>
      <c r="C481" t="s">
        <v>951</v>
      </c>
    </row>
    <row r="482" spans="1:3" x14ac:dyDescent="0.15">
      <c r="A482">
        <v>24539</v>
      </c>
      <c r="B482" t="s">
        <v>952</v>
      </c>
      <c r="C482" t="s">
        <v>953</v>
      </c>
    </row>
    <row r="483" spans="1:3" x14ac:dyDescent="0.15">
      <c r="A483">
        <v>24538</v>
      </c>
      <c r="B483" t="s">
        <v>954</v>
      </c>
      <c r="C483" t="s">
        <v>955</v>
      </c>
    </row>
    <row r="484" spans="1:3" x14ac:dyDescent="0.15">
      <c r="A484">
        <v>24537</v>
      </c>
      <c r="B484" t="s">
        <v>956</v>
      </c>
      <c r="C484" t="s">
        <v>957</v>
      </c>
    </row>
    <row r="485" spans="1:3" x14ac:dyDescent="0.15">
      <c r="A485">
        <v>24536</v>
      </c>
      <c r="B485" t="s">
        <v>958</v>
      </c>
      <c r="C485" t="s">
        <v>959</v>
      </c>
    </row>
    <row r="486" spans="1:3" x14ac:dyDescent="0.15">
      <c r="A486">
        <v>24535</v>
      </c>
      <c r="B486" t="s">
        <v>960</v>
      </c>
      <c r="C486" t="s">
        <v>961</v>
      </c>
    </row>
    <row r="487" spans="1:3" x14ac:dyDescent="0.15">
      <c r="A487">
        <v>24534</v>
      </c>
      <c r="B487" t="s">
        <v>962</v>
      </c>
      <c r="C487" t="s">
        <v>963</v>
      </c>
    </row>
    <row r="488" spans="1:3" x14ac:dyDescent="0.15">
      <c r="A488">
        <v>24533</v>
      </c>
      <c r="B488" t="s">
        <v>964</v>
      </c>
      <c r="C488" t="s">
        <v>965</v>
      </c>
    </row>
    <row r="489" spans="1:3" x14ac:dyDescent="0.15">
      <c r="A489">
        <v>24532</v>
      </c>
      <c r="B489" t="s">
        <v>966</v>
      </c>
      <c r="C489" t="s">
        <v>967</v>
      </c>
    </row>
    <row r="490" spans="1:3" x14ac:dyDescent="0.15">
      <c r="A490">
        <v>24531</v>
      </c>
      <c r="B490" t="s">
        <v>968</v>
      </c>
      <c r="C490" t="s">
        <v>969</v>
      </c>
    </row>
    <row r="491" spans="1:3" x14ac:dyDescent="0.15">
      <c r="A491">
        <v>24530</v>
      </c>
      <c r="B491" t="s">
        <v>970</v>
      </c>
      <c r="C491" t="s">
        <v>971</v>
      </c>
    </row>
    <row r="492" spans="1:3" x14ac:dyDescent="0.15">
      <c r="A492">
        <v>24529</v>
      </c>
      <c r="B492" t="s">
        <v>972</v>
      </c>
      <c r="C492" t="s">
        <v>973</v>
      </c>
    </row>
    <row r="493" spans="1:3" x14ac:dyDescent="0.15">
      <c r="A493">
        <v>24528</v>
      </c>
      <c r="B493" t="s">
        <v>974</v>
      </c>
      <c r="C493" t="s">
        <v>975</v>
      </c>
    </row>
    <row r="494" spans="1:3" x14ac:dyDescent="0.15">
      <c r="A494">
        <v>24527</v>
      </c>
      <c r="B494" t="s">
        <v>976</v>
      </c>
      <c r="C494" t="s">
        <v>977</v>
      </c>
    </row>
    <row r="495" spans="1:3" x14ac:dyDescent="0.15">
      <c r="A495">
        <v>24526</v>
      </c>
      <c r="B495" t="s">
        <v>978</v>
      </c>
      <c r="C495" t="s">
        <v>979</v>
      </c>
    </row>
    <row r="496" spans="1:3" x14ac:dyDescent="0.15">
      <c r="A496">
        <v>24525</v>
      </c>
      <c r="B496" t="s">
        <v>980</v>
      </c>
      <c r="C496" t="s">
        <v>981</v>
      </c>
    </row>
    <row r="497" spans="1:3" x14ac:dyDescent="0.15">
      <c r="A497">
        <v>24524</v>
      </c>
      <c r="B497" t="s">
        <v>982</v>
      </c>
      <c r="C497" t="s">
        <v>983</v>
      </c>
    </row>
    <row r="498" spans="1:3" x14ac:dyDescent="0.15">
      <c r="A498">
        <v>24523</v>
      </c>
      <c r="B498" t="s">
        <v>984</v>
      </c>
      <c r="C498" t="s">
        <v>985</v>
      </c>
    </row>
    <row r="499" spans="1:3" x14ac:dyDescent="0.15">
      <c r="A499">
        <v>24522</v>
      </c>
      <c r="B499" t="s">
        <v>986</v>
      </c>
      <c r="C499" t="s">
        <v>987</v>
      </c>
    </row>
    <row r="500" spans="1:3" x14ac:dyDescent="0.15">
      <c r="A500">
        <v>24521</v>
      </c>
      <c r="B500" t="s">
        <v>988</v>
      </c>
      <c r="C500" t="s">
        <v>989</v>
      </c>
    </row>
    <row r="501" spans="1:3" x14ac:dyDescent="0.15">
      <c r="A501">
        <v>24520</v>
      </c>
      <c r="B501" t="s">
        <v>990</v>
      </c>
      <c r="C501" t="s">
        <v>991</v>
      </c>
    </row>
    <row r="502" spans="1:3" x14ac:dyDescent="0.15">
      <c r="A502">
        <v>24519</v>
      </c>
      <c r="B502" t="s">
        <v>992</v>
      </c>
      <c r="C502" t="s">
        <v>993</v>
      </c>
    </row>
    <row r="503" spans="1:3" x14ac:dyDescent="0.15">
      <c r="A503">
        <v>24518</v>
      </c>
      <c r="B503" t="s">
        <v>994</v>
      </c>
      <c r="C503" t="s">
        <v>995</v>
      </c>
    </row>
    <row r="504" spans="1:3" x14ac:dyDescent="0.15">
      <c r="A504">
        <v>24517</v>
      </c>
      <c r="B504" t="s">
        <v>996</v>
      </c>
      <c r="C504" t="s">
        <v>997</v>
      </c>
    </row>
    <row r="505" spans="1:3" x14ac:dyDescent="0.15">
      <c r="A505">
        <v>24516</v>
      </c>
      <c r="B505" t="s">
        <v>998</v>
      </c>
      <c r="C505" t="s">
        <v>999</v>
      </c>
    </row>
    <row r="506" spans="1:3" x14ac:dyDescent="0.15">
      <c r="A506">
        <v>24515</v>
      </c>
      <c r="B506" t="s">
        <v>1000</v>
      </c>
      <c r="C506" t="s">
        <v>1001</v>
      </c>
    </row>
    <row r="507" spans="1:3" x14ac:dyDescent="0.15">
      <c r="A507">
        <v>24514</v>
      </c>
      <c r="B507" t="s">
        <v>1002</v>
      </c>
      <c r="C507" t="s">
        <v>1003</v>
      </c>
    </row>
    <row r="508" spans="1:3" x14ac:dyDescent="0.15">
      <c r="A508">
        <v>24513</v>
      </c>
      <c r="B508" t="s">
        <v>1004</v>
      </c>
      <c r="C508" t="s">
        <v>1005</v>
      </c>
    </row>
    <row r="509" spans="1:3" x14ac:dyDescent="0.15">
      <c r="A509">
        <v>24512</v>
      </c>
      <c r="B509" t="s">
        <v>1006</v>
      </c>
      <c r="C509" t="s">
        <v>1007</v>
      </c>
    </row>
    <row r="510" spans="1:3" x14ac:dyDescent="0.15">
      <c r="A510">
        <v>24511</v>
      </c>
      <c r="B510" t="s">
        <v>1008</v>
      </c>
      <c r="C510" t="s">
        <v>1009</v>
      </c>
    </row>
    <row r="511" spans="1:3" x14ac:dyDescent="0.15">
      <c r="A511">
        <v>24510</v>
      </c>
      <c r="B511" t="s">
        <v>1010</v>
      </c>
      <c r="C511" t="s">
        <v>1011</v>
      </c>
    </row>
    <row r="512" spans="1:3" x14ac:dyDescent="0.15">
      <c r="A512">
        <v>24509</v>
      </c>
      <c r="B512" t="s">
        <v>1012</v>
      </c>
      <c r="C512" t="s">
        <v>1013</v>
      </c>
    </row>
    <row r="513" spans="1:3" x14ac:dyDescent="0.15">
      <c r="A513">
        <v>24508</v>
      </c>
      <c r="B513" t="s">
        <v>1014</v>
      </c>
      <c r="C513" t="s">
        <v>1015</v>
      </c>
    </row>
    <row r="514" spans="1:3" x14ac:dyDescent="0.15">
      <c r="A514">
        <v>24507</v>
      </c>
      <c r="B514" t="s">
        <v>1016</v>
      </c>
      <c r="C514" t="s">
        <v>1017</v>
      </c>
    </row>
    <row r="515" spans="1:3" x14ac:dyDescent="0.15">
      <c r="A515">
        <v>24506</v>
      </c>
      <c r="B515" t="s">
        <v>1018</v>
      </c>
      <c r="C515" t="s">
        <v>1019</v>
      </c>
    </row>
    <row r="516" spans="1:3" x14ac:dyDescent="0.15">
      <c r="A516">
        <v>24505</v>
      </c>
      <c r="B516" t="s">
        <v>1020</v>
      </c>
      <c r="C516" t="s">
        <v>1021</v>
      </c>
    </row>
    <row r="517" spans="1:3" x14ac:dyDescent="0.15">
      <c r="A517">
        <v>24504</v>
      </c>
      <c r="B517" t="s">
        <v>1022</v>
      </c>
      <c r="C517" t="s">
        <v>1023</v>
      </c>
    </row>
    <row r="518" spans="1:3" x14ac:dyDescent="0.15">
      <c r="A518">
        <v>24503</v>
      </c>
      <c r="B518" t="s">
        <v>1024</v>
      </c>
      <c r="C518" t="s">
        <v>1025</v>
      </c>
    </row>
    <row r="519" spans="1:3" x14ac:dyDescent="0.15">
      <c r="A519">
        <v>24502</v>
      </c>
      <c r="B519" t="s">
        <v>1026</v>
      </c>
      <c r="C519" t="s">
        <v>1027</v>
      </c>
    </row>
    <row r="520" spans="1:3" x14ac:dyDescent="0.15">
      <c r="A520">
        <v>24501</v>
      </c>
      <c r="B520" t="s">
        <v>1028</v>
      </c>
      <c r="C520" t="s">
        <v>1029</v>
      </c>
    </row>
    <row r="521" spans="1:3" x14ac:dyDescent="0.15">
      <c r="A521">
        <v>24500</v>
      </c>
      <c r="B521" t="s">
        <v>1030</v>
      </c>
      <c r="C521" t="s">
        <v>1031</v>
      </c>
    </row>
    <row r="522" spans="1:3" x14ac:dyDescent="0.15">
      <c r="A522">
        <v>24499</v>
      </c>
      <c r="B522" t="s">
        <v>1032</v>
      </c>
      <c r="C522" t="s">
        <v>1033</v>
      </c>
    </row>
    <row r="523" spans="1:3" x14ac:dyDescent="0.15">
      <c r="A523">
        <v>24498</v>
      </c>
      <c r="B523" t="s">
        <v>1034</v>
      </c>
      <c r="C523" t="s">
        <v>1035</v>
      </c>
    </row>
    <row r="524" spans="1:3" x14ac:dyDescent="0.15">
      <c r="A524">
        <v>24497</v>
      </c>
      <c r="B524" t="s">
        <v>1036</v>
      </c>
      <c r="C524" t="s">
        <v>1037</v>
      </c>
    </row>
    <row r="525" spans="1:3" x14ac:dyDescent="0.15">
      <c r="A525">
        <v>24496</v>
      </c>
      <c r="B525" t="s">
        <v>1038</v>
      </c>
      <c r="C525" t="s">
        <v>1039</v>
      </c>
    </row>
    <row r="526" spans="1:3" x14ac:dyDescent="0.15">
      <c r="A526">
        <v>24495</v>
      </c>
      <c r="B526" t="s">
        <v>1040</v>
      </c>
      <c r="C526" t="s">
        <v>1041</v>
      </c>
    </row>
    <row r="527" spans="1:3" x14ac:dyDescent="0.15">
      <c r="A527">
        <v>24494</v>
      </c>
      <c r="B527" t="s">
        <v>1042</v>
      </c>
      <c r="C527" t="s">
        <v>1043</v>
      </c>
    </row>
    <row r="528" spans="1:3" x14ac:dyDescent="0.15">
      <c r="A528">
        <v>24493</v>
      </c>
      <c r="B528" t="s">
        <v>1044</v>
      </c>
      <c r="C528" t="s">
        <v>1045</v>
      </c>
    </row>
    <row r="529" spans="1:3" x14ac:dyDescent="0.15">
      <c r="A529">
        <v>24492</v>
      </c>
      <c r="B529" t="s">
        <v>1046</v>
      </c>
      <c r="C529" t="s">
        <v>1047</v>
      </c>
    </row>
    <row r="530" spans="1:3" x14ac:dyDescent="0.15">
      <c r="A530">
        <v>24491</v>
      </c>
      <c r="B530" t="s">
        <v>1048</v>
      </c>
      <c r="C530" t="s">
        <v>1049</v>
      </c>
    </row>
    <row r="531" spans="1:3" x14ac:dyDescent="0.15">
      <c r="A531">
        <v>24490</v>
      </c>
      <c r="B531" t="s">
        <v>1050</v>
      </c>
      <c r="C531" t="s">
        <v>1051</v>
      </c>
    </row>
    <row r="532" spans="1:3" x14ac:dyDescent="0.15">
      <c r="A532">
        <v>24489</v>
      </c>
      <c r="B532" t="s">
        <v>1052</v>
      </c>
      <c r="C532" t="s">
        <v>1053</v>
      </c>
    </row>
    <row r="533" spans="1:3" x14ac:dyDescent="0.15">
      <c r="A533">
        <v>24488</v>
      </c>
      <c r="B533" t="s">
        <v>1054</v>
      </c>
      <c r="C533" t="s">
        <v>1055</v>
      </c>
    </row>
    <row r="534" spans="1:3" x14ac:dyDescent="0.15">
      <c r="A534">
        <v>24487</v>
      </c>
      <c r="B534" t="s">
        <v>1056</v>
      </c>
      <c r="C534" t="s">
        <v>1057</v>
      </c>
    </row>
    <row r="535" spans="1:3" x14ac:dyDescent="0.15">
      <c r="A535">
        <v>24486</v>
      </c>
      <c r="B535" t="s">
        <v>1058</v>
      </c>
      <c r="C535" t="s">
        <v>1059</v>
      </c>
    </row>
    <row r="536" spans="1:3" x14ac:dyDescent="0.15">
      <c r="A536">
        <v>24485</v>
      </c>
      <c r="B536" t="s">
        <v>1060</v>
      </c>
      <c r="C536" t="s">
        <v>1061</v>
      </c>
    </row>
    <row r="537" spans="1:3" x14ac:dyDescent="0.15">
      <c r="A537">
        <v>24484</v>
      </c>
      <c r="B537" t="s">
        <v>1062</v>
      </c>
      <c r="C537" t="s">
        <v>1063</v>
      </c>
    </row>
    <row r="538" spans="1:3" x14ac:dyDescent="0.15">
      <c r="A538">
        <v>24483</v>
      </c>
      <c r="B538" t="s">
        <v>1064</v>
      </c>
      <c r="C538" t="s">
        <v>1065</v>
      </c>
    </row>
    <row r="539" spans="1:3" x14ac:dyDescent="0.15">
      <c r="A539">
        <v>24482</v>
      </c>
      <c r="B539" t="s">
        <v>1066</v>
      </c>
      <c r="C539" t="s">
        <v>1067</v>
      </c>
    </row>
    <row r="540" spans="1:3" x14ac:dyDescent="0.15">
      <c r="A540">
        <v>24481</v>
      </c>
      <c r="B540" t="s">
        <v>1068</v>
      </c>
      <c r="C540" t="s">
        <v>1069</v>
      </c>
    </row>
    <row r="541" spans="1:3" x14ac:dyDescent="0.15">
      <c r="A541">
        <v>24480</v>
      </c>
      <c r="B541" t="s">
        <v>1070</v>
      </c>
      <c r="C541" t="s">
        <v>1071</v>
      </c>
    </row>
    <row r="542" spans="1:3" x14ac:dyDescent="0.15">
      <c r="A542">
        <v>24479</v>
      </c>
      <c r="B542" t="s">
        <v>1072</v>
      </c>
      <c r="C542" t="s">
        <v>1073</v>
      </c>
    </row>
    <row r="543" spans="1:3" x14ac:dyDescent="0.15">
      <c r="A543">
        <v>24478</v>
      </c>
      <c r="B543" t="s">
        <v>1074</v>
      </c>
      <c r="C543" t="s">
        <v>1075</v>
      </c>
    </row>
    <row r="544" spans="1:3" x14ac:dyDescent="0.15">
      <c r="A544">
        <v>24477</v>
      </c>
      <c r="B544" t="s">
        <v>1076</v>
      </c>
      <c r="C544" t="s">
        <v>1077</v>
      </c>
    </row>
    <row r="545" spans="1:3" x14ac:dyDescent="0.15">
      <c r="A545">
        <v>24476</v>
      </c>
      <c r="B545" t="s">
        <v>1078</v>
      </c>
      <c r="C545" t="s">
        <v>1079</v>
      </c>
    </row>
    <row r="546" spans="1:3" x14ac:dyDescent="0.15">
      <c r="A546">
        <v>24475</v>
      </c>
      <c r="B546" t="s">
        <v>1080</v>
      </c>
      <c r="C546" t="s">
        <v>1081</v>
      </c>
    </row>
    <row r="547" spans="1:3" x14ac:dyDescent="0.15">
      <c r="A547">
        <v>24474</v>
      </c>
      <c r="B547" t="s">
        <v>1082</v>
      </c>
      <c r="C547" t="s">
        <v>1083</v>
      </c>
    </row>
    <row r="548" spans="1:3" x14ac:dyDescent="0.15">
      <c r="A548">
        <v>24473</v>
      </c>
      <c r="B548" t="s">
        <v>1084</v>
      </c>
      <c r="C548" t="s">
        <v>1085</v>
      </c>
    </row>
    <row r="549" spans="1:3" x14ac:dyDescent="0.15">
      <c r="A549">
        <v>24472</v>
      </c>
      <c r="B549" t="s">
        <v>1086</v>
      </c>
      <c r="C549" t="s">
        <v>1087</v>
      </c>
    </row>
    <row r="550" spans="1:3" x14ac:dyDescent="0.15">
      <c r="A550">
        <v>24471</v>
      </c>
      <c r="B550" t="s">
        <v>1088</v>
      </c>
      <c r="C550" t="s">
        <v>1089</v>
      </c>
    </row>
    <row r="551" spans="1:3" x14ac:dyDescent="0.15">
      <c r="A551">
        <v>24470</v>
      </c>
      <c r="B551" t="s">
        <v>1090</v>
      </c>
      <c r="C551" t="s">
        <v>1091</v>
      </c>
    </row>
    <row r="552" spans="1:3" x14ac:dyDescent="0.15">
      <c r="A552">
        <v>24469</v>
      </c>
      <c r="B552" t="s">
        <v>1092</v>
      </c>
      <c r="C552" t="s">
        <v>1093</v>
      </c>
    </row>
    <row r="553" spans="1:3" x14ac:dyDescent="0.15">
      <c r="A553">
        <v>24468</v>
      </c>
      <c r="B553" t="s">
        <v>1094</v>
      </c>
      <c r="C553" t="s">
        <v>1095</v>
      </c>
    </row>
    <row r="554" spans="1:3" x14ac:dyDescent="0.15">
      <c r="A554">
        <v>24467</v>
      </c>
      <c r="B554" t="s">
        <v>1096</v>
      </c>
      <c r="C554" t="s">
        <v>1097</v>
      </c>
    </row>
    <row r="555" spans="1:3" x14ac:dyDescent="0.15">
      <c r="A555">
        <v>24466</v>
      </c>
      <c r="B555" t="s">
        <v>1098</v>
      </c>
      <c r="C555" t="s">
        <v>1099</v>
      </c>
    </row>
    <row r="556" spans="1:3" x14ac:dyDescent="0.15">
      <c r="A556">
        <v>24465</v>
      </c>
      <c r="B556" t="s">
        <v>1100</v>
      </c>
      <c r="C556" t="s">
        <v>1101</v>
      </c>
    </row>
    <row r="557" spans="1:3" x14ac:dyDescent="0.15">
      <c r="A557">
        <v>24464</v>
      </c>
      <c r="B557" t="s">
        <v>1102</v>
      </c>
      <c r="C557" t="s">
        <v>1103</v>
      </c>
    </row>
    <row r="558" spans="1:3" x14ac:dyDescent="0.15">
      <c r="A558">
        <v>24463</v>
      </c>
      <c r="B558" t="s">
        <v>1104</v>
      </c>
      <c r="C558" t="s">
        <v>1105</v>
      </c>
    </row>
    <row r="559" spans="1:3" x14ac:dyDescent="0.15">
      <c r="A559">
        <v>24462</v>
      </c>
      <c r="B559" t="s">
        <v>1106</v>
      </c>
      <c r="C559" t="s">
        <v>1107</v>
      </c>
    </row>
    <row r="560" spans="1:3" x14ac:dyDescent="0.15">
      <c r="A560">
        <v>24461</v>
      </c>
      <c r="B560" t="s">
        <v>1108</v>
      </c>
      <c r="C560" t="s">
        <v>1109</v>
      </c>
    </row>
    <row r="561" spans="1:3" x14ac:dyDescent="0.15">
      <c r="A561">
        <v>24460</v>
      </c>
      <c r="B561" t="s">
        <v>1110</v>
      </c>
      <c r="C561" t="s">
        <v>1111</v>
      </c>
    </row>
    <row r="562" spans="1:3" x14ac:dyDescent="0.15">
      <c r="A562">
        <v>24459</v>
      </c>
      <c r="B562" t="s">
        <v>1112</v>
      </c>
      <c r="C562" t="s">
        <v>1113</v>
      </c>
    </row>
    <row r="563" spans="1:3" x14ac:dyDescent="0.15">
      <c r="A563">
        <v>24458</v>
      </c>
      <c r="B563" t="s">
        <v>1114</v>
      </c>
      <c r="C563" t="s">
        <v>1115</v>
      </c>
    </row>
    <row r="564" spans="1:3" x14ac:dyDescent="0.15">
      <c r="A564">
        <v>24457</v>
      </c>
      <c r="B564" t="s">
        <v>1116</v>
      </c>
      <c r="C564" t="s">
        <v>1117</v>
      </c>
    </row>
    <row r="565" spans="1:3" x14ac:dyDescent="0.15">
      <c r="A565">
        <v>24456</v>
      </c>
      <c r="B565" t="s">
        <v>1118</v>
      </c>
      <c r="C565" t="s">
        <v>1119</v>
      </c>
    </row>
    <row r="566" spans="1:3" x14ac:dyDescent="0.15">
      <c r="A566">
        <v>24455</v>
      </c>
      <c r="B566" t="s">
        <v>1120</v>
      </c>
      <c r="C566" t="s">
        <v>1121</v>
      </c>
    </row>
    <row r="567" spans="1:3" x14ac:dyDescent="0.15">
      <c r="A567">
        <v>24454</v>
      </c>
      <c r="B567" t="s">
        <v>1122</v>
      </c>
      <c r="C567" t="s">
        <v>1123</v>
      </c>
    </row>
    <row r="568" spans="1:3" x14ac:dyDescent="0.15">
      <c r="A568">
        <v>24453</v>
      </c>
      <c r="B568" t="s">
        <v>1124</v>
      </c>
      <c r="C568" t="s">
        <v>1125</v>
      </c>
    </row>
    <row r="569" spans="1:3" x14ac:dyDescent="0.15">
      <c r="A569">
        <v>24452</v>
      </c>
      <c r="B569" t="s">
        <v>1126</v>
      </c>
      <c r="C569" t="s">
        <v>1127</v>
      </c>
    </row>
    <row r="570" spans="1:3" x14ac:dyDescent="0.15">
      <c r="A570">
        <v>24451</v>
      </c>
      <c r="B570" t="s">
        <v>1128</v>
      </c>
      <c r="C570" t="s">
        <v>1129</v>
      </c>
    </row>
    <row r="571" spans="1:3" x14ac:dyDescent="0.15">
      <c r="A571">
        <v>24450</v>
      </c>
      <c r="B571" t="s">
        <v>1130</v>
      </c>
      <c r="C571" t="s">
        <v>1131</v>
      </c>
    </row>
    <row r="572" spans="1:3" x14ac:dyDescent="0.15">
      <c r="A572">
        <v>24449</v>
      </c>
      <c r="B572" t="s">
        <v>1132</v>
      </c>
      <c r="C572" t="s">
        <v>1133</v>
      </c>
    </row>
    <row r="573" spans="1:3" x14ac:dyDescent="0.15">
      <c r="A573">
        <v>24448</v>
      </c>
      <c r="B573" t="s">
        <v>1134</v>
      </c>
      <c r="C573" t="s">
        <v>1135</v>
      </c>
    </row>
    <row r="574" spans="1:3" x14ac:dyDescent="0.15">
      <c r="A574">
        <v>24447</v>
      </c>
      <c r="B574" t="s">
        <v>1136</v>
      </c>
      <c r="C574" t="s">
        <v>1137</v>
      </c>
    </row>
    <row r="575" spans="1:3" x14ac:dyDescent="0.15">
      <c r="A575">
        <v>24446</v>
      </c>
      <c r="B575" t="s">
        <v>1138</v>
      </c>
      <c r="C575" t="s">
        <v>1139</v>
      </c>
    </row>
    <row r="576" spans="1:3" x14ac:dyDescent="0.15">
      <c r="A576">
        <v>24445</v>
      </c>
      <c r="B576" t="s">
        <v>1140</v>
      </c>
      <c r="C576" t="s">
        <v>1141</v>
      </c>
    </row>
    <row r="577" spans="1:3" x14ac:dyDescent="0.15">
      <c r="A577">
        <v>24444</v>
      </c>
      <c r="B577" t="s">
        <v>1142</v>
      </c>
      <c r="C577" t="s">
        <v>1143</v>
      </c>
    </row>
    <row r="578" spans="1:3" x14ac:dyDescent="0.15">
      <c r="A578">
        <v>24443</v>
      </c>
      <c r="B578" t="s">
        <v>1144</v>
      </c>
      <c r="C578" t="s">
        <v>1145</v>
      </c>
    </row>
    <row r="579" spans="1:3" x14ac:dyDescent="0.15">
      <c r="A579">
        <v>24442</v>
      </c>
      <c r="B579" t="s">
        <v>1146</v>
      </c>
      <c r="C579" t="s">
        <v>1147</v>
      </c>
    </row>
    <row r="580" spans="1:3" x14ac:dyDescent="0.15">
      <c r="A580">
        <v>24441</v>
      </c>
      <c r="B580" t="s">
        <v>1148</v>
      </c>
      <c r="C580" t="s">
        <v>1149</v>
      </c>
    </row>
    <row r="581" spans="1:3" x14ac:dyDescent="0.15">
      <c r="A581">
        <v>24440</v>
      </c>
      <c r="B581" t="s">
        <v>1150</v>
      </c>
      <c r="C581" t="s">
        <v>1151</v>
      </c>
    </row>
    <row r="582" spans="1:3" x14ac:dyDescent="0.15">
      <c r="A582">
        <v>24439</v>
      </c>
      <c r="B582" t="s">
        <v>1152</v>
      </c>
      <c r="C582" t="s">
        <v>1153</v>
      </c>
    </row>
    <row r="583" spans="1:3" x14ac:dyDescent="0.15">
      <c r="A583">
        <v>24438</v>
      </c>
      <c r="B583" t="s">
        <v>1154</v>
      </c>
      <c r="C583" t="s">
        <v>1155</v>
      </c>
    </row>
    <row r="584" spans="1:3" x14ac:dyDescent="0.15">
      <c r="A584">
        <v>24437</v>
      </c>
      <c r="B584" t="s">
        <v>1156</v>
      </c>
      <c r="C584" t="s">
        <v>1157</v>
      </c>
    </row>
    <row r="585" spans="1:3" x14ac:dyDescent="0.15">
      <c r="A585">
        <v>24436</v>
      </c>
      <c r="B585" t="s">
        <v>1158</v>
      </c>
      <c r="C585" t="s">
        <v>1159</v>
      </c>
    </row>
    <row r="586" spans="1:3" x14ac:dyDescent="0.15">
      <c r="A586">
        <v>24435</v>
      </c>
      <c r="B586" t="s">
        <v>1160</v>
      </c>
      <c r="C586" t="s">
        <v>1161</v>
      </c>
    </row>
    <row r="587" spans="1:3" x14ac:dyDescent="0.15">
      <c r="A587">
        <v>24434</v>
      </c>
      <c r="B587" t="s">
        <v>1162</v>
      </c>
      <c r="C587" t="s">
        <v>1163</v>
      </c>
    </row>
    <row r="588" spans="1:3" x14ac:dyDescent="0.15">
      <c r="A588">
        <v>24433</v>
      </c>
      <c r="B588" t="s">
        <v>1164</v>
      </c>
      <c r="C588" t="s">
        <v>1165</v>
      </c>
    </row>
    <row r="589" spans="1:3" x14ac:dyDescent="0.15">
      <c r="A589">
        <v>24432</v>
      </c>
      <c r="B589" t="s">
        <v>1166</v>
      </c>
      <c r="C589" t="s">
        <v>1167</v>
      </c>
    </row>
    <row r="590" spans="1:3" x14ac:dyDescent="0.15">
      <c r="A590">
        <v>24431</v>
      </c>
      <c r="B590" t="s">
        <v>1168</v>
      </c>
      <c r="C590" t="s">
        <v>1169</v>
      </c>
    </row>
    <row r="591" spans="1:3" x14ac:dyDescent="0.15">
      <c r="A591">
        <v>24430</v>
      </c>
      <c r="B591" t="s">
        <v>1170</v>
      </c>
      <c r="C591" t="s">
        <v>1171</v>
      </c>
    </row>
    <row r="592" spans="1:3" x14ac:dyDescent="0.15">
      <c r="A592">
        <v>24429</v>
      </c>
      <c r="B592" t="s">
        <v>1172</v>
      </c>
      <c r="C592" t="s">
        <v>1173</v>
      </c>
    </row>
    <row r="593" spans="1:3" x14ac:dyDescent="0.15">
      <c r="A593">
        <v>24428</v>
      </c>
      <c r="B593" t="s">
        <v>1174</v>
      </c>
      <c r="C593" t="s">
        <v>1175</v>
      </c>
    </row>
    <row r="594" spans="1:3" x14ac:dyDescent="0.15">
      <c r="A594">
        <v>24427</v>
      </c>
      <c r="B594" t="s">
        <v>1176</v>
      </c>
      <c r="C594" t="s">
        <v>1177</v>
      </c>
    </row>
    <row r="595" spans="1:3" x14ac:dyDescent="0.15">
      <c r="A595">
        <v>24426</v>
      </c>
      <c r="B595" t="s">
        <v>1178</v>
      </c>
      <c r="C595" t="s">
        <v>1179</v>
      </c>
    </row>
    <row r="596" spans="1:3" x14ac:dyDescent="0.15">
      <c r="A596">
        <v>24425</v>
      </c>
      <c r="B596" t="s">
        <v>1180</v>
      </c>
      <c r="C596" t="s">
        <v>1181</v>
      </c>
    </row>
    <row r="597" spans="1:3" x14ac:dyDescent="0.15">
      <c r="A597">
        <v>24424</v>
      </c>
      <c r="B597" t="s">
        <v>1182</v>
      </c>
      <c r="C597" t="s">
        <v>1183</v>
      </c>
    </row>
    <row r="598" spans="1:3" x14ac:dyDescent="0.15">
      <c r="A598">
        <v>24423</v>
      </c>
      <c r="B598" t="s">
        <v>1184</v>
      </c>
      <c r="C598" t="s">
        <v>1185</v>
      </c>
    </row>
    <row r="599" spans="1:3" x14ac:dyDescent="0.15">
      <c r="A599">
        <v>24422</v>
      </c>
      <c r="B599" t="s">
        <v>1186</v>
      </c>
      <c r="C599" t="s">
        <v>1187</v>
      </c>
    </row>
    <row r="600" spans="1:3" x14ac:dyDescent="0.15">
      <c r="A600">
        <v>24421</v>
      </c>
      <c r="B600" t="s">
        <v>1188</v>
      </c>
      <c r="C600" t="s">
        <v>1189</v>
      </c>
    </row>
    <row r="601" spans="1:3" x14ac:dyDescent="0.15">
      <c r="A601">
        <v>24420</v>
      </c>
      <c r="B601" t="s">
        <v>1190</v>
      </c>
      <c r="C601" t="s">
        <v>1191</v>
      </c>
    </row>
    <row r="602" spans="1:3" x14ac:dyDescent="0.15">
      <c r="A602">
        <v>24419</v>
      </c>
      <c r="B602" t="s">
        <v>1192</v>
      </c>
      <c r="C602" t="s">
        <v>1193</v>
      </c>
    </row>
    <row r="603" spans="1:3" x14ac:dyDescent="0.15">
      <c r="A603">
        <v>24418</v>
      </c>
      <c r="B603" t="s">
        <v>1194</v>
      </c>
      <c r="C603" t="s">
        <v>1195</v>
      </c>
    </row>
    <row r="604" spans="1:3" x14ac:dyDescent="0.15">
      <c r="A604">
        <v>24417</v>
      </c>
      <c r="B604" t="s">
        <v>1196</v>
      </c>
      <c r="C604" t="s">
        <v>1197</v>
      </c>
    </row>
    <row r="605" spans="1:3" x14ac:dyDescent="0.15">
      <c r="A605">
        <v>24416</v>
      </c>
      <c r="B605" t="s">
        <v>1198</v>
      </c>
      <c r="C605" t="s">
        <v>1199</v>
      </c>
    </row>
    <row r="606" spans="1:3" x14ac:dyDescent="0.15">
      <c r="A606">
        <v>24415</v>
      </c>
      <c r="B606" t="s">
        <v>1200</v>
      </c>
      <c r="C606" t="s">
        <v>1201</v>
      </c>
    </row>
    <row r="607" spans="1:3" x14ac:dyDescent="0.15">
      <c r="A607">
        <v>24414</v>
      </c>
      <c r="B607" t="s">
        <v>1202</v>
      </c>
      <c r="C607" t="s">
        <v>1203</v>
      </c>
    </row>
    <row r="608" spans="1:3" x14ac:dyDescent="0.15">
      <c r="A608">
        <v>24413</v>
      </c>
      <c r="B608" t="s">
        <v>1204</v>
      </c>
      <c r="C608" t="s">
        <v>1205</v>
      </c>
    </row>
    <row r="609" spans="1:3" x14ac:dyDescent="0.15">
      <c r="A609">
        <v>24412</v>
      </c>
      <c r="B609" t="s">
        <v>1206</v>
      </c>
      <c r="C609" t="s">
        <v>1207</v>
      </c>
    </row>
    <row r="610" spans="1:3" x14ac:dyDescent="0.15">
      <c r="A610">
        <v>24411</v>
      </c>
      <c r="B610" t="s">
        <v>1208</v>
      </c>
      <c r="C610" t="s">
        <v>1209</v>
      </c>
    </row>
    <row r="611" spans="1:3" x14ac:dyDescent="0.15">
      <c r="A611">
        <v>24410</v>
      </c>
      <c r="B611" t="s">
        <v>1210</v>
      </c>
      <c r="C611" t="s">
        <v>1211</v>
      </c>
    </row>
    <row r="612" spans="1:3" x14ac:dyDescent="0.15">
      <c r="A612">
        <v>24409</v>
      </c>
      <c r="B612" t="s">
        <v>1212</v>
      </c>
      <c r="C612" t="s">
        <v>1213</v>
      </c>
    </row>
    <row r="613" spans="1:3" x14ac:dyDescent="0.15">
      <c r="A613">
        <v>24408</v>
      </c>
      <c r="B613" t="s">
        <v>1214</v>
      </c>
      <c r="C613" t="s">
        <v>1215</v>
      </c>
    </row>
    <row r="614" spans="1:3" x14ac:dyDescent="0.15">
      <c r="A614">
        <v>24407</v>
      </c>
      <c r="B614" t="s">
        <v>1216</v>
      </c>
      <c r="C614" t="s">
        <v>1217</v>
      </c>
    </row>
    <row r="615" spans="1:3" x14ac:dyDescent="0.15">
      <c r="A615">
        <v>24406</v>
      </c>
      <c r="B615" t="s">
        <v>1218</v>
      </c>
      <c r="C615" t="s">
        <v>1219</v>
      </c>
    </row>
    <row r="616" spans="1:3" x14ac:dyDescent="0.15">
      <c r="A616">
        <v>24405</v>
      </c>
      <c r="B616" t="s">
        <v>1220</v>
      </c>
      <c r="C616" t="s">
        <v>1221</v>
      </c>
    </row>
    <row r="617" spans="1:3" x14ac:dyDescent="0.15">
      <c r="A617">
        <v>24404</v>
      </c>
      <c r="B617" t="s">
        <v>1222</v>
      </c>
      <c r="C617" t="s">
        <v>1223</v>
      </c>
    </row>
    <row r="618" spans="1:3" x14ac:dyDescent="0.15">
      <c r="A618">
        <v>24403</v>
      </c>
      <c r="B618" t="s">
        <v>1224</v>
      </c>
      <c r="C618" t="s">
        <v>1225</v>
      </c>
    </row>
    <row r="619" spans="1:3" x14ac:dyDescent="0.15">
      <c r="A619">
        <v>24402</v>
      </c>
      <c r="B619" t="s">
        <v>1226</v>
      </c>
      <c r="C619" t="s">
        <v>1227</v>
      </c>
    </row>
    <row r="620" spans="1:3" x14ac:dyDescent="0.15">
      <c r="A620">
        <v>24401</v>
      </c>
      <c r="B620" t="s">
        <v>1228</v>
      </c>
      <c r="C620" t="s">
        <v>1229</v>
      </c>
    </row>
    <row r="621" spans="1:3" x14ac:dyDescent="0.15">
      <c r="A621">
        <v>24400</v>
      </c>
      <c r="B621" t="s">
        <v>1230</v>
      </c>
      <c r="C621" t="s">
        <v>1231</v>
      </c>
    </row>
    <row r="622" spans="1:3" x14ac:dyDescent="0.15">
      <c r="A622">
        <v>24399</v>
      </c>
      <c r="B622" t="s">
        <v>1232</v>
      </c>
      <c r="C622" t="s">
        <v>1233</v>
      </c>
    </row>
    <row r="623" spans="1:3" x14ac:dyDescent="0.15">
      <c r="A623">
        <v>24398</v>
      </c>
      <c r="B623" t="s">
        <v>1234</v>
      </c>
      <c r="C623" t="s">
        <v>1235</v>
      </c>
    </row>
    <row r="624" spans="1:3" x14ac:dyDescent="0.15">
      <c r="A624">
        <v>24397</v>
      </c>
      <c r="B624" t="s">
        <v>1236</v>
      </c>
      <c r="C624" t="s">
        <v>1237</v>
      </c>
    </row>
    <row r="625" spans="1:3" x14ac:dyDescent="0.15">
      <c r="A625">
        <v>24396</v>
      </c>
      <c r="B625" t="s">
        <v>1238</v>
      </c>
      <c r="C625" t="s">
        <v>1239</v>
      </c>
    </row>
    <row r="626" spans="1:3" x14ac:dyDescent="0.15">
      <c r="A626">
        <v>24395</v>
      </c>
      <c r="B626" t="s">
        <v>1240</v>
      </c>
      <c r="C626" t="s">
        <v>1241</v>
      </c>
    </row>
    <row r="627" spans="1:3" x14ac:dyDescent="0.15">
      <c r="A627">
        <v>24394</v>
      </c>
      <c r="B627" t="s">
        <v>1242</v>
      </c>
      <c r="C627" t="s">
        <v>1243</v>
      </c>
    </row>
    <row r="628" spans="1:3" x14ac:dyDescent="0.15">
      <c r="A628">
        <v>24393</v>
      </c>
      <c r="B628" t="s">
        <v>1244</v>
      </c>
      <c r="C628" t="s">
        <v>1245</v>
      </c>
    </row>
    <row r="629" spans="1:3" x14ac:dyDescent="0.15">
      <c r="A629">
        <v>24392</v>
      </c>
      <c r="B629" t="s">
        <v>1246</v>
      </c>
      <c r="C629" t="s">
        <v>1247</v>
      </c>
    </row>
    <row r="630" spans="1:3" x14ac:dyDescent="0.15">
      <c r="A630">
        <v>24391</v>
      </c>
      <c r="B630" t="s">
        <v>1248</v>
      </c>
      <c r="C630" t="s">
        <v>1249</v>
      </c>
    </row>
    <row r="631" spans="1:3" x14ac:dyDescent="0.15">
      <c r="A631">
        <v>24390</v>
      </c>
      <c r="B631" t="s">
        <v>1250</v>
      </c>
      <c r="C631" t="s">
        <v>1251</v>
      </c>
    </row>
    <row r="632" spans="1:3" x14ac:dyDescent="0.15">
      <c r="A632">
        <v>24389</v>
      </c>
      <c r="B632" t="s">
        <v>1252</v>
      </c>
      <c r="C632" t="s">
        <v>1253</v>
      </c>
    </row>
    <row r="633" spans="1:3" x14ac:dyDescent="0.15">
      <c r="A633">
        <v>24388</v>
      </c>
      <c r="B633" t="s">
        <v>1254</v>
      </c>
      <c r="C633" t="s">
        <v>1255</v>
      </c>
    </row>
    <row r="634" spans="1:3" x14ac:dyDescent="0.15">
      <c r="A634">
        <v>24387</v>
      </c>
      <c r="B634" t="s">
        <v>1256</v>
      </c>
      <c r="C634" t="s">
        <v>1257</v>
      </c>
    </row>
    <row r="635" spans="1:3" x14ac:dyDescent="0.15">
      <c r="A635">
        <v>24386</v>
      </c>
      <c r="B635" t="s">
        <v>1258</v>
      </c>
      <c r="C635" t="s">
        <v>1259</v>
      </c>
    </row>
    <row r="636" spans="1:3" x14ac:dyDescent="0.15">
      <c r="A636">
        <v>24385</v>
      </c>
      <c r="B636" t="s">
        <v>1260</v>
      </c>
      <c r="C636" t="s">
        <v>1261</v>
      </c>
    </row>
    <row r="637" spans="1:3" x14ac:dyDescent="0.15">
      <c r="A637">
        <v>24384</v>
      </c>
      <c r="B637" t="s">
        <v>1262</v>
      </c>
      <c r="C637" t="s">
        <v>1263</v>
      </c>
    </row>
    <row r="638" spans="1:3" x14ac:dyDescent="0.15">
      <c r="A638">
        <v>24383</v>
      </c>
      <c r="B638" t="s">
        <v>1264</v>
      </c>
      <c r="C638" t="s">
        <v>1265</v>
      </c>
    </row>
    <row r="639" spans="1:3" x14ac:dyDescent="0.15">
      <c r="A639">
        <v>24382</v>
      </c>
      <c r="B639" t="s">
        <v>1266</v>
      </c>
      <c r="C639" t="s">
        <v>1267</v>
      </c>
    </row>
    <row r="640" spans="1:3" x14ac:dyDescent="0.15">
      <c r="A640">
        <v>24381</v>
      </c>
      <c r="B640" t="s">
        <v>1268</v>
      </c>
      <c r="C640" t="s">
        <v>1269</v>
      </c>
    </row>
    <row r="641" spans="1:3" x14ac:dyDescent="0.15">
      <c r="A641">
        <v>24380</v>
      </c>
      <c r="B641" t="s">
        <v>1270</v>
      </c>
      <c r="C641" t="s">
        <v>1271</v>
      </c>
    </row>
    <row r="642" spans="1:3" x14ac:dyDescent="0.15">
      <c r="A642">
        <v>24379</v>
      </c>
      <c r="B642" t="s">
        <v>1272</v>
      </c>
      <c r="C642" t="s">
        <v>1273</v>
      </c>
    </row>
    <row r="643" spans="1:3" x14ac:dyDescent="0.15">
      <c r="A643">
        <v>24378</v>
      </c>
      <c r="B643" t="s">
        <v>1274</v>
      </c>
      <c r="C643" t="s">
        <v>1275</v>
      </c>
    </row>
    <row r="644" spans="1:3" x14ac:dyDescent="0.15">
      <c r="A644">
        <v>24377</v>
      </c>
      <c r="B644" t="s">
        <v>1276</v>
      </c>
      <c r="C644" t="s">
        <v>1277</v>
      </c>
    </row>
    <row r="645" spans="1:3" x14ac:dyDescent="0.15">
      <c r="A645">
        <v>24376</v>
      </c>
      <c r="B645" t="s">
        <v>1278</v>
      </c>
      <c r="C645" t="s">
        <v>1279</v>
      </c>
    </row>
    <row r="646" spans="1:3" x14ac:dyDescent="0.15">
      <c r="A646">
        <v>24375</v>
      </c>
      <c r="B646" t="s">
        <v>1280</v>
      </c>
      <c r="C646" t="s">
        <v>1281</v>
      </c>
    </row>
    <row r="647" spans="1:3" x14ac:dyDescent="0.15">
      <c r="A647">
        <v>24374</v>
      </c>
      <c r="B647" t="s">
        <v>1282</v>
      </c>
      <c r="C647" t="s">
        <v>1283</v>
      </c>
    </row>
    <row r="648" spans="1:3" x14ac:dyDescent="0.15">
      <c r="A648">
        <v>24373</v>
      </c>
      <c r="B648" t="s">
        <v>1284</v>
      </c>
      <c r="C648" t="s">
        <v>1285</v>
      </c>
    </row>
    <row r="649" spans="1:3" x14ac:dyDescent="0.15">
      <c r="A649">
        <v>24372</v>
      </c>
      <c r="B649" t="s">
        <v>1286</v>
      </c>
      <c r="C649" t="s">
        <v>1287</v>
      </c>
    </row>
    <row r="650" spans="1:3" x14ac:dyDescent="0.15">
      <c r="A650">
        <v>24371</v>
      </c>
      <c r="B650" t="s">
        <v>1288</v>
      </c>
      <c r="C650" t="s">
        <v>1289</v>
      </c>
    </row>
    <row r="651" spans="1:3" x14ac:dyDescent="0.15">
      <c r="A651">
        <v>24370</v>
      </c>
      <c r="B651" t="s">
        <v>1290</v>
      </c>
      <c r="C651" t="s">
        <v>1291</v>
      </c>
    </row>
    <row r="652" spans="1:3" x14ac:dyDescent="0.15">
      <c r="A652">
        <v>24369</v>
      </c>
      <c r="B652" t="s">
        <v>1292</v>
      </c>
      <c r="C652" t="s">
        <v>1293</v>
      </c>
    </row>
    <row r="653" spans="1:3" x14ac:dyDescent="0.15">
      <c r="A653">
        <v>24368</v>
      </c>
      <c r="B653" t="s">
        <v>1294</v>
      </c>
      <c r="C653" t="s">
        <v>1295</v>
      </c>
    </row>
    <row r="654" spans="1:3" x14ac:dyDescent="0.15">
      <c r="A654">
        <v>24367</v>
      </c>
      <c r="B654" t="s">
        <v>1296</v>
      </c>
      <c r="C654" t="s">
        <v>1297</v>
      </c>
    </row>
    <row r="655" spans="1:3" x14ac:dyDescent="0.15">
      <c r="A655">
        <v>24366</v>
      </c>
      <c r="B655" t="s">
        <v>1298</v>
      </c>
      <c r="C655" t="s">
        <v>1299</v>
      </c>
    </row>
    <row r="656" spans="1:3" x14ac:dyDescent="0.15">
      <c r="A656">
        <v>24365</v>
      </c>
      <c r="B656" t="s">
        <v>1300</v>
      </c>
      <c r="C656" t="s">
        <v>1301</v>
      </c>
    </row>
    <row r="657" spans="1:3" x14ac:dyDescent="0.15">
      <c r="A657">
        <v>24364</v>
      </c>
      <c r="B657" t="s">
        <v>1302</v>
      </c>
      <c r="C657" t="s">
        <v>1303</v>
      </c>
    </row>
    <row r="658" spans="1:3" x14ac:dyDescent="0.15">
      <c r="A658">
        <v>24363</v>
      </c>
      <c r="B658" t="s">
        <v>1304</v>
      </c>
      <c r="C658" t="s">
        <v>1305</v>
      </c>
    </row>
    <row r="659" spans="1:3" x14ac:dyDescent="0.15">
      <c r="A659">
        <v>24362</v>
      </c>
      <c r="B659" t="s">
        <v>1306</v>
      </c>
      <c r="C659" t="s">
        <v>1307</v>
      </c>
    </row>
    <row r="660" spans="1:3" x14ac:dyDescent="0.15">
      <c r="A660">
        <v>24361</v>
      </c>
      <c r="B660" t="s">
        <v>1308</v>
      </c>
      <c r="C660" t="s">
        <v>1309</v>
      </c>
    </row>
    <row r="661" spans="1:3" x14ac:dyDescent="0.15">
      <c r="A661">
        <v>24360</v>
      </c>
      <c r="B661" t="s">
        <v>1310</v>
      </c>
      <c r="C661" t="s">
        <v>1311</v>
      </c>
    </row>
    <row r="662" spans="1:3" x14ac:dyDescent="0.15">
      <c r="A662">
        <v>24359</v>
      </c>
      <c r="B662" t="s">
        <v>1312</v>
      </c>
      <c r="C662" t="s">
        <v>1313</v>
      </c>
    </row>
    <row r="663" spans="1:3" x14ac:dyDescent="0.15">
      <c r="A663">
        <v>24358</v>
      </c>
      <c r="B663" t="s">
        <v>1314</v>
      </c>
      <c r="C663" t="s">
        <v>1315</v>
      </c>
    </row>
    <row r="664" spans="1:3" x14ac:dyDescent="0.15">
      <c r="A664">
        <v>24357</v>
      </c>
      <c r="B664" t="s">
        <v>1316</v>
      </c>
      <c r="C664" t="s">
        <v>1317</v>
      </c>
    </row>
    <row r="665" spans="1:3" x14ac:dyDescent="0.15">
      <c r="A665">
        <v>24356</v>
      </c>
      <c r="B665" t="s">
        <v>1318</v>
      </c>
      <c r="C665" t="s">
        <v>1319</v>
      </c>
    </row>
    <row r="666" spans="1:3" x14ac:dyDescent="0.15">
      <c r="A666">
        <v>24355</v>
      </c>
      <c r="B666" t="s">
        <v>1320</v>
      </c>
      <c r="C666" t="s">
        <v>1321</v>
      </c>
    </row>
    <row r="667" spans="1:3" x14ac:dyDescent="0.15">
      <c r="A667">
        <v>24354</v>
      </c>
      <c r="B667" t="s">
        <v>1322</v>
      </c>
      <c r="C667" t="s">
        <v>1323</v>
      </c>
    </row>
    <row r="668" spans="1:3" x14ac:dyDescent="0.15">
      <c r="A668">
        <v>24353</v>
      </c>
      <c r="B668" t="s">
        <v>1324</v>
      </c>
      <c r="C668" t="s">
        <v>1325</v>
      </c>
    </row>
    <row r="669" spans="1:3" x14ac:dyDescent="0.15">
      <c r="A669">
        <v>24352</v>
      </c>
      <c r="B669" t="s">
        <v>1326</v>
      </c>
      <c r="C669" t="s">
        <v>1327</v>
      </c>
    </row>
    <row r="670" spans="1:3" x14ac:dyDescent="0.15">
      <c r="A670">
        <v>24351</v>
      </c>
      <c r="B670" t="s">
        <v>1328</v>
      </c>
      <c r="C670" t="s">
        <v>1329</v>
      </c>
    </row>
    <row r="671" spans="1:3" x14ac:dyDescent="0.15">
      <c r="A671">
        <v>24350</v>
      </c>
      <c r="B671" t="s">
        <v>1330</v>
      </c>
      <c r="C671" t="s">
        <v>1331</v>
      </c>
    </row>
    <row r="672" spans="1:3" x14ac:dyDescent="0.15">
      <c r="A672">
        <v>24349</v>
      </c>
      <c r="B672" t="s">
        <v>1332</v>
      </c>
      <c r="C672" t="s">
        <v>1333</v>
      </c>
    </row>
    <row r="673" spans="1:3" x14ac:dyDescent="0.15">
      <c r="A673">
        <v>24348</v>
      </c>
      <c r="B673" t="s">
        <v>1334</v>
      </c>
      <c r="C673" t="s">
        <v>1335</v>
      </c>
    </row>
    <row r="674" spans="1:3" x14ac:dyDescent="0.15">
      <c r="A674">
        <v>24347</v>
      </c>
      <c r="B674" t="s">
        <v>1336</v>
      </c>
      <c r="C674" t="s">
        <v>1337</v>
      </c>
    </row>
    <row r="675" spans="1:3" x14ac:dyDescent="0.15">
      <c r="A675">
        <v>24346</v>
      </c>
      <c r="B675" t="s">
        <v>1338</v>
      </c>
      <c r="C675" t="s">
        <v>1339</v>
      </c>
    </row>
    <row r="676" spans="1:3" x14ac:dyDescent="0.15">
      <c r="A676">
        <v>24345</v>
      </c>
      <c r="B676" t="s">
        <v>1340</v>
      </c>
      <c r="C676" t="s">
        <v>1341</v>
      </c>
    </row>
    <row r="677" spans="1:3" x14ac:dyDescent="0.15">
      <c r="A677">
        <v>24344</v>
      </c>
      <c r="B677" t="s">
        <v>1342</v>
      </c>
      <c r="C677" t="s">
        <v>1343</v>
      </c>
    </row>
    <row r="678" spans="1:3" x14ac:dyDescent="0.15">
      <c r="A678">
        <v>24343</v>
      </c>
      <c r="B678" t="s">
        <v>1344</v>
      </c>
      <c r="C678" t="s">
        <v>1345</v>
      </c>
    </row>
    <row r="679" spans="1:3" x14ac:dyDescent="0.15">
      <c r="A679">
        <v>24342</v>
      </c>
      <c r="B679" t="s">
        <v>1346</v>
      </c>
      <c r="C679" t="s">
        <v>1347</v>
      </c>
    </row>
    <row r="680" spans="1:3" x14ac:dyDescent="0.15">
      <c r="A680">
        <v>24341</v>
      </c>
      <c r="B680" t="s">
        <v>1348</v>
      </c>
      <c r="C680" t="s">
        <v>1349</v>
      </c>
    </row>
    <row r="681" spans="1:3" x14ac:dyDescent="0.15">
      <c r="A681">
        <v>24340</v>
      </c>
      <c r="B681" t="s">
        <v>1350</v>
      </c>
      <c r="C681" t="s">
        <v>1351</v>
      </c>
    </row>
    <row r="682" spans="1:3" x14ac:dyDescent="0.15">
      <c r="A682">
        <v>24339</v>
      </c>
      <c r="B682" t="s">
        <v>1352</v>
      </c>
      <c r="C682" t="s">
        <v>1353</v>
      </c>
    </row>
    <row r="683" spans="1:3" x14ac:dyDescent="0.15">
      <c r="A683">
        <v>24338</v>
      </c>
      <c r="B683" t="s">
        <v>1354</v>
      </c>
      <c r="C683" t="s">
        <v>1355</v>
      </c>
    </row>
    <row r="684" spans="1:3" x14ac:dyDescent="0.15">
      <c r="A684">
        <v>24337</v>
      </c>
      <c r="B684" t="s">
        <v>1356</v>
      </c>
      <c r="C684" t="s">
        <v>1357</v>
      </c>
    </row>
    <row r="685" spans="1:3" x14ac:dyDescent="0.15">
      <c r="A685">
        <v>24336</v>
      </c>
      <c r="B685" t="s">
        <v>1358</v>
      </c>
      <c r="C685" t="s">
        <v>1359</v>
      </c>
    </row>
    <row r="686" spans="1:3" x14ac:dyDescent="0.15">
      <c r="A686">
        <v>24335</v>
      </c>
      <c r="B686" t="s">
        <v>1360</v>
      </c>
      <c r="C686" t="s">
        <v>1361</v>
      </c>
    </row>
    <row r="687" spans="1:3" x14ac:dyDescent="0.15">
      <c r="A687">
        <v>24334</v>
      </c>
      <c r="B687" t="s">
        <v>1362</v>
      </c>
      <c r="C687" t="s">
        <v>1363</v>
      </c>
    </row>
    <row r="688" spans="1:3" x14ac:dyDescent="0.15">
      <c r="A688">
        <v>24333</v>
      </c>
      <c r="B688" t="s">
        <v>1364</v>
      </c>
      <c r="C688" t="s">
        <v>1365</v>
      </c>
    </row>
    <row r="689" spans="1:3" x14ac:dyDescent="0.15">
      <c r="A689">
        <v>24332</v>
      </c>
      <c r="B689" t="s">
        <v>1366</v>
      </c>
      <c r="C689" t="s">
        <v>1367</v>
      </c>
    </row>
    <row r="690" spans="1:3" x14ac:dyDescent="0.15">
      <c r="A690">
        <v>24331</v>
      </c>
      <c r="B690" t="s">
        <v>1368</v>
      </c>
      <c r="C690" t="s">
        <v>1369</v>
      </c>
    </row>
    <row r="691" spans="1:3" x14ac:dyDescent="0.15">
      <c r="A691">
        <v>24330</v>
      </c>
      <c r="B691" t="s">
        <v>1370</v>
      </c>
      <c r="C691" t="s">
        <v>1371</v>
      </c>
    </row>
    <row r="692" spans="1:3" x14ac:dyDescent="0.15">
      <c r="A692">
        <v>24329</v>
      </c>
      <c r="B692" t="s">
        <v>1372</v>
      </c>
      <c r="C692" t="s">
        <v>1373</v>
      </c>
    </row>
    <row r="693" spans="1:3" x14ac:dyDescent="0.15">
      <c r="A693">
        <v>24328</v>
      </c>
      <c r="B693" t="s">
        <v>1374</v>
      </c>
      <c r="C693" t="s">
        <v>1375</v>
      </c>
    </row>
    <row r="694" spans="1:3" x14ac:dyDescent="0.15">
      <c r="A694">
        <v>24327</v>
      </c>
      <c r="B694" t="s">
        <v>1376</v>
      </c>
      <c r="C694" t="s">
        <v>1377</v>
      </c>
    </row>
    <row r="695" spans="1:3" x14ac:dyDescent="0.15">
      <c r="A695">
        <v>24326</v>
      </c>
      <c r="B695" t="s">
        <v>1378</v>
      </c>
      <c r="C695" t="s">
        <v>1379</v>
      </c>
    </row>
    <row r="696" spans="1:3" x14ac:dyDescent="0.15">
      <c r="A696">
        <v>24325</v>
      </c>
      <c r="B696" t="s">
        <v>1380</v>
      </c>
      <c r="C696" t="s">
        <v>1381</v>
      </c>
    </row>
    <row r="697" spans="1:3" x14ac:dyDescent="0.15">
      <c r="A697">
        <v>24324</v>
      </c>
      <c r="B697" t="s">
        <v>1382</v>
      </c>
      <c r="C697" t="s">
        <v>1383</v>
      </c>
    </row>
    <row r="698" spans="1:3" x14ac:dyDescent="0.15">
      <c r="A698">
        <v>24323</v>
      </c>
      <c r="B698" t="s">
        <v>1384</v>
      </c>
      <c r="C698" t="s">
        <v>1385</v>
      </c>
    </row>
    <row r="699" spans="1:3" x14ac:dyDescent="0.15">
      <c r="A699">
        <v>24322</v>
      </c>
      <c r="B699" t="s">
        <v>1386</v>
      </c>
      <c r="C699" t="s">
        <v>1387</v>
      </c>
    </row>
    <row r="700" spans="1:3" x14ac:dyDescent="0.15">
      <c r="A700">
        <v>24321</v>
      </c>
      <c r="B700" t="s">
        <v>1388</v>
      </c>
      <c r="C700" t="s">
        <v>1389</v>
      </c>
    </row>
    <row r="701" spans="1:3" x14ac:dyDescent="0.15">
      <c r="A701">
        <v>24320</v>
      </c>
      <c r="B701" t="s">
        <v>1390</v>
      </c>
      <c r="C701" t="s">
        <v>1391</v>
      </c>
    </row>
    <row r="702" spans="1:3" x14ac:dyDescent="0.15">
      <c r="A702">
        <v>24319</v>
      </c>
      <c r="B702" t="s">
        <v>1392</v>
      </c>
      <c r="C702" t="s">
        <v>1393</v>
      </c>
    </row>
    <row r="703" spans="1:3" x14ac:dyDescent="0.15">
      <c r="A703">
        <v>24318</v>
      </c>
      <c r="B703" t="s">
        <v>1394</v>
      </c>
      <c r="C703" t="s">
        <v>1395</v>
      </c>
    </row>
    <row r="704" spans="1:3" x14ac:dyDescent="0.15">
      <c r="A704">
        <v>24317</v>
      </c>
      <c r="B704" t="s">
        <v>1396</v>
      </c>
      <c r="C704" t="s">
        <v>1397</v>
      </c>
    </row>
    <row r="705" spans="1:3" x14ac:dyDescent="0.15">
      <c r="A705">
        <v>24316</v>
      </c>
      <c r="B705" t="s">
        <v>1398</v>
      </c>
      <c r="C705" t="s">
        <v>1399</v>
      </c>
    </row>
    <row r="706" spans="1:3" x14ac:dyDescent="0.15">
      <c r="A706">
        <v>24315</v>
      </c>
      <c r="B706" t="s">
        <v>1400</v>
      </c>
      <c r="C706" t="s">
        <v>1401</v>
      </c>
    </row>
    <row r="707" spans="1:3" x14ac:dyDescent="0.15">
      <c r="A707">
        <v>24314</v>
      </c>
      <c r="B707" t="s">
        <v>1402</v>
      </c>
      <c r="C707" t="s">
        <v>1403</v>
      </c>
    </row>
    <row r="708" spans="1:3" x14ac:dyDescent="0.15">
      <c r="A708">
        <v>24313</v>
      </c>
      <c r="B708" t="s">
        <v>1404</v>
      </c>
      <c r="C708" t="s">
        <v>1405</v>
      </c>
    </row>
    <row r="709" spans="1:3" x14ac:dyDescent="0.15">
      <c r="A709">
        <v>24312</v>
      </c>
      <c r="B709" t="s">
        <v>1406</v>
      </c>
      <c r="C709" t="s">
        <v>1407</v>
      </c>
    </row>
    <row r="710" spans="1:3" x14ac:dyDescent="0.15">
      <c r="A710">
        <v>24311</v>
      </c>
      <c r="B710" t="s">
        <v>1408</v>
      </c>
      <c r="C710" t="s">
        <v>1409</v>
      </c>
    </row>
    <row r="711" spans="1:3" x14ac:dyDescent="0.15">
      <c r="A711">
        <v>24310</v>
      </c>
      <c r="B711" t="s">
        <v>1410</v>
      </c>
      <c r="C711" t="s">
        <v>1411</v>
      </c>
    </row>
    <row r="712" spans="1:3" x14ac:dyDescent="0.15">
      <c r="A712">
        <v>24309</v>
      </c>
      <c r="B712" t="s">
        <v>1412</v>
      </c>
      <c r="C712" t="s">
        <v>1413</v>
      </c>
    </row>
    <row r="713" spans="1:3" x14ac:dyDescent="0.15">
      <c r="A713">
        <v>24308</v>
      </c>
      <c r="B713" t="s">
        <v>1414</v>
      </c>
      <c r="C713" t="s">
        <v>1415</v>
      </c>
    </row>
    <row r="714" spans="1:3" x14ac:dyDescent="0.15">
      <c r="A714">
        <v>24307</v>
      </c>
      <c r="B714" t="s">
        <v>1416</v>
      </c>
      <c r="C714" t="s">
        <v>1417</v>
      </c>
    </row>
    <row r="715" spans="1:3" x14ac:dyDescent="0.15">
      <c r="A715">
        <v>24306</v>
      </c>
      <c r="B715" t="s">
        <v>1418</v>
      </c>
      <c r="C715" t="s">
        <v>1419</v>
      </c>
    </row>
    <row r="716" spans="1:3" x14ac:dyDescent="0.15">
      <c r="A716">
        <v>24305</v>
      </c>
      <c r="B716" t="s">
        <v>1420</v>
      </c>
      <c r="C716" t="s">
        <v>1421</v>
      </c>
    </row>
    <row r="717" spans="1:3" x14ac:dyDescent="0.15">
      <c r="A717">
        <v>24304</v>
      </c>
      <c r="B717" t="s">
        <v>1422</v>
      </c>
      <c r="C717" t="s">
        <v>1423</v>
      </c>
    </row>
    <row r="718" spans="1:3" x14ac:dyDescent="0.15">
      <c r="A718">
        <v>24303</v>
      </c>
      <c r="B718" t="s">
        <v>1424</v>
      </c>
      <c r="C718" t="s">
        <v>1425</v>
      </c>
    </row>
    <row r="719" spans="1:3" x14ac:dyDescent="0.15">
      <c r="A719">
        <v>24302</v>
      </c>
      <c r="B719" t="s">
        <v>1426</v>
      </c>
      <c r="C719" t="s">
        <v>1427</v>
      </c>
    </row>
    <row r="720" spans="1:3" x14ac:dyDescent="0.15">
      <c r="A720">
        <v>24301</v>
      </c>
      <c r="B720" t="s">
        <v>1428</v>
      </c>
      <c r="C720" t="s">
        <v>1429</v>
      </c>
    </row>
    <row r="721" spans="1:3" x14ac:dyDescent="0.15">
      <c r="A721">
        <v>24300</v>
      </c>
      <c r="B721" t="s">
        <v>1430</v>
      </c>
      <c r="C721" t="s">
        <v>1431</v>
      </c>
    </row>
    <row r="722" spans="1:3" x14ac:dyDescent="0.15">
      <c r="A722">
        <v>24299</v>
      </c>
      <c r="B722" t="s">
        <v>1432</v>
      </c>
      <c r="C722" t="s">
        <v>1433</v>
      </c>
    </row>
    <row r="723" spans="1:3" x14ac:dyDescent="0.15">
      <c r="A723">
        <v>24298</v>
      </c>
      <c r="B723" t="s">
        <v>1434</v>
      </c>
      <c r="C723" t="s">
        <v>1435</v>
      </c>
    </row>
    <row r="724" spans="1:3" x14ac:dyDescent="0.15">
      <c r="A724">
        <v>24297</v>
      </c>
      <c r="B724" t="s">
        <v>1436</v>
      </c>
      <c r="C724" t="s">
        <v>1437</v>
      </c>
    </row>
    <row r="725" spans="1:3" x14ac:dyDescent="0.15">
      <c r="A725">
        <v>24296</v>
      </c>
      <c r="B725" t="s">
        <v>1438</v>
      </c>
      <c r="C725" t="s">
        <v>1439</v>
      </c>
    </row>
    <row r="726" spans="1:3" x14ac:dyDescent="0.15">
      <c r="A726">
        <v>24295</v>
      </c>
      <c r="B726" t="s">
        <v>1440</v>
      </c>
      <c r="C726" t="s">
        <v>1441</v>
      </c>
    </row>
    <row r="727" spans="1:3" x14ac:dyDescent="0.15">
      <c r="A727">
        <v>24294</v>
      </c>
      <c r="B727" t="s">
        <v>1442</v>
      </c>
      <c r="C727" t="s">
        <v>1443</v>
      </c>
    </row>
    <row r="728" spans="1:3" x14ac:dyDescent="0.15">
      <c r="A728">
        <v>24293</v>
      </c>
      <c r="B728" t="s">
        <v>1444</v>
      </c>
      <c r="C728" t="s">
        <v>1445</v>
      </c>
    </row>
    <row r="729" spans="1:3" x14ac:dyDescent="0.15">
      <c r="A729">
        <v>24292</v>
      </c>
      <c r="B729" t="s">
        <v>1446</v>
      </c>
      <c r="C729" t="s">
        <v>1447</v>
      </c>
    </row>
    <row r="730" spans="1:3" x14ac:dyDescent="0.15">
      <c r="A730">
        <v>24291</v>
      </c>
      <c r="B730" t="s">
        <v>1448</v>
      </c>
      <c r="C730" t="s">
        <v>1449</v>
      </c>
    </row>
    <row r="731" spans="1:3" x14ac:dyDescent="0.15">
      <c r="A731">
        <v>24290</v>
      </c>
      <c r="B731" t="s">
        <v>1450</v>
      </c>
      <c r="C731" t="s">
        <v>1451</v>
      </c>
    </row>
    <row r="732" spans="1:3" x14ac:dyDescent="0.15">
      <c r="A732">
        <v>24289</v>
      </c>
      <c r="B732" t="s">
        <v>1452</v>
      </c>
      <c r="C732" t="s">
        <v>1453</v>
      </c>
    </row>
    <row r="733" spans="1:3" x14ac:dyDescent="0.15">
      <c r="A733">
        <v>24288</v>
      </c>
      <c r="B733" t="s">
        <v>1454</v>
      </c>
      <c r="C733" t="s">
        <v>1455</v>
      </c>
    </row>
    <row r="734" spans="1:3" x14ac:dyDescent="0.15">
      <c r="A734">
        <v>24287</v>
      </c>
      <c r="B734" t="s">
        <v>1456</v>
      </c>
      <c r="C734" t="s">
        <v>1457</v>
      </c>
    </row>
    <row r="735" spans="1:3" x14ac:dyDescent="0.15">
      <c r="A735">
        <v>24286</v>
      </c>
      <c r="B735" t="s">
        <v>1458</v>
      </c>
      <c r="C735" t="s">
        <v>1459</v>
      </c>
    </row>
    <row r="736" spans="1:3" x14ac:dyDescent="0.15">
      <c r="A736">
        <v>24285</v>
      </c>
      <c r="B736" t="s">
        <v>1460</v>
      </c>
      <c r="C736" t="s">
        <v>1461</v>
      </c>
    </row>
    <row r="737" spans="1:3" x14ac:dyDescent="0.15">
      <c r="A737">
        <v>24284</v>
      </c>
      <c r="B737" t="s">
        <v>1462</v>
      </c>
      <c r="C737" t="s">
        <v>1463</v>
      </c>
    </row>
    <row r="738" spans="1:3" x14ac:dyDescent="0.15">
      <c r="A738">
        <v>24283</v>
      </c>
      <c r="B738" t="s">
        <v>1464</v>
      </c>
      <c r="C738" t="s">
        <v>1465</v>
      </c>
    </row>
    <row r="739" spans="1:3" x14ac:dyDescent="0.15">
      <c r="A739">
        <v>24282</v>
      </c>
      <c r="B739" t="s">
        <v>1466</v>
      </c>
      <c r="C739" t="s">
        <v>1467</v>
      </c>
    </row>
    <row r="740" spans="1:3" x14ac:dyDescent="0.15">
      <c r="A740">
        <v>24281</v>
      </c>
      <c r="B740" t="s">
        <v>1468</v>
      </c>
      <c r="C740" t="s">
        <v>1469</v>
      </c>
    </row>
    <row r="741" spans="1:3" x14ac:dyDescent="0.15">
      <c r="A741">
        <v>24280</v>
      </c>
      <c r="B741" t="s">
        <v>1470</v>
      </c>
      <c r="C741" t="s">
        <v>1471</v>
      </c>
    </row>
    <row r="742" spans="1:3" x14ac:dyDescent="0.15">
      <c r="A742">
        <v>24279</v>
      </c>
      <c r="B742" t="s">
        <v>1472</v>
      </c>
      <c r="C742" t="s">
        <v>1473</v>
      </c>
    </row>
    <row r="743" spans="1:3" x14ac:dyDescent="0.15">
      <c r="A743">
        <v>24278</v>
      </c>
      <c r="B743" t="s">
        <v>1474</v>
      </c>
      <c r="C743" t="s">
        <v>1475</v>
      </c>
    </row>
    <row r="744" spans="1:3" x14ac:dyDescent="0.15">
      <c r="A744">
        <v>24277</v>
      </c>
      <c r="B744" t="s">
        <v>1476</v>
      </c>
      <c r="C744" t="s">
        <v>1477</v>
      </c>
    </row>
    <row r="745" spans="1:3" x14ac:dyDescent="0.15">
      <c r="A745">
        <v>24276</v>
      </c>
      <c r="B745" t="s">
        <v>1478</v>
      </c>
      <c r="C745" t="s">
        <v>1479</v>
      </c>
    </row>
    <row r="746" spans="1:3" x14ac:dyDescent="0.15">
      <c r="A746">
        <v>24275</v>
      </c>
      <c r="B746" t="s">
        <v>1480</v>
      </c>
      <c r="C746" t="s">
        <v>1481</v>
      </c>
    </row>
    <row r="747" spans="1:3" x14ac:dyDescent="0.15">
      <c r="A747">
        <v>24274</v>
      </c>
      <c r="B747" t="s">
        <v>1482</v>
      </c>
      <c r="C747" t="s">
        <v>1483</v>
      </c>
    </row>
    <row r="748" spans="1:3" x14ac:dyDescent="0.15">
      <c r="A748">
        <v>24273</v>
      </c>
      <c r="B748" t="s">
        <v>1484</v>
      </c>
      <c r="C748" t="s">
        <v>1485</v>
      </c>
    </row>
    <row r="749" spans="1:3" x14ac:dyDescent="0.15">
      <c r="A749">
        <v>24272</v>
      </c>
      <c r="B749" t="s">
        <v>1486</v>
      </c>
      <c r="C749" t="s">
        <v>1487</v>
      </c>
    </row>
    <row r="750" spans="1:3" x14ac:dyDescent="0.15">
      <c r="A750">
        <v>24271</v>
      </c>
      <c r="B750" t="s">
        <v>1488</v>
      </c>
      <c r="C750" t="s">
        <v>1489</v>
      </c>
    </row>
    <row r="751" spans="1:3" x14ac:dyDescent="0.15">
      <c r="A751">
        <v>24270</v>
      </c>
      <c r="B751" t="s">
        <v>1490</v>
      </c>
      <c r="C751" t="s">
        <v>1491</v>
      </c>
    </row>
    <row r="752" spans="1:3" x14ac:dyDescent="0.15">
      <c r="A752">
        <v>24269</v>
      </c>
      <c r="B752" t="s">
        <v>1492</v>
      </c>
      <c r="C752" t="s">
        <v>1493</v>
      </c>
    </row>
    <row r="753" spans="1:3" x14ac:dyDescent="0.15">
      <c r="A753">
        <v>24268</v>
      </c>
      <c r="B753" t="s">
        <v>1494</v>
      </c>
      <c r="C753" t="s">
        <v>1495</v>
      </c>
    </row>
    <row r="754" spans="1:3" x14ac:dyDescent="0.15">
      <c r="A754">
        <v>24267</v>
      </c>
      <c r="B754" t="s">
        <v>1496</v>
      </c>
      <c r="C754" t="s">
        <v>1497</v>
      </c>
    </row>
    <row r="755" spans="1:3" x14ac:dyDescent="0.15">
      <c r="A755">
        <v>24266</v>
      </c>
      <c r="B755" t="s">
        <v>1498</v>
      </c>
      <c r="C755" t="s">
        <v>1499</v>
      </c>
    </row>
    <row r="756" spans="1:3" x14ac:dyDescent="0.15">
      <c r="A756">
        <v>24265</v>
      </c>
      <c r="B756" t="s">
        <v>1500</v>
      </c>
      <c r="C756" t="s">
        <v>1501</v>
      </c>
    </row>
    <row r="757" spans="1:3" x14ac:dyDescent="0.15">
      <c r="A757">
        <v>24264</v>
      </c>
      <c r="B757" t="s">
        <v>1502</v>
      </c>
      <c r="C757" t="s">
        <v>1503</v>
      </c>
    </row>
    <row r="758" spans="1:3" x14ac:dyDescent="0.15">
      <c r="A758">
        <v>24263</v>
      </c>
      <c r="B758" t="s">
        <v>1504</v>
      </c>
      <c r="C758" t="s">
        <v>1505</v>
      </c>
    </row>
    <row r="759" spans="1:3" x14ac:dyDescent="0.15">
      <c r="A759">
        <v>24262</v>
      </c>
      <c r="B759" t="s">
        <v>1506</v>
      </c>
      <c r="C759" t="s">
        <v>1507</v>
      </c>
    </row>
    <row r="760" spans="1:3" x14ac:dyDescent="0.15">
      <c r="A760">
        <v>24261</v>
      </c>
      <c r="B760" t="s">
        <v>1508</v>
      </c>
      <c r="C760" t="s">
        <v>1509</v>
      </c>
    </row>
    <row r="761" spans="1:3" x14ac:dyDescent="0.15">
      <c r="A761">
        <v>24260</v>
      </c>
      <c r="B761" t="s">
        <v>1510</v>
      </c>
      <c r="C761" t="s">
        <v>1511</v>
      </c>
    </row>
    <row r="762" spans="1:3" x14ac:dyDescent="0.15">
      <c r="A762">
        <v>24259</v>
      </c>
      <c r="B762" t="s">
        <v>1512</v>
      </c>
      <c r="C762" t="s">
        <v>1513</v>
      </c>
    </row>
    <row r="763" spans="1:3" x14ac:dyDescent="0.15">
      <c r="A763">
        <v>24258</v>
      </c>
      <c r="B763" t="s">
        <v>1514</v>
      </c>
      <c r="C763" t="s">
        <v>1515</v>
      </c>
    </row>
    <row r="764" spans="1:3" x14ac:dyDescent="0.15">
      <c r="A764">
        <v>24257</v>
      </c>
      <c r="B764" t="s">
        <v>1516</v>
      </c>
      <c r="C764" t="s">
        <v>1517</v>
      </c>
    </row>
    <row r="765" spans="1:3" x14ac:dyDescent="0.15">
      <c r="A765">
        <v>24255</v>
      </c>
      <c r="B765" t="s">
        <v>1518</v>
      </c>
      <c r="C765" t="s">
        <v>1519</v>
      </c>
    </row>
    <row r="766" spans="1:3" x14ac:dyDescent="0.15">
      <c r="A766">
        <v>24254</v>
      </c>
      <c r="B766" t="s">
        <v>1520</v>
      </c>
      <c r="C766" t="s">
        <v>1521</v>
      </c>
    </row>
    <row r="767" spans="1:3" x14ac:dyDescent="0.15">
      <c r="A767">
        <v>24253</v>
      </c>
      <c r="B767" t="s">
        <v>1522</v>
      </c>
      <c r="C767" t="s">
        <v>1523</v>
      </c>
    </row>
    <row r="768" spans="1:3" x14ac:dyDescent="0.15">
      <c r="A768">
        <v>24252</v>
      </c>
      <c r="B768" t="s">
        <v>1524</v>
      </c>
      <c r="C768" t="s">
        <v>1525</v>
      </c>
    </row>
    <row r="769" spans="1:3" x14ac:dyDescent="0.15">
      <c r="A769">
        <v>24251</v>
      </c>
      <c r="B769" t="s">
        <v>1526</v>
      </c>
      <c r="C769" t="s">
        <v>1527</v>
      </c>
    </row>
    <row r="770" spans="1:3" x14ac:dyDescent="0.15">
      <c r="A770">
        <v>24250</v>
      </c>
      <c r="B770" t="s">
        <v>1528</v>
      </c>
      <c r="C770" t="s">
        <v>1529</v>
      </c>
    </row>
    <row r="771" spans="1:3" x14ac:dyDescent="0.15">
      <c r="A771">
        <v>24249</v>
      </c>
      <c r="B771" t="s">
        <v>1530</v>
      </c>
      <c r="C771" t="s">
        <v>1531</v>
      </c>
    </row>
    <row r="772" spans="1:3" x14ac:dyDescent="0.15">
      <c r="A772">
        <v>24248</v>
      </c>
      <c r="B772" t="s">
        <v>1532</v>
      </c>
      <c r="C772" t="s">
        <v>1533</v>
      </c>
    </row>
    <row r="773" spans="1:3" x14ac:dyDescent="0.15">
      <c r="A773">
        <v>24247</v>
      </c>
      <c r="B773" t="s">
        <v>1534</v>
      </c>
      <c r="C773" t="s">
        <v>1535</v>
      </c>
    </row>
    <row r="774" spans="1:3" x14ac:dyDescent="0.15">
      <c r="A774">
        <v>24246</v>
      </c>
      <c r="B774" t="s">
        <v>1536</v>
      </c>
      <c r="C774" t="s">
        <v>1537</v>
      </c>
    </row>
    <row r="775" spans="1:3" x14ac:dyDescent="0.15">
      <c r="A775">
        <v>24245</v>
      </c>
      <c r="B775" t="s">
        <v>1538</v>
      </c>
      <c r="C775" t="s">
        <v>1539</v>
      </c>
    </row>
    <row r="776" spans="1:3" x14ac:dyDescent="0.15">
      <c r="A776">
        <v>24244</v>
      </c>
      <c r="B776" t="s">
        <v>1540</v>
      </c>
      <c r="C776" t="s">
        <v>1541</v>
      </c>
    </row>
    <row r="777" spans="1:3" x14ac:dyDescent="0.15">
      <c r="A777">
        <v>24243</v>
      </c>
      <c r="B777" t="s">
        <v>1542</v>
      </c>
      <c r="C777" t="s">
        <v>1543</v>
      </c>
    </row>
    <row r="778" spans="1:3" x14ac:dyDescent="0.15">
      <c r="A778">
        <v>24242</v>
      </c>
      <c r="B778" t="s">
        <v>1544</v>
      </c>
      <c r="C778" t="s">
        <v>1545</v>
      </c>
    </row>
    <row r="779" spans="1:3" x14ac:dyDescent="0.15">
      <c r="A779">
        <v>24241</v>
      </c>
      <c r="B779" t="s">
        <v>1546</v>
      </c>
      <c r="C779" t="s">
        <v>1547</v>
      </c>
    </row>
    <row r="780" spans="1:3" x14ac:dyDescent="0.15">
      <c r="A780">
        <v>24240</v>
      </c>
      <c r="B780" t="s">
        <v>1548</v>
      </c>
      <c r="C780" t="s">
        <v>1549</v>
      </c>
    </row>
    <row r="781" spans="1:3" x14ac:dyDescent="0.15">
      <c r="A781">
        <v>24239</v>
      </c>
      <c r="B781" t="s">
        <v>1550</v>
      </c>
      <c r="C781" t="s">
        <v>1551</v>
      </c>
    </row>
    <row r="782" spans="1:3" x14ac:dyDescent="0.15">
      <c r="A782">
        <v>24238</v>
      </c>
      <c r="B782" t="s">
        <v>1552</v>
      </c>
      <c r="C782" t="s">
        <v>1553</v>
      </c>
    </row>
    <row r="783" spans="1:3" x14ac:dyDescent="0.15">
      <c r="A783">
        <v>24237</v>
      </c>
      <c r="B783" t="s">
        <v>1554</v>
      </c>
      <c r="C783" t="s">
        <v>1555</v>
      </c>
    </row>
    <row r="784" spans="1:3" x14ac:dyDescent="0.15">
      <c r="A784">
        <v>24236</v>
      </c>
      <c r="B784" t="s">
        <v>1556</v>
      </c>
      <c r="C784" t="s">
        <v>1557</v>
      </c>
    </row>
    <row r="785" spans="1:3" x14ac:dyDescent="0.15">
      <c r="A785">
        <v>24235</v>
      </c>
      <c r="B785" t="s">
        <v>1558</v>
      </c>
      <c r="C785" t="s">
        <v>1559</v>
      </c>
    </row>
    <row r="786" spans="1:3" x14ac:dyDescent="0.15">
      <c r="A786">
        <v>24234</v>
      </c>
      <c r="B786" t="s">
        <v>1560</v>
      </c>
      <c r="C786" t="s">
        <v>1561</v>
      </c>
    </row>
    <row r="787" spans="1:3" x14ac:dyDescent="0.15">
      <c r="A787">
        <v>24233</v>
      </c>
      <c r="B787" t="s">
        <v>1562</v>
      </c>
      <c r="C787" t="s">
        <v>1563</v>
      </c>
    </row>
    <row r="788" spans="1:3" x14ac:dyDescent="0.15">
      <c r="A788">
        <v>24232</v>
      </c>
      <c r="B788" t="s">
        <v>1564</v>
      </c>
      <c r="C788" t="s">
        <v>1565</v>
      </c>
    </row>
    <row r="789" spans="1:3" x14ac:dyDescent="0.15">
      <c r="A789">
        <v>24231</v>
      </c>
      <c r="B789" t="s">
        <v>1566</v>
      </c>
      <c r="C789" t="s">
        <v>1567</v>
      </c>
    </row>
    <row r="790" spans="1:3" x14ac:dyDescent="0.15">
      <c r="A790">
        <v>24230</v>
      </c>
      <c r="B790" t="s">
        <v>1568</v>
      </c>
      <c r="C790" t="s">
        <v>1569</v>
      </c>
    </row>
    <row r="791" spans="1:3" x14ac:dyDescent="0.15">
      <c r="A791">
        <v>24229</v>
      </c>
      <c r="B791" t="s">
        <v>1570</v>
      </c>
      <c r="C791" t="s">
        <v>1571</v>
      </c>
    </row>
    <row r="792" spans="1:3" x14ac:dyDescent="0.15">
      <c r="A792">
        <v>24228</v>
      </c>
      <c r="B792" t="s">
        <v>1572</v>
      </c>
      <c r="C792" t="s">
        <v>1573</v>
      </c>
    </row>
    <row r="793" spans="1:3" x14ac:dyDescent="0.15">
      <c r="A793">
        <v>24227</v>
      </c>
      <c r="B793" t="s">
        <v>1574</v>
      </c>
      <c r="C793" t="s">
        <v>1575</v>
      </c>
    </row>
    <row r="794" spans="1:3" x14ac:dyDescent="0.15">
      <c r="A794">
        <v>24226</v>
      </c>
      <c r="B794" t="s">
        <v>1576</v>
      </c>
      <c r="C794" t="s">
        <v>1577</v>
      </c>
    </row>
    <row r="795" spans="1:3" x14ac:dyDescent="0.15">
      <c r="A795">
        <v>24225</v>
      </c>
      <c r="B795" t="s">
        <v>1578</v>
      </c>
      <c r="C795" t="s">
        <v>1579</v>
      </c>
    </row>
    <row r="796" spans="1:3" x14ac:dyDescent="0.15">
      <c r="A796">
        <v>24224</v>
      </c>
      <c r="B796" t="s">
        <v>1580</v>
      </c>
      <c r="C796" t="s">
        <v>1581</v>
      </c>
    </row>
    <row r="797" spans="1:3" x14ac:dyDescent="0.15">
      <c r="A797">
        <v>24223</v>
      </c>
      <c r="B797" t="s">
        <v>1582</v>
      </c>
      <c r="C797" t="s">
        <v>1583</v>
      </c>
    </row>
    <row r="798" spans="1:3" x14ac:dyDescent="0.15">
      <c r="A798">
        <v>24222</v>
      </c>
      <c r="B798" t="s">
        <v>1584</v>
      </c>
      <c r="C798" t="s">
        <v>1585</v>
      </c>
    </row>
    <row r="799" spans="1:3" x14ac:dyDescent="0.15">
      <c r="A799">
        <v>24221</v>
      </c>
      <c r="B799" t="s">
        <v>1586</v>
      </c>
      <c r="C799" t="s">
        <v>1587</v>
      </c>
    </row>
    <row r="800" spans="1:3" x14ac:dyDescent="0.15">
      <c r="A800">
        <v>24220</v>
      </c>
      <c r="B800" t="s">
        <v>1588</v>
      </c>
      <c r="C800" t="s">
        <v>1589</v>
      </c>
    </row>
    <row r="801" spans="1:3" x14ac:dyDescent="0.15">
      <c r="A801">
        <v>24219</v>
      </c>
      <c r="B801" t="s">
        <v>1590</v>
      </c>
      <c r="C801" t="s">
        <v>1591</v>
      </c>
    </row>
    <row r="802" spans="1:3" x14ac:dyDescent="0.15">
      <c r="A802">
        <v>24218</v>
      </c>
      <c r="B802" t="s">
        <v>1592</v>
      </c>
      <c r="C802" t="s">
        <v>1593</v>
      </c>
    </row>
    <row r="803" spans="1:3" x14ac:dyDescent="0.15">
      <c r="A803">
        <v>24217</v>
      </c>
      <c r="B803" t="s">
        <v>1594</v>
      </c>
      <c r="C803" t="s">
        <v>1595</v>
      </c>
    </row>
    <row r="804" spans="1:3" x14ac:dyDescent="0.15">
      <c r="A804">
        <v>24216</v>
      </c>
      <c r="B804" t="s">
        <v>1596</v>
      </c>
      <c r="C804" t="s">
        <v>1597</v>
      </c>
    </row>
    <row r="805" spans="1:3" x14ac:dyDescent="0.15">
      <c r="A805">
        <v>24215</v>
      </c>
      <c r="B805" t="s">
        <v>1598</v>
      </c>
      <c r="C805" t="s">
        <v>1599</v>
      </c>
    </row>
    <row r="806" spans="1:3" x14ac:dyDescent="0.15">
      <c r="A806">
        <v>24214</v>
      </c>
      <c r="B806" t="s">
        <v>1600</v>
      </c>
      <c r="C806" t="s">
        <v>1601</v>
      </c>
    </row>
    <row r="807" spans="1:3" x14ac:dyDescent="0.15">
      <c r="A807">
        <v>24213</v>
      </c>
      <c r="B807" t="s">
        <v>1602</v>
      </c>
      <c r="C807" t="s">
        <v>1603</v>
      </c>
    </row>
    <row r="808" spans="1:3" x14ac:dyDescent="0.15">
      <c r="A808">
        <v>24212</v>
      </c>
      <c r="B808" t="s">
        <v>1604</v>
      </c>
      <c r="C808" t="s">
        <v>1605</v>
      </c>
    </row>
    <row r="809" spans="1:3" x14ac:dyDescent="0.15">
      <c r="A809">
        <v>24211</v>
      </c>
      <c r="B809" t="s">
        <v>1606</v>
      </c>
      <c r="C809" t="s">
        <v>1607</v>
      </c>
    </row>
    <row r="810" spans="1:3" x14ac:dyDescent="0.15">
      <c r="A810">
        <v>24210</v>
      </c>
      <c r="B810" t="s">
        <v>1608</v>
      </c>
      <c r="C810" t="s">
        <v>1609</v>
      </c>
    </row>
    <row r="811" spans="1:3" x14ac:dyDescent="0.15">
      <c r="A811">
        <v>24209</v>
      </c>
      <c r="B811" t="s">
        <v>1610</v>
      </c>
      <c r="C811" t="s">
        <v>1611</v>
      </c>
    </row>
    <row r="812" spans="1:3" x14ac:dyDescent="0.15">
      <c r="A812">
        <v>24208</v>
      </c>
      <c r="B812" t="s">
        <v>1612</v>
      </c>
      <c r="C812" t="s">
        <v>1613</v>
      </c>
    </row>
    <row r="813" spans="1:3" x14ac:dyDescent="0.15">
      <c r="A813">
        <v>24207</v>
      </c>
      <c r="B813" t="s">
        <v>1614</v>
      </c>
      <c r="C813" t="s">
        <v>1615</v>
      </c>
    </row>
    <row r="814" spans="1:3" x14ac:dyDescent="0.15">
      <c r="A814">
        <v>24206</v>
      </c>
      <c r="B814" t="s">
        <v>1616</v>
      </c>
      <c r="C814" t="s">
        <v>1617</v>
      </c>
    </row>
    <row r="815" spans="1:3" x14ac:dyDescent="0.15">
      <c r="A815">
        <v>24205</v>
      </c>
      <c r="B815" t="s">
        <v>1618</v>
      </c>
      <c r="C815" t="s">
        <v>1619</v>
      </c>
    </row>
    <row r="816" spans="1:3" x14ac:dyDescent="0.15">
      <c r="A816">
        <v>24204</v>
      </c>
      <c r="B816" t="s">
        <v>1620</v>
      </c>
      <c r="C816" t="s">
        <v>1621</v>
      </c>
    </row>
    <row r="817" spans="1:3" x14ac:dyDescent="0.15">
      <c r="A817">
        <v>24203</v>
      </c>
      <c r="B817" t="s">
        <v>1622</v>
      </c>
      <c r="C817" t="s">
        <v>1623</v>
      </c>
    </row>
    <row r="818" spans="1:3" x14ac:dyDescent="0.15">
      <c r="A818">
        <v>24202</v>
      </c>
      <c r="B818" t="s">
        <v>1624</v>
      </c>
      <c r="C818" t="s">
        <v>1625</v>
      </c>
    </row>
    <row r="819" spans="1:3" x14ac:dyDescent="0.15">
      <c r="A819">
        <v>24201</v>
      </c>
      <c r="B819" t="s">
        <v>1626</v>
      </c>
      <c r="C819" t="s">
        <v>1627</v>
      </c>
    </row>
    <row r="820" spans="1:3" x14ac:dyDescent="0.15">
      <c r="A820">
        <v>24200</v>
      </c>
      <c r="B820" t="s">
        <v>1628</v>
      </c>
      <c r="C820" t="s">
        <v>1629</v>
      </c>
    </row>
    <row r="821" spans="1:3" x14ac:dyDescent="0.15">
      <c r="A821">
        <v>24199</v>
      </c>
      <c r="B821" t="s">
        <v>1630</v>
      </c>
      <c r="C821" t="s">
        <v>1631</v>
      </c>
    </row>
    <row r="822" spans="1:3" x14ac:dyDescent="0.15">
      <c r="A822">
        <v>24198</v>
      </c>
      <c r="B822" t="s">
        <v>1632</v>
      </c>
      <c r="C822" t="s">
        <v>1633</v>
      </c>
    </row>
    <row r="823" spans="1:3" x14ac:dyDescent="0.15">
      <c r="A823">
        <v>24197</v>
      </c>
      <c r="B823" t="s">
        <v>1634</v>
      </c>
      <c r="C823" t="s">
        <v>1635</v>
      </c>
    </row>
    <row r="824" spans="1:3" x14ac:dyDescent="0.15">
      <c r="A824">
        <v>24196</v>
      </c>
      <c r="B824" t="s">
        <v>1636</v>
      </c>
      <c r="C824" t="s">
        <v>1637</v>
      </c>
    </row>
    <row r="825" spans="1:3" x14ac:dyDescent="0.15">
      <c r="A825">
        <v>24195</v>
      </c>
      <c r="B825" t="s">
        <v>1638</v>
      </c>
      <c r="C825" t="s">
        <v>1639</v>
      </c>
    </row>
    <row r="826" spans="1:3" x14ac:dyDescent="0.15">
      <c r="A826">
        <v>24194</v>
      </c>
      <c r="B826" t="s">
        <v>1640</v>
      </c>
      <c r="C826" t="s">
        <v>1641</v>
      </c>
    </row>
    <row r="827" spans="1:3" x14ac:dyDescent="0.15">
      <c r="A827">
        <v>24193</v>
      </c>
      <c r="B827" t="s">
        <v>1642</v>
      </c>
      <c r="C827" t="s">
        <v>1643</v>
      </c>
    </row>
    <row r="828" spans="1:3" x14ac:dyDescent="0.15">
      <c r="A828">
        <v>24192</v>
      </c>
      <c r="B828" t="s">
        <v>1644</v>
      </c>
      <c r="C828" t="s">
        <v>1645</v>
      </c>
    </row>
    <row r="829" spans="1:3" x14ac:dyDescent="0.15">
      <c r="A829">
        <v>24191</v>
      </c>
      <c r="B829" t="s">
        <v>1646</v>
      </c>
      <c r="C829" t="s">
        <v>1647</v>
      </c>
    </row>
    <row r="830" spans="1:3" x14ac:dyDescent="0.15">
      <c r="A830">
        <v>24190</v>
      </c>
      <c r="B830" t="s">
        <v>1648</v>
      </c>
      <c r="C830" t="s">
        <v>1649</v>
      </c>
    </row>
    <row r="831" spans="1:3" x14ac:dyDescent="0.15">
      <c r="A831">
        <v>24189</v>
      </c>
      <c r="B831" t="s">
        <v>1650</v>
      </c>
      <c r="C831" t="s">
        <v>1651</v>
      </c>
    </row>
    <row r="832" spans="1:3" x14ac:dyDescent="0.15">
      <c r="A832">
        <v>24188</v>
      </c>
      <c r="B832" t="s">
        <v>1652</v>
      </c>
      <c r="C832" t="s">
        <v>1653</v>
      </c>
    </row>
    <row r="833" spans="1:3" x14ac:dyDescent="0.15">
      <c r="A833">
        <v>24187</v>
      </c>
      <c r="B833" t="s">
        <v>1654</v>
      </c>
      <c r="C833" t="s">
        <v>1655</v>
      </c>
    </row>
    <row r="834" spans="1:3" x14ac:dyDescent="0.15">
      <c r="A834">
        <v>24186</v>
      </c>
      <c r="B834" t="s">
        <v>1656</v>
      </c>
      <c r="C834" t="s">
        <v>1657</v>
      </c>
    </row>
    <row r="835" spans="1:3" x14ac:dyDescent="0.15">
      <c r="A835">
        <v>24185</v>
      </c>
      <c r="B835" t="s">
        <v>1658</v>
      </c>
      <c r="C835" t="s">
        <v>1659</v>
      </c>
    </row>
    <row r="836" spans="1:3" x14ac:dyDescent="0.15">
      <c r="A836">
        <v>24184</v>
      </c>
      <c r="B836" t="s">
        <v>1660</v>
      </c>
      <c r="C836" t="s">
        <v>1661</v>
      </c>
    </row>
    <row r="837" spans="1:3" x14ac:dyDescent="0.15">
      <c r="A837">
        <v>24183</v>
      </c>
      <c r="B837" t="s">
        <v>1662</v>
      </c>
      <c r="C837" t="s">
        <v>1663</v>
      </c>
    </row>
    <row r="838" spans="1:3" x14ac:dyDescent="0.15">
      <c r="A838">
        <v>24182</v>
      </c>
      <c r="B838" t="s">
        <v>1664</v>
      </c>
      <c r="C838" t="s">
        <v>1665</v>
      </c>
    </row>
    <row r="839" spans="1:3" x14ac:dyDescent="0.15">
      <c r="A839">
        <v>24181</v>
      </c>
      <c r="B839" t="s">
        <v>1666</v>
      </c>
      <c r="C839" t="s">
        <v>1667</v>
      </c>
    </row>
    <row r="840" spans="1:3" x14ac:dyDescent="0.15">
      <c r="A840">
        <v>24180</v>
      </c>
      <c r="B840" t="s">
        <v>1668</v>
      </c>
      <c r="C840" t="s">
        <v>1669</v>
      </c>
    </row>
    <row r="841" spans="1:3" x14ac:dyDescent="0.15">
      <c r="A841">
        <v>24179</v>
      </c>
      <c r="B841" t="s">
        <v>1670</v>
      </c>
      <c r="C841" t="s">
        <v>1671</v>
      </c>
    </row>
    <row r="842" spans="1:3" x14ac:dyDescent="0.15">
      <c r="A842">
        <v>24178</v>
      </c>
      <c r="B842" t="s">
        <v>1672</v>
      </c>
      <c r="C842" t="s">
        <v>1673</v>
      </c>
    </row>
    <row r="843" spans="1:3" x14ac:dyDescent="0.15">
      <c r="A843">
        <v>24177</v>
      </c>
      <c r="B843" t="s">
        <v>1674</v>
      </c>
      <c r="C843" t="s">
        <v>1675</v>
      </c>
    </row>
    <row r="844" spans="1:3" x14ac:dyDescent="0.15">
      <c r="A844">
        <v>24176</v>
      </c>
      <c r="B844" t="s">
        <v>1676</v>
      </c>
      <c r="C844" t="s">
        <v>1677</v>
      </c>
    </row>
    <row r="845" spans="1:3" x14ac:dyDescent="0.15">
      <c r="A845">
        <v>24175</v>
      </c>
      <c r="B845" t="s">
        <v>1678</v>
      </c>
      <c r="C845" t="s">
        <v>1679</v>
      </c>
    </row>
    <row r="846" spans="1:3" x14ac:dyDescent="0.15">
      <c r="A846">
        <v>24174</v>
      </c>
      <c r="B846" t="s">
        <v>1680</v>
      </c>
      <c r="C846" t="s">
        <v>1681</v>
      </c>
    </row>
    <row r="847" spans="1:3" x14ac:dyDescent="0.15">
      <c r="A847">
        <v>24173</v>
      </c>
      <c r="B847" t="s">
        <v>1682</v>
      </c>
      <c r="C847" t="s">
        <v>1683</v>
      </c>
    </row>
    <row r="848" spans="1:3" x14ac:dyDescent="0.15">
      <c r="A848">
        <v>24172</v>
      </c>
      <c r="B848" t="s">
        <v>1684</v>
      </c>
      <c r="C848" t="s">
        <v>1685</v>
      </c>
    </row>
    <row r="849" spans="1:3" x14ac:dyDescent="0.15">
      <c r="A849">
        <v>24171</v>
      </c>
      <c r="B849" t="s">
        <v>1686</v>
      </c>
      <c r="C849" t="s">
        <v>1687</v>
      </c>
    </row>
    <row r="850" spans="1:3" x14ac:dyDescent="0.15">
      <c r="A850">
        <v>24170</v>
      </c>
      <c r="B850" t="s">
        <v>1688</v>
      </c>
      <c r="C850" t="s">
        <v>1689</v>
      </c>
    </row>
    <row r="851" spans="1:3" x14ac:dyDescent="0.15">
      <c r="A851">
        <v>24169</v>
      </c>
      <c r="B851" t="s">
        <v>1690</v>
      </c>
      <c r="C851" t="s">
        <v>1691</v>
      </c>
    </row>
    <row r="852" spans="1:3" x14ac:dyDescent="0.15">
      <c r="A852">
        <v>24168</v>
      </c>
      <c r="B852" t="s">
        <v>1692</v>
      </c>
      <c r="C852" t="s">
        <v>1693</v>
      </c>
    </row>
    <row r="853" spans="1:3" x14ac:dyDescent="0.15">
      <c r="A853">
        <v>24167</v>
      </c>
      <c r="B853" t="s">
        <v>1694</v>
      </c>
      <c r="C853" t="s">
        <v>1695</v>
      </c>
    </row>
    <row r="854" spans="1:3" x14ac:dyDescent="0.15">
      <c r="A854">
        <v>24166</v>
      </c>
      <c r="B854" t="s">
        <v>1696</v>
      </c>
      <c r="C854" t="s">
        <v>1697</v>
      </c>
    </row>
    <row r="855" spans="1:3" x14ac:dyDescent="0.15">
      <c r="A855">
        <v>24165</v>
      </c>
      <c r="B855" t="s">
        <v>1698</v>
      </c>
      <c r="C855" t="s">
        <v>1699</v>
      </c>
    </row>
    <row r="856" spans="1:3" x14ac:dyDescent="0.15">
      <c r="A856">
        <v>24164</v>
      </c>
      <c r="B856" t="s">
        <v>1700</v>
      </c>
      <c r="C856" t="s">
        <v>1701</v>
      </c>
    </row>
    <row r="857" spans="1:3" x14ac:dyDescent="0.15">
      <c r="A857">
        <v>24163</v>
      </c>
      <c r="B857" t="s">
        <v>1702</v>
      </c>
      <c r="C857" t="s">
        <v>1703</v>
      </c>
    </row>
    <row r="858" spans="1:3" x14ac:dyDescent="0.15">
      <c r="A858">
        <v>24162</v>
      </c>
      <c r="B858" t="s">
        <v>1704</v>
      </c>
      <c r="C858" t="s">
        <v>1705</v>
      </c>
    </row>
    <row r="859" spans="1:3" x14ac:dyDescent="0.15">
      <c r="A859">
        <v>24161</v>
      </c>
      <c r="B859" t="s">
        <v>1706</v>
      </c>
      <c r="C859" t="s">
        <v>1707</v>
      </c>
    </row>
    <row r="860" spans="1:3" x14ac:dyDescent="0.15">
      <c r="A860">
        <v>24160</v>
      </c>
      <c r="B860" t="s">
        <v>1708</v>
      </c>
      <c r="C860" t="s">
        <v>1709</v>
      </c>
    </row>
    <row r="861" spans="1:3" x14ac:dyDescent="0.15">
      <c r="A861">
        <v>24159</v>
      </c>
      <c r="B861" t="s">
        <v>1710</v>
      </c>
      <c r="C861" t="s">
        <v>1711</v>
      </c>
    </row>
    <row r="862" spans="1:3" x14ac:dyDescent="0.15">
      <c r="A862">
        <v>24158</v>
      </c>
      <c r="B862" t="s">
        <v>1712</v>
      </c>
      <c r="C862" t="s">
        <v>1713</v>
      </c>
    </row>
    <row r="863" spans="1:3" x14ac:dyDescent="0.15">
      <c r="A863">
        <v>24157</v>
      </c>
      <c r="B863" t="s">
        <v>1714</v>
      </c>
      <c r="C863" t="s">
        <v>1715</v>
      </c>
    </row>
    <row r="864" spans="1:3" x14ac:dyDescent="0.15">
      <c r="A864">
        <v>24156</v>
      </c>
      <c r="B864" t="s">
        <v>1716</v>
      </c>
      <c r="C864" t="s">
        <v>1717</v>
      </c>
    </row>
    <row r="865" spans="1:3" x14ac:dyDescent="0.15">
      <c r="A865">
        <v>24155</v>
      </c>
      <c r="B865" t="s">
        <v>1718</v>
      </c>
      <c r="C865" t="s">
        <v>1719</v>
      </c>
    </row>
    <row r="866" spans="1:3" x14ac:dyDescent="0.15">
      <c r="A866">
        <v>24154</v>
      </c>
      <c r="B866" t="s">
        <v>1720</v>
      </c>
      <c r="C866" t="s">
        <v>1721</v>
      </c>
    </row>
    <row r="867" spans="1:3" x14ac:dyDescent="0.15">
      <c r="A867">
        <v>24153</v>
      </c>
      <c r="B867" t="s">
        <v>1722</v>
      </c>
      <c r="C867" t="s">
        <v>1723</v>
      </c>
    </row>
    <row r="868" spans="1:3" x14ac:dyDescent="0.15">
      <c r="A868">
        <v>24152</v>
      </c>
      <c r="B868" t="s">
        <v>1724</v>
      </c>
      <c r="C868" t="s">
        <v>1725</v>
      </c>
    </row>
    <row r="869" spans="1:3" x14ac:dyDescent="0.15">
      <c r="A869">
        <v>24151</v>
      </c>
      <c r="B869" t="s">
        <v>1726</v>
      </c>
      <c r="C869" t="s">
        <v>1727</v>
      </c>
    </row>
    <row r="870" spans="1:3" x14ac:dyDescent="0.15">
      <c r="A870">
        <v>24150</v>
      </c>
      <c r="B870" t="s">
        <v>1728</v>
      </c>
      <c r="C870" t="s">
        <v>1729</v>
      </c>
    </row>
    <row r="871" spans="1:3" x14ac:dyDescent="0.15">
      <c r="A871">
        <v>24149</v>
      </c>
      <c r="B871" t="s">
        <v>1730</v>
      </c>
      <c r="C871" t="s">
        <v>1731</v>
      </c>
    </row>
    <row r="872" spans="1:3" x14ac:dyDescent="0.15">
      <c r="A872">
        <v>24148</v>
      </c>
      <c r="B872" t="s">
        <v>1732</v>
      </c>
      <c r="C872" t="s">
        <v>1733</v>
      </c>
    </row>
    <row r="873" spans="1:3" x14ac:dyDescent="0.15">
      <c r="A873">
        <v>24147</v>
      </c>
      <c r="B873" t="s">
        <v>1734</v>
      </c>
      <c r="C873" t="s">
        <v>1735</v>
      </c>
    </row>
    <row r="874" spans="1:3" x14ac:dyDescent="0.15">
      <c r="A874">
        <v>24146</v>
      </c>
      <c r="B874" t="s">
        <v>1736</v>
      </c>
      <c r="C874" t="s">
        <v>1737</v>
      </c>
    </row>
    <row r="875" spans="1:3" x14ac:dyDescent="0.15">
      <c r="A875">
        <v>24145</v>
      </c>
      <c r="B875" t="s">
        <v>1738</v>
      </c>
      <c r="C875" t="s">
        <v>1739</v>
      </c>
    </row>
    <row r="876" spans="1:3" x14ac:dyDescent="0.15">
      <c r="A876">
        <v>24144</v>
      </c>
      <c r="B876" t="s">
        <v>1740</v>
      </c>
      <c r="C876" t="s">
        <v>1741</v>
      </c>
    </row>
    <row r="877" spans="1:3" x14ac:dyDescent="0.15">
      <c r="A877">
        <v>24143</v>
      </c>
      <c r="B877" t="s">
        <v>1742</v>
      </c>
      <c r="C877" t="s">
        <v>1743</v>
      </c>
    </row>
    <row r="878" spans="1:3" x14ac:dyDescent="0.15">
      <c r="A878">
        <v>24142</v>
      </c>
      <c r="B878" t="s">
        <v>1744</v>
      </c>
      <c r="C878" t="s">
        <v>1745</v>
      </c>
    </row>
    <row r="879" spans="1:3" x14ac:dyDescent="0.15">
      <c r="A879">
        <v>24141</v>
      </c>
      <c r="B879" t="s">
        <v>1746</v>
      </c>
      <c r="C879" t="s">
        <v>1747</v>
      </c>
    </row>
    <row r="880" spans="1:3" x14ac:dyDescent="0.15">
      <c r="A880">
        <v>24140</v>
      </c>
      <c r="B880" t="s">
        <v>1748</v>
      </c>
      <c r="C880" t="s">
        <v>1749</v>
      </c>
    </row>
    <row r="881" spans="1:3" x14ac:dyDescent="0.15">
      <c r="A881">
        <v>24139</v>
      </c>
      <c r="B881" t="s">
        <v>1750</v>
      </c>
      <c r="C881" t="s">
        <v>1751</v>
      </c>
    </row>
    <row r="882" spans="1:3" x14ac:dyDescent="0.15">
      <c r="A882">
        <v>24138</v>
      </c>
      <c r="B882" t="s">
        <v>1752</v>
      </c>
      <c r="C882" t="s">
        <v>1753</v>
      </c>
    </row>
    <row r="883" spans="1:3" x14ac:dyDescent="0.15">
      <c r="A883">
        <v>24137</v>
      </c>
      <c r="B883" t="s">
        <v>1754</v>
      </c>
      <c r="C883" t="s">
        <v>1755</v>
      </c>
    </row>
    <row r="884" spans="1:3" x14ac:dyDescent="0.15">
      <c r="A884">
        <v>24136</v>
      </c>
      <c r="B884" t="s">
        <v>1756</v>
      </c>
      <c r="C884" t="s">
        <v>1757</v>
      </c>
    </row>
    <row r="885" spans="1:3" x14ac:dyDescent="0.15">
      <c r="A885">
        <v>24135</v>
      </c>
      <c r="B885" t="s">
        <v>1758</v>
      </c>
      <c r="C885" t="s">
        <v>1759</v>
      </c>
    </row>
    <row r="886" spans="1:3" x14ac:dyDescent="0.15">
      <c r="A886">
        <v>24134</v>
      </c>
      <c r="B886" t="s">
        <v>1760</v>
      </c>
      <c r="C886" t="s">
        <v>1761</v>
      </c>
    </row>
    <row r="887" spans="1:3" x14ac:dyDescent="0.15">
      <c r="A887">
        <v>24133</v>
      </c>
      <c r="B887" t="s">
        <v>1762</v>
      </c>
      <c r="C887" t="s">
        <v>1763</v>
      </c>
    </row>
    <row r="888" spans="1:3" x14ac:dyDescent="0.15">
      <c r="A888">
        <v>24132</v>
      </c>
      <c r="B888" t="s">
        <v>1764</v>
      </c>
      <c r="C888" t="s">
        <v>1765</v>
      </c>
    </row>
    <row r="889" spans="1:3" x14ac:dyDescent="0.15">
      <c r="A889">
        <v>24131</v>
      </c>
      <c r="B889" t="s">
        <v>1766</v>
      </c>
      <c r="C889" t="s">
        <v>1767</v>
      </c>
    </row>
    <row r="890" spans="1:3" x14ac:dyDescent="0.15">
      <c r="A890">
        <v>24130</v>
      </c>
      <c r="B890" t="s">
        <v>1768</v>
      </c>
      <c r="C890" t="s">
        <v>1769</v>
      </c>
    </row>
    <row r="891" spans="1:3" x14ac:dyDescent="0.15">
      <c r="A891">
        <v>24129</v>
      </c>
      <c r="B891" t="s">
        <v>1770</v>
      </c>
      <c r="C891" t="s">
        <v>1771</v>
      </c>
    </row>
    <row r="892" spans="1:3" x14ac:dyDescent="0.15">
      <c r="A892">
        <v>24128</v>
      </c>
      <c r="B892" t="s">
        <v>1772</v>
      </c>
      <c r="C892" t="s">
        <v>1773</v>
      </c>
    </row>
    <row r="893" spans="1:3" x14ac:dyDescent="0.15">
      <c r="A893">
        <v>24127</v>
      </c>
      <c r="B893" t="s">
        <v>1774</v>
      </c>
      <c r="C893" t="s">
        <v>1775</v>
      </c>
    </row>
    <row r="894" spans="1:3" x14ac:dyDescent="0.15">
      <c r="A894">
        <v>24126</v>
      </c>
      <c r="B894" t="s">
        <v>1776</v>
      </c>
      <c r="C894" t="s">
        <v>1777</v>
      </c>
    </row>
    <row r="895" spans="1:3" x14ac:dyDescent="0.15">
      <c r="A895">
        <v>24125</v>
      </c>
      <c r="B895" t="s">
        <v>1778</v>
      </c>
      <c r="C895" t="s">
        <v>1779</v>
      </c>
    </row>
    <row r="896" spans="1:3" x14ac:dyDescent="0.15">
      <c r="A896">
        <v>24124</v>
      </c>
      <c r="B896" t="s">
        <v>1780</v>
      </c>
      <c r="C896" t="s">
        <v>1781</v>
      </c>
    </row>
    <row r="897" spans="1:3" x14ac:dyDescent="0.15">
      <c r="A897">
        <v>24123</v>
      </c>
      <c r="B897" t="s">
        <v>1782</v>
      </c>
      <c r="C897" t="s">
        <v>1783</v>
      </c>
    </row>
    <row r="898" spans="1:3" x14ac:dyDescent="0.15">
      <c r="A898">
        <v>24122</v>
      </c>
      <c r="B898" t="s">
        <v>1784</v>
      </c>
      <c r="C898" t="s">
        <v>1785</v>
      </c>
    </row>
    <row r="899" spans="1:3" x14ac:dyDescent="0.15">
      <c r="A899">
        <v>24121</v>
      </c>
      <c r="B899" t="s">
        <v>1786</v>
      </c>
      <c r="C899" t="s">
        <v>1787</v>
      </c>
    </row>
    <row r="900" spans="1:3" x14ac:dyDescent="0.15">
      <c r="A900">
        <v>24120</v>
      </c>
      <c r="B900" t="s">
        <v>1788</v>
      </c>
      <c r="C900" t="s">
        <v>1789</v>
      </c>
    </row>
    <row r="901" spans="1:3" x14ac:dyDescent="0.15">
      <c r="A901">
        <v>24119</v>
      </c>
      <c r="B901" t="s">
        <v>1790</v>
      </c>
      <c r="C901" t="s">
        <v>1791</v>
      </c>
    </row>
    <row r="902" spans="1:3" x14ac:dyDescent="0.15">
      <c r="A902">
        <v>24118</v>
      </c>
      <c r="B902" t="s">
        <v>1792</v>
      </c>
      <c r="C902" t="s">
        <v>1793</v>
      </c>
    </row>
    <row r="903" spans="1:3" x14ac:dyDescent="0.15">
      <c r="A903">
        <v>24117</v>
      </c>
      <c r="B903" t="s">
        <v>1794</v>
      </c>
      <c r="C903" t="s">
        <v>1795</v>
      </c>
    </row>
    <row r="904" spans="1:3" x14ac:dyDescent="0.15">
      <c r="A904">
        <v>24116</v>
      </c>
      <c r="B904" t="s">
        <v>1796</v>
      </c>
      <c r="C904" t="s">
        <v>1797</v>
      </c>
    </row>
    <row r="905" spans="1:3" x14ac:dyDescent="0.15">
      <c r="A905">
        <v>24115</v>
      </c>
      <c r="B905" t="s">
        <v>1798</v>
      </c>
      <c r="C905" t="s">
        <v>1799</v>
      </c>
    </row>
    <row r="906" spans="1:3" x14ac:dyDescent="0.15">
      <c r="A906">
        <v>24114</v>
      </c>
      <c r="B906" t="s">
        <v>1800</v>
      </c>
      <c r="C906" t="s">
        <v>1801</v>
      </c>
    </row>
    <row r="907" spans="1:3" x14ac:dyDescent="0.15">
      <c r="A907">
        <v>24113</v>
      </c>
      <c r="B907" t="s">
        <v>1802</v>
      </c>
      <c r="C907" t="s">
        <v>1803</v>
      </c>
    </row>
    <row r="908" spans="1:3" x14ac:dyDescent="0.15">
      <c r="A908">
        <v>24112</v>
      </c>
      <c r="B908" t="s">
        <v>1804</v>
      </c>
      <c r="C908" t="s">
        <v>1805</v>
      </c>
    </row>
    <row r="909" spans="1:3" x14ac:dyDescent="0.15">
      <c r="A909">
        <v>24111</v>
      </c>
      <c r="B909" t="s">
        <v>1806</v>
      </c>
      <c r="C909" t="s">
        <v>1807</v>
      </c>
    </row>
    <row r="910" spans="1:3" x14ac:dyDescent="0.15">
      <c r="A910">
        <v>24110</v>
      </c>
      <c r="B910" t="s">
        <v>1808</v>
      </c>
      <c r="C910" t="s">
        <v>1809</v>
      </c>
    </row>
    <row r="911" spans="1:3" x14ac:dyDescent="0.15">
      <c r="A911">
        <v>24109</v>
      </c>
      <c r="B911" t="s">
        <v>1810</v>
      </c>
      <c r="C911" t="s">
        <v>1811</v>
      </c>
    </row>
    <row r="912" spans="1:3" x14ac:dyDescent="0.15">
      <c r="A912">
        <v>24108</v>
      </c>
      <c r="B912" t="s">
        <v>1812</v>
      </c>
      <c r="C912" t="s">
        <v>1813</v>
      </c>
    </row>
    <row r="913" spans="1:3" x14ac:dyDescent="0.15">
      <c r="A913">
        <v>24107</v>
      </c>
      <c r="B913" t="s">
        <v>1814</v>
      </c>
      <c r="C913" t="s">
        <v>1815</v>
      </c>
    </row>
    <row r="914" spans="1:3" x14ac:dyDescent="0.15">
      <c r="A914">
        <v>24106</v>
      </c>
      <c r="B914" t="s">
        <v>1816</v>
      </c>
      <c r="C914" t="s">
        <v>1817</v>
      </c>
    </row>
    <row r="915" spans="1:3" x14ac:dyDescent="0.15">
      <c r="A915">
        <v>24105</v>
      </c>
      <c r="B915" t="s">
        <v>1818</v>
      </c>
      <c r="C915" t="s">
        <v>1819</v>
      </c>
    </row>
    <row r="916" spans="1:3" x14ac:dyDescent="0.15">
      <c r="A916">
        <v>24104</v>
      </c>
      <c r="B916" t="s">
        <v>1820</v>
      </c>
      <c r="C916" t="s">
        <v>1821</v>
      </c>
    </row>
    <row r="917" spans="1:3" x14ac:dyDescent="0.15">
      <c r="A917">
        <v>24103</v>
      </c>
      <c r="B917" t="s">
        <v>1822</v>
      </c>
      <c r="C917" t="s">
        <v>1823</v>
      </c>
    </row>
    <row r="918" spans="1:3" x14ac:dyDescent="0.15">
      <c r="A918">
        <v>24102</v>
      </c>
      <c r="B918" t="s">
        <v>1824</v>
      </c>
      <c r="C918" t="s">
        <v>1825</v>
      </c>
    </row>
    <row r="919" spans="1:3" x14ac:dyDescent="0.15">
      <c r="A919">
        <v>24101</v>
      </c>
      <c r="B919" t="s">
        <v>1826</v>
      </c>
      <c r="C919" t="s">
        <v>1827</v>
      </c>
    </row>
    <row r="920" spans="1:3" x14ac:dyDescent="0.15">
      <c r="A920">
        <v>24100</v>
      </c>
      <c r="B920" t="s">
        <v>1828</v>
      </c>
      <c r="C920" t="s">
        <v>1829</v>
      </c>
    </row>
    <row r="921" spans="1:3" x14ac:dyDescent="0.15">
      <c r="A921">
        <v>24099</v>
      </c>
      <c r="B921" t="s">
        <v>1830</v>
      </c>
      <c r="C921" t="s">
        <v>1831</v>
      </c>
    </row>
    <row r="922" spans="1:3" x14ac:dyDescent="0.15">
      <c r="A922">
        <v>24098</v>
      </c>
      <c r="B922" t="s">
        <v>1832</v>
      </c>
      <c r="C922" t="s">
        <v>1833</v>
      </c>
    </row>
    <row r="923" spans="1:3" x14ac:dyDescent="0.15">
      <c r="A923">
        <v>24097</v>
      </c>
      <c r="B923" t="s">
        <v>1834</v>
      </c>
      <c r="C923" t="s">
        <v>1835</v>
      </c>
    </row>
    <row r="924" spans="1:3" x14ac:dyDescent="0.15">
      <c r="A924">
        <v>24096</v>
      </c>
      <c r="B924" t="s">
        <v>1836</v>
      </c>
      <c r="C924" t="s">
        <v>1837</v>
      </c>
    </row>
    <row r="925" spans="1:3" x14ac:dyDescent="0.15">
      <c r="A925">
        <v>24095</v>
      </c>
      <c r="B925" t="s">
        <v>1838</v>
      </c>
      <c r="C925" t="s">
        <v>1839</v>
      </c>
    </row>
    <row r="926" spans="1:3" x14ac:dyDescent="0.15">
      <c r="A926">
        <v>24094</v>
      </c>
      <c r="B926" t="s">
        <v>1840</v>
      </c>
      <c r="C926" t="s">
        <v>1841</v>
      </c>
    </row>
    <row r="927" spans="1:3" x14ac:dyDescent="0.15">
      <c r="A927">
        <v>24093</v>
      </c>
      <c r="B927" t="s">
        <v>1842</v>
      </c>
      <c r="C927" t="s">
        <v>1843</v>
      </c>
    </row>
    <row r="928" spans="1:3" x14ac:dyDescent="0.15">
      <c r="A928">
        <v>24092</v>
      </c>
      <c r="B928" t="s">
        <v>1844</v>
      </c>
      <c r="C928" t="s">
        <v>1845</v>
      </c>
    </row>
    <row r="929" spans="1:3" x14ac:dyDescent="0.15">
      <c r="A929">
        <v>24091</v>
      </c>
      <c r="B929" t="s">
        <v>1846</v>
      </c>
      <c r="C929" t="s">
        <v>1847</v>
      </c>
    </row>
    <row r="930" spans="1:3" x14ac:dyDescent="0.15">
      <c r="A930">
        <v>24090</v>
      </c>
      <c r="B930" t="s">
        <v>1848</v>
      </c>
      <c r="C930" t="s">
        <v>1849</v>
      </c>
    </row>
    <row r="931" spans="1:3" x14ac:dyDescent="0.15">
      <c r="A931">
        <v>24089</v>
      </c>
      <c r="B931" t="s">
        <v>1850</v>
      </c>
      <c r="C931" t="s">
        <v>1851</v>
      </c>
    </row>
    <row r="932" spans="1:3" x14ac:dyDescent="0.15">
      <c r="A932">
        <v>24088</v>
      </c>
      <c r="B932" t="s">
        <v>1852</v>
      </c>
      <c r="C932" t="s">
        <v>1853</v>
      </c>
    </row>
    <row r="933" spans="1:3" x14ac:dyDescent="0.15">
      <c r="A933">
        <v>24087</v>
      </c>
      <c r="B933" t="s">
        <v>1854</v>
      </c>
      <c r="C933" t="s">
        <v>1855</v>
      </c>
    </row>
    <row r="934" spans="1:3" x14ac:dyDescent="0.15">
      <c r="A934">
        <v>24086</v>
      </c>
      <c r="B934" t="s">
        <v>1856</v>
      </c>
      <c r="C934" t="s">
        <v>1857</v>
      </c>
    </row>
    <row r="935" spans="1:3" x14ac:dyDescent="0.15">
      <c r="A935">
        <v>24085</v>
      </c>
      <c r="B935" t="s">
        <v>1858</v>
      </c>
      <c r="C935" t="s">
        <v>1859</v>
      </c>
    </row>
    <row r="936" spans="1:3" x14ac:dyDescent="0.15">
      <c r="A936">
        <v>24084</v>
      </c>
      <c r="B936" t="s">
        <v>1860</v>
      </c>
      <c r="C936" t="s">
        <v>1861</v>
      </c>
    </row>
    <row r="937" spans="1:3" x14ac:dyDescent="0.15">
      <c r="A937">
        <v>24083</v>
      </c>
      <c r="B937" t="s">
        <v>1862</v>
      </c>
      <c r="C937" t="s">
        <v>1863</v>
      </c>
    </row>
    <row r="938" spans="1:3" x14ac:dyDescent="0.15">
      <c r="A938">
        <v>24082</v>
      </c>
      <c r="B938" t="s">
        <v>1864</v>
      </c>
      <c r="C938" t="s">
        <v>1865</v>
      </c>
    </row>
    <row r="939" spans="1:3" x14ac:dyDescent="0.15">
      <c r="A939">
        <v>24081</v>
      </c>
      <c r="B939" t="s">
        <v>1866</v>
      </c>
      <c r="C939" t="s">
        <v>1867</v>
      </c>
    </row>
    <row r="940" spans="1:3" x14ac:dyDescent="0.15">
      <c r="A940">
        <v>24080</v>
      </c>
      <c r="B940" t="s">
        <v>1868</v>
      </c>
      <c r="C940" t="s">
        <v>1869</v>
      </c>
    </row>
    <row r="941" spans="1:3" x14ac:dyDescent="0.15">
      <c r="A941">
        <v>24079</v>
      </c>
      <c r="B941" t="s">
        <v>1870</v>
      </c>
      <c r="C941" t="s">
        <v>1871</v>
      </c>
    </row>
    <row r="942" spans="1:3" x14ac:dyDescent="0.15">
      <c r="A942">
        <v>24078</v>
      </c>
      <c r="B942" t="s">
        <v>1872</v>
      </c>
      <c r="C942" t="s">
        <v>1873</v>
      </c>
    </row>
    <row r="943" spans="1:3" x14ac:dyDescent="0.15">
      <c r="A943">
        <v>24077</v>
      </c>
      <c r="B943" t="s">
        <v>1874</v>
      </c>
      <c r="C943" t="s">
        <v>1875</v>
      </c>
    </row>
    <row r="944" spans="1:3" x14ac:dyDescent="0.15">
      <c r="A944">
        <v>24076</v>
      </c>
      <c r="B944" t="s">
        <v>1876</v>
      </c>
      <c r="C944" t="s">
        <v>1877</v>
      </c>
    </row>
    <row r="945" spans="1:3" x14ac:dyDescent="0.15">
      <c r="A945">
        <v>24075</v>
      </c>
      <c r="B945" t="s">
        <v>1878</v>
      </c>
      <c r="C945" t="s">
        <v>1879</v>
      </c>
    </row>
    <row r="946" spans="1:3" x14ac:dyDescent="0.15">
      <c r="A946">
        <v>24074</v>
      </c>
      <c r="B946" t="s">
        <v>1880</v>
      </c>
      <c r="C946" t="s">
        <v>1881</v>
      </c>
    </row>
    <row r="947" spans="1:3" x14ac:dyDescent="0.15">
      <c r="A947">
        <v>24073</v>
      </c>
      <c r="B947" t="s">
        <v>1882</v>
      </c>
      <c r="C947" t="s">
        <v>1883</v>
      </c>
    </row>
    <row r="948" spans="1:3" x14ac:dyDescent="0.15">
      <c r="A948">
        <v>24072</v>
      </c>
      <c r="B948" t="s">
        <v>1884</v>
      </c>
      <c r="C948" t="s">
        <v>1885</v>
      </c>
    </row>
    <row r="949" spans="1:3" x14ac:dyDescent="0.15">
      <c r="A949">
        <v>24071</v>
      </c>
      <c r="B949" t="s">
        <v>1886</v>
      </c>
      <c r="C949" t="s">
        <v>1887</v>
      </c>
    </row>
    <row r="950" spans="1:3" x14ac:dyDescent="0.15">
      <c r="A950">
        <v>24070</v>
      </c>
      <c r="B950" t="s">
        <v>1888</v>
      </c>
      <c r="C950" t="s">
        <v>1889</v>
      </c>
    </row>
    <row r="951" spans="1:3" x14ac:dyDescent="0.15">
      <c r="A951">
        <v>24069</v>
      </c>
      <c r="B951" t="s">
        <v>1890</v>
      </c>
      <c r="C951" t="s">
        <v>1891</v>
      </c>
    </row>
    <row r="952" spans="1:3" x14ac:dyDescent="0.15">
      <c r="A952">
        <v>24068</v>
      </c>
      <c r="B952" t="s">
        <v>1892</v>
      </c>
      <c r="C952" t="s">
        <v>1893</v>
      </c>
    </row>
    <row r="953" spans="1:3" x14ac:dyDescent="0.15">
      <c r="A953">
        <v>24067</v>
      </c>
      <c r="B953" t="s">
        <v>1894</v>
      </c>
      <c r="C953" t="s">
        <v>1895</v>
      </c>
    </row>
    <row r="954" spans="1:3" x14ac:dyDescent="0.15">
      <c r="A954">
        <v>24066</v>
      </c>
      <c r="B954" t="s">
        <v>1896</v>
      </c>
      <c r="C954" t="s">
        <v>1897</v>
      </c>
    </row>
    <row r="955" spans="1:3" x14ac:dyDescent="0.15">
      <c r="A955">
        <v>24065</v>
      </c>
      <c r="B955" t="s">
        <v>1898</v>
      </c>
      <c r="C955" t="s">
        <v>1899</v>
      </c>
    </row>
    <row r="956" spans="1:3" x14ac:dyDescent="0.15">
      <c r="A956">
        <v>24064</v>
      </c>
      <c r="B956" t="s">
        <v>1900</v>
      </c>
      <c r="C956" t="s">
        <v>1901</v>
      </c>
    </row>
    <row r="957" spans="1:3" x14ac:dyDescent="0.15">
      <c r="A957">
        <v>24063</v>
      </c>
      <c r="B957" t="s">
        <v>1902</v>
      </c>
      <c r="C957" t="s">
        <v>1903</v>
      </c>
    </row>
    <row r="958" spans="1:3" x14ac:dyDescent="0.15">
      <c r="A958">
        <v>24062</v>
      </c>
      <c r="B958" t="s">
        <v>1904</v>
      </c>
      <c r="C958" t="s">
        <v>1905</v>
      </c>
    </row>
    <row r="959" spans="1:3" x14ac:dyDescent="0.15">
      <c r="A959">
        <v>24061</v>
      </c>
      <c r="B959" t="s">
        <v>1906</v>
      </c>
      <c r="C959" t="s">
        <v>1907</v>
      </c>
    </row>
    <row r="960" spans="1:3" x14ac:dyDescent="0.15">
      <c r="A960">
        <v>24060</v>
      </c>
      <c r="B960" t="s">
        <v>1908</v>
      </c>
      <c r="C960" t="s">
        <v>1909</v>
      </c>
    </row>
    <row r="961" spans="1:3" x14ac:dyDescent="0.15">
      <c r="A961">
        <v>24059</v>
      </c>
      <c r="B961" t="s">
        <v>1910</v>
      </c>
      <c r="C961" t="s">
        <v>1911</v>
      </c>
    </row>
    <row r="962" spans="1:3" x14ac:dyDescent="0.15">
      <c r="A962">
        <v>24058</v>
      </c>
      <c r="B962" t="s">
        <v>1912</v>
      </c>
      <c r="C962" t="s">
        <v>1913</v>
      </c>
    </row>
    <row r="963" spans="1:3" x14ac:dyDescent="0.15">
      <c r="A963">
        <v>24057</v>
      </c>
      <c r="B963" t="s">
        <v>1914</v>
      </c>
      <c r="C963" t="s">
        <v>1915</v>
      </c>
    </row>
    <row r="964" spans="1:3" x14ac:dyDescent="0.15">
      <c r="A964">
        <v>24056</v>
      </c>
      <c r="B964" t="s">
        <v>1916</v>
      </c>
      <c r="C964" t="s">
        <v>1917</v>
      </c>
    </row>
    <row r="965" spans="1:3" x14ac:dyDescent="0.15">
      <c r="A965">
        <v>24055</v>
      </c>
      <c r="B965" t="s">
        <v>1918</v>
      </c>
      <c r="C965" t="s">
        <v>1919</v>
      </c>
    </row>
    <row r="966" spans="1:3" x14ac:dyDescent="0.15">
      <c r="A966">
        <v>24054</v>
      </c>
      <c r="B966" t="s">
        <v>1920</v>
      </c>
      <c r="C966" t="s">
        <v>1921</v>
      </c>
    </row>
    <row r="967" spans="1:3" x14ac:dyDescent="0.15">
      <c r="A967">
        <v>24053</v>
      </c>
      <c r="B967" t="s">
        <v>1922</v>
      </c>
      <c r="C967" t="s">
        <v>1923</v>
      </c>
    </row>
    <row r="968" spans="1:3" x14ac:dyDescent="0.15">
      <c r="A968">
        <v>24052</v>
      </c>
      <c r="B968" t="s">
        <v>1924</v>
      </c>
      <c r="C968" t="s">
        <v>1925</v>
      </c>
    </row>
    <row r="969" spans="1:3" x14ac:dyDescent="0.15">
      <c r="A969">
        <v>24051</v>
      </c>
      <c r="B969" t="s">
        <v>1926</v>
      </c>
      <c r="C969" t="s">
        <v>1927</v>
      </c>
    </row>
    <row r="970" spans="1:3" x14ac:dyDescent="0.15">
      <c r="A970">
        <v>24050</v>
      </c>
      <c r="B970" t="s">
        <v>1928</v>
      </c>
      <c r="C970" t="s">
        <v>1929</v>
      </c>
    </row>
    <row r="971" spans="1:3" x14ac:dyDescent="0.15">
      <c r="A971">
        <v>24049</v>
      </c>
      <c r="B971" t="s">
        <v>1930</v>
      </c>
      <c r="C971" t="s">
        <v>1931</v>
      </c>
    </row>
    <row r="972" spans="1:3" x14ac:dyDescent="0.15">
      <c r="A972">
        <v>24048</v>
      </c>
      <c r="B972" t="s">
        <v>1932</v>
      </c>
      <c r="C972" t="s">
        <v>1933</v>
      </c>
    </row>
    <row r="973" spans="1:3" x14ac:dyDescent="0.15">
      <c r="A973">
        <v>24047</v>
      </c>
      <c r="B973" t="s">
        <v>1934</v>
      </c>
      <c r="C973" t="s">
        <v>1935</v>
      </c>
    </row>
    <row r="974" spans="1:3" x14ac:dyDescent="0.15">
      <c r="A974">
        <v>24046</v>
      </c>
      <c r="B974" t="s">
        <v>1936</v>
      </c>
      <c r="C974" t="s">
        <v>1937</v>
      </c>
    </row>
    <row r="975" spans="1:3" x14ac:dyDescent="0.15">
      <c r="A975">
        <v>24045</v>
      </c>
      <c r="B975" t="s">
        <v>1938</v>
      </c>
      <c r="C975" t="s">
        <v>1939</v>
      </c>
    </row>
    <row r="976" spans="1:3" x14ac:dyDescent="0.15">
      <c r="A976">
        <v>24044</v>
      </c>
      <c r="B976" t="s">
        <v>1940</v>
      </c>
      <c r="C976" t="s">
        <v>1941</v>
      </c>
    </row>
    <row r="977" spans="1:3" x14ac:dyDescent="0.15">
      <c r="A977">
        <v>24043</v>
      </c>
      <c r="B977" t="s">
        <v>1942</v>
      </c>
      <c r="C977" t="s">
        <v>1943</v>
      </c>
    </row>
    <row r="978" spans="1:3" x14ac:dyDescent="0.15">
      <c r="A978">
        <v>24042</v>
      </c>
      <c r="B978" t="s">
        <v>1944</v>
      </c>
      <c r="C978" t="s">
        <v>1945</v>
      </c>
    </row>
    <row r="979" spans="1:3" x14ac:dyDescent="0.15">
      <c r="A979">
        <v>24041</v>
      </c>
      <c r="B979" t="s">
        <v>1946</v>
      </c>
      <c r="C979" t="s">
        <v>1947</v>
      </c>
    </row>
    <row r="980" spans="1:3" x14ac:dyDescent="0.15">
      <c r="A980">
        <v>24040</v>
      </c>
      <c r="B980" t="s">
        <v>1948</v>
      </c>
      <c r="C980" t="s">
        <v>1949</v>
      </c>
    </row>
    <row r="981" spans="1:3" x14ac:dyDescent="0.15">
      <c r="A981">
        <v>24039</v>
      </c>
      <c r="B981" t="s">
        <v>1950</v>
      </c>
      <c r="C981" t="s">
        <v>1951</v>
      </c>
    </row>
    <row r="982" spans="1:3" x14ac:dyDescent="0.15">
      <c r="A982">
        <v>24038</v>
      </c>
      <c r="B982" t="s">
        <v>1952</v>
      </c>
      <c r="C982" t="s">
        <v>1953</v>
      </c>
    </row>
    <row r="983" spans="1:3" x14ac:dyDescent="0.15">
      <c r="A983">
        <v>24037</v>
      </c>
      <c r="B983" t="s">
        <v>1954</v>
      </c>
      <c r="C983" t="s">
        <v>1955</v>
      </c>
    </row>
    <row r="984" spans="1:3" x14ac:dyDescent="0.15">
      <c r="A984">
        <v>24036</v>
      </c>
      <c r="B984" t="s">
        <v>1956</v>
      </c>
      <c r="C984" t="s">
        <v>1957</v>
      </c>
    </row>
    <row r="985" spans="1:3" x14ac:dyDescent="0.15">
      <c r="A985">
        <v>24035</v>
      </c>
      <c r="B985" t="s">
        <v>1958</v>
      </c>
      <c r="C985" t="s">
        <v>1959</v>
      </c>
    </row>
    <row r="986" spans="1:3" x14ac:dyDescent="0.15">
      <c r="A986">
        <v>24034</v>
      </c>
      <c r="B986" t="s">
        <v>1960</v>
      </c>
      <c r="C986" t="s">
        <v>1961</v>
      </c>
    </row>
    <row r="987" spans="1:3" x14ac:dyDescent="0.15">
      <c r="A987">
        <v>24033</v>
      </c>
      <c r="B987" t="s">
        <v>1962</v>
      </c>
      <c r="C987" t="s">
        <v>1963</v>
      </c>
    </row>
    <row r="988" spans="1:3" x14ac:dyDescent="0.15">
      <c r="A988">
        <v>24032</v>
      </c>
      <c r="B988" t="s">
        <v>1964</v>
      </c>
      <c r="C988" t="s">
        <v>1965</v>
      </c>
    </row>
    <row r="989" spans="1:3" x14ac:dyDescent="0.15">
      <c r="A989">
        <v>24031</v>
      </c>
      <c r="B989" t="s">
        <v>1966</v>
      </c>
      <c r="C989" t="s">
        <v>1967</v>
      </c>
    </row>
    <row r="990" spans="1:3" x14ac:dyDescent="0.15">
      <c r="A990">
        <v>24030</v>
      </c>
      <c r="B990" t="s">
        <v>1968</v>
      </c>
      <c r="C990" t="s">
        <v>1969</v>
      </c>
    </row>
    <row r="991" spans="1:3" x14ac:dyDescent="0.15">
      <c r="A991">
        <v>24029</v>
      </c>
      <c r="B991" t="s">
        <v>1970</v>
      </c>
      <c r="C991" t="s">
        <v>1971</v>
      </c>
    </row>
    <row r="992" spans="1:3" x14ac:dyDescent="0.15">
      <c r="A992">
        <v>24028</v>
      </c>
      <c r="B992" t="s">
        <v>1972</v>
      </c>
      <c r="C992" t="s">
        <v>1973</v>
      </c>
    </row>
    <row r="993" spans="1:3" x14ac:dyDescent="0.15">
      <c r="A993">
        <v>24027</v>
      </c>
      <c r="B993" t="s">
        <v>1974</v>
      </c>
      <c r="C993" t="s">
        <v>1975</v>
      </c>
    </row>
    <row r="994" spans="1:3" x14ac:dyDescent="0.15">
      <c r="A994">
        <v>24026</v>
      </c>
      <c r="B994" t="s">
        <v>1976</v>
      </c>
      <c r="C994" t="s">
        <v>1977</v>
      </c>
    </row>
    <row r="995" spans="1:3" x14ac:dyDescent="0.15">
      <c r="A995">
        <v>24025</v>
      </c>
      <c r="B995" t="s">
        <v>1978</v>
      </c>
      <c r="C995" t="s">
        <v>1979</v>
      </c>
    </row>
    <row r="996" spans="1:3" x14ac:dyDescent="0.15">
      <c r="A996">
        <v>24024</v>
      </c>
      <c r="B996" t="s">
        <v>1980</v>
      </c>
      <c r="C996" t="s">
        <v>1981</v>
      </c>
    </row>
    <row r="997" spans="1:3" x14ac:dyDescent="0.15">
      <c r="A997">
        <v>24023</v>
      </c>
      <c r="B997" t="s">
        <v>1982</v>
      </c>
      <c r="C997" t="s">
        <v>1983</v>
      </c>
    </row>
    <row r="998" spans="1:3" x14ac:dyDescent="0.15">
      <c r="A998">
        <v>24022</v>
      </c>
      <c r="B998" t="s">
        <v>1984</v>
      </c>
      <c r="C998" t="s">
        <v>1985</v>
      </c>
    </row>
    <row r="999" spans="1:3" x14ac:dyDescent="0.15">
      <c r="A999">
        <v>24021</v>
      </c>
      <c r="B999" t="s">
        <v>1986</v>
      </c>
      <c r="C999" t="s">
        <v>1987</v>
      </c>
    </row>
    <row r="1000" spans="1:3" x14ac:dyDescent="0.15">
      <c r="A1000">
        <v>24020</v>
      </c>
      <c r="B1000" t="s">
        <v>1988</v>
      </c>
      <c r="C1000" t="s">
        <v>1989</v>
      </c>
    </row>
    <row r="1001" spans="1:3" x14ac:dyDescent="0.15">
      <c r="A1001">
        <v>24019</v>
      </c>
      <c r="B1001" t="s">
        <v>1990</v>
      </c>
      <c r="C1001" t="s">
        <v>1991</v>
      </c>
    </row>
    <row r="1002" spans="1:3" x14ac:dyDescent="0.15">
      <c r="A1002">
        <v>24018</v>
      </c>
      <c r="B1002" t="s">
        <v>1992</v>
      </c>
      <c r="C1002" t="s">
        <v>1993</v>
      </c>
    </row>
    <row r="1003" spans="1:3" x14ac:dyDescent="0.15">
      <c r="A1003">
        <v>24017</v>
      </c>
      <c r="B1003" t="s">
        <v>1994</v>
      </c>
      <c r="C1003" t="s">
        <v>1995</v>
      </c>
    </row>
    <row r="1004" spans="1:3" x14ac:dyDescent="0.15">
      <c r="A1004">
        <v>24016</v>
      </c>
      <c r="B1004" t="s">
        <v>1996</v>
      </c>
      <c r="C1004" t="s">
        <v>1997</v>
      </c>
    </row>
    <row r="1005" spans="1:3" x14ac:dyDescent="0.15">
      <c r="A1005">
        <v>24015</v>
      </c>
      <c r="B1005" t="s">
        <v>1998</v>
      </c>
      <c r="C1005" t="s">
        <v>1999</v>
      </c>
    </row>
    <row r="1006" spans="1:3" x14ac:dyDescent="0.15">
      <c r="A1006">
        <v>24014</v>
      </c>
      <c r="B1006" t="s">
        <v>2000</v>
      </c>
      <c r="C1006" t="s">
        <v>2001</v>
      </c>
    </row>
    <row r="1007" spans="1:3" x14ac:dyDescent="0.15">
      <c r="A1007">
        <v>24013</v>
      </c>
      <c r="B1007" t="s">
        <v>2002</v>
      </c>
      <c r="C1007" t="s">
        <v>2003</v>
      </c>
    </row>
    <row r="1008" spans="1:3" x14ac:dyDescent="0.15">
      <c r="A1008">
        <v>24012</v>
      </c>
      <c r="B1008" t="s">
        <v>2004</v>
      </c>
      <c r="C1008" t="s">
        <v>2005</v>
      </c>
    </row>
    <row r="1009" spans="1:3" x14ac:dyDescent="0.15">
      <c r="A1009">
        <v>24011</v>
      </c>
      <c r="B1009" t="s">
        <v>2006</v>
      </c>
      <c r="C1009" t="s">
        <v>2007</v>
      </c>
    </row>
    <row r="1010" spans="1:3" x14ac:dyDescent="0.15">
      <c r="A1010">
        <v>24010</v>
      </c>
      <c r="B1010" t="s">
        <v>2008</v>
      </c>
      <c r="C1010" t="s">
        <v>2009</v>
      </c>
    </row>
    <row r="1011" spans="1:3" x14ac:dyDescent="0.15">
      <c r="A1011">
        <v>24009</v>
      </c>
      <c r="B1011" t="s">
        <v>2010</v>
      </c>
      <c r="C1011" t="s">
        <v>2011</v>
      </c>
    </row>
    <row r="1012" spans="1:3" x14ac:dyDescent="0.15">
      <c r="A1012">
        <v>24008</v>
      </c>
      <c r="B1012" t="s">
        <v>2012</v>
      </c>
      <c r="C1012" t="s">
        <v>2013</v>
      </c>
    </row>
    <row r="1013" spans="1:3" x14ac:dyDescent="0.15">
      <c r="A1013">
        <v>24007</v>
      </c>
      <c r="B1013" t="s">
        <v>2014</v>
      </c>
      <c r="C1013" t="s">
        <v>2015</v>
      </c>
    </row>
    <row r="1014" spans="1:3" x14ac:dyDescent="0.15">
      <c r="A1014">
        <v>24006</v>
      </c>
      <c r="B1014" t="s">
        <v>2016</v>
      </c>
      <c r="C1014" t="s">
        <v>2017</v>
      </c>
    </row>
    <row r="1015" spans="1:3" x14ac:dyDescent="0.15">
      <c r="A1015">
        <v>24005</v>
      </c>
      <c r="B1015" t="s">
        <v>2018</v>
      </c>
      <c r="C1015" t="s">
        <v>2019</v>
      </c>
    </row>
    <row r="1016" spans="1:3" x14ac:dyDescent="0.15">
      <c r="A1016">
        <v>24004</v>
      </c>
      <c r="B1016" t="s">
        <v>2020</v>
      </c>
      <c r="C1016" t="s">
        <v>2021</v>
      </c>
    </row>
    <row r="1017" spans="1:3" x14ac:dyDescent="0.15">
      <c r="A1017">
        <v>24003</v>
      </c>
      <c r="B1017" t="s">
        <v>2022</v>
      </c>
      <c r="C1017" t="s">
        <v>2023</v>
      </c>
    </row>
    <row r="1018" spans="1:3" x14ac:dyDescent="0.15">
      <c r="A1018">
        <v>24002</v>
      </c>
      <c r="B1018" t="s">
        <v>2024</v>
      </c>
      <c r="C1018" t="s">
        <v>2025</v>
      </c>
    </row>
    <row r="1019" spans="1:3" x14ac:dyDescent="0.15">
      <c r="A1019">
        <v>24001</v>
      </c>
      <c r="B1019" t="s">
        <v>2026</v>
      </c>
      <c r="C1019" t="s">
        <v>2027</v>
      </c>
    </row>
    <row r="1020" spans="1:3" x14ac:dyDescent="0.15">
      <c r="A1020">
        <v>24000</v>
      </c>
      <c r="B1020" t="s">
        <v>2028</v>
      </c>
      <c r="C1020" t="s">
        <v>2029</v>
      </c>
    </row>
    <row r="1021" spans="1:3" x14ac:dyDescent="0.15">
      <c r="A1021">
        <v>23999</v>
      </c>
      <c r="B1021" t="s">
        <v>2030</v>
      </c>
      <c r="C1021" t="s">
        <v>2031</v>
      </c>
    </row>
    <row r="1022" spans="1:3" x14ac:dyDescent="0.15">
      <c r="A1022">
        <v>23998</v>
      </c>
      <c r="B1022" t="s">
        <v>2032</v>
      </c>
      <c r="C1022" t="s">
        <v>2033</v>
      </c>
    </row>
    <row r="1023" spans="1:3" x14ac:dyDescent="0.15">
      <c r="A1023">
        <v>23997</v>
      </c>
      <c r="B1023" t="s">
        <v>2034</v>
      </c>
      <c r="C1023" t="s">
        <v>2035</v>
      </c>
    </row>
    <row r="1024" spans="1:3" x14ac:dyDescent="0.15">
      <c r="A1024">
        <v>23996</v>
      </c>
      <c r="B1024" t="s">
        <v>2036</v>
      </c>
      <c r="C1024" t="s">
        <v>2037</v>
      </c>
    </row>
    <row r="1025" spans="1:3" x14ac:dyDescent="0.15">
      <c r="A1025">
        <v>23995</v>
      </c>
      <c r="B1025" t="s">
        <v>2038</v>
      </c>
      <c r="C1025" t="s">
        <v>2039</v>
      </c>
    </row>
    <row r="1026" spans="1:3" x14ac:dyDescent="0.15">
      <c r="A1026">
        <v>23994</v>
      </c>
      <c r="B1026" t="s">
        <v>2040</v>
      </c>
      <c r="C1026" t="s">
        <v>2041</v>
      </c>
    </row>
    <row r="1027" spans="1:3" x14ac:dyDescent="0.15">
      <c r="A1027">
        <v>23993</v>
      </c>
      <c r="B1027" t="s">
        <v>2042</v>
      </c>
      <c r="C1027" t="s">
        <v>2043</v>
      </c>
    </row>
    <row r="1028" spans="1:3" x14ac:dyDescent="0.15">
      <c r="A1028">
        <v>23992</v>
      </c>
      <c r="B1028" t="s">
        <v>2044</v>
      </c>
      <c r="C1028" t="s">
        <v>2045</v>
      </c>
    </row>
    <row r="1029" spans="1:3" x14ac:dyDescent="0.15">
      <c r="A1029">
        <v>23991</v>
      </c>
      <c r="B1029" t="s">
        <v>2046</v>
      </c>
      <c r="C1029" t="s">
        <v>2047</v>
      </c>
    </row>
    <row r="1030" spans="1:3" x14ac:dyDescent="0.15">
      <c r="A1030">
        <v>23990</v>
      </c>
      <c r="B1030" t="s">
        <v>2048</v>
      </c>
      <c r="C1030" t="s">
        <v>2049</v>
      </c>
    </row>
    <row r="1031" spans="1:3" x14ac:dyDescent="0.15">
      <c r="A1031">
        <v>23989</v>
      </c>
      <c r="B1031" t="s">
        <v>2050</v>
      </c>
      <c r="C1031" t="s">
        <v>2051</v>
      </c>
    </row>
    <row r="1032" spans="1:3" x14ac:dyDescent="0.15">
      <c r="A1032">
        <v>23988</v>
      </c>
      <c r="B1032" t="s">
        <v>2052</v>
      </c>
      <c r="C1032" t="s">
        <v>2053</v>
      </c>
    </row>
    <row r="1033" spans="1:3" x14ac:dyDescent="0.15">
      <c r="A1033">
        <v>23987</v>
      </c>
      <c r="B1033" t="s">
        <v>2054</v>
      </c>
      <c r="C1033" t="s">
        <v>2055</v>
      </c>
    </row>
    <row r="1034" spans="1:3" x14ac:dyDescent="0.15">
      <c r="A1034">
        <v>23986</v>
      </c>
      <c r="B1034" t="s">
        <v>2056</v>
      </c>
      <c r="C1034" t="s">
        <v>2057</v>
      </c>
    </row>
    <row r="1035" spans="1:3" x14ac:dyDescent="0.15">
      <c r="A1035">
        <v>23985</v>
      </c>
      <c r="B1035" t="s">
        <v>2058</v>
      </c>
      <c r="C1035" t="s">
        <v>2059</v>
      </c>
    </row>
    <row r="1036" spans="1:3" x14ac:dyDescent="0.15">
      <c r="A1036">
        <v>23984</v>
      </c>
      <c r="B1036" t="s">
        <v>2060</v>
      </c>
      <c r="C1036" t="s">
        <v>2061</v>
      </c>
    </row>
    <row r="1037" spans="1:3" x14ac:dyDescent="0.15">
      <c r="A1037">
        <v>23983</v>
      </c>
      <c r="B1037" t="s">
        <v>2062</v>
      </c>
      <c r="C1037" t="s">
        <v>2063</v>
      </c>
    </row>
    <row r="1038" spans="1:3" x14ac:dyDescent="0.15">
      <c r="A1038">
        <v>23982</v>
      </c>
      <c r="B1038" t="s">
        <v>2064</v>
      </c>
      <c r="C1038" t="s">
        <v>2065</v>
      </c>
    </row>
    <row r="1039" spans="1:3" x14ac:dyDescent="0.15">
      <c r="A1039">
        <v>23981</v>
      </c>
      <c r="B1039" t="s">
        <v>2066</v>
      </c>
      <c r="C1039" t="s">
        <v>2067</v>
      </c>
    </row>
    <row r="1040" spans="1:3" x14ac:dyDescent="0.15">
      <c r="A1040">
        <v>23980</v>
      </c>
      <c r="B1040" t="s">
        <v>2068</v>
      </c>
      <c r="C1040" t="s">
        <v>2069</v>
      </c>
    </row>
    <row r="1041" spans="1:3" x14ac:dyDescent="0.15">
      <c r="A1041">
        <v>23979</v>
      </c>
      <c r="B1041" t="s">
        <v>2070</v>
      </c>
      <c r="C1041" t="s">
        <v>2071</v>
      </c>
    </row>
    <row r="1042" spans="1:3" x14ac:dyDescent="0.15">
      <c r="A1042">
        <v>23978</v>
      </c>
      <c r="B1042" t="s">
        <v>2072</v>
      </c>
      <c r="C1042" t="s">
        <v>2073</v>
      </c>
    </row>
    <row r="1043" spans="1:3" x14ac:dyDescent="0.15">
      <c r="A1043">
        <v>23977</v>
      </c>
      <c r="B1043" t="s">
        <v>2074</v>
      </c>
      <c r="C1043" t="s">
        <v>2075</v>
      </c>
    </row>
    <row r="1044" spans="1:3" x14ac:dyDescent="0.15">
      <c r="A1044">
        <v>23976</v>
      </c>
      <c r="B1044" t="s">
        <v>2076</v>
      </c>
      <c r="C1044" t="s">
        <v>2077</v>
      </c>
    </row>
    <row r="1045" spans="1:3" x14ac:dyDescent="0.15">
      <c r="A1045">
        <v>23975</v>
      </c>
      <c r="B1045" t="s">
        <v>2078</v>
      </c>
      <c r="C1045" t="s">
        <v>2079</v>
      </c>
    </row>
    <row r="1046" spans="1:3" x14ac:dyDescent="0.15">
      <c r="A1046">
        <v>23974</v>
      </c>
      <c r="B1046" t="s">
        <v>2080</v>
      </c>
      <c r="C1046" t="s">
        <v>2081</v>
      </c>
    </row>
    <row r="1047" spans="1:3" x14ac:dyDescent="0.15">
      <c r="A1047">
        <v>23973</v>
      </c>
      <c r="B1047" t="s">
        <v>2082</v>
      </c>
      <c r="C1047" t="s">
        <v>2083</v>
      </c>
    </row>
    <row r="1048" spans="1:3" x14ac:dyDescent="0.15">
      <c r="A1048">
        <v>23972</v>
      </c>
      <c r="B1048" t="s">
        <v>2084</v>
      </c>
      <c r="C1048" t="s">
        <v>2085</v>
      </c>
    </row>
    <row r="1049" spans="1:3" x14ac:dyDescent="0.15">
      <c r="A1049">
        <v>23971</v>
      </c>
      <c r="B1049" t="s">
        <v>2086</v>
      </c>
      <c r="C1049" t="s">
        <v>2087</v>
      </c>
    </row>
    <row r="1050" spans="1:3" x14ac:dyDescent="0.15">
      <c r="A1050">
        <v>23970</v>
      </c>
      <c r="B1050" t="s">
        <v>2088</v>
      </c>
      <c r="C1050" t="s">
        <v>2089</v>
      </c>
    </row>
    <row r="1051" spans="1:3" x14ac:dyDescent="0.15">
      <c r="A1051">
        <v>23969</v>
      </c>
      <c r="B1051" t="s">
        <v>2090</v>
      </c>
      <c r="C1051" t="s">
        <v>2091</v>
      </c>
    </row>
    <row r="1052" spans="1:3" x14ac:dyDescent="0.15">
      <c r="A1052">
        <v>23968</v>
      </c>
      <c r="B1052" t="s">
        <v>2092</v>
      </c>
      <c r="C1052" t="s">
        <v>2093</v>
      </c>
    </row>
    <row r="1053" spans="1:3" x14ac:dyDescent="0.15">
      <c r="A1053">
        <v>23967</v>
      </c>
      <c r="B1053" t="s">
        <v>2094</v>
      </c>
      <c r="C1053" t="s">
        <v>2095</v>
      </c>
    </row>
    <row r="1054" spans="1:3" x14ac:dyDescent="0.15">
      <c r="A1054">
        <v>23966</v>
      </c>
      <c r="B1054" t="s">
        <v>2096</v>
      </c>
      <c r="C1054" t="s">
        <v>2097</v>
      </c>
    </row>
    <row r="1055" spans="1:3" x14ac:dyDescent="0.15">
      <c r="A1055">
        <v>23965</v>
      </c>
      <c r="B1055" t="s">
        <v>2098</v>
      </c>
      <c r="C1055" t="s">
        <v>2099</v>
      </c>
    </row>
    <row r="1056" spans="1:3" x14ac:dyDescent="0.15">
      <c r="A1056">
        <v>23964</v>
      </c>
      <c r="B1056" t="s">
        <v>2100</v>
      </c>
      <c r="C1056" t="s">
        <v>2101</v>
      </c>
    </row>
    <row r="1057" spans="1:3" x14ac:dyDescent="0.15">
      <c r="A1057">
        <v>23963</v>
      </c>
      <c r="B1057" t="s">
        <v>2102</v>
      </c>
      <c r="C1057" t="s">
        <v>2103</v>
      </c>
    </row>
    <row r="1058" spans="1:3" x14ac:dyDescent="0.15">
      <c r="A1058">
        <v>23962</v>
      </c>
      <c r="B1058" t="s">
        <v>2104</v>
      </c>
      <c r="C1058" t="s">
        <v>2105</v>
      </c>
    </row>
    <row r="1059" spans="1:3" x14ac:dyDescent="0.15">
      <c r="A1059">
        <v>23961</v>
      </c>
      <c r="B1059" t="s">
        <v>2106</v>
      </c>
      <c r="C1059" t="s">
        <v>2107</v>
      </c>
    </row>
    <row r="1060" spans="1:3" x14ac:dyDescent="0.15">
      <c r="A1060">
        <v>23960</v>
      </c>
      <c r="B1060" t="s">
        <v>2108</v>
      </c>
      <c r="C1060" t="s">
        <v>2109</v>
      </c>
    </row>
    <row r="1061" spans="1:3" x14ac:dyDescent="0.15">
      <c r="A1061">
        <v>23959</v>
      </c>
      <c r="B1061" t="s">
        <v>2110</v>
      </c>
      <c r="C1061" t="s">
        <v>2111</v>
      </c>
    </row>
    <row r="1062" spans="1:3" x14ac:dyDescent="0.15">
      <c r="A1062">
        <v>23958</v>
      </c>
      <c r="B1062" t="s">
        <v>2112</v>
      </c>
      <c r="C1062" t="s">
        <v>2113</v>
      </c>
    </row>
    <row r="1063" spans="1:3" x14ac:dyDescent="0.15">
      <c r="A1063">
        <v>23957</v>
      </c>
      <c r="B1063" t="s">
        <v>2114</v>
      </c>
      <c r="C1063" t="s">
        <v>2115</v>
      </c>
    </row>
    <row r="1064" spans="1:3" x14ac:dyDescent="0.15">
      <c r="A1064">
        <v>23956</v>
      </c>
      <c r="B1064" t="s">
        <v>2116</v>
      </c>
      <c r="C1064" t="s">
        <v>2117</v>
      </c>
    </row>
    <row r="1065" spans="1:3" x14ac:dyDescent="0.15">
      <c r="A1065">
        <v>23955</v>
      </c>
      <c r="B1065" t="s">
        <v>2118</v>
      </c>
      <c r="C1065" t="s">
        <v>2119</v>
      </c>
    </row>
    <row r="1066" spans="1:3" x14ac:dyDescent="0.15">
      <c r="A1066">
        <v>23954</v>
      </c>
      <c r="B1066" t="s">
        <v>2120</v>
      </c>
      <c r="C1066" t="s">
        <v>2121</v>
      </c>
    </row>
    <row r="1067" spans="1:3" x14ac:dyDescent="0.15">
      <c r="A1067">
        <v>23953</v>
      </c>
      <c r="B1067" t="s">
        <v>2122</v>
      </c>
      <c r="C1067" t="s">
        <v>2123</v>
      </c>
    </row>
    <row r="1068" spans="1:3" x14ac:dyDescent="0.15">
      <c r="A1068">
        <v>23952</v>
      </c>
      <c r="B1068" t="s">
        <v>2124</v>
      </c>
      <c r="C1068" t="s">
        <v>2125</v>
      </c>
    </row>
    <row r="1069" spans="1:3" x14ac:dyDescent="0.15">
      <c r="A1069">
        <v>23951</v>
      </c>
      <c r="B1069" t="s">
        <v>2126</v>
      </c>
      <c r="C1069" t="s">
        <v>2127</v>
      </c>
    </row>
    <row r="1070" spans="1:3" x14ac:dyDescent="0.15">
      <c r="A1070">
        <v>23950</v>
      </c>
      <c r="B1070" t="s">
        <v>2128</v>
      </c>
      <c r="C1070" t="s">
        <v>2129</v>
      </c>
    </row>
    <row r="1071" spans="1:3" x14ac:dyDescent="0.15">
      <c r="A1071">
        <v>23949</v>
      </c>
      <c r="B1071" t="s">
        <v>2130</v>
      </c>
      <c r="C1071" t="s">
        <v>2131</v>
      </c>
    </row>
    <row r="1072" spans="1:3" x14ac:dyDescent="0.15">
      <c r="A1072">
        <v>23948</v>
      </c>
      <c r="B1072" t="s">
        <v>2132</v>
      </c>
      <c r="C1072" t="s">
        <v>2133</v>
      </c>
    </row>
    <row r="1073" spans="1:3" x14ac:dyDescent="0.15">
      <c r="A1073">
        <v>23947</v>
      </c>
      <c r="B1073" t="s">
        <v>2134</v>
      </c>
      <c r="C1073" t="s">
        <v>2135</v>
      </c>
    </row>
    <row r="1074" spans="1:3" x14ac:dyDescent="0.15">
      <c r="A1074">
        <v>23946</v>
      </c>
      <c r="B1074" t="s">
        <v>2136</v>
      </c>
      <c r="C1074" t="s">
        <v>2137</v>
      </c>
    </row>
    <row r="1075" spans="1:3" x14ac:dyDescent="0.15">
      <c r="A1075">
        <v>23945</v>
      </c>
      <c r="B1075" t="s">
        <v>2138</v>
      </c>
      <c r="C1075" t="s">
        <v>2139</v>
      </c>
    </row>
    <row r="1076" spans="1:3" x14ac:dyDescent="0.15">
      <c r="A1076">
        <v>23944</v>
      </c>
      <c r="B1076" t="s">
        <v>2140</v>
      </c>
      <c r="C1076" t="s">
        <v>2141</v>
      </c>
    </row>
    <row r="1077" spans="1:3" x14ac:dyDescent="0.15">
      <c r="A1077">
        <v>23943</v>
      </c>
      <c r="B1077" t="s">
        <v>2142</v>
      </c>
      <c r="C1077" t="s">
        <v>2143</v>
      </c>
    </row>
    <row r="1078" spans="1:3" x14ac:dyDescent="0.15">
      <c r="A1078">
        <v>23942</v>
      </c>
      <c r="B1078" t="s">
        <v>2144</v>
      </c>
      <c r="C1078" t="s">
        <v>2145</v>
      </c>
    </row>
    <row r="1079" spans="1:3" x14ac:dyDescent="0.15">
      <c r="A1079">
        <v>23941</v>
      </c>
      <c r="B1079" t="s">
        <v>2146</v>
      </c>
      <c r="C1079" t="s">
        <v>2147</v>
      </c>
    </row>
    <row r="1080" spans="1:3" x14ac:dyDescent="0.15">
      <c r="A1080">
        <v>23940</v>
      </c>
      <c r="B1080" t="s">
        <v>2148</v>
      </c>
      <c r="C1080" t="s">
        <v>2149</v>
      </c>
    </row>
    <row r="1081" spans="1:3" x14ac:dyDescent="0.15">
      <c r="A1081">
        <v>23939</v>
      </c>
      <c r="B1081" t="s">
        <v>2150</v>
      </c>
      <c r="C1081" t="s">
        <v>2151</v>
      </c>
    </row>
    <row r="1082" spans="1:3" x14ac:dyDescent="0.15">
      <c r="A1082">
        <v>23938</v>
      </c>
      <c r="B1082" t="s">
        <v>2152</v>
      </c>
      <c r="C1082" t="s">
        <v>2153</v>
      </c>
    </row>
    <row r="1083" spans="1:3" x14ac:dyDescent="0.15">
      <c r="A1083">
        <v>23937</v>
      </c>
      <c r="B1083" t="s">
        <v>2154</v>
      </c>
      <c r="C1083" t="s">
        <v>2155</v>
      </c>
    </row>
    <row r="1084" spans="1:3" x14ac:dyDescent="0.15">
      <c r="A1084">
        <v>23936</v>
      </c>
      <c r="B1084" t="s">
        <v>2156</v>
      </c>
      <c r="C1084" t="s">
        <v>2157</v>
      </c>
    </row>
    <row r="1085" spans="1:3" x14ac:dyDescent="0.15">
      <c r="A1085">
        <v>23935</v>
      </c>
      <c r="B1085" t="s">
        <v>2158</v>
      </c>
      <c r="C1085" t="s">
        <v>2159</v>
      </c>
    </row>
    <row r="1086" spans="1:3" x14ac:dyDescent="0.15">
      <c r="A1086">
        <v>23934</v>
      </c>
      <c r="B1086" t="s">
        <v>2160</v>
      </c>
      <c r="C1086" t="s">
        <v>2161</v>
      </c>
    </row>
    <row r="1087" spans="1:3" x14ac:dyDescent="0.15">
      <c r="A1087">
        <v>23933</v>
      </c>
      <c r="B1087" t="s">
        <v>2162</v>
      </c>
      <c r="C1087" t="s">
        <v>2163</v>
      </c>
    </row>
    <row r="1088" spans="1:3" x14ac:dyDescent="0.15">
      <c r="A1088">
        <v>23932</v>
      </c>
      <c r="B1088" t="s">
        <v>2164</v>
      </c>
      <c r="C1088" t="s">
        <v>2165</v>
      </c>
    </row>
    <row r="1089" spans="1:3" x14ac:dyDescent="0.15">
      <c r="A1089">
        <v>23931</v>
      </c>
      <c r="B1089" t="s">
        <v>2166</v>
      </c>
      <c r="C1089" t="s">
        <v>2167</v>
      </c>
    </row>
    <row r="1090" spans="1:3" x14ac:dyDescent="0.15">
      <c r="A1090">
        <v>23930</v>
      </c>
      <c r="B1090" t="s">
        <v>2168</v>
      </c>
      <c r="C1090" t="s">
        <v>2169</v>
      </c>
    </row>
    <row r="1091" spans="1:3" x14ac:dyDescent="0.15">
      <c r="A1091">
        <v>23929</v>
      </c>
      <c r="B1091" t="s">
        <v>2170</v>
      </c>
      <c r="C1091" t="s">
        <v>2171</v>
      </c>
    </row>
    <row r="1092" spans="1:3" x14ac:dyDescent="0.15">
      <c r="A1092">
        <v>23928</v>
      </c>
      <c r="B1092" t="s">
        <v>2172</v>
      </c>
      <c r="C1092" t="s">
        <v>2173</v>
      </c>
    </row>
    <row r="1093" spans="1:3" x14ac:dyDescent="0.15">
      <c r="A1093">
        <v>23927</v>
      </c>
      <c r="B1093" t="s">
        <v>2174</v>
      </c>
      <c r="C1093" t="s">
        <v>2175</v>
      </c>
    </row>
    <row r="1094" spans="1:3" x14ac:dyDescent="0.15">
      <c r="A1094">
        <v>23926</v>
      </c>
      <c r="B1094" t="s">
        <v>2176</v>
      </c>
      <c r="C1094" t="s">
        <v>2177</v>
      </c>
    </row>
    <row r="1095" spans="1:3" x14ac:dyDescent="0.15">
      <c r="A1095">
        <v>23925</v>
      </c>
      <c r="B1095" t="s">
        <v>2178</v>
      </c>
      <c r="C1095" t="s">
        <v>2179</v>
      </c>
    </row>
    <row r="1096" spans="1:3" x14ac:dyDescent="0.15">
      <c r="A1096">
        <v>23924</v>
      </c>
      <c r="B1096" t="s">
        <v>2180</v>
      </c>
      <c r="C1096" t="s">
        <v>2181</v>
      </c>
    </row>
    <row r="1097" spans="1:3" x14ac:dyDescent="0.15">
      <c r="A1097">
        <v>23923</v>
      </c>
      <c r="B1097" t="s">
        <v>2182</v>
      </c>
      <c r="C1097" t="s">
        <v>2183</v>
      </c>
    </row>
    <row r="1098" spans="1:3" x14ac:dyDescent="0.15">
      <c r="A1098">
        <v>23922</v>
      </c>
      <c r="B1098" t="s">
        <v>2184</v>
      </c>
      <c r="C1098" t="s">
        <v>2185</v>
      </c>
    </row>
    <row r="1099" spans="1:3" x14ac:dyDescent="0.15">
      <c r="A1099">
        <v>23921</v>
      </c>
      <c r="B1099" t="s">
        <v>2186</v>
      </c>
      <c r="C1099" t="s">
        <v>2187</v>
      </c>
    </row>
    <row r="1100" spans="1:3" x14ac:dyDescent="0.15">
      <c r="A1100">
        <v>23920</v>
      </c>
      <c r="B1100" t="s">
        <v>2188</v>
      </c>
      <c r="C1100" t="s">
        <v>2189</v>
      </c>
    </row>
    <row r="1101" spans="1:3" x14ac:dyDescent="0.15">
      <c r="A1101">
        <v>23919</v>
      </c>
      <c r="B1101" t="s">
        <v>2190</v>
      </c>
      <c r="C1101" t="s">
        <v>2191</v>
      </c>
    </row>
    <row r="1102" spans="1:3" x14ac:dyDescent="0.15">
      <c r="A1102">
        <v>23918</v>
      </c>
      <c r="B1102" t="s">
        <v>2192</v>
      </c>
      <c r="C1102" t="s">
        <v>2193</v>
      </c>
    </row>
    <row r="1103" spans="1:3" x14ac:dyDescent="0.15">
      <c r="A1103">
        <v>23917</v>
      </c>
      <c r="B1103" t="s">
        <v>2194</v>
      </c>
      <c r="C1103" t="s">
        <v>2195</v>
      </c>
    </row>
    <row r="1104" spans="1:3" x14ac:dyDescent="0.15">
      <c r="A1104">
        <v>23916</v>
      </c>
      <c r="B1104" t="s">
        <v>2196</v>
      </c>
      <c r="C1104" t="s">
        <v>2197</v>
      </c>
    </row>
    <row r="1105" spans="1:3" x14ac:dyDescent="0.15">
      <c r="A1105">
        <v>23915</v>
      </c>
      <c r="B1105" t="s">
        <v>2198</v>
      </c>
      <c r="C1105" t="s">
        <v>2199</v>
      </c>
    </row>
    <row r="1106" spans="1:3" x14ac:dyDescent="0.15">
      <c r="A1106">
        <v>23914</v>
      </c>
      <c r="B1106" t="s">
        <v>2200</v>
      </c>
      <c r="C1106" t="s">
        <v>2201</v>
      </c>
    </row>
    <row r="1107" spans="1:3" x14ac:dyDescent="0.15">
      <c r="A1107">
        <v>23913</v>
      </c>
      <c r="B1107" t="s">
        <v>2202</v>
      </c>
      <c r="C1107" t="s">
        <v>2203</v>
      </c>
    </row>
    <row r="1108" spans="1:3" x14ac:dyDescent="0.15">
      <c r="A1108">
        <v>23912</v>
      </c>
      <c r="B1108" t="s">
        <v>2204</v>
      </c>
      <c r="C1108" t="s">
        <v>2205</v>
      </c>
    </row>
    <row r="1109" spans="1:3" x14ac:dyDescent="0.15">
      <c r="A1109">
        <v>23911</v>
      </c>
      <c r="B1109" t="s">
        <v>2206</v>
      </c>
      <c r="C1109" t="s">
        <v>2207</v>
      </c>
    </row>
    <row r="1110" spans="1:3" x14ac:dyDescent="0.15">
      <c r="A1110">
        <v>23910</v>
      </c>
      <c r="B1110" t="s">
        <v>2208</v>
      </c>
      <c r="C1110" t="s">
        <v>2209</v>
      </c>
    </row>
    <row r="1111" spans="1:3" x14ac:dyDescent="0.15">
      <c r="A1111">
        <v>23909</v>
      </c>
      <c r="B1111" t="s">
        <v>2210</v>
      </c>
      <c r="C1111" t="s">
        <v>2211</v>
      </c>
    </row>
    <row r="1112" spans="1:3" x14ac:dyDescent="0.15">
      <c r="A1112">
        <v>23908</v>
      </c>
      <c r="B1112" t="s">
        <v>2212</v>
      </c>
      <c r="C1112" t="s">
        <v>2213</v>
      </c>
    </row>
    <row r="1113" spans="1:3" x14ac:dyDescent="0.15">
      <c r="A1113">
        <v>23907</v>
      </c>
      <c r="B1113" t="s">
        <v>2214</v>
      </c>
      <c r="C1113" t="s">
        <v>2215</v>
      </c>
    </row>
    <row r="1114" spans="1:3" x14ac:dyDescent="0.15">
      <c r="A1114">
        <v>23906</v>
      </c>
      <c r="B1114" t="s">
        <v>2216</v>
      </c>
      <c r="C1114" t="s">
        <v>2217</v>
      </c>
    </row>
    <row r="1115" spans="1:3" x14ac:dyDescent="0.15">
      <c r="A1115">
        <v>23905</v>
      </c>
      <c r="B1115" t="s">
        <v>2218</v>
      </c>
      <c r="C1115" t="s">
        <v>2219</v>
      </c>
    </row>
    <row r="1116" spans="1:3" x14ac:dyDescent="0.15">
      <c r="A1116">
        <v>23904</v>
      </c>
      <c r="B1116" t="s">
        <v>2220</v>
      </c>
      <c r="C1116" t="s">
        <v>2221</v>
      </c>
    </row>
    <row r="1117" spans="1:3" x14ac:dyDescent="0.15">
      <c r="A1117">
        <v>23903</v>
      </c>
      <c r="B1117" t="s">
        <v>2222</v>
      </c>
      <c r="C1117" t="s">
        <v>2223</v>
      </c>
    </row>
    <row r="1118" spans="1:3" x14ac:dyDescent="0.15">
      <c r="A1118">
        <v>23902</v>
      </c>
      <c r="B1118" t="s">
        <v>2224</v>
      </c>
      <c r="C1118" t="s">
        <v>2225</v>
      </c>
    </row>
    <row r="1119" spans="1:3" x14ac:dyDescent="0.15">
      <c r="A1119">
        <v>23901</v>
      </c>
      <c r="B1119" t="s">
        <v>2226</v>
      </c>
      <c r="C1119" t="s">
        <v>2227</v>
      </c>
    </row>
    <row r="1120" spans="1:3" x14ac:dyDescent="0.15">
      <c r="A1120">
        <v>23900</v>
      </c>
      <c r="B1120" t="s">
        <v>2228</v>
      </c>
      <c r="C1120" t="s">
        <v>2229</v>
      </c>
    </row>
    <row r="1121" spans="1:3" x14ac:dyDescent="0.15">
      <c r="A1121">
        <v>23899</v>
      </c>
      <c r="B1121" t="s">
        <v>2230</v>
      </c>
      <c r="C1121" t="s">
        <v>2231</v>
      </c>
    </row>
    <row r="1122" spans="1:3" x14ac:dyDescent="0.15">
      <c r="A1122">
        <v>23898</v>
      </c>
      <c r="B1122" t="s">
        <v>2232</v>
      </c>
      <c r="C1122" t="s">
        <v>2233</v>
      </c>
    </row>
    <row r="1123" spans="1:3" x14ac:dyDescent="0.15">
      <c r="A1123">
        <v>23897</v>
      </c>
      <c r="B1123" t="s">
        <v>2234</v>
      </c>
      <c r="C1123" t="s">
        <v>2235</v>
      </c>
    </row>
    <row r="1124" spans="1:3" x14ac:dyDescent="0.15">
      <c r="A1124">
        <v>23896</v>
      </c>
      <c r="B1124" t="s">
        <v>2236</v>
      </c>
      <c r="C1124" t="s">
        <v>2237</v>
      </c>
    </row>
    <row r="1125" spans="1:3" x14ac:dyDescent="0.15">
      <c r="A1125">
        <v>23895</v>
      </c>
      <c r="B1125" t="s">
        <v>2238</v>
      </c>
      <c r="C1125" t="s">
        <v>2239</v>
      </c>
    </row>
    <row r="1126" spans="1:3" x14ac:dyDescent="0.15">
      <c r="A1126">
        <v>23894</v>
      </c>
      <c r="B1126" t="s">
        <v>2240</v>
      </c>
      <c r="C1126" t="s">
        <v>2241</v>
      </c>
    </row>
    <row r="1127" spans="1:3" x14ac:dyDescent="0.15">
      <c r="A1127">
        <v>23893</v>
      </c>
      <c r="B1127" t="s">
        <v>2242</v>
      </c>
      <c r="C1127" t="s">
        <v>2243</v>
      </c>
    </row>
    <row r="1128" spans="1:3" x14ac:dyDescent="0.15">
      <c r="A1128">
        <v>23892</v>
      </c>
      <c r="B1128" t="s">
        <v>2244</v>
      </c>
      <c r="C1128" t="s">
        <v>2245</v>
      </c>
    </row>
    <row r="1129" spans="1:3" x14ac:dyDescent="0.15">
      <c r="A1129">
        <v>23891</v>
      </c>
      <c r="B1129" t="s">
        <v>2246</v>
      </c>
      <c r="C1129" t="s">
        <v>2247</v>
      </c>
    </row>
    <row r="1130" spans="1:3" x14ac:dyDescent="0.15">
      <c r="A1130">
        <v>23890</v>
      </c>
      <c r="B1130" t="s">
        <v>2248</v>
      </c>
      <c r="C1130" t="s">
        <v>2249</v>
      </c>
    </row>
    <row r="1131" spans="1:3" x14ac:dyDescent="0.15">
      <c r="A1131">
        <v>23889</v>
      </c>
      <c r="B1131" t="s">
        <v>2250</v>
      </c>
      <c r="C1131" t="s">
        <v>2251</v>
      </c>
    </row>
    <row r="1132" spans="1:3" x14ac:dyDescent="0.15">
      <c r="A1132">
        <v>23888</v>
      </c>
      <c r="B1132" t="s">
        <v>2252</v>
      </c>
      <c r="C1132" t="s">
        <v>2253</v>
      </c>
    </row>
    <row r="1133" spans="1:3" x14ac:dyDescent="0.15">
      <c r="A1133">
        <v>23887</v>
      </c>
      <c r="B1133" t="s">
        <v>2254</v>
      </c>
      <c r="C1133" t="s">
        <v>2255</v>
      </c>
    </row>
    <row r="1134" spans="1:3" x14ac:dyDescent="0.15">
      <c r="A1134">
        <v>23886</v>
      </c>
      <c r="B1134" t="s">
        <v>2256</v>
      </c>
      <c r="C1134" t="s">
        <v>2257</v>
      </c>
    </row>
    <row r="1135" spans="1:3" x14ac:dyDescent="0.15">
      <c r="A1135">
        <v>23885</v>
      </c>
      <c r="B1135" t="s">
        <v>2258</v>
      </c>
      <c r="C1135" t="s">
        <v>2259</v>
      </c>
    </row>
    <row r="1136" spans="1:3" x14ac:dyDescent="0.15">
      <c r="A1136">
        <v>23884</v>
      </c>
      <c r="B1136" t="s">
        <v>2260</v>
      </c>
      <c r="C1136" t="s">
        <v>2261</v>
      </c>
    </row>
    <row r="1137" spans="1:3" x14ac:dyDescent="0.15">
      <c r="A1137">
        <v>23883</v>
      </c>
      <c r="B1137" t="s">
        <v>2262</v>
      </c>
      <c r="C1137" t="s">
        <v>2263</v>
      </c>
    </row>
    <row r="1138" spans="1:3" x14ac:dyDescent="0.15">
      <c r="A1138">
        <v>23882</v>
      </c>
      <c r="B1138" t="s">
        <v>2264</v>
      </c>
      <c r="C1138" t="s">
        <v>2265</v>
      </c>
    </row>
    <row r="1139" spans="1:3" x14ac:dyDescent="0.15">
      <c r="A1139">
        <v>23881</v>
      </c>
      <c r="B1139" t="s">
        <v>2266</v>
      </c>
      <c r="C1139" t="s">
        <v>2267</v>
      </c>
    </row>
    <row r="1140" spans="1:3" x14ac:dyDescent="0.15">
      <c r="A1140">
        <v>23880</v>
      </c>
      <c r="B1140" t="s">
        <v>2268</v>
      </c>
      <c r="C1140" t="s">
        <v>2269</v>
      </c>
    </row>
    <row r="1141" spans="1:3" x14ac:dyDescent="0.15">
      <c r="A1141">
        <v>23879</v>
      </c>
      <c r="B1141" t="s">
        <v>2270</v>
      </c>
      <c r="C1141" t="s">
        <v>2271</v>
      </c>
    </row>
    <row r="1142" spans="1:3" x14ac:dyDescent="0.15">
      <c r="A1142">
        <v>23878</v>
      </c>
      <c r="B1142" t="s">
        <v>2272</v>
      </c>
      <c r="C1142" t="s">
        <v>2273</v>
      </c>
    </row>
    <row r="1143" spans="1:3" x14ac:dyDescent="0.15">
      <c r="A1143">
        <v>23877</v>
      </c>
      <c r="B1143" t="s">
        <v>2274</v>
      </c>
      <c r="C1143" t="s">
        <v>2275</v>
      </c>
    </row>
    <row r="1144" spans="1:3" x14ac:dyDescent="0.15">
      <c r="A1144">
        <v>23876</v>
      </c>
      <c r="B1144" t="s">
        <v>2276</v>
      </c>
      <c r="C1144" t="s">
        <v>2277</v>
      </c>
    </row>
    <row r="1145" spans="1:3" x14ac:dyDescent="0.15">
      <c r="A1145">
        <v>23875</v>
      </c>
      <c r="B1145" t="s">
        <v>2278</v>
      </c>
      <c r="C1145" t="s">
        <v>2279</v>
      </c>
    </row>
    <row r="1146" spans="1:3" x14ac:dyDescent="0.15">
      <c r="A1146">
        <v>23874</v>
      </c>
      <c r="B1146" t="s">
        <v>2280</v>
      </c>
      <c r="C1146" t="s">
        <v>2281</v>
      </c>
    </row>
    <row r="1147" spans="1:3" x14ac:dyDescent="0.15">
      <c r="A1147">
        <v>23873</v>
      </c>
      <c r="B1147" t="s">
        <v>2282</v>
      </c>
      <c r="C1147" t="s">
        <v>2283</v>
      </c>
    </row>
    <row r="1148" spans="1:3" x14ac:dyDescent="0.15">
      <c r="A1148">
        <v>23872</v>
      </c>
      <c r="B1148" t="s">
        <v>2284</v>
      </c>
      <c r="C1148" t="s">
        <v>2285</v>
      </c>
    </row>
    <row r="1149" spans="1:3" x14ac:dyDescent="0.15">
      <c r="A1149">
        <v>23871</v>
      </c>
      <c r="B1149" t="s">
        <v>2286</v>
      </c>
      <c r="C1149" t="s">
        <v>2287</v>
      </c>
    </row>
    <row r="1150" spans="1:3" x14ac:dyDescent="0.15">
      <c r="A1150">
        <v>23870</v>
      </c>
      <c r="B1150" t="s">
        <v>2288</v>
      </c>
      <c r="C1150" t="s">
        <v>2289</v>
      </c>
    </row>
    <row r="1151" spans="1:3" x14ac:dyDescent="0.15">
      <c r="A1151">
        <v>23869</v>
      </c>
      <c r="B1151" t="s">
        <v>2290</v>
      </c>
      <c r="C1151" t="s">
        <v>2291</v>
      </c>
    </row>
    <row r="1152" spans="1:3" x14ac:dyDescent="0.15">
      <c r="A1152">
        <v>23868</v>
      </c>
      <c r="B1152" t="s">
        <v>2292</v>
      </c>
      <c r="C1152" t="s">
        <v>2293</v>
      </c>
    </row>
    <row r="1153" spans="1:3" x14ac:dyDescent="0.15">
      <c r="A1153">
        <v>23867</v>
      </c>
      <c r="B1153" t="s">
        <v>2294</v>
      </c>
      <c r="C1153" t="s">
        <v>2295</v>
      </c>
    </row>
    <row r="1154" spans="1:3" x14ac:dyDescent="0.15">
      <c r="A1154">
        <v>23866</v>
      </c>
      <c r="B1154" t="s">
        <v>2296</v>
      </c>
      <c r="C1154" t="s">
        <v>2297</v>
      </c>
    </row>
    <row r="1155" spans="1:3" x14ac:dyDescent="0.15">
      <c r="A1155">
        <v>23865</v>
      </c>
      <c r="B1155" t="s">
        <v>2298</v>
      </c>
      <c r="C1155" t="s">
        <v>2299</v>
      </c>
    </row>
    <row r="1156" spans="1:3" x14ac:dyDescent="0.15">
      <c r="A1156">
        <v>23864</v>
      </c>
      <c r="B1156" t="s">
        <v>2300</v>
      </c>
      <c r="C1156" t="s">
        <v>2301</v>
      </c>
    </row>
    <row r="1157" spans="1:3" x14ac:dyDescent="0.15">
      <c r="A1157">
        <v>23863</v>
      </c>
      <c r="B1157" t="s">
        <v>2302</v>
      </c>
      <c r="C1157" t="s">
        <v>2303</v>
      </c>
    </row>
    <row r="1158" spans="1:3" x14ac:dyDescent="0.15">
      <c r="A1158">
        <v>23862</v>
      </c>
      <c r="B1158" t="s">
        <v>2304</v>
      </c>
      <c r="C1158" t="s">
        <v>2305</v>
      </c>
    </row>
    <row r="1159" spans="1:3" x14ac:dyDescent="0.15">
      <c r="A1159">
        <v>23861</v>
      </c>
      <c r="B1159" t="s">
        <v>2306</v>
      </c>
      <c r="C1159" t="s">
        <v>2307</v>
      </c>
    </row>
    <row r="1160" spans="1:3" x14ac:dyDescent="0.15">
      <c r="A1160">
        <v>23860</v>
      </c>
      <c r="B1160" t="s">
        <v>2308</v>
      </c>
      <c r="C1160" t="s">
        <v>2309</v>
      </c>
    </row>
    <row r="1161" spans="1:3" x14ac:dyDescent="0.15">
      <c r="A1161">
        <v>23859</v>
      </c>
      <c r="B1161" t="s">
        <v>2310</v>
      </c>
      <c r="C1161" t="s">
        <v>2311</v>
      </c>
    </row>
    <row r="1162" spans="1:3" x14ac:dyDescent="0.15">
      <c r="A1162">
        <v>23858</v>
      </c>
      <c r="B1162" t="s">
        <v>2312</v>
      </c>
      <c r="C1162" t="s">
        <v>2313</v>
      </c>
    </row>
    <row r="1163" spans="1:3" x14ac:dyDescent="0.15">
      <c r="A1163">
        <v>23857</v>
      </c>
      <c r="B1163" t="s">
        <v>2314</v>
      </c>
      <c r="C1163" t="s">
        <v>2315</v>
      </c>
    </row>
    <row r="1164" spans="1:3" x14ac:dyDescent="0.15">
      <c r="A1164">
        <v>23856</v>
      </c>
      <c r="B1164" t="s">
        <v>2316</v>
      </c>
      <c r="C1164" t="s">
        <v>2317</v>
      </c>
    </row>
    <row r="1165" spans="1:3" x14ac:dyDescent="0.15">
      <c r="A1165">
        <v>23855</v>
      </c>
      <c r="B1165" t="s">
        <v>2318</v>
      </c>
      <c r="C1165" t="s">
        <v>2319</v>
      </c>
    </row>
    <row r="1166" spans="1:3" x14ac:dyDescent="0.15">
      <c r="A1166">
        <v>23854</v>
      </c>
      <c r="B1166" t="s">
        <v>2320</v>
      </c>
      <c r="C1166" t="s">
        <v>2321</v>
      </c>
    </row>
    <row r="1167" spans="1:3" x14ac:dyDescent="0.15">
      <c r="A1167">
        <v>23853</v>
      </c>
      <c r="B1167" t="s">
        <v>2322</v>
      </c>
      <c r="C1167" t="s">
        <v>2323</v>
      </c>
    </row>
    <row r="1168" spans="1:3" x14ac:dyDescent="0.15">
      <c r="A1168">
        <v>23852</v>
      </c>
      <c r="B1168" t="s">
        <v>2324</v>
      </c>
      <c r="C1168" t="s">
        <v>2325</v>
      </c>
    </row>
    <row r="1169" spans="1:3" x14ac:dyDescent="0.15">
      <c r="A1169">
        <v>23851</v>
      </c>
      <c r="B1169" t="s">
        <v>2326</v>
      </c>
      <c r="C1169" t="s">
        <v>2327</v>
      </c>
    </row>
    <row r="1170" spans="1:3" x14ac:dyDescent="0.15">
      <c r="A1170">
        <v>23850</v>
      </c>
      <c r="B1170" t="s">
        <v>2328</v>
      </c>
      <c r="C1170" t="s">
        <v>2329</v>
      </c>
    </row>
    <row r="1171" spans="1:3" x14ac:dyDescent="0.15">
      <c r="A1171">
        <v>23849</v>
      </c>
      <c r="B1171" t="s">
        <v>2330</v>
      </c>
      <c r="C1171" t="s">
        <v>2331</v>
      </c>
    </row>
    <row r="1172" spans="1:3" x14ac:dyDescent="0.15">
      <c r="A1172">
        <v>23848</v>
      </c>
      <c r="B1172" t="s">
        <v>2332</v>
      </c>
      <c r="C1172" t="s">
        <v>2333</v>
      </c>
    </row>
    <row r="1173" spans="1:3" x14ac:dyDescent="0.15">
      <c r="A1173">
        <v>23847</v>
      </c>
      <c r="B1173" t="s">
        <v>2334</v>
      </c>
      <c r="C1173" t="s">
        <v>2335</v>
      </c>
    </row>
    <row r="1174" spans="1:3" x14ac:dyDescent="0.15">
      <c r="A1174">
        <v>23846</v>
      </c>
      <c r="B1174" t="s">
        <v>2336</v>
      </c>
      <c r="C1174" t="s">
        <v>2337</v>
      </c>
    </row>
    <row r="1175" spans="1:3" x14ac:dyDescent="0.15">
      <c r="A1175">
        <v>23845</v>
      </c>
      <c r="B1175" t="s">
        <v>2338</v>
      </c>
      <c r="C1175" t="s">
        <v>2339</v>
      </c>
    </row>
    <row r="1176" spans="1:3" x14ac:dyDescent="0.15">
      <c r="A1176">
        <v>23844</v>
      </c>
      <c r="B1176" t="s">
        <v>2340</v>
      </c>
      <c r="C1176" t="s">
        <v>2341</v>
      </c>
    </row>
    <row r="1177" spans="1:3" x14ac:dyDescent="0.15">
      <c r="A1177">
        <v>23843</v>
      </c>
      <c r="B1177" t="s">
        <v>2342</v>
      </c>
      <c r="C1177" t="s">
        <v>2343</v>
      </c>
    </row>
    <row r="1178" spans="1:3" x14ac:dyDescent="0.15">
      <c r="A1178">
        <v>23842</v>
      </c>
      <c r="B1178" t="s">
        <v>2344</v>
      </c>
      <c r="C1178" t="s">
        <v>2345</v>
      </c>
    </row>
    <row r="1179" spans="1:3" x14ac:dyDescent="0.15">
      <c r="A1179">
        <v>23841</v>
      </c>
      <c r="B1179" t="s">
        <v>2346</v>
      </c>
      <c r="C1179" t="s">
        <v>2347</v>
      </c>
    </row>
    <row r="1180" spans="1:3" x14ac:dyDescent="0.15">
      <c r="A1180">
        <v>23840</v>
      </c>
      <c r="B1180" t="s">
        <v>2348</v>
      </c>
      <c r="C1180" t="s">
        <v>2349</v>
      </c>
    </row>
    <row r="1181" spans="1:3" x14ac:dyDescent="0.15">
      <c r="A1181">
        <v>23839</v>
      </c>
      <c r="B1181" t="s">
        <v>2350</v>
      </c>
      <c r="C1181" t="s">
        <v>2351</v>
      </c>
    </row>
    <row r="1182" spans="1:3" x14ac:dyDescent="0.15">
      <c r="A1182">
        <v>23838</v>
      </c>
      <c r="B1182" t="s">
        <v>2352</v>
      </c>
      <c r="C1182" t="s">
        <v>2353</v>
      </c>
    </row>
    <row r="1183" spans="1:3" x14ac:dyDescent="0.15">
      <c r="A1183">
        <v>23837</v>
      </c>
      <c r="B1183" t="s">
        <v>2354</v>
      </c>
      <c r="C1183" t="s">
        <v>2355</v>
      </c>
    </row>
    <row r="1184" spans="1:3" x14ac:dyDescent="0.15">
      <c r="A1184">
        <v>23836</v>
      </c>
      <c r="B1184" t="s">
        <v>2356</v>
      </c>
      <c r="C1184" t="s">
        <v>2357</v>
      </c>
    </row>
    <row r="1185" spans="1:3" x14ac:dyDescent="0.15">
      <c r="A1185">
        <v>23835</v>
      </c>
      <c r="B1185" t="s">
        <v>2358</v>
      </c>
      <c r="C1185" t="s">
        <v>2359</v>
      </c>
    </row>
    <row r="1186" spans="1:3" x14ac:dyDescent="0.15">
      <c r="A1186">
        <v>23834</v>
      </c>
      <c r="B1186" t="s">
        <v>2360</v>
      </c>
      <c r="C1186" t="s">
        <v>2361</v>
      </c>
    </row>
    <row r="1187" spans="1:3" x14ac:dyDescent="0.15">
      <c r="A1187">
        <v>23833</v>
      </c>
      <c r="B1187" t="s">
        <v>2362</v>
      </c>
      <c r="C1187" t="s">
        <v>2363</v>
      </c>
    </row>
    <row r="1188" spans="1:3" x14ac:dyDescent="0.15">
      <c r="A1188">
        <v>23832</v>
      </c>
      <c r="B1188" t="s">
        <v>2364</v>
      </c>
      <c r="C1188" t="s">
        <v>2365</v>
      </c>
    </row>
    <row r="1189" spans="1:3" x14ac:dyDescent="0.15">
      <c r="A1189">
        <v>23831</v>
      </c>
      <c r="B1189" t="s">
        <v>2366</v>
      </c>
      <c r="C1189" t="s">
        <v>2367</v>
      </c>
    </row>
    <row r="1190" spans="1:3" x14ac:dyDescent="0.15">
      <c r="A1190">
        <v>23830</v>
      </c>
      <c r="B1190" t="s">
        <v>2368</v>
      </c>
      <c r="C1190" t="s">
        <v>2369</v>
      </c>
    </row>
    <row r="1191" spans="1:3" x14ac:dyDescent="0.15">
      <c r="A1191">
        <v>23829</v>
      </c>
      <c r="B1191" t="s">
        <v>2370</v>
      </c>
      <c r="C1191" t="s">
        <v>2371</v>
      </c>
    </row>
    <row r="1192" spans="1:3" x14ac:dyDescent="0.15">
      <c r="A1192">
        <v>23828</v>
      </c>
      <c r="B1192" t="s">
        <v>2372</v>
      </c>
      <c r="C1192" t="s">
        <v>2373</v>
      </c>
    </row>
    <row r="1193" spans="1:3" x14ac:dyDescent="0.15">
      <c r="A1193">
        <v>23827</v>
      </c>
      <c r="B1193" t="s">
        <v>2374</v>
      </c>
      <c r="C1193" t="s">
        <v>2375</v>
      </c>
    </row>
    <row r="1194" spans="1:3" x14ac:dyDescent="0.15">
      <c r="A1194">
        <v>23826</v>
      </c>
      <c r="B1194" t="s">
        <v>2376</v>
      </c>
      <c r="C1194" t="s">
        <v>2377</v>
      </c>
    </row>
    <row r="1195" spans="1:3" x14ac:dyDescent="0.15">
      <c r="A1195">
        <v>23825</v>
      </c>
      <c r="B1195" t="s">
        <v>2378</v>
      </c>
      <c r="C1195" t="s">
        <v>2379</v>
      </c>
    </row>
    <row r="1196" spans="1:3" x14ac:dyDescent="0.15">
      <c r="A1196">
        <v>23824</v>
      </c>
      <c r="B1196" t="s">
        <v>2380</v>
      </c>
      <c r="C1196" t="s">
        <v>2381</v>
      </c>
    </row>
    <row r="1197" spans="1:3" x14ac:dyDescent="0.15">
      <c r="A1197">
        <v>23823</v>
      </c>
      <c r="B1197" t="s">
        <v>2382</v>
      </c>
      <c r="C1197" t="s">
        <v>2383</v>
      </c>
    </row>
    <row r="1198" spans="1:3" x14ac:dyDescent="0.15">
      <c r="A1198">
        <v>23822</v>
      </c>
      <c r="B1198" t="s">
        <v>2384</v>
      </c>
      <c r="C1198" t="s">
        <v>2385</v>
      </c>
    </row>
    <row r="1199" spans="1:3" x14ac:dyDescent="0.15">
      <c r="A1199">
        <v>23821</v>
      </c>
      <c r="B1199" t="s">
        <v>2386</v>
      </c>
      <c r="C1199" t="s">
        <v>2387</v>
      </c>
    </row>
    <row r="1200" spans="1:3" x14ac:dyDescent="0.15">
      <c r="A1200">
        <v>23820</v>
      </c>
      <c r="B1200" t="s">
        <v>2388</v>
      </c>
      <c r="C1200" t="s">
        <v>2389</v>
      </c>
    </row>
    <row r="1201" spans="1:3" x14ac:dyDescent="0.15">
      <c r="A1201">
        <v>23819</v>
      </c>
      <c r="B1201" t="s">
        <v>2390</v>
      </c>
      <c r="C1201" t="s">
        <v>2391</v>
      </c>
    </row>
    <row r="1202" spans="1:3" x14ac:dyDescent="0.15">
      <c r="A1202">
        <v>23818</v>
      </c>
      <c r="B1202" t="s">
        <v>2392</v>
      </c>
      <c r="C1202" t="s">
        <v>2393</v>
      </c>
    </row>
    <row r="1203" spans="1:3" x14ac:dyDescent="0.15">
      <c r="A1203">
        <v>23817</v>
      </c>
      <c r="B1203" t="s">
        <v>2394</v>
      </c>
      <c r="C1203" t="s">
        <v>2395</v>
      </c>
    </row>
    <row r="1204" spans="1:3" x14ac:dyDescent="0.15">
      <c r="A1204">
        <v>23816</v>
      </c>
      <c r="B1204" t="s">
        <v>2396</v>
      </c>
      <c r="C1204" t="s">
        <v>2397</v>
      </c>
    </row>
    <row r="1205" spans="1:3" x14ac:dyDescent="0.15">
      <c r="A1205">
        <v>23815</v>
      </c>
      <c r="B1205" t="s">
        <v>2398</v>
      </c>
      <c r="C1205" t="s">
        <v>2399</v>
      </c>
    </row>
    <row r="1206" spans="1:3" x14ac:dyDescent="0.15">
      <c r="A1206">
        <v>23814</v>
      </c>
      <c r="B1206" t="s">
        <v>2400</v>
      </c>
      <c r="C1206" t="s">
        <v>2401</v>
      </c>
    </row>
    <row r="1207" spans="1:3" x14ac:dyDescent="0.15">
      <c r="A1207">
        <v>23813</v>
      </c>
      <c r="B1207" t="s">
        <v>2402</v>
      </c>
      <c r="C1207" t="s">
        <v>2403</v>
      </c>
    </row>
    <row r="1208" spans="1:3" x14ac:dyDescent="0.15">
      <c r="A1208">
        <v>23812</v>
      </c>
      <c r="B1208" t="s">
        <v>2404</v>
      </c>
      <c r="C1208" t="s">
        <v>2405</v>
      </c>
    </row>
    <row r="1209" spans="1:3" x14ac:dyDescent="0.15">
      <c r="A1209">
        <v>23811</v>
      </c>
      <c r="B1209" t="s">
        <v>2406</v>
      </c>
      <c r="C1209" t="s">
        <v>2407</v>
      </c>
    </row>
    <row r="1210" spans="1:3" x14ac:dyDescent="0.15">
      <c r="A1210">
        <v>23810</v>
      </c>
      <c r="B1210" t="s">
        <v>2408</v>
      </c>
      <c r="C1210" t="s">
        <v>2409</v>
      </c>
    </row>
    <row r="1211" spans="1:3" x14ac:dyDescent="0.15">
      <c r="A1211">
        <v>23809</v>
      </c>
      <c r="B1211" t="s">
        <v>2410</v>
      </c>
      <c r="C1211" t="s">
        <v>2411</v>
      </c>
    </row>
    <row r="1212" spans="1:3" x14ac:dyDescent="0.15">
      <c r="A1212">
        <v>23808</v>
      </c>
      <c r="B1212" t="s">
        <v>2412</v>
      </c>
      <c r="C1212" t="s">
        <v>2413</v>
      </c>
    </row>
    <row r="1213" spans="1:3" x14ac:dyDescent="0.15">
      <c r="A1213">
        <v>23807</v>
      </c>
      <c r="B1213" t="s">
        <v>2414</v>
      </c>
      <c r="C1213" t="s">
        <v>2415</v>
      </c>
    </row>
    <row r="1214" spans="1:3" x14ac:dyDescent="0.15">
      <c r="A1214">
        <v>23806</v>
      </c>
      <c r="B1214" t="s">
        <v>2416</v>
      </c>
      <c r="C1214" t="s">
        <v>2417</v>
      </c>
    </row>
    <row r="1215" spans="1:3" x14ac:dyDescent="0.15">
      <c r="A1215">
        <v>23805</v>
      </c>
      <c r="B1215" t="s">
        <v>2418</v>
      </c>
      <c r="C1215" t="s">
        <v>2419</v>
      </c>
    </row>
    <row r="1216" spans="1:3" x14ac:dyDescent="0.15">
      <c r="A1216">
        <v>23804</v>
      </c>
      <c r="B1216" t="s">
        <v>2420</v>
      </c>
      <c r="C1216" t="s">
        <v>2421</v>
      </c>
    </row>
    <row r="1217" spans="1:3" x14ac:dyDescent="0.15">
      <c r="A1217">
        <v>23803</v>
      </c>
      <c r="B1217" t="s">
        <v>2422</v>
      </c>
      <c r="C1217" t="s">
        <v>2423</v>
      </c>
    </row>
    <row r="1218" spans="1:3" x14ac:dyDescent="0.15">
      <c r="A1218">
        <v>23802</v>
      </c>
      <c r="B1218" t="s">
        <v>2424</v>
      </c>
      <c r="C1218" t="s">
        <v>2425</v>
      </c>
    </row>
    <row r="1219" spans="1:3" x14ac:dyDescent="0.15">
      <c r="A1219">
        <v>23801</v>
      </c>
      <c r="B1219" t="s">
        <v>2426</v>
      </c>
      <c r="C1219" t="s">
        <v>2427</v>
      </c>
    </row>
    <row r="1220" spans="1:3" x14ac:dyDescent="0.15">
      <c r="A1220">
        <v>23800</v>
      </c>
      <c r="B1220" t="s">
        <v>2428</v>
      </c>
      <c r="C1220" t="s">
        <v>2429</v>
      </c>
    </row>
    <row r="1221" spans="1:3" x14ac:dyDescent="0.15">
      <c r="A1221">
        <v>23799</v>
      </c>
      <c r="B1221" t="s">
        <v>2430</v>
      </c>
      <c r="C1221" t="s">
        <v>2431</v>
      </c>
    </row>
    <row r="1222" spans="1:3" x14ac:dyDescent="0.15">
      <c r="A1222">
        <v>23798</v>
      </c>
      <c r="B1222" t="s">
        <v>2432</v>
      </c>
      <c r="C1222" t="s">
        <v>2433</v>
      </c>
    </row>
    <row r="1223" spans="1:3" x14ac:dyDescent="0.15">
      <c r="A1223">
        <v>23797</v>
      </c>
      <c r="B1223" t="s">
        <v>2434</v>
      </c>
      <c r="C1223" t="s">
        <v>2435</v>
      </c>
    </row>
    <row r="1224" spans="1:3" x14ac:dyDescent="0.15">
      <c r="A1224">
        <v>23796</v>
      </c>
      <c r="B1224" t="s">
        <v>2436</v>
      </c>
      <c r="C1224" t="s">
        <v>2437</v>
      </c>
    </row>
    <row r="1225" spans="1:3" x14ac:dyDescent="0.15">
      <c r="A1225">
        <v>23795</v>
      </c>
      <c r="B1225" t="s">
        <v>2438</v>
      </c>
      <c r="C1225" t="s">
        <v>2439</v>
      </c>
    </row>
    <row r="1226" spans="1:3" x14ac:dyDescent="0.15">
      <c r="A1226">
        <v>23794</v>
      </c>
      <c r="B1226" t="s">
        <v>2440</v>
      </c>
      <c r="C1226" t="s">
        <v>2441</v>
      </c>
    </row>
    <row r="1227" spans="1:3" x14ac:dyDescent="0.15">
      <c r="A1227">
        <v>23793</v>
      </c>
      <c r="B1227" t="s">
        <v>2442</v>
      </c>
      <c r="C1227" t="s">
        <v>2443</v>
      </c>
    </row>
    <row r="1228" spans="1:3" x14ac:dyDescent="0.15">
      <c r="A1228">
        <v>23792</v>
      </c>
      <c r="B1228" t="s">
        <v>2444</v>
      </c>
      <c r="C1228" t="s">
        <v>2445</v>
      </c>
    </row>
    <row r="1229" spans="1:3" x14ac:dyDescent="0.15">
      <c r="A1229">
        <v>23791</v>
      </c>
      <c r="B1229" t="s">
        <v>2446</v>
      </c>
      <c r="C1229" t="s">
        <v>2447</v>
      </c>
    </row>
    <row r="1230" spans="1:3" x14ac:dyDescent="0.15">
      <c r="A1230">
        <v>23790</v>
      </c>
      <c r="B1230" t="s">
        <v>2448</v>
      </c>
      <c r="C1230" t="s">
        <v>2449</v>
      </c>
    </row>
    <row r="1231" spans="1:3" x14ac:dyDescent="0.15">
      <c r="A1231">
        <v>23789</v>
      </c>
      <c r="B1231" t="s">
        <v>2450</v>
      </c>
      <c r="C1231" t="s">
        <v>2451</v>
      </c>
    </row>
    <row r="1232" spans="1:3" x14ac:dyDescent="0.15">
      <c r="A1232">
        <v>23788</v>
      </c>
      <c r="B1232" t="s">
        <v>2452</v>
      </c>
      <c r="C1232" t="s">
        <v>2453</v>
      </c>
    </row>
    <row r="1233" spans="1:3" x14ac:dyDescent="0.15">
      <c r="A1233">
        <v>23787</v>
      </c>
      <c r="B1233" t="s">
        <v>2454</v>
      </c>
      <c r="C1233" t="s">
        <v>2455</v>
      </c>
    </row>
    <row r="1234" spans="1:3" x14ac:dyDescent="0.15">
      <c r="A1234">
        <v>23786</v>
      </c>
      <c r="B1234" t="s">
        <v>2456</v>
      </c>
      <c r="C1234" t="s">
        <v>2457</v>
      </c>
    </row>
    <row r="1235" spans="1:3" x14ac:dyDescent="0.15">
      <c r="A1235">
        <v>23785</v>
      </c>
      <c r="B1235" t="s">
        <v>2458</v>
      </c>
      <c r="C1235" t="s">
        <v>2459</v>
      </c>
    </row>
    <row r="1236" spans="1:3" x14ac:dyDescent="0.15">
      <c r="A1236">
        <v>23784</v>
      </c>
      <c r="B1236" t="s">
        <v>2460</v>
      </c>
      <c r="C1236" t="s">
        <v>2461</v>
      </c>
    </row>
    <row r="1237" spans="1:3" x14ac:dyDescent="0.15">
      <c r="A1237">
        <v>23783</v>
      </c>
      <c r="B1237" t="s">
        <v>2462</v>
      </c>
      <c r="C1237" t="s">
        <v>2463</v>
      </c>
    </row>
    <row r="1238" spans="1:3" x14ac:dyDescent="0.15">
      <c r="A1238">
        <v>23782</v>
      </c>
      <c r="B1238" t="s">
        <v>2464</v>
      </c>
      <c r="C1238" t="s">
        <v>2465</v>
      </c>
    </row>
    <row r="1239" spans="1:3" x14ac:dyDescent="0.15">
      <c r="A1239">
        <v>23781</v>
      </c>
      <c r="B1239" t="s">
        <v>2466</v>
      </c>
      <c r="C1239" t="s">
        <v>2467</v>
      </c>
    </row>
    <row r="1240" spans="1:3" x14ac:dyDescent="0.15">
      <c r="A1240">
        <v>23780</v>
      </c>
      <c r="B1240" t="s">
        <v>2468</v>
      </c>
      <c r="C1240" t="s">
        <v>2469</v>
      </c>
    </row>
    <row r="1241" spans="1:3" x14ac:dyDescent="0.15">
      <c r="A1241">
        <v>23779</v>
      </c>
      <c r="B1241" t="s">
        <v>2470</v>
      </c>
      <c r="C1241" t="s">
        <v>2471</v>
      </c>
    </row>
    <row r="1242" spans="1:3" x14ac:dyDescent="0.15">
      <c r="A1242">
        <v>23778</v>
      </c>
      <c r="B1242" t="s">
        <v>2472</v>
      </c>
      <c r="C1242" t="s">
        <v>2473</v>
      </c>
    </row>
    <row r="1243" spans="1:3" x14ac:dyDescent="0.15">
      <c r="A1243">
        <v>23777</v>
      </c>
      <c r="B1243" t="s">
        <v>2474</v>
      </c>
      <c r="C1243" t="s">
        <v>2475</v>
      </c>
    </row>
    <row r="1244" spans="1:3" x14ac:dyDescent="0.15">
      <c r="A1244">
        <v>23776</v>
      </c>
      <c r="B1244" t="s">
        <v>2476</v>
      </c>
      <c r="C1244" t="s">
        <v>2477</v>
      </c>
    </row>
    <row r="1245" spans="1:3" x14ac:dyDescent="0.15">
      <c r="A1245">
        <v>23775</v>
      </c>
      <c r="B1245" t="s">
        <v>2478</v>
      </c>
      <c r="C1245" t="s">
        <v>2479</v>
      </c>
    </row>
    <row r="1246" spans="1:3" x14ac:dyDescent="0.15">
      <c r="A1246">
        <v>23774</v>
      </c>
      <c r="B1246" t="s">
        <v>2480</v>
      </c>
      <c r="C1246" t="s">
        <v>2481</v>
      </c>
    </row>
    <row r="1247" spans="1:3" x14ac:dyDescent="0.15">
      <c r="A1247">
        <v>23773</v>
      </c>
      <c r="B1247" t="s">
        <v>2482</v>
      </c>
      <c r="C1247" t="s">
        <v>2483</v>
      </c>
    </row>
    <row r="1248" spans="1:3" x14ac:dyDescent="0.15">
      <c r="A1248">
        <v>23772</v>
      </c>
      <c r="B1248" t="s">
        <v>2484</v>
      </c>
      <c r="C1248" t="s">
        <v>2485</v>
      </c>
    </row>
    <row r="1249" spans="1:3" x14ac:dyDescent="0.15">
      <c r="A1249">
        <v>23771</v>
      </c>
      <c r="B1249" t="s">
        <v>2486</v>
      </c>
      <c r="C1249" t="s">
        <v>2487</v>
      </c>
    </row>
    <row r="1250" spans="1:3" x14ac:dyDescent="0.15">
      <c r="A1250">
        <v>23770</v>
      </c>
      <c r="B1250" t="s">
        <v>2488</v>
      </c>
      <c r="C1250" t="s">
        <v>2489</v>
      </c>
    </row>
    <row r="1251" spans="1:3" x14ac:dyDescent="0.15">
      <c r="A1251">
        <v>23769</v>
      </c>
      <c r="B1251" t="s">
        <v>2490</v>
      </c>
      <c r="C1251" t="s">
        <v>2491</v>
      </c>
    </row>
    <row r="1252" spans="1:3" x14ac:dyDescent="0.15">
      <c r="A1252">
        <v>23768</v>
      </c>
      <c r="B1252" t="s">
        <v>2492</v>
      </c>
      <c r="C1252" t="s">
        <v>2493</v>
      </c>
    </row>
    <row r="1253" spans="1:3" x14ac:dyDescent="0.15">
      <c r="A1253">
        <v>23767</v>
      </c>
      <c r="B1253" t="s">
        <v>2494</v>
      </c>
      <c r="C1253" t="s">
        <v>2495</v>
      </c>
    </row>
    <row r="1254" spans="1:3" x14ac:dyDescent="0.15">
      <c r="A1254">
        <v>23766</v>
      </c>
      <c r="B1254" t="s">
        <v>2496</v>
      </c>
      <c r="C1254" t="s">
        <v>2497</v>
      </c>
    </row>
    <row r="1255" spans="1:3" x14ac:dyDescent="0.15">
      <c r="A1255">
        <v>23765</v>
      </c>
      <c r="B1255" t="s">
        <v>2498</v>
      </c>
      <c r="C1255" t="s">
        <v>2499</v>
      </c>
    </row>
    <row r="1256" spans="1:3" x14ac:dyDescent="0.15">
      <c r="A1256">
        <v>23764</v>
      </c>
      <c r="B1256" t="s">
        <v>2500</v>
      </c>
      <c r="C1256" t="s">
        <v>2501</v>
      </c>
    </row>
    <row r="1257" spans="1:3" x14ac:dyDescent="0.15">
      <c r="A1257">
        <v>23763</v>
      </c>
      <c r="B1257" t="s">
        <v>2502</v>
      </c>
      <c r="C1257" t="s">
        <v>2503</v>
      </c>
    </row>
    <row r="1258" spans="1:3" x14ac:dyDescent="0.15">
      <c r="A1258">
        <v>23762</v>
      </c>
      <c r="B1258" t="s">
        <v>2504</v>
      </c>
      <c r="C1258" t="s">
        <v>2505</v>
      </c>
    </row>
    <row r="1259" spans="1:3" x14ac:dyDescent="0.15">
      <c r="A1259">
        <v>23761</v>
      </c>
      <c r="B1259" t="s">
        <v>2506</v>
      </c>
      <c r="C1259" t="s">
        <v>2507</v>
      </c>
    </row>
    <row r="1260" spans="1:3" x14ac:dyDescent="0.15">
      <c r="A1260">
        <v>23760</v>
      </c>
      <c r="B1260" t="s">
        <v>2508</v>
      </c>
      <c r="C1260" t="s">
        <v>2509</v>
      </c>
    </row>
    <row r="1261" spans="1:3" x14ac:dyDescent="0.15">
      <c r="A1261">
        <v>23759</v>
      </c>
      <c r="B1261" t="s">
        <v>2510</v>
      </c>
      <c r="C1261" t="s">
        <v>2511</v>
      </c>
    </row>
    <row r="1262" spans="1:3" x14ac:dyDescent="0.15">
      <c r="A1262">
        <v>23758</v>
      </c>
      <c r="B1262" t="s">
        <v>2512</v>
      </c>
      <c r="C1262" t="s">
        <v>2513</v>
      </c>
    </row>
    <row r="1263" spans="1:3" x14ac:dyDescent="0.15">
      <c r="A1263">
        <v>23757</v>
      </c>
      <c r="B1263" t="s">
        <v>2514</v>
      </c>
      <c r="C1263" t="s">
        <v>2515</v>
      </c>
    </row>
    <row r="1264" spans="1:3" x14ac:dyDescent="0.15">
      <c r="A1264">
        <v>23756</v>
      </c>
      <c r="B1264" t="s">
        <v>2516</v>
      </c>
      <c r="C1264" t="s">
        <v>2517</v>
      </c>
    </row>
    <row r="1265" spans="1:3" x14ac:dyDescent="0.15">
      <c r="A1265">
        <v>23755</v>
      </c>
      <c r="B1265" t="s">
        <v>2518</v>
      </c>
      <c r="C1265" t="s">
        <v>2519</v>
      </c>
    </row>
    <row r="1266" spans="1:3" x14ac:dyDescent="0.15">
      <c r="A1266">
        <v>23754</v>
      </c>
      <c r="B1266" t="s">
        <v>2520</v>
      </c>
      <c r="C1266" t="s">
        <v>2521</v>
      </c>
    </row>
    <row r="1267" spans="1:3" x14ac:dyDescent="0.15">
      <c r="A1267">
        <v>23753</v>
      </c>
      <c r="B1267" t="s">
        <v>2522</v>
      </c>
      <c r="C1267" t="s">
        <v>2523</v>
      </c>
    </row>
    <row r="1268" spans="1:3" x14ac:dyDescent="0.15">
      <c r="A1268">
        <v>23752</v>
      </c>
      <c r="B1268" t="s">
        <v>2524</v>
      </c>
      <c r="C1268" t="s">
        <v>2525</v>
      </c>
    </row>
    <row r="1269" spans="1:3" x14ac:dyDescent="0.15">
      <c r="A1269">
        <v>23751</v>
      </c>
      <c r="B1269" t="s">
        <v>2526</v>
      </c>
      <c r="C1269" t="s">
        <v>2527</v>
      </c>
    </row>
    <row r="1270" spans="1:3" x14ac:dyDescent="0.15">
      <c r="A1270">
        <v>23750</v>
      </c>
      <c r="B1270" t="s">
        <v>2528</v>
      </c>
      <c r="C1270" t="s">
        <v>2529</v>
      </c>
    </row>
    <row r="1271" spans="1:3" x14ac:dyDescent="0.15">
      <c r="A1271">
        <v>23749</v>
      </c>
      <c r="B1271" t="s">
        <v>2530</v>
      </c>
      <c r="C1271" t="s">
        <v>2531</v>
      </c>
    </row>
    <row r="1272" spans="1:3" x14ac:dyDescent="0.15">
      <c r="A1272">
        <v>23748</v>
      </c>
      <c r="B1272" t="s">
        <v>2532</v>
      </c>
      <c r="C1272" t="s">
        <v>2533</v>
      </c>
    </row>
    <row r="1273" spans="1:3" x14ac:dyDescent="0.15">
      <c r="A1273">
        <v>23747</v>
      </c>
      <c r="B1273" t="s">
        <v>2534</v>
      </c>
      <c r="C1273" t="s">
        <v>2535</v>
      </c>
    </row>
    <row r="1274" spans="1:3" x14ac:dyDescent="0.15">
      <c r="A1274">
        <v>23746</v>
      </c>
      <c r="B1274" t="s">
        <v>2536</v>
      </c>
      <c r="C1274" t="s">
        <v>2537</v>
      </c>
    </row>
    <row r="1275" spans="1:3" x14ac:dyDescent="0.15">
      <c r="A1275">
        <v>23745</v>
      </c>
      <c r="B1275" t="s">
        <v>2538</v>
      </c>
      <c r="C1275" t="s">
        <v>2539</v>
      </c>
    </row>
    <row r="1276" spans="1:3" x14ac:dyDescent="0.15">
      <c r="A1276">
        <v>23744</v>
      </c>
      <c r="B1276" t="s">
        <v>2540</v>
      </c>
      <c r="C1276" t="s">
        <v>2541</v>
      </c>
    </row>
    <row r="1277" spans="1:3" x14ac:dyDescent="0.15">
      <c r="A1277">
        <v>23743</v>
      </c>
      <c r="B1277" t="s">
        <v>2542</v>
      </c>
      <c r="C1277" t="s">
        <v>2543</v>
      </c>
    </row>
    <row r="1278" spans="1:3" x14ac:dyDescent="0.15">
      <c r="A1278">
        <v>23742</v>
      </c>
      <c r="B1278" t="s">
        <v>2544</v>
      </c>
      <c r="C1278" t="s">
        <v>2545</v>
      </c>
    </row>
    <row r="1279" spans="1:3" x14ac:dyDescent="0.15">
      <c r="A1279">
        <v>23741</v>
      </c>
      <c r="B1279" t="s">
        <v>2546</v>
      </c>
      <c r="C1279" t="s">
        <v>2547</v>
      </c>
    </row>
    <row r="1280" spans="1:3" x14ac:dyDescent="0.15">
      <c r="A1280">
        <v>23740</v>
      </c>
      <c r="B1280" t="s">
        <v>2548</v>
      </c>
      <c r="C1280" t="s">
        <v>2549</v>
      </c>
    </row>
    <row r="1281" spans="1:3" x14ac:dyDescent="0.15">
      <c r="A1281">
        <v>23739</v>
      </c>
      <c r="B1281" t="s">
        <v>2550</v>
      </c>
      <c r="C1281" t="s">
        <v>2551</v>
      </c>
    </row>
    <row r="1282" spans="1:3" x14ac:dyDescent="0.15">
      <c r="A1282">
        <v>23738</v>
      </c>
      <c r="B1282" t="s">
        <v>2552</v>
      </c>
      <c r="C1282" t="s">
        <v>2553</v>
      </c>
    </row>
    <row r="1283" spans="1:3" x14ac:dyDescent="0.15">
      <c r="A1283">
        <v>23737</v>
      </c>
      <c r="B1283" t="s">
        <v>2554</v>
      </c>
      <c r="C1283" t="s">
        <v>2555</v>
      </c>
    </row>
    <row r="1284" spans="1:3" x14ac:dyDescent="0.15">
      <c r="A1284">
        <v>23736</v>
      </c>
      <c r="B1284" t="s">
        <v>2556</v>
      </c>
      <c r="C1284" t="s">
        <v>2557</v>
      </c>
    </row>
    <row r="1285" spans="1:3" x14ac:dyDescent="0.15">
      <c r="A1285">
        <v>23735</v>
      </c>
      <c r="B1285" t="s">
        <v>2558</v>
      </c>
      <c r="C1285" t="s">
        <v>2559</v>
      </c>
    </row>
    <row r="1286" spans="1:3" x14ac:dyDescent="0.15">
      <c r="A1286">
        <v>23734</v>
      </c>
      <c r="B1286" t="s">
        <v>2560</v>
      </c>
      <c r="C1286" t="s">
        <v>2561</v>
      </c>
    </row>
    <row r="1287" spans="1:3" x14ac:dyDescent="0.15">
      <c r="A1287">
        <v>23733</v>
      </c>
      <c r="B1287" t="s">
        <v>2562</v>
      </c>
      <c r="C1287" t="s">
        <v>2563</v>
      </c>
    </row>
    <row r="1288" spans="1:3" x14ac:dyDescent="0.15">
      <c r="A1288">
        <v>23732</v>
      </c>
      <c r="B1288" t="s">
        <v>2564</v>
      </c>
      <c r="C1288" t="s">
        <v>2565</v>
      </c>
    </row>
    <row r="1289" spans="1:3" x14ac:dyDescent="0.15">
      <c r="A1289">
        <v>23731</v>
      </c>
      <c r="B1289" t="s">
        <v>2566</v>
      </c>
      <c r="C1289" t="s">
        <v>2567</v>
      </c>
    </row>
    <row r="1290" spans="1:3" x14ac:dyDescent="0.15">
      <c r="A1290">
        <v>23730</v>
      </c>
      <c r="B1290" t="s">
        <v>2568</v>
      </c>
      <c r="C1290" t="s">
        <v>2569</v>
      </c>
    </row>
    <row r="1291" spans="1:3" x14ac:dyDescent="0.15">
      <c r="A1291">
        <v>23729</v>
      </c>
      <c r="B1291" t="s">
        <v>2570</v>
      </c>
      <c r="C1291" t="s">
        <v>2571</v>
      </c>
    </row>
    <row r="1292" spans="1:3" x14ac:dyDescent="0.15">
      <c r="A1292">
        <v>23728</v>
      </c>
      <c r="B1292" t="s">
        <v>2572</v>
      </c>
      <c r="C1292" t="s">
        <v>2573</v>
      </c>
    </row>
    <row r="1293" spans="1:3" x14ac:dyDescent="0.15">
      <c r="A1293">
        <v>23727</v>
      </c>
      <c r="B1293" t="s">
        <v>2574</v>
      </c>
      <c r="C1293" t="s">
        <v>2575</v>
      </c>
    </row>
    <row r="1294" spans="1:3" x14ac:dyDescent="0.15">
      <c r="A1294">
        <v>23726</v>
      </c>
      <c r="B1294" t="s">
        <v>2576</v>
      </c>
      <c r="C1294" t="s">
        <v>2577</v>
      </c>
    </row>
    <row r="1295" spans="1:3" x14ac:dyDescent="0.15">
      <c r="A1295">
        <v>23725</v>
      </c>
      <c r="B1295" t="s">
        <v>2578</v>
      </c>
      <c r="C1295" t="s">
        <v>2579</v>
      </c>
    </row>
    <row r="1296" spans="1:3" x14ac:dyDescent="0.15">
      <c r="A1296">
        <v>23724</v>
      </c>
      <c r="B1296" t="s">
        <v>2580</v>
      </c>
      <c r="C1296" t="s">
        <v>2581</v>
      </c>
    </row>
    <row r="1297" spans="1:3" x14ac:dyDescent="0.15">
      <c r="A1297">
        <v>23723</v>
      </c>
      <c r="B1297" t="s">
        <v>2582</v>
      </c>
      <c r="C1297" t="s">
        <v>2583</v>
      </c>
    </row>
    <row r="1298" spans="1:3" x14ac:dyDescent="0.15">
      <c r="A1298">
        <v>23722</v>
      </c>
      <c r="B1298" t="s">
        <v>2584</v>
      </c>
      <c r="C1298" t="s">
        <v>2585</v>
      </c>
    </row>
    <row r="1299" spans="1:3" x14ac:dyDescent="0.15">
      <c r="A1299">
        <v>23721</v>
      </c>
      <c r="B1299" t="s">
        <v>2586</v>
      </c>
      <c r="C1299" t="s">
        <v>2587</v>
      </c>
    </row>
    <row r="1300" spans="1:3" x14ac:dyDescent="0.15">
      <c r="A1300">
        <v>23720</v>
      </c>
      <c r="B1300" t="s">
        <v>2588</v>
      </c>
      <c r="C1300" t="s">
        <v>2589</v>
      </c>
    </row>
    <row r="1301" spans="1:3" x14ac:dyDescent="0.15">
      <c r="A1301">
        <v>23719</v>
      </c>
      <c r="B1301" t="s">
        <v>2590</v>
      </c>
      <c r="C1301" t="s">
        <v>2591</v>
      </c>
    </row>
    <row r="1302" spans="1:3" x14ac:dyDescent="0.15">
      <c r="A1302">
        <v>23718</v>
      </c>
      <c r="B1302" t="s">
        <v>2592</v>
      </c>
      <c r="C1302" t="s">
        <v>2593</v>
      </c>
    </row>
    <row r="1303" spans="1:3" x14ac:dyDescent="0.15">
      <c r="A1303">
        <v>23717</v>
      </c>
      <c r="B1303" t="s">
        <v>2594</v>
      </c>
      <c r="C1303" t="s">
        <v>2595</v>
      </c>
    </row>
    <row r="1304" spans="1:3" x14ac:dyDescent="0.15">
      <c r="A1304">
        <v>23716</v>
      </c>
      <c r="B1304" t="s">
        <v>2596</v>
      </c>
      <c r="C1304" t="s">
        <v>2597</v>
      </c>
    </row>
    <row r="1305" spans="1:3" x14ac:dyDescent="0.15">
      <c r="A1305">
        <v>23715</v>
      </c>
      <c r="B1305" t="s">
        <v>2598</v>
      </c>
      <c r="C1305" t="s">
        <v>2599</v>
      </c>
    </row>
    <row r="1306" spans="1:3" x14ac:dyDescent="0.15">
      <c r="A1306">
        <v>23714</v>
      </c>
      <c r="B1306" t="s">
        <v>2600</v>
      </c>
      <c r="C1306" t="s">
        <v>2601</v>
      </c>
    </row>
    <row r="1307" spans="1:3" x14ac:dyDescent="0.15">
      <c r="A1307">
        <v>23713</v>
      </c>
      <c r="B1307" t="s">
        <v>2602</v>
      </c>
      <c r="C1307" t="s">
        <v>2603</v>
      </c>
    </row>
    <row r="1308" spans="1:3" x14ac:dyDescent="0.15">
      <c r="A1308">
        <v>23712</v>
      </c>
      <c r="B1308" t="s">
        <v>2604</v>
      </c>
      <c r="C1308" t="s">
        <v>2605</v>
      </c>
    </row>
    <row r="1309" spans="1:3" x14ac:dyDescent="0.15">
      <c r="A1309">
        <v>23711</v>
      </c>
      <c r="B1309" t="s">
        <v>2606</v>
      </c>
      <c r="C1309" t="s">
        <v>2607</v>
      </c>
    </row>
    <row r="1310" spans="1:3" x14ac:dyDescent="0.15">
      <c r="A1310">
        <v>23710</v>
      </c>
      <c r="B1310" t="s">
        <v>2608</v>
      </c>
      <c r="C1310" t="s">
        <v>2609</v>
      </c>
    </row>
    <row r="1311" spans="1:3" x14ac:dyDescent="0.15">
      <c r="A1311">
        <v>23709</v>
      </c>
      <c r="B1311" t="s">
        <v>2610</v>
      </c>
      <c r="C1311" t="s">
        <v>2611</v>
      </c>
    </row>
    <row r="1312" spans="1:3" x14ac:dyDescent="0.15">
      <c r="A1312">
        <v>23708</v>
      </c>
      <c r="B1312" t="s">
        <v>2612</v>
      </c>
      <c r="C1312" t="s">
        <v>2613</v>
      </c>
    </row>
    <row r="1313" spans="1:3" x14ac:dyDescent="0.15">
      <c r="A1313">
        <v>23707</v>
      </c>
      <c r="B1313" t="s">
        <v>2614</v>
      </c>
      <c r="C1313" t="s">
        <v>2615</v>
      </c>
    </row>
    <row r="1314" spans="1:3" x14ac:dyDescent="0.15">
      <c r="A1314">
        <v>23706</v>
      </c>
      <c r="B1314" t="s">
        <v>2616</v>
      </c>
      <c r="C1314" t="s">
        <v>2617</v>
      </c>
    </row>
    <row r="1315" spans="1:3" x14ac:dyDescent="0.15">
      <c r="A1315">
        <v>23705</v>
      </c>
      <c r="B1315" t="s">
        <v>2618</v>
      </c>
      <c r="C1315" t="s">
        <v>2619</v>
      </c>
    </row>
    <row r="1316" spans="1:3" x14ac:dyDescent="0.15">
      <c r="A1316">
        <v>23704</v>
      </c>
      <c r="B1316" t="s">
        <v>2620</v>
      </c>
      <c r="C1316" t="s">
        <v>2621</v>
      </c>
    </row>
    <row r="1317" spans="1:3" x14ac:dyDescent="0.15">
      <c r="A1317">
        <v>23703</v>
      </c>
      <c r="B1317" t="s">
        <v>2622</v>
      </c>
      <c r="C1317" t="s">
        <v>2623</v>
      </c>
    </row>
    <row r="1318" spans="1:3" x14ac:dyDescent="0.15">
      <c r="A1318">
        <v>23702</v>
      </c>
      <c r="B1318" t="s">
        <v>2624</v>
      </c>
      <c r="C1318" t="s">
        <v>2625</v>
      </c>
    </row>
    <row r="1319" spans="1:3" x14ac:dyDescent="0.15">
      <c r="A1319">
        <v>23701</v>
      </c>
      <c r="B1319" t="s">
        <v>2626</v>
      </c>
      <c r="C1319" t="s">
        <v>2627</v>
      </c>
    </row>
    <row r="1320" spans="1:3" x14ac:dyDescent="0.15">
      <c r="A1320">
        <v>23700</v>
      </c>
      <c r="B1320" t="s">
        <v>2628</v>
      </c>
      <c r="C1320" t="s">
        <v>2629</v>
      </c>
    </row>
    <row r="1321" spans="1:3" x14ac:dyDescent="0.15">
      <c r="A1321">
        <v>23699</v>
      </c>
      <c r="B1321" t="s">
        <v>2630</v>
      </c>
      <c r="C1321" t="s">
        <v>2631</v>
      </c>
    </row>
    <row r="1322" spans="1:3" x14ac:dyDescent="0.15">
      <c r="A1322">
        <v>23698</v>
      </c>
      <c r="B1322" t="s">
        <v>2632</v>
      </c>
      <c r="C1322" t="s">
        <v>2633</v>
      </c>
    </row>
    <row r="1323" spans="1:3" x14ac:dyDescent="0.15">
      <c r="A1323">
        <v>23697</v>
      </c>
      <c r="B1323" t="s">
        <v>2634</v>
      </c>
      <c r="C1323" t="s">
        <v>2635</v>
      </c>
    </row>
    <row r="1324" spans="1:3" x14ac:dyDescent="0.15">
      <c r="A1324">
        <v>23696</v>
      </c>
      <c r="B1324" t="s">
        <v>2636</v>
      </c>
      <c r="C1324" t="s">
        <v>2637</v>
      </c>
    </row>
    <row r="1325" spans="1:3" x14ac:dyDescent="0.15">
      <c r="A1325">
        <v>23695</v>
      </c>
      <c r="B1325" t="s">
        <v>2638</v>
      </c>
      <c r="C1325" t="s">
        <v>2639</v>
      </c>
    </row>
    <row r="1326" spans="1:3" x14ac:dyDescent="0.15">
      <c r="A1326">
        <v>23694</v>
      </c>
      <c r="B1326" t="s">
        <v>2640</v>
      </c>
      <c r="C1326" t="s">
        <v>2641</v>
      </c>
    </row>
    <row r="1327" spans="1:3" x14ac:dyDescent="0.15">
      <c r="A1327">
        <v>23693</v>
      </c>
      <c r="B1327" t="s">
        <v>2642</v>
      </c>
      <c r="C1327" t="s">
        <v>2643</v>
      </c>
    </row>
    <row r="1328" spans="1:3" x14ac:dyDescent="0.15">
      <c r="A1328">
        <v>23692</v>
      </c>
      <c r="B1328" t="s">
        <v>2644</v>
      </c>
      <c r="C1328" t="s">
        <v>2645</v>
      </c>
    </row>
    <row r="1329" spans="1:3" x14ac:dyDescent="0.15">
      <c r="A1329">
        <v>23691</v>
      </c>
      <c r="B1329" t="s">
        <v>2646</v>
      </c>
      <c r="C1329" t="s">
        <v>2647</v>
      </c>
    </row>
    <row r="1330" spans="1:3" x14ac:dyDescent="0.15">
      <c r="A1330">
        <v>23690</v>
      </c>
      <c r="B1330" t="s">
        <v>2648</v>
      </c>
      <c r="C1330" t="s">
        <v>2649</v>
      </c>
    </row>
    <row r="1331" spans="1:3" x14ac:dyDescent="0.15">
      <c r="A1331">
        <v>23689</v>
      </c>
      <c r="B1331" t="s">
        <v>2650</v>
      </c>
      <c r="C1331" t="s">
        <v>2651</v>
      </c>
    </row>
    <row r="1332" spans="1:3" x14ac:dyDescent="0.15">
      <c r="A1332">
        <v>23688</v>
      </c>
      <c r="B1332" t="s">
        <v>2652</v>
      </c>
      <c r="C1332" t="s">
        <v>2653</v>
      </c>
    </row>
    <row r="1333" spans="1:3" x14ac:dyDescent="0.15">
      <c r="A1333">
        <v>23687</v>
      </c>
      <c r="B1333" t="s">
        <v>2654</v>
      </c>
      <c r="C1333" t="s">
        <v>2655</v>
      </c>
    </row>
    <row r="1334" spans="1:3" x14ac:dyDescent="0.15">
      <c r="A1334">
        <v>23686</v>
      </c>
      <c r="B1334" t="s">
        <v>2656</v>
      </c>
      <c r="C1334" t="s">
        <v>2657</v>
      </c>
    </row>
    <row r="1335" spans="1:3" x14ac:dyDescent="0.15">
      <c r="A1335">
        <v>23685</v>
      </c>
      <c r="B1335" t="s">
        <v>2658</v>
      </c>
      <c r="C1335" t="s">
        <v>2659</v>
      </c>
    </row>
    <row r="1336" spans="1:3" x14ac:dyDescent="0.15">
      <c r="A1336">
        <v>23684</v>
      </c>
      <c r="B1336" t="s">
        <v>2660</v>
      </c>
      <c r="C1336" t="s">
        <v>2661</v>
      </c>
    </row>
    <row r="1337" spans="1:3" x14ac:dyDescent="0.15">
      <c r="A1337">
        <v>23683</v>
      </c>
      <c r="B1337" t="s">
        <v>2662</v>
      </c>
      <c r="C1337" t="s">
        <v>2663</v>
      </c>
    </row>
    <row r="1338" spans="1:3" x14ac:dyDescent="0.15">
      <c r="A1338">
        <v>23682</v>
      </c>
      <c r="B1338" t="s">
        <v>2664</v>
      </c>
      <c r="C1338" t="s">
        <v>2665</v>
      </c>
    </row>
    <row r="1339" spans="1:3" x14ac:dyDescent="0.15">
      <c r="A1339">
        <v>23681</v>
      </c>
      <c r="B1339" t="s">
        <v>2666</v>
      </c>
      <c r="C1339" t="s">
        <v>2667</v>
      </c>
    </row>
    <row r="1340" spans="1:3" x14ac:dyDescent="0.15">
      <c r="A1340">
        <v>23680</v>
      </c>
      <c r="B1340" t="s">
        <v>2668</v>
      </c>
      <c r="C1340" t="s">
        <v>2669</v>
      </c>
    </row>
    <row r="1341" spans="1:3" x14ac:dyDescent="0.15">
      <c r="A1341">
        <v>23679</v>
      </c>
      <c r="B1341" t="s">
        <v>2670</v>
      </c>
      <c r="C1341" t="s">
        <v>2671</v>
      </c>
    </row>
    <row r="1342" spans="1:3" x14ac:dyDescent="0.15">
      <c r="A1342">
        <v>23678</v>
      </c>
      <c r="B1342" t="s">
        <v>2672</v>
      </c>
      <c r="C1342" t="s">
        <v>2673</v>
      </c>
    </row>
    <row r="1343" spans="1:3" x14ac:dyDescent="0.15">
      <c r="A1343">
        <v>23677</v>
      </c>
      <c r="B1343" t="s">
        <v>2674</v>
      </c>
      <c r="C1343" t="s">
        <v>2675</v>
      </c>
    </row>
    <row r="1344" spans="1:3" x14ac:dyDescent="0.15">
      <c r="A1344">
        <v>23676</v>
      </c>
      <c r="B1344" t="s">
        <v>2676</v>
      </c>
      <c r="C1344" t="s">
        <v>2677</v>
      </c>
    </row>
    <row r="1345" spans="1:3" x14ac:dyDescent="0.15">
      <c r="A1345">
        <v>23675</v>
      </c>
      <c r="B1345" t="s">
        <v>2678</v>
      </c>
      <c r="C1345" t="s">
        <v>2679</v>
      </c>
    </row>
    <row r="1346" spans="1:3" x14ac:dyDescent="0.15">
      <c r="A1346">
        <v>23674</v>
      </c>
      <c r="B1346" t="s">
        <v>2680</v>
      </c>
      <c r="C1346" t="s">
        <v>2681</v>
      </c>
    </row>
    <row r="1347" spans="1:3" x14ac:dyDescent="0.15">
      <c r="A1347">
        <v>23673</v>
      </c>
      <c r="B1347" t="s">
        <v>2682</v>
      </c>
      <c r="C1347" t="s">
        <v>2683</v>
      </c>
    </row>
    <row r="1348" spans="1:3" x14ac:dyDescent="0.15">
      <c r="A1348">
        <v>23672</v>
      </c>
      <c r="B1348" t="s">
        <v>2684</v>
      </c>
      <c r="C1348" t="s">
        <v>2685</v>
      </c>
    </row>
    <row r="1349" spans="1:3" x14ac:dyDescent="0.15">
      <c r="A1349">
        <v>23671</v>
      </c>
      <c r="B1349" t="s">
        <v>2686</v>
      </c>
      <c r="C1349" t="s">
        <v>2687</v>
      </c>
    </row>
    <row r="1350" spans="1:3" x14ac:dyDescent="0.15">
      <c r="A1350">
        <v>23670</v>
      </c>
      <c r="B1350" t="s">
        <v>2688</v>
      </c>
      <c r="C1350" t="s">
        <v>2689</v>
      </c>
    </row>
    <row r="1351" spans="1:3" x14ac:dyDescent="0.15">
      <c r="A1351">
        <v>23669</v>
      </c>
      <c r="B1351" t="s">
        <v>2690</v>
      </c>
      <c r="C1351" t="s">
        <v>2691</v>
      </c>
    </row>
    <row r="1352" spans="1:3" x14ac:dyDescent="0.15">
      <c r="A1352">
        <v>23668</v>
      </c>
      <c r="B1352" t="s">
        <v>2692</v>
      </c>
      <c r="C1352" t="s">
        <v>2693</v>
      </c>
    </row>
    <row r="1353" spans="1:3" x14ac:dyDescent="0.15">
      <c r="A1353">
        <v>23667</v>
      </c>
      <c r="B1353" t="s">
        <v>2694</v>
      </c>
      <c r="C1353" t="s">
        <v>2695</v>
      </c>
    </row>
    <row r="1354" spans="1:3" x14ac:dyDescent="0.15">
      <c r="A1354">
        <v>23666</v>
      </c>
      <c r="B1354" t="s">
        <v>2696</v>
      </c>
      <c r="C1354" t="s">
        <v>2697</v>
      </c>
    </row>
    <row r="1355" spans="1:3" x14ac:dyDescent="0.15">
      <c r="A1355">
        <v>23665</v>
      </c>
      <c r="B1355" t="s">
        <v>2698</v>
      </c>
      <c r="C1355" t="s">
        <v>2699</v>
      </c>
    </row>
    <row r="1356" spans="1:3" x14ac:dyDescent="0.15">
      <c r="A1356">
        <v>23664</v>
      </c>
      <c r="B1356" t="s">
        <v>2700</v>
      </c>
      <c r="C1356" t="s">
        <v>2701</v>
      </c>
    </row>
    <row r="1357" spans="1:3" x14ac:dyDescent="0.15">
      <c r="A1357">
        <v>23663</v>
      </c>
      <c r="B1357" t="s">
        <v>2702</v>
      </c>
      <c r="C1357" t="s">
        <v>2703</v>
      </c>
    </row>
    <row r="1358" spans="1:3" x14ac:dyDescent="0.15">
      <c r="A1358">
        <v>23662</v>
      </c>
      <c r="B1358" t="s">
        <v>2704</v>
      </c>
      <c r="C1358" t="s">
        <v>2705</v>
      </c>
    </row>
    <row r="1359" spans="1:3" x14ac:dyDescent="0.15">
      <c r="A1359">
        <v>23661</v>
      </c>
      <c r="B1359" t="s">
        <v>2706</v>
      </c>
      <c r="C1359" t="s">
        <v>2707</v>
      </c>
    </row>
    <row r="1360" spans="1:3" x14ac:dyDescent="0.15">
      <c r="A1360">
        <v>23660</v>
      </c>
      <c r="B1360" t="s">
        <v>2708</v>
      </c>
      <c r="C1360" t="s">
        <v>2709</v>
      </c>
    </row>
    <row r="1361" spans="1:3" x14ac:dyDescent="0.15">
      <c r="A1361">
        <v>23659</v>
      </c>
      <c r="B1361" t="s">
        <v>2710</v>
      </c>
      <c r="C1361" t="s">
        <v>2711</v>
      </c>
    </row>
    <row r="1362" spans="1:3" x14ac:dyDescent="0.15">
      <c r="A1362">
        <v>23658</v>
      </c>
      <c r="B1362" t="s">
        <v>2712</v>
      </c>
      <c r="C1362" t="s">
        <v>2713</v>
      </c>
    </row>
    <row r="1363" spans="1:3" x14ac:dyDescent="0.15">
      <c r="A1363">
        <v>23657</v>
      </c>
      <c r="B1363" t="s">
        <v>2714</v>
      </c>
      <c r="C1363" t="s">
        <v>2715</v>
      </c>
    </row>
    <row r="1364" spans="1:3" x14ac:dyDescent="0.15">
      <c r="A1364">
        <v>23656</v>
      </c>
      <c r="B1364" t="s">
        <v>2716</v>
      </c>
      <c r="C1364" t="s">
        <v>2717</v>
      </c>
    </row>
    <row r="1365" spans="1:3" x14ac:dyDescent="0.15">
      <c r="A1365">
        <v>23655</v>
      </c>
      <c r="B1365" t="s">
        <v>2718</v>
      </c>
      <c r="C1365" t="s">
        <v>2719</v>
      </c>
    </row>
    <row r="1366" spans="1:3" x14ac:dyDescent="0.15">
      <c r="A1366">
        <v>23654</v>
      </c>
      <c r="B1366" t="s">
        <v>2720</v>
      </c>
      <c r="C1366" t="s">
        <v>2721</v>
      </c>
    </row>
    <row r="1367" spans="1:3" x14ac:dyDescent="0.15">
      <c r="A1367">
        <v>23653</v>
      </c>
      <c r="B1367" t="s">
        <v>2722</v>
      </c>
      <c r="C1367" t="s">
        <v>2723</v>
      </c>
    </row>
    <row r="1368" spans="1:3" x14ac:dyDescent="0.15">
      <c r="A1368">
        <v>23652</v>
      </c>
      <c r="B1368" t="s">
        <v>2724</v>
      </c>
      <c r="C1368" t="s">
        <v>2725</v>
      </c>
    </row>
    <row r="1369" spans="1:3" x14ac:dyDescent="0.15">
      <c r="A1369">
        <v>23651</v>
      </c>
      <c r="B1369" t="s">
        <v>2726</v>
      </c>
      <c r="C1369" t="s">
        <v>2727</v>
      </c>
    </row>
    <row r="1370" spans="1:3" x14ac:dyDescent="0.15">
      <c r="A1370">
        <v>23650</v>
      </c>
      <c r="B1370" t="s">
        <v>2728</v>
      </c>
      <c r="C1370" t="s">
        <v>2729</v>
      </c>
    </row>
    <row r="1371" spans="1:3" x14ac:dyDescent="0.15">
      <c r="A1371">
        <v>23649</v>
      </c>
      <c r="B1371" t="s">
        <v>2730</v>
      </c>
      <c r="C1371" t="s">
        <v>2731</v>
      </c>
    </row>
    <row r="1372" spans="1:3" x14ac:dyDescent="0.15">
      <c r="A1372">
        <v>23648</v>
      </c>
      <c r="B1372" t="s">
        <v>2732</v>
      </c>
      <c r="C1372" t="s">
        <v>2733</v>
      </c>
    </row>
    <row r="1373" spans="1:3" x14ac:dyDescent="0.15">
      <c r="A1373">
        <v>23647</v>
      </c>
      <c r="B1373" t="s">
        <v>2734</v>
      </c>
      <c r="C1373" t="s">
        <v>2735</v>
      </c>
    </row>
    <row r="1374" spans="1:3" x14ac:dyDescent="0.15">
      <c r="A1374">
        <v>23646</v>
      </c>
      <c r="B1374" t="s">
        <v>2736</v>
      </c>
      <c r="C1374" t="s">
        <v>2737</v>
      </c>
    </row>
    <row r="1375" spans="1:3" x14ac:dyDescent="0.15">
      <c r="A1375">
        <v>23645</v>
      </c>
      <c r="B1375" t="s">
        <v>2738</v>
      </c>
      <c r="C1375" t="s">
        <v>2739</v>
      </c>
    </row>
    <row r="1376" spans="1:3" x14ac:dyDescent="0.15">
      <c r="A1376">
        <v>23644</v>
      </c>
      <c r="B1376" t="s">
        <v>2740</v>
      </c>
      <c r="C1376" t="s">
        <v>2741</v>
      </c>
    </row>
    <row r="1377" spans="1:3" x14ac:dyDescent="0.15">
      <c r="A1377">
        <v>23643</v>
      </c>
      <c r="B1377" t="s">
        <v>2742</v>
      </c>
      <c r="C1377" t="s">
        <v>2743</v>
      </c>
    </row>
    <row r="1378" spans="1:3" x14ac:dyDescent="0.15">
      <c r="A1378">
        <v>23642</v>
      </c>
      <c r="B1378" t="s">
        <v>2744</v>
      </c>
      <c r="C1378" t="s">
        <v>2745</v>
      </c>
    </row>
    <row r="1379" spans="1:3" x14ac:dyDescent="0.15">
      <c r="A1379">
        <v>23641</v>
      </c>
      <c r="B1379" t="s">
        <v>2746</v>
      </c>
      <c r="C1379" t="s">
        <v>2747</v>
      </c>
    </row>
    <row r="1380" spans="1:3" x14ac:dyDescent="0.15">
      <c r="A1380">
        <v>23640</v>
      </c>
      <c r="B1380" t="s">
        <v>2748</v>
      </c>
      <c r="C1380" t="s">
        <v>2749</v>
      </c>
    </row>
    <row r="1381" spans="1:3" x14ac:dyDescent="0.15">
      <c r="A1381">
        <v>23639</v>
      </c>
      <c r="B1381" t="s">
        <v>2750</v>
      </c>
      <c r="C1381" t="s">
        <v>2751</v>
      </c>
    </row>
    <row r="1382" spans="1:3" x14ac:dyDescent="0.15">
      <c r="A1382">
        <v>23638</v>
      </c>
      <c r="B1382" t="s">
        <v>2752</v>
      </c>
      <c r="C1382" t="s">
        <v>2753</v>
      </c>
    </row>
    <row r="1383" spans="1:3" x14ac:dyDescent="0.15">
      <c r="A1383">
        <v>23637</v>
      </c>
      <c r="B1383" t="s">
        <v>2754</v>
      </c>
      <c r="C1383" t="s">
        <v>2755</v>
      </c>
    </row>
    <row r="1384" spans="1:3" x14ac:dyDescent="0.15">
      <c r="A1384">
        <v>23636</v>
      </c>
      <c r="B1384" t="s">
        <v>2756</v>
      </c>
      <c r="C1384" t="s">
        <v>2757</v>
      </c>
    </row>
    <row r="1385" spans="1:3" x14ac:dyDescent="0.15">
      <c r="A1385">
        <v>23635</v>
      </c>
      <c r="B1385" t="s">
        <v>2758</v>
      </c>
      <c r="C1385" t="s">
        <v>2759</v>
      </c>
    </row>
    <row r="1386" spans="1:3" x14ac:dyDescent="0.15">
      <c r="A1386">
        <v>23634</v>
      </c>
      <c r="B1386" t="s">
        <v>2760</v>
      </c>
      <c r="C1386" t="s">
        <v>2761</v>
      </c>
    </row>
    <row r="1387" spans="1:3" x14ac:dyDescent="0.15">
      <c r="A1387">
        <v>23633</v>
      </c>
      <c r="B1387" t="s">
        <v>2762</v>
      </c>
      <c r="C1387" t="s">
        <v>2763</v>
      </c>
    </row>
    <row r="1388" spans="1:3" x14ac:dyDescent="0.15">
      <c r="A1388">
        <v>23632</v>
      </c>
      <c r="B1388" t="s">
        <v>2764</v>
      </c>
      <c r="C1388" t="s">
        <v>2765</v>
      </c>
    </row>
    <row r="1389" spans="1:3" x14ac:dyDescent="0.15">
      <c r="A1389">
        <v>23631</v>
      </c>
      <c r="B1389" t="s">
        <v>2766</v>
      </c>
      <c r="C1389" t="s">
        <v>2767</v>
      </c>
    </row>
    <row r="1390" spans="1:3" x14ac:dyDescent="0.15">
      <c r="A1390">
        <v>23630</v>
      </c>
      <c r="B1390" t="s">
        <v>2768</v>
      </c>
      <c r="C1390" t="s">
        <v>2769</v>
      </c>
    </row>
    <row r="1391" spans="1:3" x14ac:dyDescent="0.15">
      <c r="A1391">
        <v>23629</v>
      </c>
      <c r="B1391" t="s">
        <v>2770</v>
      </c>
      <c r="C1391" t="s">
        <v>2771</v>
      </c>
    </row>
    <row r="1392" spans="1:3" x14ac:dyDescent="0.15">
      <c r="A1392">
        <v>23628</v>
      </c>
      <c r="B1392" t="s">
        <v>2772</v>
      </c>
      <c r="C1392" t="s">
        <v>2773</v>
      </c>
    </row>
    <row r="1393" spans="1:3" x14ac:dyDescent="0.15">
      <c r="A1393">
        <v>23627</v>
      </c>
      <c r="B1393" t="s">
        <v>2774</v>
      </c>
      <c r="C1393" t="s">
        <v>2775</v>
      </c>
    </row>
    <row r="1394" spans="1:3" x14ac:dyDescent="0.15">
      <c r="A1394">
        <v>23626</v>
      </c>
      <c r="B1394" t="s">
        <v>2776</v>
      </c>
      <c r="C1394" t="s">
        <v>2777</v>
      </c>
    </row>
    <row r="1395" spans="1:3" x14ac:dyDescent="0.15">
      <c r="A1395">
        <v>23625</v>
      </c>
      <c r="B1395" t="s">
        <v>2778</v>
      </c>
      <c r="C1395" t="s">
        <v>2779</v>
      </c>
    </row>
    <row r="1396" spans="1:3" x14ac:dyDescent="0.15">
      <c r="A1396">
        <v>23624</v>
      </c>
      <c r="B1396" t="s">
        <v>2780</v>
      </c>
      <c r="C1396" t="s">
        <v>2781</v>
      </c>
    </row>
    <row r="1397" spans="1:3" x14ac:dyDescent="0.15">
      <c r="A1397">
        <v>23623</v>
      </c>
      <c r="B1397" t="s">
        <v>2782</v>
      </c>
      <c r="C1397" t="s">
        <v>2783</v>
      </c>
    </row>
    <row r="1398" spans="1:3" x14ac:dyDescent="0.15">
      <c r="A1398">
        <v>23622</v>
      </c>
      <c r="B1398" t="s">
        <v>2784</v>
      </c>
      <c r="C1398" t="s">
        <v>2785</v>
      </c>
    </row>
    <row r="1399" spans="1:3" x14ac:dyDescent="0.15">
      <c r="A1399">
        <v>23621</v>
      </c>
      <c r="B1399" t="s">
        <v>2786</v>
      </c>
      <c r="C1399" t="s">
        <v>2787</v>
      </c>
    </row>
    <row r="1400" spans="1:3" x14ac:dyDescent="0.15">
      <c r="A1400">
        <v>23620</v>
      </c>
      <c r="B1400" t="s">
        <v>2788</v>
      </c>
      <c r="C1400" t="s">
        <v>2789</v>
      </c>
    </row>
    <row r="1401" spans="1:3" x14ac:dyDescent="0.15">
      <c r="A1401">
        <v>23619</v>
      </c>
      <c r="B1401" t="s">
        <v>2790</v>
      </c>
      <c r="C1401" t="s">
        <v>2791</v>
      </c>
    </row>
    <row r="1402" spans="1:3" x14ac:dyDescent="0.15">
      <c r="A1402">
        <v>23618</v>
      </c>
      <c r="B1402" t="s">
        <v>2792</v>
      </c>
      <c r="C1402" t="s">
        <v>2793</v>
      </c>
    </row>
    <row r="1403" spans="1:3" x14ac:dyDescent="0.15">
      <c r="A1403">
        <v>23617</v>
      </c>
      <c r="B1403" t="s">
        <v>2794</v>
      </c>
      <c r="C1403" t="s">
        <v>2795</v>
      </c>
    </row>
    <row r="1404" spans="1:3" x14ac:dyDescent="0.15">
      <c r="A1404">
        <v>23616</v>
      </c>
      <c r="B1404" t="s">
        <v>2796</v>
      </c>
      <c r="C1404" t="s">
        <v>2797</v>
      </c>
    </row>
    <row r="1405" spans="1:3" x14ac:dyDescent="0.15">
      <c r="A1405">
        <v>23615</v>
      </c>
      <c r="B1405" t="s">
        <v>2798</v>
      </c>
      <c r="C1405" t="s">
        <v>2799</v>
      </c>
    </row>
    <row r="1406" spans="1:3" x14ac:dyDescent="0.15">
      <c r="A1406">
        <v>23614</v>
      </c>
      <c r="B1406" t="s">
        <v>2800</v>
      </c>
      <c r="C1406" t="s">
        <v>2801</v>
      </c>
    </row>
    <row r="1407" spans="1:3" x14ac:dyDescent="0.15">
      <c r="A1407">
        <v>23613</v>
      </c>
      <c r="B1407" t="s">
        <v>2802</v>
      </c>
      <c r="C1407" t="s">
        <v>2803</v>
      </c>
    </row>
    <row r="1408" spans="1:3" x14ac:dyDescent="0.15">
      <c r="A1408">
        <v>23612</v>
      </c>
      <c r="B1408" t="s">
        <v>2804</v>
      </c>
      <c r="C1408" t="s">
        <v>2805</v>
      </c>
    </row>
    <row r="1409" spans="1:3" x14ac:dyDescent="0.15">
      <c r="A1409">
        <v>23611</v>
      </c>
      <c r="B1409" t="s">
        <v>2806</v>
      </c>
      <c r="C1409" t="s">
        <v>2807</v>
      </c>
    </row>
    <row r="1410" spans="1:3" x14ac:dyDescent="0.15">
      <c r="A1410">
        <v>23610</v>
      </c>
      <c r="B1410" t="s">
        <v>2808</v>
      </c>
      <c r="C1410" t="s">
        <v>2809</v>
      </c>
    </row>
    <row r="1411" spans="1:3" x14ac:dyDescent="0.15">
      <c r="A1411">
        <v>23609</v>
      </c>
      <c r="B1411" t="s">
        <v>2810</v>
      </c>
      <c r="C1411" t="s">
        <v>2811</v>
      </c>
    </row>
    <row r="1412" spans="1:3" x14ac:dyDescent="0.15">
      <c r="A1412">
        <v>23608</v>
      </c>
      <c r="B1412" t="s">
        <v>2812</v>
      </c>
      <c r="C1412" t="s">
        <v>2813</v>
      </c>
    </row>
    <row r="1413" spans="1:3" x14ac:dyDescent="0.15">
      <c r="A1413">
        <v>23607</v>
      </c>
      <c r="B1413" t="s">
        <v>2814</v>
      </c>
      <c r="C1413" t="s">
        <v>2815</v>
      </c>
    </row>
    <row r="1414" spans="1:3" x14ac:dyDescent="0.15">
      <c r="A1414">
        <v>23606</v>
      </c>
      <c r="B1414" t="s">
        <v>2816</v>
      </c>
      <c r="C1414" t="s">
        <v>2817</v>
      </c>
    </row>
    <row r="1415" spans="1:3" x14ac:dyDescent="0.15">
      <c r="A1415">
        <v>23605</v>
      </c>
      <c r="B1415" t="s">
        <v>2818</v>
      </c>
      <c r="C1415" t="s">
        <v>2819</v>
      </c>
    </row>
    <row r="1416" spans="1:3" x14ac:dyDescent="0.15">
      <c r="A1416">
        <v>23604</v>
      </c>
      <c r="B1416" t="s">
        <v>2820</v>
      </c>
      <c r="C1416" t="s">
        <v>2821</v>
      </c>
    </row>
    <row r="1417" spans="1:3" x14ac:dyDescent="0.15">
      <c r="A1417">
        <v>23603</v>
      </c>
      <c r="B1417" t="s">
        <v>2822</v>
      </c>
      <c r="C1417" t="s">
        <v>2823</v>
      </c>
    </row>
    <row r="1418" spans="1:3" x14ac:dyDescent="0.15">
      <c r="A1418">
        <v>23602</v>
      </c>
      <c r="B1418" t="s">
        <v>2824</v>
      </c>
      <c r="C1418" t="s">
        <v>2825</v>
      </c>
    </row>
    <row r="1419" spans="1:3" x14ac:dyDescent="0.15">
      <c r="A1419">
        <v>23601</v>
      </c>
      <c r="B1419" t="s">
        <v>2826</v>
      </c>
      <c r="C1419" t="s">
        <v>2827</v>
      </c>
    </row>
    <row r="1420" spans="1:3" x14ac:dyDescent="0.15">
      <c r="A1420">
        <v>23600</v>
      </c>
      <c r="B1420" t="s">
        <v>2828</v>
      </c>
      <c r="C1420" t="s">
        <v>2829</v>
      </c>
    </row>
    <row r="1421" spans="1:3" x14ac:dyDescent="0.15">
      <c r="A1421">
        <v>23599</v>
      </c>
      <c r="B1421" t="s">
        <v>2830</v>
      </c>
      <c r="C1421" t="s">
        <v>2831</v>
      </c>
    </row>
    <row r="1422" spans="1:3" x14ac:dyDescent="0.15">
      <c r="A1422">
        <v>23598</v>
      </c>
      <c r="B1422" t="s">
        <v>2832</v>
      </c>
      <c r="C1422" t="s">
        <v>2833</v>
      </c>
    </row>
    <row r="1423" spans="1:3" x14ac:dyDescent="0.15">
      <c r="A1423">
        <v>23597</v>
      </c>
      <c r="B1423" t="s">
        <v>2834</v>
      </c>
      <c r="C1423" t="s">
        <v>2835</v>
      </c>
    </row>
    <row r="1424" spans="1:3" x14ac:dyDescent="0.15">
      <c r="A1424">
        <v>23596</v>
      </c>
      <c r="B1424" t="s">
        <v>2836</v>
      </c>
      <c r="C1424" t="s">
        <v>2837</v>
      </c>
    </row>
    <row r="1425" spans="1:3" x14ac:dyDescent="0.15">
      <c r="A1425">
        <v>23595</v>
      </c>
      <c r="B1425" t="s">
        <v>2838</v>
      </c>
      <c r="C1425" t="s">
        <v>2839</v>
      </c>
    </row>
    <row r="1426" spans="1:3" x14ac:dyDescent="0.15">
      <c r="A1426">
        <v>23594</v>
      </c>
      <c r="B1426" t="s">
        <v>2840</v>
      </c>
      <c r="C1426" t="s">
        <v>2841</v>
      </c>
    </row>
    <row r="1427" spans="1:3" x14ac:dyDescent="0.15">
      <c r="A1427">
        <v>23593</v>
      </c>
      <c r="B1427" t="s">
        <v>2842</v>
      </c>
      <c r="C1427" t="s">
        <v>2843</v>
      </c>
    </row>
    <row r="1428" spans="1:3" x14ac:dyDescent="0.15">
      <c r="A1428">
        <v>23592</v>
      </c>
      <c r="B1428" t="s">
        <v>2844</v>
      </c>
      <c r="C1428" t="s">
        <v>2845</v>
      </c>
    </row>
    <row r="1429" spans="1:3" x14ac:dyDescent="0.15">
      <c r="A1429">
        <v>23591</v>
      </c>
      <c r="B1429" t="s">
        <v>2846</v>
      </c>
      <c r="C1429" t="s">
        <v>2847</v>
      </c>
    </row>
    <row r="1430" spans="1:3" x14ac:dyDescent="0.15">
      <c r="A1430">
        <v>23590</v>
      </c>
      <c r="B1430" t="s">
        <v>2848</v>
      </c>
      <c r="C1430" t="s">
        <v>2849</v>
      </c>
    </row>
    <row r="1431" spans="1:3" x14ac:dyDescent="0.15">
      <c r="A1431">
        <v>23589</v>
      </c>
      <c r="B1431" t="s">
        <v>2850</v>
      </c>
      <c r="C1431" t="s">
        <v>2851</v>
      </c>
    </row>
    <row r="1432" spans="1:3" x14ac:dyDescent="0.15">
      <c r="A1432">
        <v>23588</v>
      </c>
      <c r="B1432" t="s">
        <v>2852</v>
      </c>
      <c r="C1432" t="s">
        <v>2853</v>
      </c>
    </row>
    <row r="1433" spans="1:3" x14ac:dyDescent="0.15">
      <c r="A1433">
        <v>23587</v>
      </c>
      <c r="B1433" t="s">
        <v>2854</v>
      </c>
      <c r="C1433" t="s">
        <v>2855</v>
      </c>
    </row>
    <row r="1434" spans="1:3" x14ac:dyDescent="0.15">
      <c r="A1434">
        <v>23586</v>
      </c>
      <c r="B1434" t="s">
        <v>2856</v>
      </c>
      <c r="C1434" t="s">
        <v>2857</v>
      </c>
    </row>
    <row r="1435" spans="1:3" x14ac:dyDescent="0.15">
      <c r="A1435">
        <v>23585</v>
      </c>
      <c r="B1435" t="s">
        <v>2858</v>
      </c>
      <c r="C1435" t="s">
        <v>2859</v>
      </c>
    </row>
    <row r="1436" spans="1:3" x14ac:dyDescent="0.15">
      <c r="A1436">
        <v>23584</v>
      </c>
      <c r="B1436" t="s">
        <v>2860</v>
      </c>
      <c r="C1436" t="s">
        <v>2861</v>
      </c>
    </row>
    <row r="1437" spans="1:3" x14ac:dyDescent="0.15">
      <c r="A1437">
        <v>23583</v>
      </c>
      <c r="B1437" t="s">
        <v>2862</v>
      </c>
      <c r="C1437" t="s">
        <v>2863</v>
      </c>
    </row>
    <row r="1438" spans="1:3" x14ac:dyDescent="0.15">
      <c r="A1438">
        <v>23582</v>
      </c>
      <c r="B1438" t="s">
        <v>2864</v>
      </c>
      <c r="C1438" t="s">
        <v>2865</v>
      </c>
    </row>
    <row r="1439" spans="1:3" x14ac:dyDescent="0.15">
      <c r="A1439">
        <v>23581</v>
      </c>
      <c r="B1439" t="s">
        <v>2866</v>
      </c>
      <c r="C1439" t="s">
        <v>2867</v>
      </c>
    </row>
    <row r="1440" spans="1:3" x14ac:dyDescent="0.15">
      <c r="A1440">
        <v>23580</v>
      </c>
      <c r="B1440" t="s">
        <v>2868</v>
      </c>
      <c r="C1440" t="s">
        <v>2869</v>
      </c>
    </row>
    <row r="1441" spans="1:3" x14ac:dyDescent="0.15">
      <c r="A1441">
        <v>23579</v>
      </c>
      <c r="B1441" t="s">
        <v>2870</v>
      </c>
      <c r="C1441" t="s">
        <v>2871</v>
      </c>
    </row>
    <row r="1442" spans="1:3" x14ac:dyDescent="0.15">
      <c r="A1442">
        <v>23578</v>
      </c>
      <c r="B1442" t="s">
        <v>2872</v>
      </c>
      <c r="C1442" t="s">
        <v>2873</v>
      </c>
    </row>
    <row r="1443" spans="1:3" x14ac:dyDescent="0.15">
      <c r="A1443">
        <v>23577</v>
      </c>
      <c r="B1443" t="s">
        <v>2874</v>
      </c>
      <c r="C1443" t="s">
        <v>2875</v>
      </c>
    </row>
    <row r="1444" spans="1:3" x14ac:dyDescent="0.15">
      <c r="A1444">
        <v>23576</v>
      </c>
      <c r="B1444" t="s">
        <v>2876</v>
      </c>
      <c r="C1444" t="s">
        <v>2877</v>
      </c>
    </row>
    <row r="1445" spans="1:3" x14ac:dyDescent="0.15">
      <c r="A1445">
        <v>23575</v>
      </c>
      <c r="B1445" t="s">
        <v>2878</v>
      </c>
      <c r="C1445" t="s">
        <v>2879</v>
      </c>
    </row>
    <row r="1446" spans="1:3" x14ac:dyDescent="0.15">
      <c r="A1446">
        <v>23574</v>
      </c>
      <c r="B1446" t="s">
        <v>2880</v>
      </c>
      <c r="C1446" t="s">
        <v>2881</v>
      </c>
    </row>
    <row r="1447" spans="1:3" x14ac:dyDescent="0.15">
      <c r="A1447">
        <v>23573</v>
      </c>
      <c r="B1447" t="s">
        <v>2882</v>
      </c>
      <c r="C1447" t="s">
        <v>2883</v>
      </c>
    </row>
    <row r="1448" spans="1:3" x14ac:dyDescent="0.15">
      <c r="A1448">
        <v>23572</v>
      </c>
      <c r="B1448" t="s">
        <v>2884</v>
      </c>
      <c r="C1448" t="s">
        <v>2885</v>
      </c>
    </row>
    <row r="1449" spans="1:3" x14ac:dyDescent="0.15">
      <c r="A1449">
        <v>23571</v>
      </c>
      <c r="B1449" t="s">
        <v>2886</v>
      </c>
      <c r="C1449" t="s">
        <v>2887</v>
      </c>
    </row>
    <row r="1450" spans="1:3" x14ac:dyDescent="0.15">
      <c r="A1450">
        <v>23570</v>
      </c>
      <c r="B1450" t="s">
        <v>2888</v>
      </c>
      <c r="C1450" t="s">
        <v>2889</v>
      </c>
    </row>
    <row r="1451" spans="1:3" x14ac:dyDescent="0.15">
      <c r="A1451">
        <v>23569</v>
      </c>
      <c r="B1451" t="s">
        <v>2890</v>
      </c>
      <c r="C1451" t="s">
        <v>2891</v>
      </c>
    </row>
    <row r="1452" spans="1:3" x14ac:dyDescent="0.15">
      <c r="A1452">
        <v>23568</v>
      </c>
      <c r="B1452" t="s">
        <v>2892</v>
      </c>
      <c r="C1452" t="s">
        <v>2893</v>
      </c>
    </row>
    <row r="1453" spans="1:3" x14ac:dyDescent="0.15">
      <c r="A1453">
        <v>23567</v>
      </c>
      <c r="B1453" t="s">
        <v>2894</v>
      </c>
      <c r="C1453" t="s">
        <v>2895</v>
      </c>
    </row>
    <row r="1454" spans="1:3" x14ac:dyDescent="0.15">
      <c r="A1454">
        <v>23566</v>
      </c>
      <c r="B1454" t="s">
        <v>2896</v>
      </c>
      <c r="C1454" t="s">
        <v>2897</v>
      </c>
    </row>
    <row r="1455" spans="1:3" x14ac:dyDescent="0.15">
      <c r="A1455">
        <v>23565</v>
      </c>
      <c r="B1455" t="s">
        <v>2898</v>
      </c>
      <c r="C1455" t="s">
        <v>2899</v>
      </c>
    </row>
    <row r="1456" spans="1:3" x14ac:dyDescent="0.15">
      <c r="A1456">
        <v>23564</v>
      </c>
      <c r="B1456" t="s">
        <v>2900</v>
      </c>
      <c r="C1456" t="s">
        <v>2901</v>
      </c>
    </row>
    <row r="1457" spans="1:3" x14ac:dyDescent="0.15">
      <c r="A1457">
        <v>23563</v>
      </c>
      <c r="B1457" t="s">
        <v>2902</v>
      </c>
      <c r="C1457" t="s">
        <v>2903</v>
      </c>
    </row>
    <row r="1458" spans="1:3" x14ac:dyDescent="0.15">
      <c r="A1458">
        <v>23562</v>
      </c>
      <c r="B1458" t="s">
        <v>2904</v>
      </c>
      <c r="C1458" t="s">
        <v>2905</v>
      </c>
    </row>
    <row r="1459" spans="1:3" x14ac:dyDescent="0.15">
      <c r="A1459">
        <v>23561</v>
      </c>
      <c r="B1459" t="s">
        <v>2906</v>
      </c>
      <c r="C1459" t="s">
        <v>2907</v>
      </c>
    </row>
    <row r="1460" spans="1:3" x14ac:dyDescent="0.15">
      <c r="A1460">
        <v>23560</v>
      </c>
      <c r="B1460" t="s">
        <v>2908</v>
      </c>
      <c r="C1460" t="s">
        <v>2909</v>
      </c>
    </row>
    <row r="1461" spans="1:3" x14ac:dyDescent="0.15">
      <c r="A1461">
        <v>23559</v>
      </c>
      <c r="B1461" t="s">
        <v>2910</v>
      </c>
      <c r="C1461" t="s">
        <v>2911</v>
      </c>
    </row>
    <row r="1462" spans="1:3" x14ac:dyDescent="0.15">
      <c r="A1462">
        <v>23558</v>
      </c>
      <c r="B1462" t="s">
        <v>2912</v>
      </c>
      <c r="C1462" t="s">
        <v>2913</v>
      </c>
    </row>
    <row r="1463" spans="1:3" x14ac:dyDescent="0.15">
      <c r="A1463">
        <v>23557</v>
      </c>
      <c r="B1463" t="s">
        <v>2914</v>
      </c>
      <c r="C1463" t="s">
        <v>2915</v>
      </c>
    </row>
    <row r="1464" spans="1:3" x14ac:dyDescent="0.15">
      <c r="A1464">
        <v>23556</v>
      </c>
      <c r="B1464" t="s">
        <v>2916</v>
      </c>
      <c r="C1464" t="s">
        <v>2917</v>
      </c>
    </row>
    <row r="1465" spans="1:3" x14ac:dyDescent="0.15">
      <c r="A1465">
        <v>23555</v>
      </c>
      <c r="B1465" t="s">
        <v>2918</v>
      </c>
      <c r="C1465" t="s">
        <v>2919</v>
      </c>
    </row>
    <row r="1466" spans="1:3" x14ac:dyDescent="0.15">
      <c r="A1466">
        <v>23554</v>
      </c>
      <c r="B1466" t="s">
        <v>2920</v>
      </c>
      <c r="C1466" t="s">
        <v>2921</v>
      </c>
    </row>
    <row r="1467" spans="1:3" x14ac:dyDescent="0.15">
      <c r="A1467">
        <v>23553</v>
      </c>
      <c r="B1467" t="s">
        <v>2922</v>
      </c>
      <c r="C1467" t="s">
        <v>2923</v>
      </c>
    </row>
    <row r="1468" spans="1:3" x14ac:dyDescent="0.15">
      <c r="A1468">
        <v>23552</v>
      </c>
      <c r="B1468" t="s">
        <v>2924</v>
      </c>
      <c r="C1468" t="s">
        <v>2925</v>
      </c>
    </row>
    <row r="1469" spans="1:3" x14ac:dyDescent="0.15">
      <c r="A1469">
        <v>23551</v>
      </c>
      <c r="B1469" t="s">
        <v>2926</v>
      </c>
      <c r="C1469" t="s">
        <v>2927</v>
      </c>
    </row>
    <row r="1470" spans="1:3" x14ac:dyDescent="0.15">
      <c r="A1470">
        <v>23550</v>
      </c>
      <c r="B1470" t="s">
        <v>2928</v>
      </c>
      <c r="C1470" t="s">
        <v>2929</v>
      </c>
    </row>
    <row r="1471" spans="1:3" x14ac:dyDescent="0.15">
      <c r="A1471">
        <v>23549</v>
      </c>
      <c r="B1471" t="s">
        <v>2930</v>
      </c>
      <c r="C1471" t="s">
        <v>2931</v>
      </c>
    </row>
    <row r="1472" spans="1:3" x14ac:dyDescent="0.15">
      <c r="A1472">
        <v>23548</v>
      </c>
      <c r="B1472" t="s">
        <v>2932</v>
      </c>
      <c r="C1472" t="s">
        <v>2933</v>
      </c>
    </row>
    <row r="1473" spans="1:3" x14ac:dyDescent="0.15">
      <c r="A1473">
        <v>23547</v>
      </c>
      <c r="B1473" t="s">
        <v>2934</v>
      </c>
      <c r="C1473" t="s">
        <v>2935</v>
      </c>
    </row>
    <row r="1474" spans="1:3" x14ac:dyDescent="0.15">
      <c r="A1474">
        <v>23546</v>
      </c>
      <c r="B1474" t="s">
        <v>2936</v>
      </c>
      <c r="C1474" t="s">
        <v>2937</v>
      </c>
    </row>
    <row r="1475" spans="1:3" x14ac:dyDescent="0.15">
      <c r="A1475">
        <v>23545</v>
      </c>
      <c r="B1475" t="s">
        <v>2938</v>
      </c>
      <c r="C1475" t="s">
        <v>2939</v>
      </c>
    </row>
    <row r="1476" spans="1:3" x14ac:dyDescent="0.15">
      <c r="A1476">
        <v>23544</v>
      </c>
      <c r="B1476" t="s">
        <v>2940</v>
      </c>
      <c r="C1476" t="s">
        <v>2941</v>
      </c>
    </row>
    <row r="1477" spans="1:3" x14ac:dyDescent="0.15">
      <c r="A1477">
        <v>23543</v>
      </c>
      <c r="B1477" t="s">
        <v>2942</v>
      </c>
      <c r="C1477" t="s">
        <v>2943</v>
      </c>
    </row>
    <row r="1478" spans="1:3" x14ac:dyDescent="0.15">
      <c r="A1478">
        <v>23542</v>
      </c>
      <c r="B1478" t="s">
        <v>2944</v>
      </c>
      <c r="C1478" t="s">
        <v>2945</v>
      </c>
    </row>
    <row r="1479" spans="1:3" x14ac:dyDescent="0.15">
      <c r="A1479">
        <v>23541</v>
      </c>
      <c r="B1479" t="s">
        <v>2946</v>
      </c>
      <c r="C1479" t="s">
        <v>2947</v>
      </c>
    </row>
    <row r="1480" spans="1:3" x14ac:dyDescent="0.15">
      <c r="A1480">
        <v>23540</v>
      </c>
      <c r="B1480" t="s">
        <v>2948</v>
      </c>
      <c r="C1480" t="s">
        <v>2949</v>
      </c>
    </row>
    <row r="1481" spans="1:3" x14ac:dyDescent="0.15">
      <c r="A1481">
        <v>23539</v>
      </c>
      <c r="B1481" t="s">
        <v>2950</v>
      </c>
      <c r="C1481" t="s">
        <v>2951</v>
      </c>
    </row>
    <row r="1482" spans="1:3" x14ac:dyDescent="0.15">
      <c r="A1482">
        <v>23538</v>
      </c>
      <c r="B1482" t="s">
        <v>2952</v>
      </c>
      <c r="C1482" t="s">
        <v>2953</v>
      </c>
    </row>
    <row r="1483" spans="1:3" x14ac:dyDescent="0.15">
      <c r="A1483">
        <v>23537</v>
      </c>
      <c r="B1483" t="s">
        <v>2954</v>
      </c>
      <c r="C1483" t="s">
        <v>2955</v>
      </c>
    </row>
    <row r="1484" spans="1:3" x14ac:dyDescent="0.15">
      <c r="A1484">
        <v>23536</v>
      </c>
      <c r="B1484" t="s">
        <v>2956</v>
      </c>
      <c r="C1484" t="s">
        <v>2957</v>
      </c>
    </row>
    <row r="1485" spans="1:3" x14ac:dyDescent="0.15">
      <c r="A1485">
        <v>23535</v>
      </c>
      <c r="B1485" t="s">
        <v>2958</v>
      </c>
      <c r="C1485" t="s">
        <v>2959</v>
      </c>
    </row>
    <row r="1486" spans="1:3" x14ac:dyDescent="0.15">
      <c r="A1486">
        <v>23534</v>
      </c>
      <c r="B1486" t="s">
        <v>2960</v>
      </c>
      <c r="C1486" t="s">
        <v>2961</v>
      </c>
    </row>
    <row r="1487" spans="1:3" x14ac:dyDescent="0.15">
      <c r="A1487">
        <v>23533</v>
      </c>
      <c r="B1487" t="s">
        <v>2962</v>
      </c>
      <c r="C1487" t="s">
        <v>2963</v>
      </c>
    </row>
    <row r="1488" spans="1:3" x14ac:dyDescent="0.15">
      <c r="A1488">
        <v>23532</v>
      </c>
      <c r="B1488" t="s">
        <v>2964</v>
      </c>
      <c r="C1488" t="s">
        <v>2965</v>
      </c>
    </row>
    <row r="1489" spans="1:3" x14ac:dyDescent="0.15">
      <c r="A1489">
        <v>23531</v>
      </c>
      <c r="B1489" t="s">
        <v>2966</v>
      </c>
      <c r="C1489" t="s">
        <v>2967</v>
      </c>
    </row>
    <row r="1490" spans="1:3" x14ac:dyDescent="0.15">
      <c r="A1490">
        <v>23530</v>
      </c>
      <c r="B1490" t="s">
        <v>2968</v>
      </c>
      <c r="C1490" t="s">
        <v>2969</v>
      </c>
    </row>
    <row r="1491" spans="1:3" x14ac:dyDescent="0.15">
      <c r="A1491">
        <v>23529</v>
      </c>
      <c r="B1491" t="s">
        <v>2970</v>
      </c>
      <c r="C1491" t="s">
        <v>2971</v>
      </c>
    </row>
    <row r="1492" spans="1:3" x14ac:dyDescent="0.15">
      <c r="A1492">
        <v>23528</v>
      </c>
      <c r="B1492" t="s">
        <v>2972</v>
      </c>
      <c r="C1492" t="s">
        <v>2973</v>
      </c>
    </row>
    <row r="1493" spans="1:3" x14ac:dyDescent="0.15">
      <c r="A1493">
        <v>23527</v>
      </c>
      <c r="B1493" t="s">
        <v>2974</v>
      </c>
      <c r="C1493" t="s">
        <v>2975</v>
      </c>
    </row>
    <row r="1494" spans="1:3" x14ac:dyDescent="0.15">
      <c r="A1494">
        <v>23526</v>
      </c>
      <c r="B1494" t="s">
        <v>2976</v>
      </c>
      <c r="C1494" t="s">
        <v>2977</v>
      </c>
    </row>
    <row r="1495" spans="1:3" x14ac:dyDescent="0.15">
      <c r="A1495">
        <v>23525</v>
      </c>
      <c r="B1495" t="s">
        <v>2978</v>
      </c>
      <c r="C1495" t="s">
        <v>2979</v>
      </c>
    </row>
    <row r="1496" spans="1:3" x14ac:dyDescent="0.15">
      <c r="A1496">
        <v>23524</v>
      </c>
      <c r="B1496" t="s">
        <v>2980</v>
      </c>
      <c r="C1496" t="s">
        <v>2981</v>
      </c>
    </row>
    <row r="1497" spans="1:3" x14ac:dyDescent="0.15">
      <c r="A1497">
        <v>23523</v>
      </c>
      <c r="B1497" t="s">
        <v>2982</v>
      </c>
      <c r="C1497" t="s">
        <v>2983</v>
      </c>
    </row>
    <row r="1498" spans="1:3" x14ac:dyDescent="0.15">
      <c r="A1498">
        <v>23522</v>
      </c>
      <c r="B1498" t="s">
        <v>2984</v>
      </c>
      <c r="C1498" t="s">
        <v>2985</v>
      </c>
    </row>
    <row r="1499" spans="1:3" x14ac:dyDescent="0.15">
      <c r="A1499">
        <v>23521</v>
      </c>
      <c r="B1499" t="s">
        <v>2986</v>
      </c>
      <c r="C1499" t="s">
        <v>2987</v>
      </c>
    </row>
    <row r="1500" spans="1:3" x14ac:dyDescent="0.15">
      <c r="A1500">
        <v>23520</v>
      </c>
      <c r="B1500" t="s">
        <v>2988</v>
      </c>
      <c r="C1500" t="s">
        <v>2989</v>
      </c>
    </row>
    <row r="1501" spans="1:3" x14ac:dyDescent="0.15">
      <c r="A1501">
        <v>23519</v>
      </c>
      <c r="B1501" t="s">
        <v>2990</v>
      </c>
      <c r="C1501" t="s">
        <v>2991</v>
      </c>
    </row>
    <row r="1502" spans="1:3" x14ac:dyDescent="0.15">
      <c r="A1502">
        <v>23518</v>
      </c>
      <c r="B1502" t="s">
        <v>2992</v>
      </c>
      <c r="C1502" t="s">
        <v>2993</v>
      </c>
    </row>
    <row r="1503" spans="1:3" x14ac:dyDescent="0.15">
      <c r="A1503">
        <v>23517</v>
      </c>
      <c r="B1503" t="s">
        <v>2994</v>
      </c>
      <c r="C1503" t="s">
        <v>2995</v>
      </c>
    </row>
    <row r="1504" spans="1:3" x14ac:dyDescent="0.15">
      <c r="A1504">
        <v>23516</v>
      </c>
      <c r="B1504" t="s">
        <v>2996</v>
      </c>
      <c r="C1504" t="s">
        <v>2997</v>
      </c>
    </row>
    <row r="1505" spans="1:3" x14ac:dyDescent="0.15">
      <c r="A1505">
        <v>23515</v>
      </c>
      <c r="B1505" t="s">
        <v>2998</v>
      </c>
      <c r="C1505" t="s">
        <v>2999</v>
      </c>
    </row>
    <row r="1506" spans="1:3" x14ac:dyDescent="0.15">
      <c r="A1506">
        <v>23514</v>
      </c>
      <c r="B1506" t="s">
        <v>3000</v>
      </c>
      <c r="C1506" t="s">
        <v>3001</v>
      </c>
    </row>
    <row r="1507" spans="1:3" x14ac:dyDescent="0.15">
      <c r="A1507">
        <v>23513</v>
      </c>
      <c r="B1507" t="s">
        <v>3002</v>
      </c>
      <c r="C1507" t="s">
        <v>3003</v>
      </c>
    </row>
    <row r="1508" spans="1:3" x14ac:dyDescent="0.15">
      <c r="A1508">
        <v>23512</v>
      </c>
      <c r="B1508" t="s">
        <v>3004</v>
      </c>
      <c r="C1508" t="s">
        <v>3005</v>
      </c>
    </row>
    <row r="1509" spans="1:3" x14ac:dyDescent="0.15">
      <c r="A1509">
        <v>23511</v>
      </c>
      <c r="B1509" t="s">
        <v>3006</v>
      </c>
      <c r="C1509" t="s">
        <v>3007</v>
      </c>
    </row>
    <row r="1510" spans="1:3" x14ac:dyDescent="0.15">
      <c r="A1510">
        <v>23510</v>
      </c>
      <c r="B1510" t="s">
        <v>3008</v>
      </c>
      <c r="C1510" t="s">
        <v>3009</v>
      </c>
    </row>
    <row r="1511" spans="1:3" x14ac:dyDescent="0.15">
      <c r="A1511">
        <v>23509</v>
      </c>
      <c r="B1511" t="s">
        <v>3010</v>
      </c>
      <c r="C1511" t="s">
        <v>3011</v>
      </c>
    </row>
    <row r="1512" spans="1:3" x14ac:dyDescent="0.15">
      <c r="A1512">
        <v>23508</v>
      </c>
      <c r="B1512" t="s">
        <v>3012</v>
      </c>
      <c r="C1512" t="s">
        <v>3013</v>
      </c>
    </row>
    <row r="1513" spans="1:3" x14ac:dyDescent="0.15">
      <c r="A1513">
        <v>23507</v>
      </c>
      <c r="B1513" t="s">
        <v>3014</v>
      </c>
      <c r="C1513" t="s">
        <v>3015</v>
      </c>
    </row>
    <row r="1514" spans="1:3" x14ac:dyDescent="0.15">
      <c r="A1514">
        <v>23506</v>
      </c>
      <c r="B1514" t="s">
        <v>3016</v>
      </c>
      <c r="C1514" t="s">
        <v>3017</v>
      </c>
    </row>
    <row r="1515" spans="1:3" x14ac:dyDescent="0.15">
      <c r="A1515">
        <v>23505</v>
      </c>
      <c r="B1515" t="s">
        <v>3018</v>
      </c>
      <c r="C1515" t="s">
        <v>3019</v>
      </c>
    </row>
    <row r="1516" spans="1:3" x14ac:dyDescent="0.15">
      <c r="A1516">
        <v>23504</v>
      </c>
      <c r="B1516" t="s">
        <v>3020</v>
      </c>
      <c r="C1516" t="s">
        <v>3021</v>
      </c>
    </row>
    <row r="1517" spans="1:3" x14ac:dyDescent="0.15">
      <c r="A1517">
        <v>23503</v>
      </c>
      <c r="B1517" t="s">
        <v>3022</v>
      </c>
      <c r="C1517" t="s">
        <v>3023</v>
      </c>
    </row>
    <row r="1518" spans="1:3" x14ac:dyDescent="0.15">
      <c r="A1518">
        <v>23502</v>
      </c>
      <c r="B1518" t="s">
        <v>3024</v>
      </c>
      <c r="C1518" t="s">
        <v>3025</v>
      </c>
    </row>
    <row r="1519" spans="1:3" x14ac:dyDescent="0.15">
      <c r="A1519">
        <v>23501</v>
      </c>
      <c r="B1519" t="s">
        <v>3026</v>
      </c>
      <c r="C1519" t="s">
        <v>3027</v>
      </c>
    </row>
    <row r="1520" spans="1:3" x14ac:dyDescent="0.15">
      <c r="A1520">
        <v>23500</v>
      </c>
      <c r="B1520" t="s">
        <v>3028</v>
      </c>
      <c r="C1520" t="s">
        <v>3029</v>
      </c>
    </row>
    <row r="1521" spans="1:3" x14ac:dyDescent="0.15">
      <c r="A1521">
        <v>23499</v>
      </c>
      <c r="B1521" t="s">
        <v>3030</v>
      </c>
      <c r="C1521" t="s">
        <v>3031</v>
      </c>
    </row>
    <row r="1522" spans="1:3" x14ac:dyDescent="0.15">
      <c r="A1522">
        <v>23498</v>
      </c>
      <c r="B1522" t="s">
        <v>3032</v>
      </c>
      <c r="C1522" t="s">
        <v>3033</v>
      </c>
    </row>
    <row r="1523" spans="1:3" x14ac:dyDescent="0.15">
      <c r="A1523">
        <v>23497</v>
      </c>
      <c r="B1523" t="s">
        <v>3034</v>
      </c>
      <c r="C1523" t="s">
        <v>3035</v>
      </c>
    </row>
    <row r="1524" spans="1:3" x14ac:dyDescent="0.15">
      <c r="A1524">
        <v>23496</v>
      </c>
      <c r="B1524" t="s">
        <v>3036</v>
      </c>
      <c r="C1524" t="s">
        <v>3037</v>
      </c>
    </row>
    <row r="1525" spans="1:3" x14ac:dyDescent="0.15">
      <c r="A1525">
        <v>23495</v>
      </c>
      <c r="B1525" t="s">
        <v>3038</v>
      </c>
      <c r="C1525" t="s">
        <v>3039</v>
      </c>
    </row>
    <row r="1526" spans="1:3" x14ac:dyDescent="0.15">
      <c r="A1526">
        <v>23494</v>
      </c>
      <c r="B1526" t="s">
        <v>3040</v>
      </c>
      <c r="C1526" t="s">
        <v>3041</v>
      </c>
    </row>
    <row r="1527" spans="1:3" x14ac:dyDescent="0.15">
      <c r="A1527">
        <v>23493</v>
      </c>
      <c r="B1527" t="s">
        <v>3042</v>
      </c>
      <c r="C1527" t="s">
        <v>3043</v>
      </c>
    </row>
    <row r="1528" spans="1:3" x14ac:dyDescent="0.15">
      <c r="A1528">
        <v>23492</v>
      </c>
      <c r="B1528" t="s">
        <v>3044</v>
      </c>
      <c r="C1528" t="s">
        <v>3045</v>
      </c>
    </row>
    <row r="1529" spans="1:3" x14ac:dyDescent="0.15">
      <c r="A1529">
        <v>23491</v>
      </c>
      <c r="B1529" t="s">
        <v>3046</v>
      </c>
      <c r="C1529" t="s">
        <v>3047</v>
      </c>
    </row>
    <row r="1530" spans="1:3" x14ac:dyDescent="0.15">
      <c r="A1530">
        <v>23490</v>
      </c>
      <c r="B1530" t="s">
        <v>3048</v>
      </c>
      <c r="C1530" t="s">
        <v>3049</v>
      </c>
    </row>
    <row r="1531" spans="1:3" x14ac:dyDescent="0.15">
      <c r="A1531">
        <v>23489</v>
      </c>
      <c r="B1531" t="s">
        <v>3050</v>
      </c>
      <c r="C1531" t="s">
        <v>3051</v>
      </c>
    </row>
    <row r="1532" spans="1:3" x14ac:dyDescent="0.15">
      <c r="A1532">
        <v>23488</v>
      </c>
      <c r="B1532" t="s">
        <v>3052</v>
      </c>
      <c r="C1532" t="s">
        <v>3053</v>
      </c>
    </row>
    <row r="1533" spans="1:3" x14ac:dyDescent="0.15">
      <c r="A1533">
        <v>23487</v>
      </c>
      <c r="B1533" t="s">
        <v>3054</v>
      </c>
      <c r="C1533" t="s">
        <v>3055</v>
      </c>
    </row>
    <row r="1534" spans="1:3" x14ac:dyDescent="0.15">
      <c r="A1534">
        <v>23486</v>
      </c>
      <c r="B1534" t="s">
        <v>3056</v>
      </c>
      <c r="C1534" t="s">
        <v>3057</v>
      </c>
    </row>
    <row r="1535" spans="1:3" x14ac:dyDescent="0.15">
      <c r="A1535">
        <v>23485</v>
      </c>
      <c r="B1535" t="s">
        <v>3058</v>
      </c>
      <c r="C1535" t="s">
        <v>3059</v>
      </c>
    </row>
    <row r="1536" spans="1:3" x14ac:dyDescent="0.15">
      <c r="A1536">
        <v>23484</v>
      </c>
      <c r="B1536" t="s">
        <v>3060</v>
      </c>
      <c r="C1536" t="s">
        <v>3061</v>
      </c>
    </row>
    <row r="1537" spans="1:3" x14ac:dyDescent="0.15">
      <c r="A1537">
        <v>23483</v>
      </c>
      <c r="B1537" t="s">
        <v>3062</v>
      </c>
      <c r="C1537" t="s">
        <v>3063</v>
      </c>
    </row>
    <row r="1538" spans="1:3" x14ac:dyDescent="0.15">
      <c r="A1538">
        <v>23482</v>
      </c>
      <c r="B1538" t="s">
        <v>3064</v>
      </c>
      <c r="C1538" t="s">
        <v>3065</v>
      </c>
    </row>
    <row r="1539" spans="1:3" x14ac:dyDescent="0.15">
      <c r="A1539">
        <v>23481</v>
      </c>
      <c r="B1539" t="s">
        <v>3066</v>
      </c>
      <c r="C1539" t="s">
        <v>3067</v>
      </c>
    </row>
    <row r="1540" spans="1:3" x14ac:dyDescent="0.15">
      <c r="A1540">
        <v>23480</v>
      </c>
      <c r="B1540" t="s">
        <v>3068</v>
      </c>
      <c r="C1540" t="s">
        <v>3069</v>
      </c>
    </row>
    <row r="1541" spans="1:3" x14ac:dyDescent="0.15">
      <c r="A1541">
        <v>23479</v>
      </c>
      <c r="B1541" t="s">
        <v>3070</v>
      </c>
      <c r="C1541" t="s">
        <v>3071</v>
      </c>
    </row>
    <row r="1542" spans="1:3" x14ac:dyDescent="0.15">
      <c r="A1542">
        <v>23478</v>
      </c>
      <c r="B1542" t="s">
        <v>3072</v>
      </c>
      <c r="C1542" t="s">
        <v>3073</v>
      </c>
    </row>
    <row r="1543" spans="1:3" x14ac:dyDescent="0.15">
      <c r="A1543">
        <v>23477</v>
      </c>
      <c r="B1543" t="s">
        <v>3074</v>
      </c>
      <c r="C1543" t="s">
        <v>3075</v>
      </c>
    </row>
    <row r="1544" spans="1:3" x14ac:dyDescent="0.15">
      <c r="A1544">
        <v>23476</v>
      </c>
      <c r="B1544" t="s">
        <v>3076</v>
      </c>
      <c r="C1544" t="s">
        <v>3077</v>
      </c>
    </row>
    <row r="1545" spans="1:3" x14ac:dyDescent="0.15">
      <c r="A1545">
        <v>23475</v>
      </c>
      <c r="B1545" t="s">
        <v>3078</v>
      </c>
      <c r="C1545" t="s">
        <v>3079</v>
      </c>
    </row>
    <row r="1546" spans="1:3" x14ac:dyDescent="0.15">
      <c r="A1546">
        <v>23474</v>
      </c>
      <c r="B1546" t="s">
        <v>3080</v>
      </c>
      <c r="C1546" t="s">
        <v>3081</v>
      </c>
    </row>
    <row r="1547" spans="1:3" x14ac:dyDescent="0.15">
      <c r="A1547">
        <v>23473</v>
      </c>
      <c r="B1547" t="s">
        <v>3082</v>
      </c>
      <c r="C1547" t="s">
        <v>3083</v>
      </c>
    </row>
    <row r="1548" spans="1:3" x14ac:dyDescent="0.15">
      <c r="A1548">
        <v>23472</v>
      </c>
      <c r="B1548" t="s">
        <v>3084</v>
      </c>
      <c r="C1548" t="s">
        <v>3085</v>
      </c>
    </row>
    <row r="1549" spans="1:3" x14ac:dyDescent="0.15">
      <c r="A1549">
        <v>23471</v>
      </c>
      <c r="B1549" t="s">
        <v>3086</v>
      </c>
      <c r="C1549" t="s">
        <v>3087</v>
      </c>
    </row>
    <row r="1550" spans="1:3" x14ac:dyDescent="0.15">
      <c r="A1550">
        <v>23470</v>
      </c>
      <c r="B1550" t="s">
        <v>3088</v>
      </c>
      <c r="C1550" t="s">
        <v>3089</v>
      </c>
    </row>
    <row r="1551" spans="1:3" x14ac:dyDescent="0.15">
      <c r="A1551">
        <v>23469</v>
      </c>
      <c r="B1551" t="s">
        <v>3090</v>
      </c>
      <c r="C1551" t="s">
        <v>3091</v>
      </c>
    </row>
    <row r="1552" spans="1:3" x14ac:dyDescent="0.15">
      <c r="A1552">
        <v>23468</v>
      </c>
      <c r="B1552" t="s">
        <v>3092</v>
      </c>
      <c r="C1552" t="s">
        <v>3093</v>
      </c>
    </row>
    <row r="1553" spans="1:3" x14ac:dyDescent="0.15">
      <c r="A1553">
        <v>23467</v>
      </c>
      <c r="B1553" t="s">
        <v>3094</v>
      </c>
      <c r="C1553" t="s">
        <v>3095</v>
      </c>
    </row>
    <row r="1554" spans="1:3" x14ac:dyDescent="0.15">
      <c r="A1554">
        <v>23466</v>
      </c>
      <c r="B1554" t="s">
        <v>3096</v>
      </c>
      <c r="C1554" t="s">
        <v>3097</v>
      </c>
    </row>
    <row r="1555" spans="1:3" x14ac:dyDescent="0.15">
      <c r="A1555">
        <v>23465</v>
      </c>
      <c r="B1555" t="s">
        <v>3098</v>
      </c>
      <c r="C1555" t="s">
        <v>3099</v>
      </c>
    </row>
    <row r="1556" spans="1:3" x14ac:dyDescent="0.15">
      <c r="A1556">
        <v>23464</v>
      </c>
      <c r="B1556" t="s">
        <v>3100</v>
      </c>
      <c r="C1556" t="s">
        <v>3101</v>
      </c>
    </row>
    <row r="1557" spans="1:3" x14ac:dyDescent="0.15">
      <c r="A1557">
        <v>23463</v>
      </c>
      <c r="B1557" t="s">
        <v>3102</v>
      </c>
      <c r="C1557" t="s">
        <v>3103</v>
      </c>
    </row>
    <row r="1558" spans="1:3" x14ac:dyDescent="0.15">
      <c r="A1558">
        <v>23462</v>
      </c>
      <c r="B1558" t="s">
        <v>3104</v>
      </c>
      <c r="C1558" t="s">
        <v>3105</v>
      </c>
    </row>
    <row r="1559" spans="1:3" x14ac:dyDescent="0.15">
      <c r="A1559">
        <v>23461</v>
      </c>
      <c r="B1559" t="s">
        <v>3106</v>
      </c>
      <c r="C1559" t="s">
        <v>3107</v>
      </c>
    </row>
    <row r="1560" spans="1:3" x14ac:dyDescent="0.15">
      <c r="A1560">
        <v>23460</v>
      </c>
      <c r="B1560" t="s">
        <v>3108</v>
      </c>
      <c r="C1560" t="s">
        <v>3109</v>
      </c>
    </row>
    <row r="1561" spans="1:3" x14ac:dyDescent="0.15">
      <c r="A1561">
        <v>23459</v>
      </c>
      <c r="B1561" t="s">
        <v>3110</v>
      </c>
      <c r="C1561" t="s">
        <v>3111</v>
      </c>
    </row>
    <row r="1562" spans="1:3" x14ac:dyDescent="0.15">
      <c r="A1562">
        <v>23458</v>
      </c>
      <c r="B1562" t="s">
        <v>3112</v>
      </c>
      <c r="C1562" t="s">
        <v>3113</v>
      </c>
    </row>
    <row r="1563" spans="1:3" x14ac:dyDescent="0.15">
      <c r="A1563">
        <v>23457</v>
      </c>
      <c r="B1563" t="s">
        <v>3114</v>
      </c>
      <c r="C1563" t="s">
        <v>3115</v>
      </c>
    </row>
    <row r="1564" spans="1:3" x14ac:dyDescent="0.15">
      <c r="A1564">
        <v>23456</v>
      </c>
      <c r="B1564" t="s">
        <v>3116</v>
      </c>
      <c r="C1564" t="s">
        <v>3117</v>
      </c>
    </row>
    <row r="1565" spans="1:3" x14ac:dyDescent="0.15">
      <c r="A1565">
        <v>23455</v>
      </c>
      <c r="B1565" t="s">
        <v>3118</v>
      </c>
      <c r="C1565" t="s">
        <v>3119</v>
      </c>
    </row>
    <row r="1566" spans="1:3" x14ac:dyDescent="0.15">
      <c r="A1566">
        <v>23454</v>
      </c>
      <c r="B1566" t="s">
        <v>3120</v>
      </c>
      <c r="C1566" t="s">
        <v>3121</v>
      </c>
    </row>
    <row r="1567" spans="1:3" x14ac:dyDescent="0.15">
      <c r="A1567">
        <v>23453</v>
      </c>
      <c r="B1567" t="s">
        <v>3122</v>
      </c>
      <c r="C1567" t="s">
        <v>3123</v>
      </c>
    </row>
    <row r="1568" spans="1:3" x14ac:dyDescent="0.15">
      <c r="A1568">
        <v>23452</v>
      </c>
      <c r="B1568" t="s">
        <v>3124</v>
      </c>
      <c r="C1568" t="s">
        <v>3125</v>
      </c>
    </row>
    <row r="1569" spans="1:3" x14ac:dyDescent="0.15">
      <c r="A1569">
        <v>23451</v>
      </c>
      <c r="B1569" t="s">
        <v>3126</v>
      </c>
      <c r="C1569" t="s">
        <v>3127</v>
      </c>
    </row>
    <row r="1570" spans="1:3" x14ac:dyDescent="0.15">
      <c r="A1570">
        <v>23450</v>
      </c>
      <c r="B1570" t="s">
        <v>3128</v>
      </c>
      <c r="C1570" t="s">
        <v>3129</v>
      </c>
    </row>
    <row r="1571" spans="1:3" x14ac:dyDescent="0.15">
      <c r="A1571">
        <v>23449</v>
      </c>
      <c r="B1571" t="s">
        <v>3130</v>
      </c>
      <c r="C1571" t="s">
        <v>3131</v>
      </c>
    </row>
    <row r="1572" spans="1:3" x14ac:dyDescent="0.15">
      <c r="A1572">
        <v>23448</v>
      </c>
      <c r="B1572" t="s">
        <v>3132</v>
      </c>
      <c r="C1572" t="s">
        <v>3133</v>
      </c>
    </row>
    <row r="1573" spans="1:3" x14ac:dyDescent="0.15">
      <c r="A1573">
        <v>23447</v>
      </c>
      <c r="B1573" t="s">
        <v>3134</v>
      </c>
      <c r="C1573" t="s">
        <v>3135</v>
      </c>
    </row>
    <row r="1574" spans="1:3" x14ac:dyDescent="0.15">
      <c r="A1574">
        <v>23446</v>
      </c>
      <c r="B1574" t="s">
        <v>3136</v>
      </c>
      <c r="C1574" t="s">
        <v>3137</v>
      </c>
    </row>
    <row r="1575" spans="1:3" x14ac:dyDescent="0.15">
      <c r="A1575">
        <v>23445</v>
      </c>
      <c r="B1575" t="s">
        <v>3138</v>
      </c>
      <c r="C1575" t="s">
        <v>3139</v>
      </c>
    </row>
    <row r="1576" spans="1:3" x14ac:dyDescent="0.15">
      <c r="A1576">
        <v>23444</v>
      </c>
      <c r="B1576" t="s">
        <v>3140</v>
      </c>
      <c r="C1576" t="s">
        <v>3141</v>
      </c>
    </row>
    <row r="1577" spans="1:3" x14ac:dyDescent="0.15">
      <c r="A1577">
        <v>23443</v>
      </c>
      <c r="B1577" t="s">
        <v>3142</v>
      </c>
      <c r="C1577" t="s">
        <v>3143</v>
      </c>
    </row>
    <row r="1578" spans="1:3" x14ac:dyDescent="0.15">
      <c r="A1578">
        <v>23442</v>
      </c>
      <c r="B1578" t="s">
        <v>3144</v>
      </c>
      <c r="C1578" t="s">
        <v>3145</v>
      </c>
    </row>
    <row r="1579" spans="1:3" x14ac:dyDescent="0.15">
      <c r="A1579">
        <v>23441</v>
      </c>
      <c r="B1579" t="s">
        <v>3146</v>
      </c>
      <c r="C1579" t="s">
        <v>3147</v>
      </c>
    </row>
    <row r="1580" spans="1:3" x14ac:dyDescent="0.15">
      <c r="A1580">
        <v>23440</v>
      </c>
      <c r="B1580" t="s">
        <v>3148</v>
      </c>
      <c r="C1580" t="s">
        <v>3149</v>
      </c>
    </row>
    <row r="1581" spans="1:3" x14ac:dyDescent="0.15">
      <c r="A1581">
        <v>23439</v>
      </c>
      <c r="B1581" t="s">
        <v>3150</v>
      </c>
      <c r="C1581" t="s">
        <v>3151</v>
      </c>
    </row>
    <row r="1582" spans="1:3" x14ac:dyDescent="0.15">
      <c r="A1582">
        <v>23438</v>
      </c>
      <c r="B1582" t="s">
        <v>3152</v>
      </c>
      <c r="C1582" t="s">
        <v>3153</v>
      </c>
    </row>
    <row r="1583" spans="1:3" x14ac:dyDescent="0.15">
      <c r="A1583">
        <v>23437</v>
      </c>
      <c r="B1583" t="s">
        <v>3154</v>
      </c>
      <c r="C1583" t="s">
        <v>3155</v>
      </c>
    </row>
    <row r="1584" spans="1:3" x14ac:dyDescent="0.15">
      <c r="A1584">
        <v>23436</v>
      </c>
      <c r="B1584" t="s">
        <v>3156</v>
      </c>
      <c r="C1584" t="s">
        <v>3157</v>
      </c>
    </row>
    <row r="1585" spans="1:3" x14ac:dyDescent="0.15">
      <c r="A1585">
        <v>23435</v>
      </c>
      <c r="B1585" t="s">
        <v>3158</v>
      </c>
      <c r="C1585" t="s">
        <v>3159</v>
      </c>
    </row>
    <row r="1586" spans="1:3" x14ac:dyDescent="0.15">
      <c r="A1586">
        <v>23434</v>
      </c>
      <c r="B1586" t="s">
        <v>3160</v>
      </c>
      <c r="C1586" t="s">
        <v>3161</v>
      </c>
    </row>
    <row r="1587" spans="1:3" x14ac:dyDescent="0.15">
      <c r="A1587">
        <v>23433</v>
      </c>
      <c r="B1587" t="s">
        <v>3162</v>
      </c>
      <c r="C1587" t="s">
        <v>3163</v>
      </c>
    </row>
    <row r="1588" spans="1:3" x14ac:dyDescent="0.15">
      <c r="A1588">
        <v>23432</v>
      </c>
      <c r="B1588" t="s">
        <v>3164</v>
      </c>
      <c r="C1588" t="s">
        <v>3165</v>
      </c>
    </row>
    <row r="1589" spans="1:3" x14ac:dyDescent="0.15">
      <c r="A1589">
        <v>23431</v>
      </c>
      <c r="B1589" t="s">
        <v>3166</v>
      </c>
      <c r="C1589" t="s">
        <v>3167</v>
      </c>
    </row>
    <row r="1590" spans="1:3" x14ac:dyDescent="0.15">
      <c r="A1590">
        <v>23430</v>
      </c>
      <c r="B1590" t="s">
        <v>3168</v>
      </c>
      <c r="C1590" t="s">
        <v>3169</v>
      </c>
    </row>
    <row r="1591" spans="1:3" x14ac:dyDescent="0.15">
      <c r="A1591">
        <v>23429</v>
      </c>
      <c r="B1591" t="s">
        <v>3170</v>
      </c>
      <c r="C1591" t="s">
        <v>3171</v>
      </c>
    </row>
    <row r="1592" spans="1:3" x14ac:dyDescent="0.15">
      <c r="A1592">
        <v>23428</v>
      </c>
      <c r="B1592" t="s">
        <v>3172</v>
      </c>
      <c r="C1592" t="s">
        <v>3173</v>
      </c>
    </row>
    <row r="1593" spans="1:3" x14ac:dyDescent="0.15">
      <c r="A1593">
        <v>23427</v>
      </c>
      <c r="B1593" t="s">
        <v>3174</v>
      </c>
      <c r="C1593" t="s">
        <v>3175</v>
      </c>
    </row>
    <row r="1594" spans="1:3" x14ac:dyDescent="0.15">
      <c r="A1594">
        <v>23426</v>
      </c>
      <c r="B1594" t="s">
        <v>3176</v>
      </c>
      <c r="C1594" t="s">
        <v>3177</v>
      </c>
    </row>
    <row r="1595" spans="1:3" x14ac:dyDescent="0.15">
      <c r="A1595">
        <v>23425</v>
      </c>
      <c r="B1595" t="s">
        <v>3178</v>
      </c>
      <c r="C1595" t="s">
        <v>3179</v>
      </c>
    </row>
    <row r="1596" spans="1:3" x14ac:dyDescent="0.15">
      <c r="A1596">
        <v>23424</v>
      </c>
      <c r="B1596" t="s">
        <v>3180</v>
      </c>
      <c r="C1596" t="s">
        <v>3181</v>
      </c>
    </row>
    <row r="1597" spans="1:3" x14ac:dyDescent="0.15">
      <c r="A1597">
        <v>23423</v>
      </c>
      <c r="B1597" t="s">
        <v>3182</v>
      </c>
      <c r="C1597" t="s">
        <v>3183</v>
      </c>
    </row>
    <row r="1598" spans="1:3" x14ac:dyDescent="0.15">
      <c r="A1598">
        <v>23422</v>
      </c>
      <c r="B1598" t="s">
        <v>3184</v>
      </c>
      <c r="C1598" t="s">
        <v>3185</v>
      </c>
    </row>
    <row r="1599" spans="1:3" x14ac:dyDescent="0.15">
      <c r="A1599">
        <v>23421</v>
      </c>
      <c r="B1599" t="s">
        <v>3186</v>
      </c>
      <c r="C1599" t="s">
        <v>3187</v>
      </c>
    </row>
    <row r="1600" spans="1:3" x14ac:dyDescent="0.15">
      <c r="A1600">
        <v>23420</v>
      </c>
      <c r="B1600" t="s">
        <v>3188</v>
      </c>
      <c r="C1600" t="s">
        <v>3189</v>
      </c>
    </row>
    <row r="1601" spans="1:3" x14ac:dyDescent="0.15">
      <c r="A1601">
        <v>23419</v>
      </c>
      <c r="B1601" t="s">
        <v>3190</v>
      </c>
      <c r="C1601" t="s">
        <v>3191</v>
      </c>
    </row>
    <row r="1602" spans="1:3" x14ac:dyDescent="0.15">
      <c r="A1602">
        <v>23418</v>
      </c>
      <c r="B1602" t="s">
        <v>3192</v>
      </c>
      <c r="C1602" t="s">
        <v>3193</v>
      </c>
    </row>
    <row r="1603" spans="1:3" x14ac:dyDescent="0.15">
      <c r="A1603">
        <v>23417</v>
      </c>
      <c r="B1603" t="s">
        <v>3194</v>
      </c>
      <c r="C1603" t="s">
        <v>3195</v>
      </c>
    </row>
    <row r="1604" spans="1:3" x14ac:dyDescent="0.15">
      <c r="A1604">
        <v>23416</v>
      </c>
      <c r="B1604" t="s">
        <v>3196</v>
      </c>
      <c r="C1604" t="s">
        <v>3197</v>
      </c>
    </row>
    <row r="1605" spans="1:3" x14ac:dyDescent="0.15">
      <c r="A1605">
        <v>23415</v>
      </c>
      <c r="B1605" t="s">
        <v>3198</v>
      </c>
      <c r="C1605" t="s">
        <v>3199</v>
      </c>
    </row>
    <row r="1606" spans="1:3" x14ac:dyDescent="0.15">
      <c r="A1606">
        <v>23414</v>
      </c>
      <c r="B1606" t="s">
        <v>3200</v>
      </c>
      <c r="C1606" t="s">
        <v>3201</v>
      </c>
    </row>
    <row r="1607" spans="1:3" x14ac:dyDescent="0.15">
      <c r="A1607">
        <v>23413</v>
      </c>
      <c r="B1607" t="s">
        <v>3202</v>
      </c>
      <c r="C1607" t="s">
        <v>3203</v>
      </c>
    </row>
    <row r="1608" spans="1:3" x14ac:dyDescent="0.15">
      <c r="A1608">
        <v>23412</v>
      </c>
      <c r="B1608" t="s">
        <v>3204</v>
      </c>
      <c r="C1608" t="s">
        <v>3205</v>
      </c>
    </row>
    <row r="1609" spans="1:3" x14ac:dyDescent="0.15">
      <c r="A1609">
        <v>23411</v>
      </c>
      <c r="B1609" t="s">
        <v>3206</v>
      </c>
      <c r="C1609" t="s">
        <v>3207</v>
      </c>
    </row>
    <row r="1610" spans="1:3" x14ac:dyDescent="0.15">
      <c r="A1610">
        <v>23410</v>
      </c>
      <c r="B1610" t="s">
        <v>3208</v>
      </c>
      <c r="C1610" t="s">
        <v>3209</v>
      </c>
    </row>
    <row r="1611" spans="1:3" x14ac:dyDescent="0.15">
      <c r="A1611">
        <v>23409</v>
      </c>
      <c r="B1611" t="s">
        <v>3210</v>
      </c>
      <c r="C1611" t="s">
        <v>3211</v>
      </c>
    </row>
    <row r="1612" spans="1:3" x14ac:dyDescent="0.15">
      <c r="A1612">
        <v>23408</v>
      </c>
      <c r="B1612" t="s">
        <v>3212</v>
      </c>
      <c r="C1612" t="s">
        <v>3213</v>
      </c>
    </row>
    <row r="1613" spans="1:3" x14ac:dyDescent="0.15">
      <c r="A1613">
        <v>23407</v>
      </c>
      <c r="B1613" t="s">
        <v>3214</v>
      </c>
      <c r="C1613" t="s">
        <v>3215</v>
      </c>
    </row>
    <row r="1614" spans="1:3" x14ac:dyDescent="0.15">
      <c r="A1614">
        <v>23406</v>
      </c>
      <c r="B1614" t="s">
        <v>3216</v>
      </c>
      <c r="C1614" t="s">
        <v>3217</v>
      </c>
    </row>
    <row r="1615" spans="1:3" x14ac:dyDescent="0.15">
      <c r="A1615">
        <v>23405</v>
      </c>
      <c r="B1615" t="s">
        <v>3218</v>
      </c>
      <c r="C1615" t="s">
        <v>3219</v>
      </c>
    </row>
    <row r="1616" spans="1:3" x14ac:dyDescent="0.15">
      <c r="A1616">
        <v>23404</v>
      </c>
      <c r="B1616" t="s">
        <v>3220</v>
      </c>
      <c r="C1616" t="s">
        <v>3221</v>
      </c>
    </row>
    <row r="1617" spans="1:3" x14ac:dyDescent="0.15">
      <c r="A1617">
        <v>23403</v>
      </c>
      <c r="B1617" t="s">
        <v>3222</v>
      </c>
      <c r="C1617" t="s">
        <v>3223</v>
      </c>
    </row>
    <row r="1618" spans="1:3" x14ac:dyDescent="0.15">
      <c r="A1618">
        <v>23402</v>
      </c>
      <c r="B1618" t="s">
        <v>3224</v>
      </c>
      <c r="C1618" t="s">
        <v>3225</v>
      </c>
    </row>
    <row r="1619" spans="1:3" x14ac:dyDescent="0.15">
      <c r="A1619">
        <v>23401</v>
      </c>
      <c r="B1619" t="s">
        <v>3226</v>
      </c>
      <c r="C1619" t="s">
        <v>3227</v>
      </c>
    </row>
    <row r="1620" spans="1:3" x14ac:dyDescent="0.15">
      <c r="A1620">
        <v>23400</v>
      </c>
      <c r="B1620" t="s">
        <v>3228</v>
      </c>
      <c r="C1620" t="s">
        <v>3229</v>
      </c>
    </row>
    <row r="1621" spans="1:3" x14ac:dyDescent="0.15">
      <c r="A1621">
        <v>23399</v>
      </c>
      <c r="B1621" t="s">
        <v>3230</v>
      </c>
      <c r="C1621" t="s">
        <v>3231</v>
      </c>
    </row>
    <row r="1622" spans="1:3" x14ac:dyDescent="0.15">
      <c r="A1622">
        <v>23398</v>
      </c>
      <c r="B1622" t="s">
        <v>3232</v>
      </c>
      <c r="C1622" t="s">
        <v>3233</v>
      </c>
    </row>
    <row r="1623" spans="1:3" x14ac:dyDescent="0.15">
      <c r="A1623">
        <v>23397</v>
      </c>
      <c r="B1623" t="s">
        <v>3234</v>
      </c>
      <c r="C1623" t="s">
        <v>3235</v>
      </c>
    </row>
    <row r="1624" spans="1:3" x14ac:dyDescent="0.15">
      <c r="A1624">
        <v>23396</v>
      </c>
      <c r="B1624" t="s">
        <v>3236</v>
      </c>
      <c r="C1624" t="s">
        <v>3237</v>
      </c>
    </row>
    <row r="1625" spans="1:3" x14ac:dyDescent="0.15">
      <c r="A1625">
        <v>23395</v>
      </c>
      <c r="B1625" t="s">
        <v>3238</v>
      </c>
      <c r="C1625" t="s">
        <v>3239</v>
      </c>
    </row>
    <row r="1626" spans="1:3" x14ac:dyDescent="0.15">
      <c r="A1626">
        <v>23394</v>
      </c>
      <c r="B1626" t="s">
        <v>3240</v>
      </c>
      <c r="C1626" t="s">
        <v>3241</v>
      </c>
    </row>
    <row r="1627" spans="1:3" x14ac:dyDescent="0.15">
      <c r="A1627">
        <v>23393</v>
      </c>
      <c r="B1627" t="s">
        <v>3242</v>
      </c>
      <c r="C1627" t="s">
        <v>3243</v>
      </c>
    </row>
    <row r="1628" spans="1:3" x14ac:dyDescent="0.15">
      <c r="A1628">
        <v>23392</v>
      </c>
      <c r="B1628" t="s">
        <v>3244</v>
      </c>
      <c r="C1628" t="s">
        <v>3245</v>
      </c>
    </row>
    <row r="1629" spans="1:3" x14ac:dyDescent="0.15">
      <c r="A1629">
        <v>23391</v>
      </c>
      <c r="B1629" t="s">
        <v>3246</v>
      </c>
      <c r="C1629" t="s">
        <v>3247</v>
      </c>
    </row>
    <row r="1630" spans="1:3" x14ac:dyDescent="0.15">
      <c r="A1630">
        <v>23390</v>
      </c>
      <c r="B1630" t="s">
        <v>3248</v>
      </c>
      <c r="C1630" t="s">
        <v>3249</v>
      </c>
    </row>
    <row r="1631" spans="1:3" x14ac:dyDescent="0.15">
      <c r="A1631">
        <v>23389</v>
      </c>
      <c r="B1631" t="s">
        <v>3250</v>
      </c>
      <c r="C1631" t="s">
        <v>3251</v>
      </c>
    </row>
    <row r="1632" spans="1:3" x14ac:dyDescent="0.15">
      <c r="A1632">
        <v>23388</v>
      </c>
      <c r="B1632" t="s">
        <v>3252</v>
      </c>
      <c r="C1632" t="s">
        <v>3253</v>
      </c>
    </row>
    <row r="1633" spans="1:3" x14ac:dyDescent="0.15">
      <c r="A1633">
        <v>23387</v>
      </c>
      <c r="B1633" t="s">
        <v>3254</v>
      </c>
      <c r="C1633" t="s">
        <v>3255</v>
      </c>
    </row>
    <row r="1634" spans="1:3" x14ac:dyDescent="0.15">
      <c r="A1634">
        <v>23386</v>
      </c>
      <c r="B1634" t="s">
        <v>3256</v>
      </c>
      <c r="C1634" t="s">
        <v>3257</v>
      </c>
    </row>
    <row r="1635" spans="1:3" x14ac:dyDescent="0.15">
      <c r="A1635">
        <v>23385</v>
      </c>
      <c r="B1635" t="s">
        <v>3258</v>
      </c>
      <c r="C1635" t="s">
        <v>3259</v>
      </c>
    </row>
    <row r="1636" spans="1:3" x14ac:dyDescent="0.15">
      <c r="A1636">
        <v>23384</v>
      </c>
      <c r="B1636" t="s">
        <v>3260</v>
      </c>
      <c r="C1636" t="s">
        <v>3261</v>
      </c>
    </row>
    <row r="1637" spans="1:3" x14ac:dyDescent="0.15">
      <c r="A1637">
        <v>23383</v>
      </c>
      <c r="B1637" t="s">
        <v>3262</v>
      </c>
      <c r="C1637" t="s">
        <v>3263</v>
      </c>
    </row>
    <row r="1638" spans="1:3" x14ac:dyDescent="0.15">
      <c r="A1638">
        <v>23382</v>
      </c>
      <c r="B1638" t="s">
        <v>3264</v>
      </c>
      <c r="C1638" t="s">
        <v>3265</v>
      </c>
    </row>
    <row r="1639" spans="1:3" x14ac:dyDescent="0.15">
      <c r="A1639">
        <v>23381</v>
      </c>
      <c r="B1639" t="s">
        <v>3266</v>
      </c>
      <c r="C1639" t="s">
        <v>3267</v>
      </c>
    </row>
    <row r="1640" spans="1:3" x14ac:dyDescent="0.15">
      <c r="A1640">
        <v>23380</v>
      </c>
      <c r="B1640" t="s">
        <v>3268</v>
      </c>
      <c r="C1640" t="s">
        <v>3269</v>
      </c>
    </row>
    <row r="1641" spans="1:3" x14ac:dyDescent="0.15">
      <c r="A1641">
        <v>23379</v>
      </c>
      <c r="B1641" t="s">
        <v>3270</v>
      </c>
      <c r="C1641" t="s">
        <v>3271</v>
      </c>
    </row>
    <row r="1642" spans="1:3" x14ac:dyDescent="0.15">
      <c r="A1642">
        <v>23378</v>
      </c>
      <c r="B1642" t="s">
        <v>3272</v>
      </c>
      <c r="C1642" t="s">
        <v>3273</v>
      </c>
    </row>
    <row r="1643" spans="1:3" x14ac:dyDescent="0.15">
      <c r="A1643">
        <v>23377</v>
      </c>
      <c r="B1643" t="s">
        <v>3274</v>
      </c>
      <c r="C1643" t="s">
        <v>3275</v>
      </c>
    </row>
    <row r="1644" spans="1:3" x14ac:dyDescent="0.15">
      <c r="A1644">
        <v>23376</v>
      </c>
      <c r="B1644" t="s">
        <v>3276</v>
      </c>
      <c r="C1644" t="s">
        <v>3277</v>
      </c>
    </row>
    <row r="1645" spans="1:3" x14ac:dyDescent="0.15">
      <c r="A1645">
        <v>23375</v>
      </c>
      <c r="B1645" t="s">
        <v>3278</v>
      </c>
      <c r="C1645" t="s">
        <v>3279</v>
      </c>
    </row>
    <row r="1646" spans="1:3" x14ac:dyDescent="0.15">
      <c r="A1646">
        <v>23374</v>
      </c>
      <c r="B1646" t="s">
        <v>3280</v>
      </c>
      <c r="C1646" t="s">
        <v>3281</v>
      </c>
    </row>
    <row r="1647" spans="1:3" x14ac:dyDescent="0.15">
      <c r="A1647">
        <v>23373</v>
      </c>
      <c r="B1647" t="s">
        <v>3282</v>
      </c>
      <c r="C1647" t="s">
        <v>3283</v>
      </c>
    </row>
    <row r="1648" spans="1:3" x14ac:dyDescent="0.15">
      <c r="A1648">
        <v>23372</v>
      </c>
      <c r="B1648" t="s">
        <v>3284</v>
      </c>
      <c r="C1648" t="s">
        <v>3285</v>
      </c>
    </row>
    <row r="1649" spans="1:3" x14ac:dyDescent="0.15">
      <c r="A1649">
        <v>23371</v>
      </c>
      <c r="B1649" t="s">
        <v>3286</v>
      </c>
      <c r="C1649" t="s">
        <v>3287</v>
      </c>
    </row>
    <row r="1650" spans="1:3" x14ac:dyDescent="0.15">
      <c r="A1650">
        <v>23370</v>
      </c>
      <c r="B1650" t="s">
        <v>3288</v>
      </c>
      <c r="C1650" t="s">
        <v>3289</v>
      </c>
    </row>
    <row r="1651" spans="1:3" x14ac:dyDescent="0.15">
      <c r="A1651">
        <v>23369</v>
      </c>
      <c r="B1651" t="s">
        <v>3290</v>
      </c>
      <c r="C1651" t="s">
        <v>3291</v>
      </c>
    </row>
    <row r="1652" spans="1:3" x14ac:dyDescent="0.15">
      <c r="A1652">
        <v>23368</v>
      </c>
      <c r="B1652" t="s">
        <v>3292</v>
      </c>
      <c r="C1652" t="s">
        <v>3293</v>
      </c>
    </row>
    <row r="1653" spans="1:3" x14ac:dyDescent="0.15">
      <c r="A1653">
        <v>23367</v>
      </c>
      <c r="B1653" t="s">
        <v>3294</v>
      </c>
      <c r="C1653" t="s">
        <v>3295</v>
      </c>
    </row>
    <row r="1654" spans="1:3" x14ac:dyDescent="0.15">
      <c r="A1654">
        <v>23366</v>
      </c>
      <c r="B1654" t="s">
        <v>3296</v>
      </c>
      <c r="C1654" t="s">
        <v>3297</v>
      </c>
    </row>
    <row r="1655" spans="1:3" x14ac:dyDescent="0.15">
      <c r="A1655">
        <v>23365</v>
      </c>
      <c r="B1655" t="s">
        <v>3298</v>
      </c>
      <c r="C1655" t="s">
        <v>3299</v>
      </c>
    </row>
    <row r="1656" spans="1:3" x14ac:dyDescent="0.15">
      <c r="A1656">
        <v>23364</v>
      </c>
      <c r="B1656" t="s">
        <v>3300</v>
      </c>
      <c r="C1656" t="s">
        <v>3301</v>
      </c>
    </row>
    <row r="1657" spans="1:3" x14ac:dyDescent="0.15">
      <c r="A1657">
        <v>23363</v>
      </c>
      <c r="B1657" t="s">
        <v>3302</v>
      </c>
      <c r="C1657" t="s">
        <v>3303</v>
      </c>
    </row>
    <row r="1658" spans="1:3" x14ac:dyDescent="0.15">
      <c r="A1658">
        <v>23362</v>
      </c>
      <c r="B1658" t="s">
        <v>3304</v>
      </c>
      <c r="C1658" t="s">
        <v>3305</v>
      </c>
    </row>
    <row r="1659" spans="1:3" x14ac:dyDescent="0.15">
      <c r="A1659">
        <v>23361</v>
      </c>
      <c r="B1659" t="s">
        <v>3306</v>
      </c>
      <c r="C1659" t="s">
        <v>3307</v>
      </c>
    </row>
    <row r="1660" spans="1:3" x14ac:dyDescent="0.15">
      <c r="A1660">
        <v>23360</v>
      </c>
      <c r="B1660" t="s">
        <v>3308</v>
      </c>
      <c r="C1660" t="s">
        <v>3309</v>
      </c>
    </row>
    <row r="1661" spans="1:3" x14ac:dyDescent="0.15">
      <c r="A1661">
        <v>23359</v>
      </c>
      <c r="B1661" t="s">
        <v>3310</v>
      </c>
      <c r="C1661" t="s">
        <v>3311</v>
      </c>
    </row>
    <row r="1662" spans="1:3" x14ac:dyDescent="0.15">
      <c r="A1662">
        <v>23358</v>
      </c>
      <c r="B1662" t="s">
        <v>3312</v>
      </c>
      <c r="C1662" t="s">
        <v>3313</v>
      </c>
    </row>
    <row r="1663" spans="1:3" x14ac:dyDescent="0.15">
      <c r="A1663">
        <v>23357</v>
      </c>
      <c r="B1663" t="s">
        <v>3314</v>
      </c>
      <c r="C1663" t="s">
        <v>3315</v>
      </c>
    </row>
    <row r="1664" spans="1:3" x14ac:dyDescent="0.15">
      <c r="A1664">
        <v>23356</v>
      </c>
      <c r="B1664" t="s">
        <v>3316</v>
      </c>
      <c r="C1664" t="s">
        <v>3317</v>
      </c>
    </row>
    <row r="1665" spans="1:3" x14ac:dyDescent="0.15">
      <c r="A1665">
        <v>23355</v>
      </c>
      <c r="B1665" t="s">
        <v>3318</v>
      </c>
      <c r="C1665" t="s">
        <v>3319</v>
      </c>
    </row>
    <row r="1666" spans="1:3" x14ac:dyDescent="0.15">
      <c r="A1666">
        <v>23354</v>
      </c>
      <c r="B1666" t="s">
        <v>3320</v>
      </c>
      <c r="C1666" t="s">
        <v>3321</v>
      </c>
    </row>
    <row r="1667" spans="1:3" x14ac:dyDescent="0.15">
      <c r="A1667">
        <v>23353</v>
      </c>
      <c r="B1667" t="s">
        <v>3322</v>
      </c>
      <c r="C1667" t="s">
        <v>3323</v>
      </c>
    </row>
    <row r="1668" spans="1:3" x14ac:dyDescent="0.15">
      <c r="A1668">
        <v>23352</v>
      </c>
      <c r="B1668" t="s">
        <v>3324</v>
      </c>
      <c r="C1668" t="s">
        <v>3325</v>
      </c>
    </row>
    <row r="1669" spans="1:3" x14ac:dyDescent="0.15">
      <c r="A1669">
        <v>23351</v>
      </c>
      <c r="B1669" t="s">
        <v>3326</v>
      </c>
      <c r="C1669" t="s">
        <v>3327</v>
      </c>
    </row>
    <row r="1670" spans="1:3" x14ac:dyDescent="0.15">
      <c r="A1670">
        <v>23350</v>
      </c>
      <c r="B1670" t="s">
        <v>3328</v>
      </c>
      <c r="C1670" t="s">
        <v>3329</v>
      </c>
    </row>
    <row r="1671" spans="1:3" x14ac:dyDescent="0.15">
      <c r="A1671">
        <v>23349</v>
      </c>
      <c r="B1671" t="s">
        <v>3330</v>
      </c>
      <c r="C1671" t="s">
        <v>3331</v>
      </c>
    </row>
    <row r="1672" spans="1:3" x14ac:dyDescent="0.15">
      <c r="A1672">
        <v>23348</v>
      </c>
      <c r="B1672" t="s">
        <v>3332</v>
      </c>
      <c r="C1672" t="s">
        <v>3333</v>
      </c>
    </row>
    <row r="1673" spans="1:3" x14ac:dyDescent="0.15">
      <c r="A1673">
        <v>23347</v>
      </c>
      <c r="B1673" t="s">
        <v>3334</v>
      </c>
      <c r="C1673" t="s">
        <v>3335</v>
      </c>
    </row>
    <row r="1674" spans="1:3" x14ac:dyDescent="0.15">
      <c r="A1674">
        <v>23346</v>
      </c>
      <c r="B1674" t="s">
        <v>3336</v>
      </c>
      <c r="C1674" t="s">
        <v>3337</v>
      </c>
    </row>
    <row r="1675" spans="1:3" x14ac:dyDescent="0.15">
      <c r="A1675">
        <v>23345</v>
      </c>
      <c r="B1675" t="s">
        <v>3338</v>
      </c>
      <c r="C1675" t="s">
        <v>3339</v>
      </c>
    </row>
    <row r="1676" spans="1:3" x14ac:dyDescent="0.15">
      <c r="A1676">
        <v>23344</v>
      </c>
      <c r="B1676" t="s">
        <v>3340</v>
      </c>
      <c r="C1676" t="s">
        <v>3341</v>
      </c>
    </row>
    <row r="1677" spans="1:3" x14ac:dyDescent="0.15">
      <c r="A1677">
        <v>23343</v>
      </c>
      <c r="B1677" t="s">
        <v>3342</v>
      </c>
      <c r="C1677" t="s">
        <v>3343</v>
      </c>
    </row>
    <row r="1678" spans="1:3" x14ac:dyDescent="0.15">
      <c r="A1678">
        <v>23342</v>
      </c>
      <c r="B1678" t="s">
        <v>3344</v>
      </c>
      <c r="C1678" t="s">
        <v>3345</v>
      </c>
    </row>
    <row r="1679" spans="1:3" x14ac:dyDescent="0.15">
      <c r="A1679">
        <v>23341</v>
      </c>
      <c r="B1679" t="s">
        <v>3346</v>
      </c>
      <c r="C1679" t="s">
        <v>3347</v>
      </c>
    </row>
    <row r="1680" spans="1:3" x14ac:dyDescent="0.15">
      <c r="A1680">
        <v>23340</v>
      </c>
      <c r="B1680" t="s">
        <v>3348</v>
      </c>
      <c r="C1680" t="s">
        <v>3349</v>
      </c>
    </row>
    <row r="1681" spans="1:3" x14ac:dyDescent="0.15">
      <c r="A1681">
        <v>23339</v>
      </c>
      <c r="B1681" t="s">
        <v>3350</v>
      </c>
      <c r="C1681" t="s">
        <v>3351</v>
      </c>
    </row>
    <row r="1682" spans="1:3" x14ac:dyDescent="0.15">
      <c r="A1682">
        <v>23338</v>
      </c>
      <c r="B1682" t="s">
        <v>3352</v>
      </c>
      <c r="C1682" t="s">
        <v>3353</v>
      </c>
    </row>
    <row r="1683" spans="1:3" x14ac:dyDescent="0.15">
      <c r="A1683">
        <v>23337</v>
      </c>
      <c r="B1683" t="s">
        <v>3354</v>
      </c>
      <c r="C1683" t="s">
        <v>3355</v>
      </c>
    </row>
    <row r="1684" spans="1:3" x14ac:dyDescent="0.15">
      <c r="A1684">
        <v>23336</v>
      </c>
      <c r="B1684" t="s">
        <v>3356</v>
      </c>
      <c r="C1684" t="s">
        <v>3357</v>
      </c>
    </row>
    <row r="1685" spans="1:3" x14ac:dyDescent="0.15">
      <c r="A1685">
        <v>23335</v>
      </c>
      <c r="B1685" t="s">
        <v>3358</v>
      </c>
      <c r="C1685" t="s">
        <v>3359</v>
      </c>
    </row>
    <row r="1686" spans="1:3" x14ac:dyDescent="0.15">
      <c r="A1686">
        <v>23334</v>
      </c>
      <c r="B1686" t="s">
        <v>3360</v>
      </c>
      <c r="C1686" t="s">
        <v>3361</v>
      </c>
    </row>
    <row r="1687" spans="1:3" x14ac:dyDescent="0.15">
      <c r="A1687">
        <v>23333</v>
      </c>
      <c r="B1687" t="s">
        <v>3362</v>
      </c>
      <c r="C1687" t="s">
        <v>3363</v>
      </c>
    </row>
    <row r="1688" spans="1:3" x14ac:dyDescent="0.15">
      <c r="A1688">
        <v>23332</v>
      </c>
      <c r="B1688" t="s">
        <v>3364</v>
      </c>
      <c r="C1688" t="s">
        <v>3365</v>
      </c>
    </row>
    <row r="1689" spans="1:3" x14ac:dyDescent="0.15">
      <c r="A1689">
        <v>23331</v>
      </c>
      <c r="B1689" t="s">
        <v>3366</v>
      </c>
      <c r="C1689" t="s">
        <v>3367</v>
      </c>
    </row>
    <row r="1690" spans="1:3" x14ac:dyDescent="0.15">
      <c r="A1690">
        <v>23330</v>
      </c>
      <c r="B1690" t="s">
        <v>3368</v>
      </c>
      <c r="C1690" t="s">
        <v>3369</v>
      </c>
    </row>
    <row r="1691" spans="1:3" x14ac:dyDescent="0.15">
      <c r="A1691">
        <v>23329</v>
      </c>
      <c r="B1691" t="s">
        <v>3370</v>
      </c>
      <c r="C1691" t="s">
        <v>3371</v>
      </c>
    </row>
    <row r="1692" spans="1:3" x14ac:dyDescent="0.15">
      <c r="A1692">
        <v>23328</v>
      </c>
      <c r="B1692" t="s">
        <v>3372</v>
      </c>
      <c r="C1692" t="s">
        <v>3373</v>
      </c>
    </row>
    <row r="1693" spans="1:3" x14ac:dyDescent="0.15">
      <c r="A1693">
        <v>23327</v>
      </c>
      <c r="B1693" t="s">
        <v>3374</v>
      </c>
      <c r="C1693" t="s">
        <v>3375</v>
      </c>
    </row>
    <row r="1694" spans="1:3" x14ac:dyDescent="0.15">
      <c r="A1694">
        <v>23326</v>
      </c>
      <c r="B1694" t="s">
        <v>3376</v>
      </c>
      <c r="C1694" t="s">
        <v>3377</v>
      </c>
    </row>
    <row r="1695" spans="1:3" x14ac:dyDescent="0.15">
      <c r="A1695">
        <v>23325</v>
      </c>
      <c r="B1695" t="s">
        <v>3378</v>
      </c>
      <c r="C1695" t="s">
        <v>3379</v>
      </c>
    </row>
    <row r="1696" spans="1:3" x14ac:dyDescent="0.15">
      <c r="A1696">
        <v>23324</v>
      </c>
      <c r="B1696" t="s">
        <v>3380</v>
      </c>
      <c r="C1696" t="s">
        <v>3381</v>
      </c>
    </row>
    <row r="1697" spans="1:3" x14ac:dyDescent="0.15">
      <c r="A1697">
        <v>23323</v>
      </c>
      <c r="B1697" t="s">
        <v>3382</v>
      </c>
      <c r="C1697" t="s">
        <v>3383</v>
      </c>
    </row>
    <row r="1698" spans="1:3" x14ac:dyDescent="0.15">
      <c r="A1698">
        <v>23322</v>
      </c>
      <c r="B1698" t="s">
        <v>3384</v>
      </c>
      <c r="C1698" t="s">
        <v>3385</v>
      </c>
    </row>
    <row r="1699" spans="1:3" x14ac:dyDescent="0.15">
      <c r="A1699">
        <v>23321</v>
      </c>
      <c r="B1699" t="s">
        <v>3386</v>
      </c>
      <c r="C1699" t="s">
        <v>3387</v>
      </c>
    </row>
    <row r="1700" spans="1:3" x14ac:dyDescent="0.15">
      <c r="A1700">
        <v>23320</v>
      </c>
      <c r="B1700" t="s">
        <v>3388</v>
      </c>
      <c r="C1700" t="s">
        <v>3389</v>
      </c>
    </row>
    <row r="1701" spans="1:3" x14ac:dyDescent="0.15">
      <c r="A1701">
        <v>23319</v>
      </c>
      <c r="B1701" t="s">
        <v>3390</v>
      </c>
      <c r="C1701" t="s">
        <v>3391</v>
      </c>
    </row>
    <row r="1702" spans="1:3" x14ac:dyDescent="0.15">
      <c r="A1702">
        <v>23318</v>
      </c>
      <c r="B1702" t="s">
        <v>3392</v>
      </c>
      <c r="C1702" t="s">
        <v>3393</v>
      </c>
    </row>
    <row r="1703" spans="1:3" x14ac:dyDescent="0.15">
      <c r="A1703">
        <v>23317</v>
      </c>
      <c r="B1703" t="s">
        <v>3394</v>
      </c>
      <c r="C1703" t="s">
        <v>3395</v>
      </c>
    </row>
    <row r="1704" spans="1:3" x14ac:dyDescent="0.15">
      <c r="A1704">
        <v>23316</v>
      </c>
      <c r="B1704" t="s">
        <v>3396</v>
      </c>
      <c r="C1704" t="s">
        <v>3397</v>
      </c>
    </row>
    <row r="1705" spans="1:3" x14ac:dyDescent="0.15">
      <c r="A1705">
        <v>23315</v>
      </c>
      <c r="B1705" t="s">
        <v>3398</v>
      </c>
      <c r="C1705" t="s">
        <v>3399</v>
      </c>
    </row>
    <row r="1706" spans="1:3" x14ac:dyDescent="0.15">
      <c r="A1706">
        <v>23314</v>
      </c>
      <c r="B1706" t="s">
        <v>3400</v>
      </c>
      <c r="C1706" t="s">
        <v>3401</v>
      </c>
    </row>
    <row r="1707" spans="1:3" x14ac:dyDescent="0.15">
      <c r="A1707">
        <v>23313</v>
      </c>
      <c r="B1707" t="s">
        <v>3402</v>
      </c>
      <c r="C1707" t="s">
        <v>3403</v>
      </c>
    </row>
    <row r="1708" spans="1:3" x14ac:dyDescent="0.15">
      <c r="A1708">
        <v>23312</v>
      </c>
      <c r="B1708" t="s">
        <v>3404</v>
      </c>
      <c r="C1708" t="s">
        <v>3405</v>
      </c>
    </row>
    <row r="1709" spans="1:3" x14ac:dyDescent="0.15">
      <c r="A1709">
        <v>23311</v>
      </c>
      <c r="B1709" t="s">
        <v>3406</v>
      </c>
      <c r="C1709" t="s">
        <v>3407</v>
      </c>
    </row>
    <row r="1710" spans="1:3" x14ac:dyDescent="0.15">
      <c r="A1710">
        <v>23310</v>
      </c>
      <c r="B1710" t="s">
        <v>3408</v>
      </c>
      <c r="C1710" t="s">
        <v>3409</v>
      </c>
    </row>
    <row r="1711" spans="1:3" x14ac:dyDescent="0.15">
      <c r="A1711">
        <v>23309</v>
      </c>
      <c r="B1711" t="s">
        <v>3410</v>
      </c>
      <c r="C1711" t="s">
        <v>3411</v>
      </c>
    </row>
    <row r="1712" spans="1:3" x14ac:dyDescent="0.15">
      <c r="A1712">
        <v>23308</v>
      </c>
      <c r="B1712" t="s">
        <v>3412</v>
      </c>
      <c r="C1712" t="s">
        <v>3413</v>
      </c>
    </row>
    <row r="1713" spans="1:3" x14ac:dyDescent="0.15">
      <c r="A1713">
        <v>23307</v>
      </c>
      <c r="B1713" t="s">
        <v>3414</v>
      </c>
      <c r="C1713" t="s">
        <v>3415</v>
      </c>
    </row>
    <row r="1714" spans="1:3" x14ac:dyDescent="0.15">
      <c r="A1714">
        <v>23306</v>
      </c>
      <c r="B1714" t="s">
        <v>3416</v>
      </c>
      <c r="C1714" t="s">
        <v>3417</v>
      </c>
    </row>
    <row r="1715" spans="1:3" x14ac:dyDescent="0.15">
      <c r="A1715">
        <v>23305</v>
      </c>
      <c r="B1715" t="s">
        <v>3418</v>
      </c>
      <c r="C1715" t="s">
        <v>3419</v>
      </c>
    </row>
    <row r="1716" spans="1:3" x14ac:dyDescent="0.15">
      <c r="A1716">
        <v>23304</v>
      </c>
      <c r="B1716" t="s">
        <v>3420</v>
      </c>
      <c r="C1716" t="s">
        <v>3421</v>
      </c>
    </row>
    <row r="1717" spans="1:3" x14ac:dyDescent="0.15">
      <c r="A1717">
        <v>23303</v>
      </c>
      <c r="B1717" t="s">
        <v>3422</v>
      </c>
      <c r="C1717" t="s">
        <v>3423</v>
      </c>
    </row>
    <row r="1718" spans="1:3" x14ac:dyDescent="0.15">
      <c r="A1718">
        <v>23302</v>
      </c>
      <c r="B1718" t="s">
        <v>3424</v>
      </c>
      <c r="C1718" t="s">
        <v>3425</v>
      </c>
    </row>
    <row r="1719" spans="1:3" x14ac:dyDescent="0.15">
      <c r="A1719">
        <v>23301</v>
      </c>
      <c r="B1719" t="s">
        <v>3426</v>
      </c>
      <c r="C1719" t="s">
        <v>3427</v>
      </c>
    </row>
    <row r="1720" spans="1:3" x14ac:dyDescent="0.15">
      <c r="A1720">
        <v>23300</v>
      </c>
      <c r="B1720" t="s">
        <v>3428</v>
      </c>
      <c r="C1720" t="s">
        <v>3429</v>
      </c>
    </row>
    <row r="1721" spans="1:3" x14ac:dyDescent="0.15">
      <c r="A1721">
        <v>23299</v>
      </c>
      <c r="B1721" t="s">
        <v>3430</v>
      </c>
      <c r="C1721" t="s">
        <v>3431</v>
      </c>
    </row>
    <row r="1722" spans="1:3" x14ac:dyDescent="0.15">
      <c r="A1722">
        <v>23298</v>
      </c>
      <c r="B1722" t="s">
        <v>3432</v>
      </c>
      <c r="C1722" t="s">
        <v>3433</v>
      </c>
    </row>
    <row r="1723" spans="1:3" x14ac:dyDescent="0.15">
      <c r="A1723">
        <v>23297</v>
      </c>
      <c r="B1723" t="s">
        <v>3434</v>
      </c>
      <c r="C1723" t="s">
        <v>3435</v>
      </c>
    </row>
    <row r="1724" spans="1:3" x14ac:dyDescent="0.15">
      <c r="A1724">
        <v>23296</v>
      </c>
      <c r="B1724" t="s">
        <v>3436</v>
      </c>
      <c r="C1724" t="s">
        <v>3437</v>
      </c>
    </row>
    <row r="1725" spans="1:3" x14ac:dyDescent="0.15">
      <c r="A1725">
        <v>23295</v>
      </c>
      <c r="B1725" t="s">
        <v>3438</v>
      </c>
      <c r="C1725" t="s">
        <v>3439</v>
      </c>
    </row>
    <row r="1726" spans="1:3" x14ac:dyDescent="0.15">
      <c r="A1726">
        <v>23294</v>
      </c>
      <c r="B1726" t="s">
        <v>3440</v>
      </c>
      <c r="C1726" t="s">
        <v>3441</v>
      </c>
    </row>
    <row r="1727" spans="1:3" x14ac:dyDescent="0.15">
      <c r="A1727">
        <v>23293</v>
      </c>
      <c r="B1727" t="s">
        <v>3442</v>
      </c>
      <c r="C1727" t="s">
        <v>3443</v>
      </c>
    </row>
    <row r="1728" spans="1:3" x14ac:dyDescent="0.15">
      <c r="A1728">
        <v>23292</v>
      </c>
      <c r="B1728" t="s">
        <v>3444</v>
      </c>
      <c r="C1728" t="s">
        <v>3445</v>
      </c>
    </row>
    <row r="1729" spans="1:3" x14ac:dyDescent="0.15">
      <c r="A1729">
        <v>23291</v>
      </c>
      <c r="B1729" t="s">
        <v>3446</v>
      </c>
      <c r="C1729" t="s">
        <v>3447</v>
      </c>
    </row>
    <row r="1730" spans="1:3" x14ac:dyDescent="0.15">
      <c r="A1730">
        <v>23290</v>
      </c>
      <c r="B1730" t="s">
        <v>3448</v>
      </c>
      <c r="C1730" t="s">
        <v>3449</v>
      </c>
    </row>
    <row r="1731" spans="1:3" x14ac:dyDescent="0.15">
      <c r="A1731">
        <v>23289</v>
      </c>
      <c r="B1731" t="s">
        <v>3450</v>
      </c>
      <c r="C1731" t="s">
        <v>3451</v>
      </c>
    </row>
    <row r="1732" spans="1:3" x14ac:dyDescent="0.15">
      <c r="A1732">
        <v>23288</v>
      </c>
      <c r="B1732" t="s">
        <v>3452</v>
      </c>
      <c r="C1732" t="s">
        <v>3453</v>
      </c>
    </row>
    <row r="1733" spans="1:3" x14ac:dyDescent="0.15">
      <c r="A1733">
        <v>23287</v>
      </c>
      <c r="B1733" t="s">
        <v>3454</v>
      </c>
      <c r="C1733" t="s">
        <v>3455</v>
      </c>
    </row>
    <row r="1734" spans="1:3" x14ac:dyDescent="0.15">
      <c r="A1734">
        <v>23286</v>
      </c>
      <c r="B1734" t="s">
        <v>3456</v>
      </c>
      <c r="C1734" t="s">
        <v>3457</v>
      </c>
    </row>
    <row r="1735" spans="1:3" x14ac:dyDescent="0.15">
      <c r="A1735">
        <v>23285</v>
      </c>
      <c r="B1735" t="s">
        <v>3458</v>
      </c>
      <c r="C1735" t="s">
        <v>3459</v>
      </c>
    </row>
    <row r="1736" spans="1:3" x14ac:dyDescent="0.15">
      <c r="A1736">
        <v>23284</v>
      </c>
      <c r="B1736" t="s">
        <v>3460</v>
      </c>
      <c r="C1736" t="s">
        <v>3461</v>
      </c>
    </row>
    <row r="1737" spans="1:3" x14ac:dyDescent="0.15">
      <c r="A1737">
        <v>23283</v>
      </c>
      <c r="B1737" t="s">
        <v>3462</v>
      </c>
      <c r="C1737" t="s">
        <v>3463</v>
      </c>
    </row>
    <row r="1738" spans="1:3" x14ac:dyDescent="0.15">
      <c r="A1738">
        <v>23282</v>
      </c>
      <c r="B1738" t="s">
        <v>3464</v>
      </c>
      <c r="C1738" t="s">
        <v>3465</v>
      </c>
    </row>
    <row r="1739" spans="1:3" x14ac:dyDescent="0.15">
      <c r="A1739">
        <v>23281</v>
      </c>
      <c r="B1739" t="s">
        <v>3466</v>
      </c>
      <c r="C1739" t="s">
        <v>3467</v>
      </c>
    </row>
    <row r="1740" spans="1:3" x14ac:dyDescent="0.15">
      <c r="A1740">
        <v>23280</v>
      </c>
      <c r="B1740" t="s">
        <v>3468</v>
      </c>
      <c r="C1740" t="s">
        <v>3469</v>
      </c>
    </row>
    <row r="1741" spans="1:3" x14ac:dyDescent="0.15">
      <c r="A1741">
        <v>23279</v>
      </c>
      <c r="B1741" t="s">
        <v>3470</v>
      </c>
      <c r="C1741" t="s">
        <v>3471</v>
      </c>
    </row>
    <row r="1742" spans="1:3" x14ac:dyDescent="0.15">
      <c r="A1742">
        <v>23278</v>
      </c>
      <c r="B1742" t="s">
        <v>3472</v>
      </c>
      <c r="C1742" t="s">
        <v>3473</v>
      </c>
    </row>
    <row r="1743" spans="1:3" x14ac:dyDescent="0.15">
      <c r="A1743">
        <v>23277</v>
      </c>
      <c r="B1743" t="s">
        <v>3474</v>
      </c>
      <c r="C1743" t="s">
        <v>3475</v>
      </c>
    </row>
    <row r="1744" spans="1:3" x14ac:dyDescent="0.15">
      <c r="A1744">
        <v>23276</v>
      </c>
      <c r="B1744" t="s">
        <v>3476</v>
      </c>
      <c r="C1744" t="s">
        <v>3477</v>
      </c>
    </row>
    <row r="1745" spans="1:3" x14ac:dyDescent="0.15">
      <c r="A1745">
        <v>23275</v>
      </c>
      <c r="B1745" t="s">
        <v>3478</v>
      </c>
      <c r="C1745" t="s">
        <v>3479</v>
      </c>
    </row>
    <row r="1746" spans="1:3" x14ac:dyDescent="0.15">
      <c r="A1746">
        <v>23274</v>
      </c>
      <c r="B1746" t="s">
        <v>3480</v>
      </c>
      <c r="C1746" t="s">
        <v>3481</v>
      </c>
    </row>
    <row r="1747" spans="1:3" x14ac:dyDescent="0.15">
      <c r="A1747">
        <v>23273</v>
      </c>
      <c r="B1747" t="s">
        <v>3482</v>
      </c>
      <c r="C1747" t="s">
        <v>3483</v>
      </c>
    </row>
    <row r="1748" spans="1:3" x14ac:dyDescent="0.15">
      <c r="A1748">
        <v>23272</v>
      </c>
      <c r="B1748" t="s">
        <v>3484</v>
      </c>
      <c r="C1748" t="s">
        <v>3485</v>
      </c>
    </row>
    <row r="1749" spans="1:3" x14ac:dyDescent="0.15">
      <c r="A1749">
        <v>23271</v>
      </c>
      <c r="B1749" t="s">
        <v>3486</v>
      </c>
      <c r="C1749" t="s">
        <v>3487</v>
      </c>
    </row>
    <row r="1750" spans="1:3" x14ac:dyDescent="0.15">
      <c r="A1750">
        <v>23270</v>
      </c>
      <c r="B1750" t="s">
        <v>3488</v>
      </c>
      <c r="C1750" t="s">
        <v>3489</v>
      </c>
    </row>
    <row r="1751" spans="1:3" x14ac:dyDescent="0.15">
      <c r="A1751">
        <v>23269</v>
      </c>
      <c r="B1751" t="s">
        <v>3490</v>
      </c>
      <c r="C1751" t="s">
        <v>3491</v>
      </c>
    </row>
    <row r="1752" spans="1:3" x14ac:dyDescent="0.15">
      <c r="A1752">
        <v>23268</v>
      </c>
      <c r="B1752" t="s">
        <v>3492</v>
      </c>
      <c r="C1752" t="s">
        <v>3493</v>
      </c>
    </row>
    <row r="1753" spans="1:3" x14ac:dyDescent="0.15">
      <c r="A1753">
        <v>23267</v>
      </c>
      <c r="B1753" t="s">
        <v>3494</v>
      </c>
      <c r="C1753" t="s">
        <v>3495</v>
      </c>
    </row>
    <row r="1754" spans="1:3" x14ac:dyDescent="0.15">
      <c r="A1754">
        <v>23266</v>
      </c>
      <c r="B1754" t="s">
        <v>3496</v>
      </c>
      <c r="C1754" t="s">
        <v>3497</v>
      </c>
    </row>
    <row r="1755" spans="1:3" x14ac:dyDescent="0.15">
      <c r="A1755">
        <v>23265</v>
      </c>
      <c r="B1755" t="s">
        <v>3498</v>
      </c>
      <c r="C1755" t="s">
        <v>3499</v>
      </c>
    </row>
    <row r="1756" spans="1:3" x14ac:dyDescent="0.15">
      <c r="A1756">
        <v>23264</v>
      </c>
      <c r="B1756" t="s">
        <v>3500</v>
      </c>
      <c r="C1756" t="s">
        <v>3501</v>
      </c>
    </row>
    <row r="1757" spans="1:3" x14ac:dyDescent="0.15">
      <c r="A1757">
        <v>23263</v>
      </c>
      <c r="B1757" t="s">
        <v>3502</v>
      </c>
      <c r="C1757" t="s">
        <v>3503</v>
      </c>
    </row>
    <row r="1758" spans="1:3" x14ac:dyDescent="0.15">
      <c r="A1758">
        <v>23262</v>
      </c>
      <c r="B1758" t="s">
        <v>3504</v>
      </c>
      <c r="C1758" t="s">
        <v>3505</v>
      </c>
    </row>
    <row r="1759" spans="1:3" x14ac:dyDescent="0.15">
      <c r="A1759">
        <v>23261</v>
      </c>
      <c r="B1759" t="s">
        <v>3506</v>
      </c>
      <c r="C1759" t="s">
        <v>3507</v>
      </c>
    </row>
    <row r="1760" spans="1:3" x14ac:dyDescent="0.15">
      <c r="A1760">
        <v>23260</v>
      </c>
      <c r="B1760" t="s">
        <v>3508</v>
      </c>
      <c r="C1760" t="s">
        <v>3509</v>
      </c>
    </row>
    <row r="1761" spans="1:3" x14ac:dyDescent="0.15">
      <c r="A1761">
        <v>23259</v>
      </c>
      <c r="B1761" t="s">
        <v>3510</v>
      </c>
      <c r="C1761" t="s">
        <v>3511</v>
      </c>
    </row>
    <row r="1762" spans="1:3" x14ac:dyDescent="0.15">
      <c r="A1762">
        <v>23258</v>
      </c>
      <c r="B1762" t="s">
        <v>3512</v>
      </c>
      <c r="C1762" t="s">
        <v>3513</v>
      </c>
    </row>
    <row r="1763" spans="1:3" x14ac:dyDescent="0.15">
      <c r="A1763">
        <v>23257</v>
      </c>
      <c r="B1763" t="s">
        <v>3514</v>
      </c>
      <c r="C1763" t="s">
        <v>3515</v>
      </c>
    </row>
    <row r="1764" spans="1:3" x14ac:dyDescent="0.15">
      <c r="A1764">
        <v>23256</v>
      </c>
      <c r="B1764" t="s">
        <v>3516</v>
      </c>
      <c r="C1764" t="s">
        <v>3517</v>
      </c>
    </row>
    <row r="1765" spans="1:3" x14ac:dyDescent="0.15">
      <c r="A1765">
        <v>23255</v>
      </c>
      <c r="B1765" t="s">
        <v>3518</v>
      </c>
      <c r="C1765" t="s">
        <v>3519</v>
      </c>
    </row>
    <row r="1766" spans="1:3" x14ac:dyDescent="0.15">
      <c r="A1766">
        <v>23254</v>
      </c>
      <c r="B1766" t="s">
        <v>3520</v>
      </c>
      <c r="C1766" t="s">
        <v>3521</v>
      </c>
    </row>
    <row r="1767" spans="1:3" x14ac:dyDescent="0.15">
      <c r="A1767">
        <v>23253</v>
      </c>
      <c r="B1767" t="s">
        <v>3522</v>
      </c>
      <c r="C1767" t="s">
        <v>3523</v>
      </c>
    </row>
    <row r="1768" spans="1:3" x14ac:dyDescent="0.15">
      <c r="A1768">
        <v>23252</v>
      </c>
      <c r="B1768" t="s">
        <v>3524</v>
      </c>
      <c r="C1768" t="s">
        <v>3525</v>
      </c>
    </row>
    <row r="1769" spans="1:3" x14ac:dyDescent="0.15">
      <c r="A1769">
        <v>23251</v>
      </c>
      <c r="B1769" t="s">
        <v>3526</v>
      </c>
      <c r="C1769" t="s">
        <v>3527</v>
      </c>
    </row>
    <row r="1770" spans="1:3" x14ac:dyDescent="0.15">
      <c r="A1770">
        <v>23250</v>
      </c>
      <c r="B1770" t="s">
        <v>3528</v>
      </c>
      <c r="C1770" t="s">
        <v>3529</v>
      </c>
    </row>
    <row r="1771" spans="1:3" x14ac:dyDescent="0.15">
      <c r="A1771">
        <v>23249</v>
      </c>
      <c r="B1771" t="s">
        <v>3530</v>
      </c>
      <c r="C1771" t="s">
        <v>3531</v>
      </c>
    </row>
    <row r="1772" spans="1:3" x14ac:dyDescent="0.15">
      <c r="A1772">
        <v>23248</v>
      </c>
      <c r="B1772" t="s">
        <v>3532</v>
      </c>
      <c r="C1772" t="s">
        <v>3533</v>
      </c>
    </row>
    <row r="1773" spans="1:3" x14ac:dyDescent="0.15">
      <c r="A1773">
        <v>23247</v>
      </c>
      <c r="B1773" t="s">
        <v>3534</v>
      </c>
      <c r="C1773" t="s">
        <v>3535</v>
      </c>
    </row>
    <row r="1774" spans="1:3" x14ac:dyDescent="0.15">
      <c r="A1774">
        <v>23246</v>
      </c>
      <c r="B1774" t="s">
        <v>3536</v>
      </c>
      <c r="C1774" t="s">
        <v>3537</v>
      </c>
    </row>
    <row r="1775" spans="1:3" x14ac:dyDescent="0.15">
      <c r="A1775">
        <v>23245</v>
      </c>
      <c r="B1775" t="s">
        <v>3538</v>
      </c>
      <c r="C1775" t="s">
        <v>3539</v>
      </c>
    </row>
    <row r="1776" spans="1:3" x14ac:dyDescent="0.15">
      <c r="A1776">
        <v>23244</v>
      </c>
      <c r="B1776" t="s">
        <v>3540</v>
      </c>
      <c r="C1776" t="s">
        <v>3541</v>
      </c>
    </row>
    <row r="1777" spans="1:3" x14ac:dyDescent="0.15">
      <c r="A1777">
        <v>23243</v>
      </c>
      <c r="B1777" t="s">
        <v>3542</v>
      </c>
      <c r="C1777" t="s">
        <v>3543</v>
      </c>
    </row>
    <row r="1778" spans="1:3" x14ac:dyDescent="0.15">
      <c r="A1778">
        <v>23242</v>
      </c>
      <c r="B1778" t="s">
        <v>3544</v>
      </c>
      <c r="C1778" t="s">
        <v>3545</v>
      </c>
    </row>
    <row r="1779" spans="1:3" x14ac:dyDescent="0.15">
      <c r="A1779">
        <v>23241</v>
      </c>
      <c r="B1779" t="s">
        <v>3546</v>
      </c>
      <c r="C1779" t="s">
        <v>3547</v>
      </c>
    </row>
    <row r="1780" spans="1:3" x14ac:dyDescent="0.15">
      <c r="A1780">
        <v>23240</v>
      </c>
      <c r="B1780" t="s">
        <v>3548</v>
      </c>
      <c r="C1780" t="s">
        <v>3549</v>
      </c>
    </row>
    <row r="1781" spans="1:3" x14ac:dyDescent="0.15">
      <c r="A1781">
        <v>23239</v>
      </c>
      <c r="B1781" t="s">
        <v>3550</v>
      </c>
      <c r="C1781" t="s">
        <v>3551</v>
      </c>
    </row>
    <row r="1782" spans="1:3" x14ac:dyDescent="0.15">
      <c r="A1782">
        <v>23238</v>
      </c>
      <c r="B1782" t="s">
        <v>3552</v>
      </c>
      <c r="C1782" t="s">
        <v>3553</v>
      </c>
    </row>
    <row r="1783" spans="1:3" x14ac:dyDescent="0.15">
      <c r="A1783">
        <v>23237</v>
      </c>
      <c r="B1783" t="s">
        <v>3554</v>
      </c>
      <c r="C1783" t="s">
        <v>3555</v>
      </c>
    </row>
    <row r="1784" spans="1:3" x14ac:dyDescent="0.15">
      <c r="A1784">
        <v>23236</v>
      </c>
      <c r="B1784" t="s">
        <v>3556</v>
      </c>
      <c r="C1784" t="s">
        <v>3557</v>
      </c>
    </row>
    <row r="1785" spans="1:3" x14ac:dyDescent="0.15">
      <c r="A1785">
        <v>23235</v>
      </c>
      <c r="B1785" t="s">
        <v>3558</v>
      </c>
      <c r="C1785" t="s">
        <v>3559</v>
      </c>
    </row>
    <row r="1786" spans="1:3" x14ac:dyDescent="0.15">
      <c r="A1786">
        <v>23234</v>
      </c>
      <c r="B1786" t="s">
        <v>3560</v>
      </c>
      <c r="C1786" t="s">
        <v>3561</v>
      </c>
    </row>
    <row r="1787" spans="1:3" x14ac:dyDescent="0.15">
      <c r="A1787">
        <v>23233</v>
      </c>
      <c r="B1787" t="s">
        <v>3562</v>
      </c>
      <c r="C1787" t="s">
        <v>3563</v>
      </c>
    </row>
    <row r="1788" spans="1:3" x14ac:dyDescent="0.15">
      <c r="A1788">
        <v>23232</v>
      </c>
      <c r="B1788" t="s">
        <v>3564</v>
      </c>
      <c r="C1788" t="s">
        <v>3565</v>
      </c>
    </row>
    <row r="1789" spans="1:3" x14ac:dyDescent="0.15">
      <c r="A1789">
        <v>23231</v>
      </c>
      <c r="B1789" t="s">
        <v>3566</v>
      </c>
      <c r="C1789" t="s">
        <v>3567</v>
      </c>
    </row>
    <row r="1790" spans="1:3" x14ac:dyDescent="0.15">
      <c r="A1790">
        <v>23230</v>
      </c>
      <c r="B1790" t="s">
        <v>3568</v>
      </c>
      <c r="C1790" t="s">
        <v>3569</v>
      </c>
    </row>
    <row r="1791" spans="1:3" x14ac:dyDescent="0.15">
      <c r="A1791">
        <v>23229</v>
      </c>
      <c r="B1791" t="s">
        <v>3570</v>
      </c>
      <c r="C1791" t="s">
        <v>3571</v>
      </c>
    </row>
    <row r="1792" spans="1:3" x14ac:dyDescent="0.15">
      <c r="A1792">
        <v>23228</v>
      </c>
      <c r="B1792" t="s">
        <v>3572</v>
      </c>
      <c r="C1792" t="s">
        <v>3573</v>
      </c>
    </row>
    <row r="1793" spans="1:3" x14ac:dyDescent="0.15">
      <c r="A1793">
        <v>23227</v>
      </c>
      <c r="B1793" t="s">
        <v>3574</v>
      </c>
      <c r="C1793" t="s">
        <v>3575</v>
      </c>
    </row>
    <row r="1794" spans="1:3" x14ac:dyDescent="0.15">
      <c r="A1794">
        <v>23226</v>
      </c>
      <c r="B1794" t="s">
        <v>3576</v>
      </c>
      <c r="C1794" t="s">
        <v>3577</v>
      </c>
    </row>
    <row r="1795" spans="1:3" x14ac:dyDescent="0.15">
      <c r="A1795">
        <v>23225</v>
      </c>
      <c r="B1795" t="s">
        <v>3578</v>
      </c>
      <c r="C1795" t="s">
        <v>3579</v>
      </c>
    </row>
    <row r="1796" spans="1:3" x14ac:dyDescent="0.15">
      <c r="A1796">
        <v>23224</v>
      </c>
      <c r="B1796" t="s">
        <v>3580</v>
      </c>
      <c r="C1796" t="s">
        <v>3581</v>
      </c>
    </row>
    <row r="1797" spans="1:3" x14ac:dyDescent="0.15">
      <c r="A1797">
        <v>23223</v>
      </c>
      <c r="B1797" t="s">
        <v>3582</v>
      </c>
      <c r="C1797" t="s">
        <v>3583</v>
      </c>
    </row>
    <row r="1798" spans="1:3" x14ac:dyDescent="0.15">
      <c r="A1798">
        <v>23222</v>
      </c>
      <c r="B1798" t="s">
        <v>3584</v>
      </c>
      <c r="C1798" t="s">
        <v>3585</v>
      </c>
    </row>
    <row r="1799" spans="1:3" x14ac:dyDescent="0.15">
      <c r="A1799">
        <v>23221</v>
      </c>
      <c r="B1799" t="s">
        <v>3586</v>
      </c>
      <c r="C1799" t="s">
        <v>3587</v>
      </c>
    </row>
    <row r="1800" spans="1:3" x14ac:dyDescent="0.15">
      <c r="A1800">
        <v>23220</v>
      </c>
      <c r="B1800" t="s">
        <v>3588</v>
      </c>
      <c r="C1800" t="s">
        <v>3589</v>
      </c>
    </row>
    <row r="1801" spans="1:3" x14ac:dyDescent="0.15">
      <c r="A1801">
        <v>23219</v>
      </c>
      <c r="B1801" t="s">
        <v>3590</v>
      </c>
      <c r="C1801" t="s">
        <v>3591</v>
      </c>
    </row>
    <row r="1802" spans="1:3" x14ac:dyDescent="0.15">
      <c r="A1802">
        <v>23218</v>
      </c>
      <c r="B1802" t="s">
        <v>3592</v>
      </c>
      <c r="C1802" t="s">
        <v>3593</v>
      </c>
    </row>
    <row r="1803" spans="1:3" x14ac:dyDescent="0.15">
      <c r="A1803">
        <v>23217</v>
      </c>
      <c r="B1803" t="s">
        <v>3594</v>
      </c>
      <c r="C1803" t="s">
        <v>3595</v>
      </c>
    </row>
    <row r="1804" spans="1:3" x14ac:dyDescent="0.15">
      <c r="A1804">
        <v>23216</v>
      </c>
      <c r="B1804" t="s">
        <v>3596</v>
      </c>
      <c r="C1804" t="s">
        <v>3597</v>
      </c>
    </row>
    <row r="1805" spans="1:3" x14ac:dyDescent="0.15">
      <c r="A1805">
        <v>23215</v>
      </c>
      <c r="B1805" t="s">
        <v>3598</v>
      </c>
      <c r="C1805" t="s">
        <v>3599</v>
      </c>
    </row>
    <row r="1806" spans="1:3" x14ac:dyDescent="0.15">
      <c r="A1806">
        <v>23214</v>
      </c>
      <c r="B1806" t="s">
        <v>3600</v>
      </c>
      <c r="C1806" t="s">
        <v>3601</v>
      </c>
    </row>
    <row r="1807" spans="1:3" x14ac:dyDescent="0.15">
      <c r="A1807">
        <v>23213</v>
      </c>
      <c r="B1807" t="s">
        <v>3602</v>
      </c>
      <c r="C1807" t="s">
        <v>3603</v>
      </c>
    </row>
    <row r="1808" spans="1:3" x14ac:dyDescent="0.15">
      <c r="A1808">
        <v>23212</v>
      </c>
      <c r="B1808" t="s">
        <v>3604</v>
      </c>
      <c r="C1808" t="s">
        <v>3605</v>
      </c>
    </row>
    <row r="1809" spans="1:3" x14ac:dyDescent="0.15">
      <c r="A1809">
        <v>23211</v>
      </c>
      <c r="B1809" t="s">
        <v>3606</v>
      </c>
      <c r="C1809" t="s">
        <v>3607</v>
      </c>
    </row>
    <row r="1810" spans="1:3" x14ac:dyDescent="0.15">
      <c r="A1810">
        <v>23210</v>
      </c>
      <c r="B1810" t="s">
        <v>3608</v>
      </c>
      <c r="C1810" t="s">
        <v>3609</v>
      </c>
    </row>
    <row r="1811" spans="1:3" x14ac:dyDescent="0.15">
      <c r="A1811">
        <v>23209</v>
      </c>
      <c r="B1811" t="s">
        <v>3610</v>
      </c>
      <c r="C1811" t="s">
        <v>3611</v>
      </c>
    </row>
    <row r="1812" spans="1:3" x14ac:dyDescent="0.15">
      <c r="A1812">
        <v>23208</v>
      </c>
      <c r="B1812" t="s">
        <v>3612</v>
      </c>
      <c r="C1812" t="s">
        <v>3613</v>
      </c>
    </row>
    <row r="1813" spans="1:3" x14ac:dyDescent="0.15">
      <c r="A1813">
        <v>23207</v>
      </c>
      <c r="B1813" t="s">
        <v>3614</v>
      </c>
      <c r="C1813" t="s">
        <v>3615</v>
      </c>
    </row>
    <row r="1814" spans="1:3" x14ac:dyDescent="0.15">
      <c r="A1814">
        <v>23206</v>
      </c>
      <c r="B1814" t="s">
        <v>3616</v>
      </c>
      <c r="C1814" t="s">
        <v>3617</v>
      </c>
    </row>
    <row r="1815" spans="1:3" x14ac:dyDescent="0.15">
      <c r="A1815">
        <v>23205</v>
      </c>
      <c r="B1815" t="s">
        <v>3618</v>
      </c>
      <c r="C1815" t="s">
        <v>3619</v>
      </c>
    </row>
    <row r="1816" spans="1:3" x14ac:dyDescent="0.15">
      <c r="A1816">
        <v>23204</v>
      </c>
      <c r="B1816" t="s">
        <v>3620</v>
      </c>
      <c r="C1816" t="s">
        <v>3621</v>
      </c>
    </row>
    <row r="1817" spans="1:3" x14ac:dyDescent="0.15">
      <c r="A1817">
        <v>23203</v>
      </c>
      <c r="B1817" t="s">
        <v>3622</v>
      </c>
      <c r="C1817" t="s">
        <v>3623</v>
      </c>
    </row>
    <row r="1818" spans="1:3" x14ac:dyDescent="0.15">
      <c r="A1818">
        <v>23202</v>
      </c>
      <c r="B1818" t="s">
        <v>3624</v>
      </c>
      <c r="C1818" t="s">
        <v>3625</v>
      </c>
    </row>
    <row r="1819" spans="1:3" x14ac:dyDescent="0.15">
      <c r="A1819">
        <v>23201</v>
      </c>
      <c r="B1819" t="s">
        <v>3626</v>
      </c>
      <c r="C1819" t="s">
        <v>3627</v>
      </c>
    </row>
    <row r="1820" spans="1:3" x14ac:dyDescent="0.15">
      <c r="A1820">
        <v>23200</v>
      </c>
      <c r="B1820" t="s">
        <v>3628</v>
      </c>
      <c r="C1820" t="s">
        <v>3629</v>
      </c>
    </row>
    <row r="1821" spans="1:3" x14ac:dyDescent="0.15">
      <c r="A1821">
        <v>23199</v>
      </c>
      <c r="B1821" t="s">
        <v>3630</v>
      </c>
      <c r="C1821" t="s">
        <v>3631</v>
      </c>
    </row>
    <row r="1822" spans="1:3" x14ac:dyDescent="0.15">
      <c r="A1822">
        <v>23198</v>
      </c>
      <c r="B1822" t="s">
        <v>3632</v>
      </c>
      <c r="C1822" t="s">
        <v>3633</v>
      </c>
    </row>
    <row r="1823" spans="1:3" x14ac:dyDescent="0.15">
      <c r="A1823">
        <v>23197</v>
      </c>
      <c r="B1823" t="s">
        <v>3634</v>
      </c>
      <c r="C1823" t="s">
        <v>3635</v>
      </c>
    </row>
    <row r="1824" spans="1:3" x14ac:dyDescent="0.15">
      <c r="A1824">
        <v>23196</v>
      </c>
      <c r="B1824" t="s">
        <v>3636</v>
      </c>
      <c r="C1824" t="s">
        <v>3637</v>
      </c>
    </row>
    <row r="1825" spans="1:3" x14ac:dyDescent="0.15">
      <c r="A1825">
        <v>23195</v>
      </c>
      <c r="B1825" t="s">
        <v>3638</v>
      </c>
      <c r="C1825" t="s">
        <v>3639</v>
      </c>
    </row>
    <row r="1826" spans="1:3" x14ac:dyDescent="0.15">
      <c r="A1826">
        <v>23194</v>
      </c>
      <c r="B1826" t="s">
        <v>3640</v>
      </c>
      <c r="C1826" t="s">
        <v>3641</v>
      </c>
    </row>
    <row r="1827" spans="1:3" x14ac:dyDescent="0.15">
      <c r="A1827">
        <v>23193</v>
      </c>
      <c r="B1827" t="s">
        <v>3642</v>
      </c>
      <c r="C1827" t="s">
        <v>3643</v>
      </c>
    </row>
    <row r="1828" spans="1:3" x14ac:dyDescent="0.15">
      <c r="A1828">
        <v>23192</v>
      </c>
      <c r="B1828" t="s">
        <v>3644</v>
      </c>
      <c r="C1828" t="s">
        <v>3645</v>
      </c>
    </row>
    <row r="1829" spans="1:3" x14ac:dyDescent="0.15">
      <c r="A1829">
        <v>23191</v>
      </c>
      <c r="B1829" t="s">
        <v>3646</v>
      </c>
      <c r="C1829" t="s">
        <v>3647</v>
      </c>
    </row>
    <row r="1830" spans="1:3" x14ac:dyDescent="0.15">
      <c r="A1830">
        <v>23190</v>
      </c>
      <c r="B1830" t="s">
        <v>3648</v>
      </c>
      <c r="C1830" t="s">
        <v>3649</v>
      </c>
    </row>
    <row r="1831" spans="1:3" x14ac:dyDescent="0.15">
      <c r="A1831">
        <v>23189</v>
      </c>
      <c r="B1831" t="s">
        <v>3650</v>
      </c>
      <c r="C1831" t="s">
        <v>3651</v>
      </c>
    </row>
    <row r="1832" spans="1:3" x14ac:dyDescent="0.15">
      <c r="A1832">
        <v>23188</v>
      </c>
      <c r="B1832" t="s">
        <v>3652</v>
      </c>
      <c r="C1832" t="s">
        <v>3653</v>
      </c>
    </row>
    <row r="1833" spans="1:3" x14ac:dyDescent="0.15">
      <c r="A1833">
        <v>23187</v>
      </c>
      <c r="B1833" t="s">
        <v>3654</v>
      </c>
      <c r="C1833" t="s">
        <v>3655</v>
      </c>
    </row>
    <row r="1834" spans="1:3" x14ac:dyDescent="0.15">
      <c r="A1834">
        <v>23186</v>
      </c>
      <c r="B1834" t="s">
        <v>3656</v>
      </c>
      <c r="C1834" t="s">
        <v>3657</v>
      </c>
    </row>
    <row r="1835" spans="1:3" x14ac:dyDescent="0.15">
      <c r="A1835">
        <v>23185</v>
      </c>
      <c r="B1835" t="s">
        <v>3658</v>
      </c>
      <c r="C1835" t="s">
        <v>3659</v>
      </c>
    </row>
    <row r="1836" spans="1:3" x14ac:dyDescent="0.15">
      <c r="A1836">
        <v>23184</v>
      </c>
      <c r="B1836" t="s">
        <v>3660</v>
      </c>
      <c r="C1836" t="s">
        <v>3661</v>
      </c>
    </row>
    <row r="1837" spans="1:3" x14ac:dyDescent="0.15">
      <c r="A1837">
        <v>23183</v>
      </c>
      <c r="B1837" t="s">
        <v>3662</v>
      </c>
      <c r="C1837" t="s">
        <v>3663</v>
      </c>
    </row>
    <row r="1838" spans="1:3" x14ac:dyDescent="0.15">
      <c r="A1838">
        <v>23182</v>
      </c>
      <c r="B1838" t="s">
        <v>3664</v>
      </c>
      <c r="C1838" t="s">
        <v>3665</v>
      </c>
    </row>
    <row r="1839" spans="1:3" x14ac:dyDescent="0.15">
      <c r="A1839">
        <v>23181</v>
      </c>
      <c r="B1839" t="s">
        <v>3666</v>
      </c>
      <c r="C1839" t="s">
        <v>3667</v>
      </c>
    </row>
    <row r="1840" spans="1:3" x14ac:dyDescent="0.15">
      <c r="A1840">
        <v>23180</v>
      </c>
      <c r="B1840" t="s">
        <v>3668</v>
      </c>
      <c r="C1840" t="s">
        <v>3669</v>
      </c>
    </row>
    <row r="1841" spans="1:3" x14ac:dyDescent="0.15">
      <c r="A1841">
        <v>23179</v>
      </c>
      <c r="B1841" t="s">
        <v>3670</v>
      </c>
      <c r="C1841" t="s">
        <v>3671</v>
      </c>
    </row>
    <row r="1842" spans="1:3" x14ac:dyDescent="0.15">
      <c r="A1842">
        <v>23178</v>
      </c>
      <c r="B1842" t="s">
        <v>3672</v>
      </c>
      <c r="C1842" t="s">
        <v>3673</v>
      </c>
    </row>
    <row r="1843" spans="1:3" x14ac:dyDescent="0.15">
      <c r="A1843">
        <v>23177</v>
      </c>
      <c r="B1843" t="s">
        <v>3674</v>
      </c>
      <c r="C1843" t="s">
        <v>3675</v>
      </c>
    </row>
    <row r="1844" spans="1:3" x14ac:dyDescent="0.15">
      <c r="A1844">
        <v>23176</v>
      </c>
      <c r="B1844" t="s">
        <v>3676</v>
      </c>
      <c r="C1844" t="s">
        <v>3677</v>
      </c>
    </row>
    <row r="1845" spans="1:3" x14ac:dyDescent="0.15">
      <c r="A1845">
        <v>23175</v>
      </c>
      <c r="B1845" t="s">
        <v>3678</v>
      </c>
      <c r="C1845" t="s">
        <v>3679</v>
      </c>
    </row>
    <row r="1846" spans="1:3" x14ac:dyDescent="0.15">
      <c r="A1846">
        <v>23174</v>
      </c>
      <c r="B1846" t="s">
        <v>3680</v>
      </c>
      <c r="C1846" t="s">
        <v>3681</v>
      </c>
    </row>
    <row r="1847" spans="1:3" x14ac:dyDescent="0.15">
      <c r="A1847">
        <v>23173</v>
      </c>
      <c r="B1847" t="s">
        <v>3682</v>
      </c>
      <c r="C1847" t="s">
        <v>3683</v>
      </c>
    </row>
    <row r="1848" spans="1:3" x14ac:dyDescent="0.15">
      <c r="A1848">
        <v>23172</v>
      </c>
      <c r="B1848" t="s">
        <v>3684</v>
      </c>
      <c r="C1848" t="s">
        <v>3685</v>
      </c>
    </row>
    <row r="1849" spans="1:3" x14ac:dyDescent="0.15">
      <c r="A1849">
        <v>23171</v>
      </c>
      <c r="B1849" t="s">
        <v>3686</v>
      </c>
      <c r="C1849" t="s">
        <v>3687</v>
      </c>
    </row>
    <row r="1850" spans="1:3" x14ac:dyDescent="0.15">
      <c r="A1850">
        <v>23170</v>
      </c>
      <c r="B1850" t="s">
        <v>3688</v>
      </c>
      <c r="C1850" t="s">
        <v>3689</v>
      </c>
    </row>
    <row r="1851" spans="1:3" x14ac:dyDescent="0.15">
      <c r="A1851">
        <v>23169</v>
      </c>
      <c r="B1851" t="s">
        <v>3690</v>
      </c>
      <c r="C1851" t="s">
        <v>3691</v>
      </c>
    </row>
    <row r="1852" spans="1:3" x14ac:dyDescent="0.15">
      <c r="A1852">
        <v>23168</v>
      </c>
      <c r="B1852" t="s">
        <v>3692</v>
      </c>
      <c r="C1852" t="s">
        <v>3693</v>
      </c>
    </row>
    <row r="1853" spans="1:3" x14ac:dyDescent="0.15">
      <c r="A1853">
        <v>23167</v>
      </c>
      <c r="B1853" t="s">
        <v>3694</v>
      </c>
      <c r="C1853" t="s">
        <v>3695</v>
      </c>
    </row>
    <row r="1854" spans="1:3" x14ac:dyDescent="0.15">
      <c r="A1854">
        <v>23166</v>
      </c>
      <c r="B1854" t="s">
        <v>3696</v>
      </c>
      <c r="C1854" t="s">
        <v>3697</v>
      </c>
    </row>
    <row r="1855" spans="1:3" x14ac:dyDescent="0.15">
      <c r="A1855">
        <v>23165</v>
      </c>
      <c r="B1855" t="s">
        <v>3698</v>
      </c>
      <c r="C1855" t="s">
        <v>3699</v>
      </c>
    </row>
    <row r="1856" spans="1:3" x14ac:dyDescent="0.15">
      <c r="A1856">
        <v>23164</v>
      </c>
      <c r="B1856" t="s">
        <v>3700</v>
      </c>
      <c r="C1856" t="s">
        <v>3701</v>
      </c>
    </row>
    <row r="1857" spans="1:3" x14ac:dyDescent="0.15">
      <c r="A1857">
        <v>23163</v>
      </c>
      <c r="B1857" t="s">
        <v>3702</v>
      </c>
      <c r="C1857" t="s">
        <v>3703</v>
      </c>
    </row>
    <row r="1858" spans="1:3" x14ac:dyDescent="0.15">
      <c r="A1858">
        <v>23162</v>
      </c>
      <c r="B1858" t="s">
        <v>3704</v>
      </c>
      <c r="C1858" t="s">
        <v>3705</v>
      </c>
    </row>
    <row r="1859" spans="1:3" x14ac:dyDescent="0.15">
      <c r="A1859">
        <v>23161</v>
      </c>
      <c r="B1859" t="s">
        <v>3706</v>
      </c>
      <c r="C1859" t="s">
        <v>3707</v>
      </c>
    </row>
    <row r="1860" spans="1:3" x14ac:dyDescent="0.15">
      <c r="A1860">
        <v>23160</v>
      </c>
      <c r="B1860" t="s">
        <v>3708</v>
      </c>
      <c r="C1860" t="s">
        <v>3709</v>
      </c>
    </row>
    <row r="1861" spans="1:3" x14ac:dyDescent="0.15">
      <c r="A1861">
        <v>23159</v>
      </c>
      <c r="B1861" t="s">
        <v>3710</v>
      </c>
      <c r="C1861" t="s">
        <v>3711</v>
      </c>
    </row>
    <row r="1862" spans="1:3" x14ac:dyDescent="0.15">
      <c r="A1862">
        <v>23158</v>
      </c>
      <c r="B1862" t="s">
        <v>3712</v>
      </c>
      <c r="C1862" t="s">
        <v>3713</v>
      </c>
    </row>
    <row r="1863" spans="1:3" x14ac:dyDescent="0.15">
      <c r="A1863">
        <v>23157</v>
      </c>
      <c r="B1863" t="s">
        <v>3714</v>
      </c>
      <c r="C1863" t="s">
        <v>3715</v>
      </c>
    </row>
    <row r="1864" spans="1:3" x14ac:dyDescent="0.15">
      <c r="A1864">
        <v>23156</v>
      </c>
      <c r="B1864" t="s">
        <v>3716</v>
      </c>
      <c r="C1864" t="s">
        <v>3717</v>
      </c>
    </row>
    <row r="1865" spans="1:3" x14ac:dyDescent="0.15">
      <c r="A1865">
        <v>23155</v>
      </c>
      <c r="B1865" t="s">
        <v>3718</v>
      </c>
      <c r="C1865" t="s">
        <v>3719</v>
      </c>
    </row>
    <row r="1866" spans="1:3" x14ac:dyDescent="0.15">
      <c r="A1866">
        <v>23154</v>
      </c>
      <c r="B1866" t="s">
        <v>3720</v>
      </c>
      <c r="C1866" t="s">
        <v>3721</v>
      </c>
    </row>
    <row r="1867" spans="1:3" x14ac:dyDescent="0.15">
      <c r="A1867">
        <v>23153</v>
      </c>
      <c r="B1867" t="s">
        <v>3722</v>
      </c>
      <c r="C1867" t="s">
        <v>3723</v>
      </c>
    </row>
    <row r="1868" spans="1:3" x14ac:dyDescent="0.15">
      <c r="A1868">
        <v>23152</v>
      </c>
      <c r="B1868" t="s">
        <v>3724</v>
      </c>
      <c r="C1868" t="s">
        <v>3725</v>
      </c>
    </row>
    <row r="1869" spans="1:3" x14ac:dyDescent="0.15">
      <c r="A1869">
        <v>23151</v>
      </c>
      <c r="B1869" t="s">
        <v>3726</v>
      </c>
      <c r="C1869" t="s">
        <v>3727</v>
      </c>
    </row>
    <row r="1870" spans="1:3" x14ac:dyDescent="0.15">
      <c r="A1870">
        <v>23150</v>
      </c>
      <c r="B1870" t="s">
        <v>3728</v>
      </c>
      <c r="C1870" t="s">
        <v>3729</v>
      </c>
    </row>
    <row r="1871" spans="1:3" x14ac:dyDescent="0.15">
      <c r="A1871">
        <v>23149</v>
      </c>
      <c r="B1871" t="s">
        <v>3730</v>
      </c>
      <c r="C1871" t="s">
        <v>3731</v>
      </c>
    </row>
    <row r="1872" spans="1:3" x14ac:dyDescent="0.15">
      <c r="A1872">
        <v>23148</v>
      </c>
      <c r="B1872" t="s">
        <v>3732</v>
      </c>
      <c r="C1872" t="s">
        <v>3733</v>
      </c>
    </row>
    <row r="1873" spans="1:3" x14ac:dyDescent="0.15">
      <c r="A1873">
        <v>23147</v>
      </c>
      <c r="B1873" t="s">
        <v>3734</v>
      </c>
      <c r="C1873" t="s">
        <v>3735</v>
      </c>
    </row>
    <row r="1874" spans="1:3" x14ac:dyDescent="0.15">
      <c r="A1874">
        <v>23146</v>
      </c>
      <c r="B1874" t="s">
        <v>3736</v>
      </c>
      <c r="C1874" t="s">
        <v>3737</v>
      </c>
    </row>
    <row r="1875" spans="1:3" x14ac:dyDescent="0.15">
      <c r="A1875">
        <v>23145</v>
      </c>
      <c r="B1875" t="s">
        <v>3738</v>
      </c>
      <c r="C1875" t="s">
        <v>3739</v>
      </c>
    </row>
    <row r="1876" spans="1:3" x14ac:dyDescent="0.15">
      <c r="A1876">
        <v>23144</v>
      </c>
      <c r="B1876" t="s">
        <v>3740</v>
      </c>
      <c r="C1876" t="s">
        <v>3741</v>
      </c>
    </row>
    <row r="1877" spans="1:3" x14ac:dyDescent="0.15">
      <c r="A1877">
        <v>23143</v>
      </c>
      <c r="B1877" t="s">
        <v>3742</v>
      </c>
      <c r="C1877" t="s">
        <v>3743</v>
      </c>
    </row>
    <row r="1878" spans="1:3" x14ac:dyDescent="0.15">
      <c r="A1878">
        <v>23142</v>
      </c>
      <c r="B1878" t="s">
        <v>3744</v>
      </c>
      <c r="C1878" t="s">
        <v>3745</v>
      </c>
    </row>
    <row r="1879" spans="1:3" x14ac:dyDescent="0.15">
      <c r="A1879">
        <v>23141</v>
      </c>
      <c r="B1879" t="s">
        <v>3746</v>
      </c>
      <c r="C1879" t="s">
        <v>3747</v>
      </c>
    </row>
    <row r="1880" spans="1:3" x14ac:dyDescent="0.15">
      <c r="A1880">
        <v>23140</v>
      </c>
      <c r="B1880" t="s">
        <v>3748</v>
      </c>
      <c r="C1880" t="s">
        <v>3749</v>
      </c>
    </row>
    <row r="1881" spans="1:3" x14ac:dyDescent="0.15">
      <c r="A1881">
        <v>23139</v>
      </c>
      <c r="B1881" t="s">
        <v>3750</v>
      </c>
      <c r="C1881" t="s">
        <v>3751</v>
      </c>
    </row>
    <row r="1882" spans="1:3" x14ac:dyDescent="0.15">
      <c r="A1882">
        <v>23138</v>
      </c>
      <c r="B1882" t="s">
        <v>3752</v>
      </c>
      <c r="C1882" t="s">
        <v>3753</v>
      </c>
    </row>
    <row r="1883" spans="1:3" x14ac:dyDescent="0.15">
      <c r="A1883">
        <v>23137</v>
      </c>
      <c r="B1883" t="s">
        <v>3754</v>
      </c>
      <c r="C1883" t="s">
        <v>3755</v>
      </c>
    </row>
    <row r="1884" spans="1:3" x14ac:dyDescent="0.15">
      <c r="A1884">
        <v>23136</v>
      </c>
      <c r="B1884" t="s">
        <v>3756</v>
      </c>
      <c r="C1884" t="s">
        <v>3757</v>
      </c>
    </row>
    <row r="1885" spans="1:3" x14ac:dyDescent="0.15">
      <c r="A1885">
        <v>23135</v>
      </c>
      <c r="B1885" t="s">
        <v>3758</v>
      </c>
      <c r="C1885" t="s">
        <v>3759</v>
      </c>
    </row>
    <row r="1886" spans="1:3" x14ac:dyDescent="0.15">
      <c r="A1886">
        <v>23134</v>
      </c>
      <c r="B1886" t="s">
        <v>3760</v>
      </c>
      <c r="C1886" t="s">
        <v>3761</v>
      </c>
    </row>
    <row r="1887" spans="1:3" x14ac:dyDescent="0.15">
      <c r="A1887">
        <v>23133</v>
      </c>
      <c r="B1887" t="s">
        <v>3762</v>
      </c>
      <c r="C1887" t="s">
        <v>3763</v>
      </c>
    </row>
    <row r="1888" spans="1:3" x14ac:dyDescent="0.15">
      <c r="A1888">
        <v>23132</v>
      </c>
      <c r="B1888" t="s">
        <v>3764</v>
      </c>
      <c r="C1888" t="s">
        <v>3765</v>
      </c>
    </row>
    <row r="1889" spans="1:3" x14ac:dyDescent="0.15">
      <c r="A1889">
        <v>23131</v>
      </c>
      <c r="B1889" t="s">
        <v>3766</v>
      </c>
      <c r="C1889" t="s">
        <v>3767</v>
      </c>
    </row>
    <row r="1890" spans="1:3" x14ac:dyDescent="0.15">
      <c r="A1890">
        <v>23130</v>
      </c>
      <c r="B1890" t="s">
        <v>3768</v>
      </c>
      <c r="C1890" t="s">
        <v>3769</v>
      </c>
    </row>
    <row r="1891" spans="1:3" x14ac:dyDescent="0.15">
      <c r="A1891">
        <v>23129</v>
      </c>
      <c r="B1891" t="s">
        <v>3770</v>
      </c>
      <c r="C1891" t="s">
        <v>3771</v>
      </c>
    </row>
    <row r="1892" spans="1:3" x14ac:dyDescent="0.15">
      <c r="A1892">
        <v>23128</v>
      </c>
      <c r="B1892" t="s">
        <v>3772</v>
      </c>
      <c r="C1892" t="s">
        <v>3773</v>
      </c>
    </row>
    <row r="1893" spans="1:3" x14ac:dyDescent="0.15">
      <c r="A1893">
        <v>23127</v>
      </c>
      <c r="B1893" t="s">
        <v>3774</v>
      </c>
      <c r="C1893" t="s">
        <v>3775</v>
      </c>
    </row>
    <row r="1894" spans="1:3" x14ac:dyDescent="0.15">
      <c r="A1894">
        <v>23126</v>
      </c>
      <c r="B1894" t="s">
        <v>3776</v>
      </c>
      <c r="C1894" t="s">
        <v>3777</v>
      </c>
    </row>
    <row r="1895" spans="1:3" x14ac:dyDescent="0.15">
      <c r="A1895">
        <v>23125</v>
      </c>
      <c r="B1895" t="s">
        <v>3778</v>
      </c>
      <c r="C1895" t="s">
        <v>3779</v>
      </c>
    </row>
    <row r="1896" spans="1:3" x14ac:dyDescent="0.15">
      <c r="A1896">
        <v>23124</v>
      </c>
      <c r="B1896" t="s">
        <v>3780</v>
      </c>
      <c r="C1896" t="s">
        <v>3781</v>
      </c>
    </row>
    <row r="1897" spans="1:3" x14ac:dyDescent="0.15">
      <c r="A1897">
        <v>23123</v>
      </c>
      <c r="B1897" t="s">
        <v>3782</v>
      </c>
      <c r="C1897" t="s">
        <v>3783</v>
      </c>
    </row>
    <row r="1898" spans="1:3" x14ac:dyDescent="0.15">
      <c r="A1898">
        <v>23122</v>
      </c>
      <c r="B1898" t="s">
        <v>3784</v>
      </c>
      <c r="C1898" t="s">
        <v>3785</v>
      </c>
    </row>
    <row r="1899" spans="1:3" x14ac:dyDescent="0.15">
      <c r="A1899">
        <v>23121</v>
      </c>
      <c r="B1899" t="s">
        <v>3786</v>
      </c>
      <c r="C1899" t="s">
        <v>3787</v>
      </c>
    </row>
    <row r="1900" spans="1:3" x14ac:dyDescent="0.15">
      <c r="A1900">
        <v>23120</v>
      </c>
      <c r="B1900" t="s">
        <v>3788</v>
      </c>
      <c r="C1900" t="s">
        <v>3789</v>
      </c>
    </row>
    <row r="1901" spans="1:3" x14ac:dyDescent="0.15">
      <c r="A1901">
        <v>23119</v>
      </c>
      <c r="B1901" t="s">
        <v>3790</v>
      </c>
      <c r="C1901" t="s">
        <v>3791</v>
      </c>
    </row>
    <row r="1902" spans="1:3" x14ac:dyDescent="0.15">
      <c r="A1902">
        <v>23118</v>
      </c>
      <c r="B1902" t="s">
        <v>3792</v>
      </c>
      <c r="C1902" t="s">
        <v>3793</v>
      </c>
    </row>
    <row r="1903" spans="1:3" x14ac:dyDescent="0.15">
      <c r="A1903">
        <v>23117</v>
      </c>
      <c r="B1903" t="s">
        <v>3794</v>
      </c>
      <c r="C1903" t="s">
        <v>3795</v>
      </c>
    </row>
    <row r="1904" spans="1:3" x14ac:dyDescent="0.15">
      <c r="A1904">
        <v>23116</v>
      </c>
      <c r="B1904" t="s">
        <v>3796</v>
      </c>
      <c r="C1904" t="s">
        <v>3797</v>
      </c>
    </row>
    <row r="1905" spans="1:3" x14ac:dyDescent="0.15">
      <c r="A1905">
        <v>23115</v>
      </c>
      <c r="B1905" t="s">
        <v>3798</v>
      </c>
      <c r="C1905" t="s">
        <v>3799</v>
      </c>
    </row>
    <row r="1906" spans="1:3" x14ac:dyDescent="0.15">
      <c r="A1906">
        <v>23114</v>
      </c>
      <c r="B1906" t="s">
        <v>3800</v>
      </c>
      <c r="C1906" t="s">
        <v>3801</v>
      </c>
    </row>
    <row r="1907" spans="1:3" x14ac:dyDescent="0.15">
      <c r="A1907">
        <v>23113</v>
      </c>
      <c r="B1907" t="s">
        <v>3802</v>
      </c>
      <c r="C1907" t="s">
        <v>3803</v>
      </c>
    </row>
    <row r="1908" spans="1:3" x14ac:dyDescent="0.15">
      <c r="A1908">
        <v>23112</v>
      </c>
      <c r="B1908" t="s">
        <v>3804</v>
      </c>
      <c r="C1908" t="s">
        <v>3805</v>
      </c>
    </row>
    <row r="1909" spans="1:3" x14ac:dyDescent="0.15">
      <c r="A1909">
        <v>23111</v>
      </c>
      <c r="B1909" t="s">
        <v>3806</v>
      </c>
      <c r="C1909" t="s">
        <v>3807</v>
      </c>
    </row>
    <row r="1910" spans="1:3" x14ac:dyDescent="0.15">
      <c r="A1910">
        <v>23110</v>
      </c>
      <c r="B1910" t="s">
        <v>3808</v>
      </c>
      <c r="C1910" t="s">
        <v>3809</v>
      </c>
    </row>
    <row r="1911" spans="1:3" x14ac:dyDescent="0.15">
      <c r="A1911">
        <v>23109</v>
      </c>
      <c r="B1911" t="s">
        <v>3810</v>
      </c>
      <c r="C1911" t="s">
        <v>3811</v>
      </c>
    </row>
    <row r="1912" spans="1:3" x14ac:dyDescent="0.15">
      <c r="A1912">
        <v>23108</v>
      </c>
      <c r="B1912" t="s">
        <v>3812</v>
      </c>
      <c r="C1912" t="s">
        <v>3813</v>
      </c>
    </row>
    <row r="1913" spans="1:3" x14ac:dyDescent="0.15">
      <c r="A1913">
        <v>23107</v>
      </c>
      <c r="B1913" t="s">
        <v>3814</v>
      </c>
      <c r="C1913" t="s">
        <v>3815</v>
      </c>
    </row>
    <row r="1914" spans="1:3" x14ac:dyDescent="0.15">
      <c r="A1914">
        <v>23106</v>
      </c>
      <c r="B1914" t="s">
        <v>3816</v>
      </c>
      <c r="C1914" t="s">
        <v>3817</v>
      </c>
    </row>
    <row r="1915" spans="1:3" x14ac:dyDescent="0.15">
      <c r="A1915">
        <v>23105</v>
      </c>
      <c r="B1915" t="s">
        <v>3818</v>
      </c>
      <c r="C1915" t="s">
        <v>3819</v>
      </c>
    </row>
    <row r="1916" spans="1:3" x14ac:dyDescent="0.15">
      <c r="A1916">
        <v>23104</v>
      </c>
      <c r="B1916" t="s">
        <v>3820</v>
      </c>
      <c r="C1916" t="s">
        <v>3821</v>
      </c>
    </row>
    <row r="1917" spans="1:3" x14ac:dyDescent="0.15">
      <c r="A1917">
        <v>23103</v>
      </c>
      <c r="B1917" t="s">
        <v>3822</v>
      </c>
      <c r="C1917" t="s">
        <v>3823</v>
      </c>
    </row>
    <row r="1918" spans="1:3" x14ac:dyDescent="0.15">
      <c r="A1918">
        <v>23102</v>
      </c>
      <c r="B1918" t="s">
        <v>3824</v>
      </c>
      <c r="C1918" t="s">
        <v>3825</v>
      </c>
    </row>
    <row r="1919" spans="1:3" x14ac:dyDescent="0.15">
      <c r="A1919">
        <v>23101</v>
      </c>
      <c r="B1919" t="s">
        <v>3826</v>
      </c>
      <c r="C1919" t="s">
        <v>3827</v>
      </c>
    </row>
    <row r="1920" spans="1:3" x14ac:dyDescent="0.15">
      <c r="A1920">
        <v>23100</v>
      </c>
      <c r="B1920" t="s">
        <v>3828</v>
      </c>
      <c r="C1920" t="s">
        <v>3829</v>
      </c>
    </row>
    <row r="1921" spans="1:3" x14ac:dyDescent="0.15">
      <c r="A1921">
        <v>23099</v>
      </c>
      <c r="B1921" t="s">
        <v>3830</v>
      </c>
      <c r="C1921" t="s">
        <v>3831</v>
      </c>
    </row>
    <row r="1922" spans="1:3" x14ac:dyDescent="0.15">
      <c r="A1922">
        <v>23098</v>
      </c>
      <c r="B1922" t="s">
        <v>3832</v>
      </c>
      <c r="C1922" t="s">
        <v>3833</v>
      </c>
    </row>
    <row r="1923" spans="1:3" x14ac:dyDescent="0.15">
      <c r="A1923">
        <v>23097</v>
      </c>
      <c r="B1923" t="s">
        <v>3834</v>
      </c>
      <c r="C1923" t="s">
        <v>3835</v>
      </c>
    </row>
    <row r="1924" spans="1:3" x14ac:dyDescent="0.15">
      <c r="A1924">
        <v>23096</v>
      </c>
      <c r="B1924" t="s">
        <v>3836</v>
      </c>
      <c r="C1924" t="s">
        <v>3837</v>
      </c>
    </row>
    <row r="1925" spans="1:3" x14ac:dyDescent="0.15">
      <c r="A1925">
        <v>23095</v>
      </c>
      <c r="B1925" t="s">
        <v>3838</v>
      </c>
      <c r="C1925" t="s">
        <v>3839</v>
      </c>
    </row>
    <row r="1926" spans="1:3" x14ac:dyDescent="0.15">
      <c r="A1926">
        <v>23094</v>
      </c>
      <c r="B1926" t="s">
        <v>3840</v>
      </c>
      <c r="C1926" t="s">
        <v>3841</v>
      </c>
    </row>
    <row r="1927" spans="1:3" x14ac:dyDescent="0.15">
      <c r="A1927">
        <v>23093</v>
      </c>
      <c r="B1927" t="s">
        <v>3842</v>
      </c>
      <c r="C1927" t="s">
        <v>3843</v>
      </c>
    </row>
    <row r="1928" spans="1:3" x14ac:dyDescent="0.15">
      <c r="A1928">
        <v>23092</v>
      </c>
      <c r="B1928" t="s">
        <v>3844</v>
      </c>
      <c r="C1928" t="s">
        <v>3845</v>
      </c>
    </row>
    <row r="1929" spans="1:3" x14ac:dyDescent="0.15">
      <c r="A1929">
        <v>23091</v>
      </c>
      <c r="B1929" t="s">
        <v>3846</v>
      </c>
      <c r="C1929" t="s">
        <v>3847</v>
      </c>
    </row>
    <row r="1930" spans="1:3" x14ac:dyDescent="0.15">
      <c r="A1930">
        <v>23090</v>
      </c>
      <c r="B1930" t="s">
        <v>3848</v>
      </c>
      <c r="C1930" t="s">
        <v>3849</v>
      </c>
    </row>
    <row r="1931" spans="1:3" x14ac:dyDescent="0.15">
      <c r="A1931">
        <v>23089</v>
      </c>
      <c r="B1931" t="s">
        <v>3850</v>
      </c>
      <c r="C1931" t="s">
        <v>3851</v>
      </c>
    </row>
    <row r="1932" spans="1:3" x14ac:dyDescent="0.15">
      <c r="A1932">
        <v>23088</v>
      </c>
      <c r="B1932" t="s">
        <v>3852</v>
      </c>
      <c r="C1932" t="s">
        <v>3853</v>
      </c>
    </row>
    <row r="1933" spans="1:3" x14ac:dyDescent="0.15">
      <c r="A1933">
        <v>23087</v>
      </c>
      <c r="B1933" t="s">
        <v>3854</v>
      </c>
      <c r="C1933" t="s">
        <v>3855</v>
      </c>
    </row>
    <row r="1934" spans="1:3" x14ac:dyDescent="0.15">
      <c r="A1934">
        <v>23086</v>
      </c>
      <c r="B1934" t="s">
        <v>3856</v>
      </c>
      <c r="C1934" t="s">
        <v>3857</v>
      </c>
    </row>
    <row r="1935" spans="1:3" x14ac:dyDescent="0.15">
      <c r="A1935">
        <v>23085</v>
      </c>
      <c r="B1935" t="s">
        <v>3858</v>
      </c>
      <c r="C1935" t="s">
        <v>3859</v>
      </c>
    </row>
    <row r="1936" spans="1:3" x14ac:dyDescent="0.15">
      <c r="A1936">
        <v>23084</v>
      </c>
      <c r="B1936" t="s">
        <v>3860</v>
      </c>
      <c r="C1936" t="s">
        <v>3861</v>
      </c>
    </row>
    <row r="1937" spans="1:3" x14ac:dyDescent="0.15">
      <c r="A1937">
        <v>23083</v>
      </c>
      <c r="B1937" t="s">
        <v>3862</v>
      </c>
      <c r="C1937" t="s">
        <v>3863</v>
      </c>
    </row>
    <row r="1938" spans="1:3" x14ac:dyDescent="0.15">
      <c r="A1938">
        <v>23082</v>
      </c>
      <c r="B1938" t="s">
        <v>3864</v>
      </c>
      <c r="C1938" t="s">
        <v>3865</v>
      </c>
    </row>
    <row r="1939" spans="1:3" x14ac:dyDescent="0.15">
      <c r="A1939">
        <v>23081</v>
      </c>
      <c r="B1939" t="s">
        <v>3866</v>
      </c>
      <c r="C1939" t="s">
        <v>3867</v>
      </c>
    </row>
    <row r="1940" spans="1:3" x14ac:dyDescent="0.15">
      <c r="A1940">
        <v>23080</v>
      </c>
      <c r="B1940" t="s">
        <v>3868</v>
      </c>
      <c r="C1940" t="s">
        <v>3869</v>
      </c>
    </row>
    <row r="1941" spans="1:3" x14ac:dyDescent="0.15">
      <c r="A1941">
        <v>23079</v>
      </c>
      <c r="B1941" t="s">
        <v>3870</v>
      </c>
      <c r="C1941" t="s">
        <v>3871</v>
      </c>
    </row>
    <row r="1942" spans="1:3" x14ac:dyDescent="0.15">
      <c r="A1942">
        <v>23078</v>
      </c>
      <c r="B1942" t="s">
        <v>3872</v>
      </c>
      <c r="C1942" t="s">
        <v>3873</v>
      </c>
    </row>
    <row r="1943" spans="1:3" x14ac:dyDescent="0.15">
      <c r="A1943">
        <v>23077</v>
      </c>
      <c r="B1943" t="s">
        <v>3874</v>
      </c>
      <c r="C1943" t="s">
        <v>3875</v>
      </c>
    </row>
    <row r="1944" spans="1:3" x14ac:dyDescent="0.15">
      <c r="A1944">
        <v>23076</v>
      </c>
      <c r="B1944" t="s">
        <v>3876</v>
      </c>
      <c r="C1944" t="s">
        <v>3877</v>
      </c>
    </row>
    <row r="1945" spans="1:3" x14ac:dyDescent="0.15">
      <c r="A1945">
        <v>23075</v>
      </c>
      <c r="B1945" t="s">
        <v>3878</v>
      </c>
      <c r="C1945" t="s">
        <v>3879</v>
      </c>
    </row>
    <row r="1946" spans="1:3" x14ac:dyDescent="0.15">
      <c r="A1946">
        <v>23074</v>
      </c>
      <c r="B1946" t="s">
        <v>3880</v>
      </c>
      <c r="C1946" t="s">
        <v>3881</v>
      </c>
    </row>
    <row r="1947" spans="1:3" x14ac:dyDescent="0.15">
      <c r="A1947">
        <v>23073</v>
      </c>
      <c r="B1947" t="s">
        <v>3882</v>
      </c>
      <c r="C1947" t="s">
        <v>3883</v>
      </c>
    </row>
    <row r="1948" spans="1:3" x14ac:dyDescent="0.15">
      <c r="A1948">
        <v>23072</v>
      </c>
      <c r="B1948" t="s">
        <v>3884</v>
      </c>
      <c r="C1948" t="s">
        <v>3885</v>
      </c>
    </row>
    <row r="1949" spans="1:3" x14ac:dyDescent="0.15">
      <c r="A1949">
        <v>23071</v>
      </c>
      <c r="B1949" t="s">
        <v>3886</v>
      </c>
      <c r="C1949" t="s">
        <v>3887</v>
      </c>
    </row>
    <row r="1950" spans="1:3" x14ac:dyDescent="0.15">
      <c r="A1950">
        <v>23070</v>
      </c>
      <c r="B1950" t="s">
        <v>3888</v>
      </c>
      <c r="C1950" t="s">
        <v>3889</v>
      </c>
    </row>
    <row r="1951" spans="1:3" x14ac:dyDescent="0.15">
      <c r="A1951">
        <v>23069</v>
      </c>
      <c r="B1951" t="s">
        <v>3890</v>
      </c>
      <c r="C1951" t="s">
        <v>3891</v>
      </c>
    </row>
    <row r="1952" spans="1:3" x14ac:dyDescent="0.15">
      <c r="A1952">
        <v>23068</v>
      </c>
      <c r="B1952" t="s">
        <v>3892</v>
      </c>
      <c r="C1952" t="s">
        <v>3893</v>
      </c>
    </row>
    <row r="1953" spans="1:3" x14ac:dyDescent="0.15">
      <c r="A1953">
        <v>23067</v>
      </c>
      <c r="B1953" t="s">
        <v>3894</v>
      </c>
      <c r="C1953" t="s">
        <v>3895</v>
      </c>
    </row>
    <row r="1954" spans="1:3" x14ac:dyDescent="0.15">
      <c r="A1954">
        <v>23066</v>
      </c>
      <c r="B1954" t="s">
        <v>3896</v>
      </c>
      <c r="C1954" t="s">
        <v>3897</v>
      </c>
    </row>
    <row r="1955" spans="1:3" x14ac:dyDescent="0.15">
      <c r="A1955">
        <v>23065</v>
      </c>
      <c r="B1955" t="s">
        <v>3898</v>
      </c>
      <c r="C1955" t="s">
        <v>3899</v>
      </c>
    </row>
    <row r="1956" spans="1:3" x14ac:dyDescent="0.15">
      <c r="A1956">
        <v>23064</v>
      </c>
      <c r="B1956" t="s">
        <v>3900</v>
      </c>
      <c r="C1956" t="s">
        <v>3901</v>
      </c>
    </row>
    <row r="1957" spans="1:3" x14ac:dyDescent="0.15">
      <c r="A1957">
        <v>23063</v>
      </c>
      <c r="B1957" t="s">
        <v>3902</v>
      </c>
      <c r="C1957" t="s">
        <v>3903</v>
      </c>
    </row>
    <row r="1958" spans="1:3" x14ac:dyDescent="0.15">
      <c r="A1958">
        <v>23062</v>
      </c>
      <c r="B1958" t="s">
        <v>3904</v>
      </c>
      <c r="C1958" t="s">
        <v>3905</v>
      </c>
    </row>
    <row r="1959" spans="1:3" x14ac:dyDescent="0.15">
      <c r="A1959">
        <v>23061</v>
      </c>
      <c r="B1959" t="s">
        <v>3906</v>
      </c>
      <c r="C1959" t="s">
        <v>3907</v>
      </c>
    </row>
    <row r="1960" spans="1:3" x14ac:dyDescent="0.15">
      <c r="A1960">
        <v>23060</v>
      </c>
      <c r="B1960" t="s">
        <v>3908</v>
      </c>
      <c r="C1960" t="s">
        <v>3909</v>
      </c>
    </row>
    <row r="1961" spans="1:3" x14ac:dyDescent="0.15">
      <c r="A1961">
        <v>23059</v>
      </c>
      <c r="B1961" t="s">
        <v>3910</v>
      </c>
      <c r="C1961" t="s">
        <v>3911</v>
      </c>
    </row>
    <row r="1962" spans="1:3" x14ac:dyDescent="0.15">
      <c r="A1962">
        <v>23058</v>
      </c>
      <c r="B1962" t="s">
        <v>3912</v>
      </c>
      <c r="C1962" t="s">
        <v>3913</v>
      </c>
    </row>
    <row r="1963" spans="1:3" x14ac:dyDescent="0.15">
      <c r="A1963">
        <v>23057</v>
      </c>
      <c r="B1963" t="s">
        <v>3914</v>
      </c>
      <c r="C1963" t="s">
        <v>3915</v>
      </c>
    </row>
    <row r="1964" spans="1:3" x14ac:dyDescent="0.15">
      <c r="A1964">
        <v>23056</v>
      </c>
      <c r="B1964" t="s">
        <v>3916</v>
      </c>
      <c r="C1964" t="s">
        <v>3917</v>
      </c>
    </row>
    <row r="1965" spans="1:3" x14ac:dyDescent="0.15">
      <c r="A1965">
        <v>23055</v>
      </c>
      <c r="B1965" t="s">
        <v>3918</v>
      </c>
      <c r="C1965" t="s">
        <v>3919</v>
      </c>
    </row>
    <row r="1966" spans="1:3" x14ac:dyDescent="0.15">
      <c r="A1966">
        <v>23054</v>
      </c>
      <c r="B1966" t="s">
        <v>3920</v>
      </c>
      <c r="C1966" t="s">
        <v>3921</v>
      </c>
    </row>
    <row r="1967" spans="1:3" x14ac:dyDescent="0.15">
      <c r="A1967">
        <v>23053</v>
      </c>
      <c r="B1967" t="s">
        <v>3922</v>
      </c>
      <c r="C1967" t="s">
        <v>3923</v>
      </c>
    </row>
    <row r="1968" spans="1:3" x14ac:dyDescent="0.15">
      <c r="A1968">
        <v>23052</v>
      </c>
      <c r="B1968" t="s">
        <v>3924</v>
      </c>
      <c r="C1968" t="s">
        <v>3925</v>
      </c>
    </row>
    <row r="1969" spans="1:3" x14ac:dyDescent="0.15">
      <c r="A1969">
        <v>23051</v>
      </c>
      <c r="B1969" t="s">
        <v>3926</v>
      </c>
      <c r="C1969" t="s">
        <v>3927</v>
      </c>
    </row>
    <row r="1970" spans="1:3" x14ac:dyDescent="0.15">
      <c r="A1970">
        <v>23050</v>
      </c>
      <c r="B1970" t="s">
        <v>3928</v>
      </c>
      <c r="C1970" t="s">
        <v>3929</v>
      </c>
    </row>
    <row r="1971" spans="1:3" x14ac:dyDescent="0.15">
      <c r="A1971">
        <v>23049</v>
      </c>
      <c r="B1971" t="s">
        <v>3930</v>
      </c>
      <c r="C1971" t="s">
        <v>3931</v>
      </c>
    </row>
    <row r="1972" spans="1:3" x14ac:dyDescent="0.15">
      <c r="A1972">
        <v>23048</v>
      </c>
      <c r="B1972" t="s">
        <v>3932</v>
      </c>
      <c r="C1972" t="s">
        <v>3933</v>
      </c>
    </row>
    <row r="1973" spans="1:3" x14ac:dyDescent="0.15">
      <c r="A1973">
        <v>23047</v>
      </c>
      <c r="B1973" t="s">
        <v>3934</v>
      </c>
      <c r="C1973" t="s">
        <v>3935</v>
      </c>
    </row>
    <row r="1974" spans="1:3" x14ac:dyDescent="0.15">
      <c r="A1974">
        <v>23046</v>
      </c>
      <c r="B1974" t="s">
        <v>3936</v>
      </c>
      <c r="C1974" t="s">
        <v>3937</v>
      </c>
    </row>
    <row r="1975" spans="1:3" x14ac:dyDescent="0.15">
      <c r="A1975">
        <v>23045</v>
      </c>
      <c r="B1975" t="s">
        <v>3938</v>
      </c>
      <c r="C1975" t="s">
        <v>3939</v>
      </c>
    </row>
    <row r="1976" spans="1:3" x14ac:dyDescent="0.15">
      <c r="A1976">
        <v>23044</v>
      </c>
      <c r="B1976" t="s">
        <v>3940</v>
      </c>
      <c r="C1976" t="s">
        <v>3941</v>
      </c>
    </row>
    <row r="1977" spans="1:3" x14ac:dyDescent="0.15">
      <c r="A1977">
        <v>23043</v>
      </c>
      <c r="B1977" t="s">
        <v>3942</v>
      </c>
      <c r="C1977" t="s">
        <v>3943</v>
      </c>
    </row>
    <row r="1978" spans="1:3" x14ac:dyDescent="0.15">
      <c r="A1978">
        <v>23042</v>
      </c>
      <c r="B1978" t="s">
        <v>3944</v>
      </c>
      <c r="C1978" t="s">
        <v>3945</v>
      </c>
    </row>
    <row r="1979" spans="1:3" x14ac:dyDescent="0.15">
      <c r="A1979">
        <v>23041</v>
      </c>
      <c r="B1979" t="s">
        <v>3946</v>
      </c>
      <c r="C1979" t="s">
        <v>3947</v>
      </c>
    </row>
    <row r="1980" spans="1:3" x14ac:dyDescent="0.15">
      <c r="A1980">
        <v>23040</v>
      </c>
      <c r="B1980" t="s">
        <v>3948</v>
      </c>
      <c r="C1980" t="s">
        <v>3949</v>
      </c>
    </row>
    <row r="1981" spans="1:3" x14ac:dyDescent="0.15">
      <c r="A1981">
        <v>23039</v>
      </c>
      <c r="B1981" t="s">
        <v>3950</v>
      </c>
      <c r="C1981" t="s">
        <v>3951</v>
      </c>
    </row>
    <row r="1982" spans="1:3" x14ac:dyDescent="0.15">
      <c r="A1982">
        <v>23038</v>
      </c>
      <c r="B1982" t="s">
        <v>3952</v>
      </c>
      <c r="C1982" t="s">
        <v>3953</v>
      </c>
    </row>
    <row r="1983" spans="1:3" x14ac:dyDescent="0.15">
      <c r="A1983">
        <v>23037</v>
      </c>
      <c r="B1983" t="s">
        <v>3954</v>
      </c>
      <c r="C1983" t="s">
        <v>3955</v>
      </c>
    </row>
    <row r="1984" spans="1:3" x14ac:dyDescent="0.15">
      <c r="A1984">
        <v>23036</v>
      </c>
      <c r="B1984" t="s">
        <v>3956</v>
      </c>
      <c r="C1984" t="s">
        <v>3957</v>
      </c>
    </row>
    <row r="1985" spans="1:3" x14ac:dyDescent="0.15">
      <c r="A1985">
        <v>23035</v>
      </c>
      <c r="B1985" t="s">
        <v>3958</v>
      </c>
      <c r="C1985" t="s">
        <v>3959</v>
      </c>
    </row>
    <row r="1986" spans="1:3" x14ac:dyDescent="0.15">
      <c r="A1986">
        <v>23034</v>
      </c>
      <c r="B1986" t="s">
        <v>3960</v>
      </c>
      <c r="C1986" t="s">
        <v>3961</v>
      </c>
    </row>
    <row r="1987" spans="1:3" x14ac:dyDescent="0.15">
      <c r="A1987">
        <v>23033</v>
      </c>
      <c r="B1987" t="s">
        <v>3962</v>
      </c>
      <c r="C1987" t="s">
        <v>3963</v>
      </c>
    </row>
    <row r="1988" spans="1:3" x14ac:dyDescent="0.15">
      <c r="A1988">
        <v>23032</v>
      </c>
      <c r="B1988" t="s">
        <v>3964</v>
      </c>
      <c r="C1988" t="s">
        <v>3965</v>
      </c>
    </row>
    <row r="1989" spans="1:3" x14ac:dyDescent="0.15">
      <c r="A1989">
        <v>23031</v>
      </c>
      <c r="B1989" t="s">
        <v>3966</v>
      </c>
      <c r="C1989" t="s">
        <v>3967</v>
      </c>
    </row>
    <row r="1990" spans="1:3" x14ac:dyDescent="0.15">
      <c r="A1990">
        <v>23030</v>
      </c>
      <c r="B1990" t="s">
        <v>3968</v>
      </c>
      <c r="C1990" t="s">
        <v>3969</v>
      </c>
    </row>
    <row r="1991" spans="1:3" x14ac:dyDescent="0.15">
      <c r="A1991">
        <v>23029</v>
      </c>
      <c r="B1991" t="s">
        <v>3970</v>
      </c>
      <c r="C1991" t="s">
        <v>3971</v>
      </c>
    </row>
    <row r="1992" spans="1:3" x14ac:dyDescent="0.15">
      <c r="A1992">
        <v>23028</v>
      </c>
      <c r="B1992" t="s">
        <v>3972</v>
      </c>
      <c r="C1992" t="s">
        <v>3973</v>
      </c>
    </row>
    <row r="1993" spans="1:3" x14ac:dyDescent="0.15">
      <c r="A1993">
        <v>23027</v>
      </c>
      <c r="B1993" t="s">
        <v>3974</v>
      </c>
      <c r="C1993" t="s">
        <v>3975</v>
      </c>
    </row>
    <row r="1994" spans="1:3" x14ac:dyDescent="0.15">
      <c r="A1994">
        <v>23026</v>
      </c>
      <c r="B1994" t="s">
        <v>3976</v>
      </c>
      <c r="C1994" t="s">
        <v>3977</v>
      </c>
    </row>
    <row r="1995" spans="1:3" x14ac:dyDescent="0.15">
      <c r="A1995">
        <v>23025</v>
      </c>
      <c r="B1995" t="s">
        <v>3978</v>
      </c>
      <c r="C1995" t="s">
        <v>3979</v>
      </c>
    </row>
    <row r="1996" spans="1:3" x14ac:dyDescent="0.15">
      <c r="A1996">
        <v>23024</v>
      </c>
      <c r="B1996" t="s">
        <v>3980</v>
      </c>
      <c r="C1996" t="s">
        <v>3981</v>
      </c>
    </row>
    <row r="1997" spans="1:3" x14ac:dyDescent="0.15">
      <c r="A1997">
        <v>23023</v>
      </c>
      <c r="B1997" t="s">
        <v>3982</v>
      </c>
      <c r="C1997" t="s">
        <v>3983</v>
      </c>
    </row>
    <row r="1998" spans="1:3" x14ac:dyDescent="0.15">
      <c r="A1998">
        <v>23022</v>
      </c>
      <c r="B1998" t="s">
        <v>3984</v>
      </c>
      <c r="C1998" t="s">
        <v>3985</v>
      </c>
    </row>
    <row r="1999" spans="1:3" x14ac:dyDescent="0.15">
      <c r="A1999">
        <v>23021</v>
      </c>
      <c r="B1999" t="s">
        <v>3986</v>
      </c>
      <c r="C1999" t="s">
        <v>3987</v>
      </c>
    </row>
    <row r="2000" spans="1:3" x14ac:dyDescent="0.15">
      <c r="A2000">
        <v>23020</v>
      </c>
      <c r="B2000" t="s">
        <v>3988</v>
      </c>
      <c r="C2000" t="s">
        <v>3989</v>
      </c>
    </row>
    <row r="2001" spans="1:3" x14ac:dyDescent="0.15">
      <c r="A2001">
        <v>23019</v>
      </c>
      <c r="B2001" t="s">
        <v>3990</v>
      </c>
      <c r="C2001" t="s">
        <v>3991</v>
      </c>
    </row>
    <row r="2002" spans="1:3" x14ac:dyDescent="0.15">
      <c r="A2002">
        <v>23018</v>
      </c>
      <c r="B2002" t="s">
        <v>3992</v>
      </c>
      <c r="C2002" t="s">
        <v>3993</v>
      </c>
    </row>
    <row r="2003" spans="1:3" x14ac:dyDescent="0.15">
      <c r="A2003">
        <v>23017</v>
      </c>
      <c r="B2003" t="s">
        <v>3994</v>
      </c>
      <c r="C2003" t="s">
        <v>3995</v>
      </c>
    </row>
    <row r="2004" spans="1:3" x14ac:dyDescent="0.15">
      <c r="A2004">
        <v>23016</v>
      </c>
      <c r="B2004" t="s">
        <v>3996</v>
      </c>
      <c r="C2004" t="s">
        <v>3997</v>
      </c>
    </row>
    <row r="2005" spans="1:3" x14ac:dyDescent="0.15">
      <c r="A2005">
        <v>23015</v>
      </c>
      <c r="B2005" t="s">
        <v>3998</v>
      </c>
      <c r="C2005" t="s">
        <v>3999</v>
      </c>
    </row>
    <row r="2006" spans="1:3" x14ac:dyDescent="0.15">
      <c r="A2006">
        <v>23014</v>
      </c>
      <c r="B2006" t="s">
        <v>4000</v>
      </c>
      <c r="C2006" t="s">
        <v>4001</v>
      </c>
    </row>
    <row r="2007" spans="1:3" x14ac:dyDescent="0.15">
      <c r="A2007">
        <v>23013</v>
      </c>
      <c r="B2007" t="s">
        <v>4002</v>
      </c>
      <c r="C2007" t="s">
        <v>4003</v>
      </c>
    </row>
    <row r="2008" spans="1:3" x14ac:dyDescent="0.15">
      <c r="A2008">
        <v>23012</v>
      </c>
      <c r="B2008" t="s">
        <v>4004</v>
      </c>
      <c r="C2008" t="s">
        <v>4005</v>
      </c>
    </row>
    <row r="2009" spans="1:3" x14ac:dyDescent="0.15">
      <c r="A2009">
        <v>23011</v>
      </c>
      <c r="B2009" t="s">
        <v>4006</v>
      </c>
      <c r="C2009" t="s">
        <v>4007</v>
      </c>
    </row>
    <row r="2010" spans="1:3" x14ac:dyDescent="0.15">
      <c r="A2010">
        <v>23010</v>
      </c>
      <c r="B2010" t="s">
        <v>4008</v>
      </c>
      <c r="C2010" t="s">
        <v>4009</v>
      </c>
    </row>
    <row r="2011" spans="1:3" x14ac:dyDescent="0.15">
      <c r="A2011">
        <v>23009</v>
      </c>
      <c r="B2011" t="s">
        <v>4010</v>
      </c>
      <c r="C2011" t="s">
        <v>4011</v>
      </c>
    </row>
    <row r="2012" spans="1:3" x14ac:dyDescent="0.15">
      <c r="A2012">
        <v>23008</v>
      </c>
      <c r="B2012" t="s">
        <v>4012</v>
      </c>
      <c r="C2012" t="s">
        <v>4013</v>
      </c>
    </row>
    <row r="2013" spans="1:3" x14ac:dyDescent="0.15">
      <c r="A2013">
        <v>23007</v>
      </c>
      <c r="B2013" t="s">
        <v>4014</v>
      </c>
      <c r="C2013" t="s">
        <v>4015</v>
      </c>
    </row>
    <row r="2014" spans="1:3" x14ac:dyDescent="0.15">
      <c r="A2014">
        <v>23006</v>
      </c>
      <c r="B2014" t="s">
        <v>4016</v>
      </c>
      <c r="C2014" t="s">
        <v>4017</v>
      </c>
    </row>
    <row r="2015" spans="1:3" x14ac:dyDescent="0.15">
      <c r="A2015">
        <v>23005</v>
      </c>
      <c r="B2015" t="s">
        <v>4018</v>
      </c>
      <c r="C2015" t="s">
        <v>4019</v>
      </c>
    </row>
    <row r="2016" spans="1:3" x14ac:dyDescent="0.15">
      <c r="A2016">
        <v>23004</v>
      </c>
      <c r="B2016" t="s">
        <v>4020</v>
      </c>
      <c r="C2016" t="s">
        <v>4021</v>
      </c>
    </row>
    <row r="2017" spans="1:3" x14ac:dyDescent="0.15">
      <c r="A2017">
        <v>23003</v>
      </c>
      <c r="B2017" t="s">
        <v>4022</v>
      </c>
      <c r="C2017" t="s">
        <v>4023</v>
      </c>
    </row>
    <row r="2018" spans="1:3" x14ac:dyDescent="0.15">
      <c r="A2018">
        <v>23002</v>
      </c>
      <c r="B2018" t="s">
        <v>4024</v>
      </c>
      <c r="C2018" t="s">
        <v>4025</v>
      </c>
    </row>
    <row r="2019" spans="1:3" x14ac:dyDescent="0.15">
      <c r="A2019">
        <v>23001</v>
      </c>
      <c r="B2019" t="s">
        <v>4026</v>
      </c>
      <c r="C2019" t="s">
        <v>4027</v>
      </c>
    </row>
    <row r="2020" spans="1:3" x14ac:dyDescent="0.15">
      <c r="A2020">
        <v>23000</v>
      </c>
      <c r="B2020" t="s">
        <v>4028</v>
      </c>
      <c r="C2020" t="s">
        <v>4029</v>
      </c>
    </row>
    <row r="2021" spans="1:3" x14ac:dyDescent="0.15">
      <c r="A2021">
        <v>22999</v>
      </c>
      <c r="B2021" t="s">
        <v>4030</v>
      </c>
      <c r="C2021" t="s">
        <v>4031</v>
      </c>
    </row>
    <row r="2022" spans="1:3" x14ac:dyDescent="0.15">
      <c r="A2022">
        <v>22998</v>
      </c>
      <c r="B2022" t="s">
        <v>4032</v>
      </c>
      <c r="C2022" t="s">
        <v>4033</v>
      </c>
    </row>
    <row r="2023" spans="1:3" x14ac:dyDescent="0.15">
      <c r="A2023">
        <v>22997</v>
      </c>
      <c r="B2023" t="s">
        <v>4034</v>
      </c>
      <c r="C2023" t="s">
        <v>4035</v>
      </c>
    </row>
    <row r="2024" spans="1:3" x14ac:dyDescent="0.15">
      <c r="A2024">
        <v>22996</v>
      </c>
      <c r="B2024" t="s">
        <v>4036</v>
      </c>
      <c r="C2024" t="s">
        <v>4037</v>
      </c>
    </row>
    <row r="2025" spans="1:3" x14ac:dyDescent="0.15">
      <c r="A2025">
        <v>22995</v>
      </c>
      <c r="B2025" t="s">
        <v>4038</v>
      </c>
      <c r="C2025" t="s">
        <v>4039</v>
      </c>
    </row>
    <row r="2026" spans="1:3" x14ac:dyDescent="0.15">
      <c r="A2026">
        <v>22994</v>
      </c>
      <c r="B2026" t="s">
        <v>4040</v>
      </c>
      <c r="C2026" t="s">
        <v>4041</v>
      </c>
    </row>
    <row r="2027" spans="1:3" x14ac:dyDescent="0.15">
      <c r="A2027">
        <v>22993</v>
      </c>
      <c r="B2027" t="s">
        <v>4042</v>
      </c>
      <c r="C2027" t="s">
        <v>4043</v>
      </c>
    </row>
    <row r="2028" spans="1:3" x14ac:dyDescent="0.15">
      <c r="A2028">
        <v>22992</v>
      </c>
      <c r="B2028" t="s">
        <v>4044</v>
      </c>
      <c r="C2028" t="s">
        <v>4045</v>
      </c>
    </row>
    <row r="2029" spans="1:3" x14ac:dyDescent="0.15">
      <c r="A2029">
        <v>22991</v>
      </c>
      <c r="B2029" t="s">
        <v>4046</v>
      </c>
      <c r="C2029" t="s">
        <v>4047</v>
      </c>
    </row>
    <row r="2030" spans="1:3" x14ac:dyDescent="0.15">
      <c r="A2030">
        <v>22990</v>
      </c>
      <c r="B2030" t="s">
        <v>4048</v>
      </c>
      <c r="C2030" t="s">
        <v>4049</v>
      </c>
    </row>
    <row r="2031" spans="1:3" x14ac:dyDescent="0.15">
      <c r="A2031">
        <v>22989</v>
      </c>
      <c r="B2031" t="s">
        <v>4050</v>
      </c>
      <c r="C2031" t="s">
        <v>4051</v>
      </c>
    </row>
    <row r="2032" spans="1:3" x14ac:dyDescent="0.15">
      <c r="A2032">
        <v>22988</v>
      </c>
      <c r="B2032" t="s">
        <v>4052</v>
      </c>
      <c r="C2032" t="s">
        <v>4053</v>
      </c>
    </row>
    <row r="2033" spans="1:3" x14ac:dyDescent="0.15">
      <c r="A2033">
        <v>22986</v>
      </c>
      <c r="B2033" t="s">
        <v>4054</v>
      </c>
      <c r="C2033" t="s">
        <v>4055</v>
      </c>
    </row>
    <row r="2034" spans="1:3" x14ac:dyDescent="0.15">
      <c r="A2034">
        <v>22985</v>
      </c>
      <c r="B2034" t="s">
        <v>4056</v>
      </c>
      <c r="C2034" t="s">
        <v>4057</v>
      </c>
    </row>
    <row r="2035" spans="1:3" x14ac:dyDescent="0.15">
      <c r="A2035">
        <v>22984</v>
      </c>
      <c r="B2035" t="s">
        <v>4058</v>
      </c>
      <c r="C2035" t="s">
        <v>4059</v>
      </c>
    </row>
    <row r="2036" spans="1:3" x14ac:dyDescent="0.15">
      <c r="A2036">
        <v>22983</v>
      </c>
      <c r="B2036" t="s">
        <v>4060</v>
      </c>
      <c r="C2036" t="s">
        <v>4061</v>
      </c>
    </row>
    <row r="2037" spans="1:3" x14ac:dyDescent="0.15">
      <c r="A2037">
        <v>22982</v>
      </c>
      <c r="B2037" t="s">
        <v>4062</v>
      </c>
      <c r="C2037" t="s">
        <v>4063</v>
      </c>
    </row>
    <row r="2038" spans="1:3" x14ac:dyDescent="0.15">
      <c r="A2038">
        <v>22981</v>
      </c>
      <c r="B2038" t="s">
        <v>4064</v>
      </c>
      <c r="C2038" t="s">
        <v>4065</v>
      </c>
    </row>
    <row r="2039" spans="1:3" x14ac:dyDescent="0.15">
      <c r="A2039">
        <v>22980</v>
      </c>
      <c r="B2039" t="s">
        <v>4066</v>
      </c>
      <c r="C2039" t="s">
        <v>4067</v>
      </c>
    </row>
    <row r="2040" spans="1:3" x14ac:dyDescent="0.15">
      <c r="A2040">
        <v>22979</v>
      </c>
      <c r="B2040" t="s">
        <v>4068</v>
      </c>
      <c r="C2040" t="s">
        <v>4069</v>
      </c>
    </row>
    <row r="2041" spans="1:3" x14ac:dyDescent="0.15">
      <c r="A2041">
        <v>22978</v>
      </c>
      <c r="B2041" t="s">
        <v>4070</v>
      </c>
      <c r="C2041" t="s">
        <v>4071</v>
      </c>
    </row>
    <row r="2042" spans="1:3" x14ac:dyDescent="0.15">
      <c r="A2042">
        <v>22977</v>
      </c>
      <c r="B2042" t="s">
        <v>4072</v>
      </c>
      <c r="C2042" t="s">
        <v>4073</v>
      </c>
    </row>
    <row r="2043" spans="1:3" x14ac:dyDescent="0.15">
      <c r="A2043">
        <v>22976</v>
      </c>
      <c r="B2043" t="s">
        <v>4074</v>
      </c>
      <c r="C2043" t="s">
        <v>4075</v>
      </c>
    </row>
    <row r="2044" spans="1:3" x14ac:dyDescent="0.15">
      <c r="A2044">
        <v>22975</v>
      </c>
      <c r="B2044" t="s">
        <v>4076</v>
      </c>
      <c r="C2044" t="s">
        <v>4077</v>
      </c>
    </row>
    <row r="2045" spans="1:3" x14ac:dyDescent="0.15">
      <c r="A2045">
        <v>22974</v>
      </c>
      <c r="B2045" t="s">
        <v>4078</v>
      </c>
      <c r="C2045" t="s">
        <v>4079</v>
      </c>
    </row>
    <row r="2046" spans="1:3" x14ac:dyDescent="0.15">
      <c r="A2046">
        <v>22973</v>
      </c>
      <c r="B2046" t="s">
        <v>4080</v>
      </c>
      <c r="C2046" t="s">
        <v>4081</v>
      </c>
    </row>
    <row r="2047" spans="1:3" x14ac:dyDescent="0.15">
      <c r="A2047">
        <v>22972</v>
      </c>
      <c r="B2047" t="s">
        <v>4082</v>
      </c>
      <c r="C2047" t="s">
        <v>4083</v>
      </c>
    </row>
    <row r="2048" spans="1:3" x14ac:dyDescent="0.15">
      <c r="A2048">
        <v>22971</v>
      </c>
      <c r="B2048" t="s">
        <v>4084</v>
      </c>
      <c r="C2048" t="s">
        <v>4085</v>
      </c>
    </row>
    <row r="2049" spans="1:3" x14ac:dyDescent="0.15">
      <c r="A2049">
        <v>22970</v>
      </c>
      <c r="B2049" t="s">
        <v>4086</v>
      </c>
      <c r="C2049" t="s">
        <v>4087</v>
      </c>
    </row>
    <row r="2050" spans="1:3" x14ac:dyDescent="0.15">
      <c r="A2050">
        <v>22969</v>
      </c>
      <c r="B2050" t="s">
        <v>4088</v>
      </c>
      <c r="C2050" t="s">
        <v>4089</v>
      </c>
    </row>
    <row r="2051" spans="1:3" x14ac:dyDescent="0.15">
      <c r="A2051">
        <v>22968</v>
      </c>
      <c r="B2051" t="s">
        <v>4090</v>
      </c>
      <c r="C2051" t="s">
        <v>4091</v>
      </c>
    </row>
    <row r="2052" spans="1:3" x14ac:dyDescent="0.15">
      <c r="A2052">
        <v>22967</v>
      </c>
      <c r="B2052" t="s">
        <v>4092</v>
      </c>
      <c r="C2052" t="s">
        <v>4093</v>
      </c>
    </row>
    <row r="2053" spans="1:3" x14ac:dyDescent="0.15">
      <c r="A2053">
        <v>22966</v>
      </c>
      <c r="B2053" t="s">
        <v>4094</v>
      </c>
      <c r="C2053" t="s">
        <v>4095</v>
      </c>
    </row>
    <row r="2054" spans="1:3" x14ac:dyDescent="0.15">
      <c r="A2054">
        <v>22965</v>
      </c>
      <c r="B2054" t="s">
        <v>4096</v>
      </c>
      <c r="C2054" t="s">
        <v>4097</v>
      </c>
    </row>
    <row r="2055" spans="1:3" x14ac:dyDescent="0.15">
      <c r="A2055">
        <v>22964</v>
      </c>
      <c r="B2055" t="s">
        <v>4098</v>
      </c>
      <c r="C2055" t="s">
        <v>4099</v>
      </c>
    </row>
    <row r="2056" spans="1:3" x14ac:dyDescent="0.15">
      <c r="A2056">
        <v>22963</v>
      </c>
      <c r="B2056" t="s">
        <v>4100</v>
      </c>
      <c r="C2056" t="s">
        <v>4101</v>
      </c>
    </row>
    <row r="2057" spans="1:3" x14ac:dyDescent="0.15">
      <c r="A2057">
        <v>22962</v>
      </c>
      <c r="B2057" t="s">
        <v>4102</v>
      </c>
      <c r="C2057" t="s">
        <v>4103</v>
      </c>
    </row>
    <row r="2058" spans="1:3" x14ac:dyDescent="0.15">
      <c r="A2058">
        <v>22961</v>
      </c>
      <c r="B2058" t="s">
        <v>4104</v>
      </c>
      <c r="C2058" t="s">
        <v>4105</v>
      </c>
    </row>
    <row r="2059" spans="1:3" x14ac:dyDescent="0.15">
      <c r="A2059">
        <v>22960</v>
      </c>
      <c r="B2059" t="s">
        <v>4106</v>
      </c>
      <c r="C2059" t="s">
        <v>4107</v>
      </c>
    </row>
    <row r="2060" spans="1:3" x14ac:dyDescent="0.15">
      <c r="A2060">
        <v>22959</v>
      </c>
      <c r="B2060" t="s">
        <v>4108</v>
      </c>
      <c r="C2060" t="s">
        <v>4109</v>
      </c>
    </row>
    <row r="2061" spans="1:3" x14ac:dyDescent="0.15">
      <c r="A2061">
        <v>22958</v>
      </c>
      <c r="B2061" t="s">
        <v>4110</v>
      </c>
      <c r="C2061" t="s">
        <v>4111</v>
      </c>
    </row>
    <row r="2062" spans="1:3" x14ac:dyDescent="0.15">
      <c r="A2062">
        <v>22957</v>
      </c>
      <c r="B2062" t="s">
        <v>4112</v>
      </c>
      <c r="C2062" t="s">
        <v>4113</v>
      </c>
    </row>
    <row r="2063" spans="1:3" x14ac:dyDescent="0.15">
      <c r="A2063">
        <v>22956</v>
      </c>
      <c r="B2063" t="s">
        <v>4114</v>
      </c>
      <c r="C2063" t="s">
        <v>4115</v>
      </c>
    </row>
    <row r="2064" spans="1:3" x14ac:dyDescent="0.15">
      <c r="A2064">
        <v>22955</v>
      </c>
      <c r="B2064" t="s">
        <v>4116</v>
      </c>
      <c r="C2064" t="s">
        <v>4117</v>
      </c>
    </row>
    <row r="2065" spans="1:3" x14ac:dyDescent="0.15">
      <c r="A2065">
        <v>22954</v>
      </c>
      <c r="B2065" t="s">
        <v>4118</v>
      </c>
      <c r="C2065" t="s">
        <v>4119</v>
      </c>
    </row>
    <row r="2066" spans="1:3" x14ac:dyDescent="0.15">
      <c r="A2066">
        <v>22953</v>
      </c>
      <c r="B2066" t="s">
        <v>4120</v>
      </c>
      <c r="C2066" t="s">
        <v>4121</v>
      </c>
    </row>
    <row r="2067" spans="1:3" x14ac:dyDescent="0.15">
      <c r="A2067">
        <v>22952</v>
      </c>
      <c r="B2067" t="s">
        <v>4122</v>
      </c>
      <c r="C2067" t="s">
        <v>4123</v>
      </c>
    </row>
    <row r="2068" spans="1:3" x14ac:dyDescent="0.15">
      <c r="A2068">
        <v>22951</v>
      </c>
      <c r="B2068" t="s">
        <v>4124</v>
      </c>
      <c r="C2068" t="s">
        <v>4125</v>
      </c>
    </row>
    <row r="2069" spans="1:3" x14ac:dyDescent="0.15">
      <c r="A2069">
        <v>22950</v>
      </c>
      <c r="B2069" t="s">
        <v>4126</v>
      </c>
      <c r="C2069" t="s">
        <v>4127</v>
      </c>
    </row>
    <row r="2070" spans="1:3" x14ac:dyDescent="0.15">
      <c r="A2070">
        <v>22949</v>
      </c>
      <c r="B2070" t="s">
        <v>4128</v>
      </c>
      <c r="C2070" t="s">
        <v>4129</v>
      </c>
    </row>
    <row r="2071" spans="1:3" x14ac:dyDescent="0.15">
      <c r="A2071">
        <v>22948</v>
      </c>
      <c r="B2071" t="s">
        <v>4130</v>
      </c>
      <c r="C2071" t="s">
        <v>4131</v>
      </c>
    </row>
    <row r="2072" spans="1:3" x14ac:dyDescent="0.15">
      <c r="A2072">
        <v>22947</v>
      </c>
      <c r="B2072" t="s">
        <v>4132</v>
      </c>
      <c r="C2072" t="s">
        <v>4133</v>
      </c>
    </row>
    <row r="2073" spans="1:3" x14ac:dyDescent="0.15">
      <c r="A2073">
        <v>22946</v>
      </c>
      <c r="B2073" t="s">
        <v>4134</v>
      </c>
      <c r="C2073" t="s">
        <v>4135</v>
      </c>
    </row>
    <row r="2074" spans="1:3" x14ac:dyDescent="0.15">
      <c r="A2074">
        <v>22945</v>
      </c>
      <c r="B2074" t="s">
        <v>4136</v>
      </c>
      <c r="C2074" t="s">
        <v>4137</v>
      </c>
    </row>
    <row r="2075" spans="1:3" x14ac:dyDescent="0.15">
      <c r="A2075">
        <v>22944</v>
      </c>
      <c r="B2075" t="s">
        <v>4138</v>
      </c>
      <c r="C2075" t="s">
        <v>4139</v>
      </c>
    </row>
    <row r="2076" spans="1:3" x14ac:dyDescent="0.15">
      <c r="A2076">
        <v>22943</v>
      </c>
      <c r="B2076" t="s">
        <v>4140</v>
      </c>
      <c r="C2076" t="s">
        <v>4141</v>
      </c>
    </row>
    <row r="2077" spans="1:3" x14ac:dyDescent="0.15">
      <c r="A2077">
        <v>22942</v>
      </c>
      <c r="B2077" t="s">
        <v>4142</v>
      </c>
      <c r="C2077" t="s">
        <v>4143</v>
      </c>
    </row>
    <row r="2078" spans="1:3" x14ac:dyDescent="0.15">
      <c r="A2078">
        <v>22941</v>
      </c>
      <c r="B2078" t="s">
        <v>4144</v>
      </c>
      <c r="C2078" t="s">
        <v>4145</v>
      </c>
    </row>
    <row r="2079" spans="1:3" x14ac:dyDescent="0.15">
      <c r="A2079">
        <v>22940</v>
      </c>
      <c r="B2079" t="s">
        <v>4146</v>
      </c>
      <c r="C2079" t="s">
        <v>4147</v>
      </c>
    </row>
    <row r="2080" spans="1:3" x14ac:dyDescent="0.15">
      <c r="A2080">
        <v>22939</v>
      </c>
      <c r="B2080" t="s">
        <v>4148</v>
      </c>
      <c r="C2080" t="s">
        <v>4149</v>
      </c>
    </row>
    <row r="2081" spans="1:3" x14ac:dyDescent="0.15">
      <c r="A2081">
        <v>22938</v>
      </c>
      <c r="B2081" t="s">
        <v>4150</v>
      </c>
      <c r="C2081" t="s">
        <v>4151</v>
      </c>
    </row>
    <row r="2082" spans="1:3" x14ac:dyDescent="0.15">
      <c r="A2082">
        <v>22937</v>
      </c>
      <c r="B2082" t="s">
        <v>4152</v>
      </c>
      <c r="C2082" t="s">
        <v>4153</v>
      </c>
    </row>
    <row r="2083" spans="1:3" x14ac:dyDescent="0.15">
      <c r="A2083">
        <v>22936</v>
      </c>
      <c r="B2083" t="s">
        <v>4154</v>
      </c>
      <c r="C2083" t="s">
        <v>4155</v>
      </c>
    </row>
    <row r="2084" spans="1:3" x14ac:dyDescent="0.15">
      <c r="A2084">
        <v>22935</v>
      </c>
      <c r="B2084" t="s">
        <v>4156</v>
      </c>
      <c r="C2084" t="s">
        <v>4157</v>
      </c>
    </row>
    <row r="2085" spans="1:3" x14ac:dyDescent="0.15">
      <c r="A2085">
        <v>22934</v>
      </c>
      <c r="B2085" t="s">
        <v>4158</v>
      </c>
      <c r="C2085" t="s">
        <v>4159</v>
      </c>
    </row>
    <row r="2086" spans="1:3" x14ac:dyDescent="0.15">
      <c r="A2086">
        <v>22933</v>
      </c>
      <c r="B2086" t="s">
        <v>4160</v>
      </c>
      <c r="C2086" t="s">
        <v>4161</v>
      </c>
    </row>
    <row r="2087" spans="1:3" x14ac:dyDescent="0.15">
      <c r="A2087">
        <v>22932</v>
      </c>
      <c r="B2087" t="s">
        <v>4162</v>
      </c>
      <c r="C2087" t="s">
        <v>4163</v>
      </c>
    </row>
    <row r="2088" spans="1:3" x14ac:dyDescent="0.15">
      <c r="A2088">
        <v>22931</v>
      </c>
      <c r="B2088" t="s">
        <v>4164</v>
      </c>
      <c r="C2088" t="s">
        <v>4165</v>
      </c>
    </row>
    <row r="2089" spans="1:3" x14ac:dyDescent="0.15">
      <c r="A2089">
        <v>22930</v>
      </c>
      <c r="B2089" t="s">
        <v>4166</v>
      </c>
      <c r="C2089" t="s">
        <v>4167</v>
      </c>
    </row>
    <row r="2090" spans="1:3" x14ac:dyDescent="0.15">
      <c r="A2090">
        <v>22929</v>
      </c>
      <c r="B2090" t="s">
        <v>4168</v>
      </c>
      <c r="C2090" t="s">
        <v>4169</v>
      </c>
    </row>
    <row r="2091" spans="1:3" x14ac:dyDescent="0.15">
      <c r="A2091">
        <v>22928</v>
      </c>
      <c r="B2091" t="s">
        <v>4170</v>
      </c>
      <c r="C2091" t="s">
        <v>4171</v>
      </c>
    </row>
    <row r="2092" spans="1:3" x14ac:dyDescent="0.15">
      <c r="A2092">
        <v>22927</v>
      </c>
      <c r="B2092" t="s">
        <v>4172</v>
      </c>
      <c r="C2092" t="s">
        <v>4173</v>
      </c>
    </row>
    <row r="2093" spans="1:3" x14ac:dyDescent="0.15">
      <c r="A2093">
        <v>22926</v>
      </c>
      <c r="B2093" t="s">
        <v>4174</v>
      </c>
      <c r="C2093" t="s">
        <v>4175</v>
      </c>
    </row>
    <row r="2094" spans="1:3" x14ac:dyDescent="0.15">
      <c r="A2094">
        <v>22925</v>
      </c>
      <c r="B2094" t="s">
        <v>4176</v>
      </c>
      <c r="C2094" t="s">
        <v>4177</v>
      </c>
    </row>
    <row r="2095" spans="1:3" x14ac:dyDescent="0.15">
      <c r="A2095">
        <v>22924</v>
      </c>
      <c r="B2095" t="s">
        <v>4178</v>
      </c>
      <c r="C2095" t="s">
        <v>4179</v>
      </c>
    </row>
    <row r="2096" spans="1:3" x14ac:dyDescent="0.15">
      <c r="A2096">
        <v>22923</v>
      </c>
      <c r="B2096" t="s">
        <v>4180</v>
      </c>
      <c r="C2096" t="s">
        <v>4181</v>
      </c>
    </row>
    <row r="2097" spans="1:3" x14ac:dyDescent="0.15">
      <c r="A2097">
        <v>22922</v>
      </c>
      <c r="B2097" t="s">
        <v>4182</v>
      </c>
      <c r="C2097" t="s">
        <v>4183</v>
      </c>
    </row>
    <row r="2098" spans="1:3" x14ac:dyDescent="0.15">
      <c r="A2098">
        <v>22921</v>
      </c>
      <c r="B2098" t="s">
        <v>4184</v>
      </c>
      <c r="C2098" t="s">
        <v>4185</v>
      </c>
    </row>
    <row r="2099" spans="1:3" x14ac:dyDescent="0.15">
      <c r="A2099">
        <v>22920</v>
      </c>
      <c r="B2099" t="s">
        <v>4186</v>
      </c>
      <c r="C2099" t="s">
        <v>4187</v>
      </c>
    </row>
    <row r="2100" spans="1:3" x14ac:dyDescent="0.15">
      <c r="A2100">
        <v>22919</v>
      </c>
      <c r="B2100" t="s">
        <v>4188</v>
      </c>
      <c r="C2100" t="s">
        <v>4189</v>
      </c>
    </row>
    <row r="2101" spans="1:3" x14ac:dyDescent="0.15">
      <c r="A2101">
        <v>22918</v>
      </c>
      <c r="B2101" t="s">
        <v>4190</v>
      </c>
      <c r="C2101" t="s">
        <v>4191</v>
      </c>
    </row>
    <row r="2102" spans="1:3" x14ac:dyDescent="0.15">
      <c r="A2102">
        <v>22917</v>
      </c>
      <c r="B2102" t="s">
        <v>4192</v>
      </c>
      <c r="C2102" t="s">
        <v>4193</v>
      </c>
    </row>
    <row r="2103" spans="1:3" x14ac:dyDescent="0.15">
      <c r="A2103">
        <v>22916</v>
      </c>
      <c r="B2103" t="s">
        <v>4194</v>
      </c>
      <c r="C2103" t="s">
        <v>4195</v>
      </c>
    </row>
    <row r="2104" spans="1:3" x14ac:dyDescent="0.15">
      <c r="A2104">
        <v>22915</v>
      </c>
      <c r="B2104" t="s">
        <v>4196</v>
      </c>
      <c r="C2104" t="s">
        <v>4197</v>
      </c>
    </row>
    <row r="2105" spans="1:3" x14ac:dyDescent="0.15">
      <c r="A2105">
        <v>22914</v>
      </c>
      <c r="B2105" t="s">
        <v>4198</v>
      </c>
      <c r="C2105" t="s">
        <v>4199</v>
      </c>
    </row>
    <row r="2106" spans="1:3" x14ac:dyDescent="0.15">
      <c r="A2106">
        <v>22913</v>
      </c>
      <c r="B2106" t="s">
        <v>4200</v>
      </c>
      <c r="C2106" t="s">
        <v>4201</v>
      </c>
    </row>
    <row r="2107" spans="1:3" x14ac:dyDescent="0.15">
      <c r="A2107">
        <v>22912</v>
      </c>
      <c r="B2107" t="s">
        <v>4202</v>
      </c>
      <c r="C2107" t="s">
        <v>4203</v>
      </c>
    </row>
    <row r="2108" spans="1:3" x14ac:dyDescent="0.15">
      <c r="A2108">
        <v>22911</v>
      </c>
      <c r="B2108" t="s">
        <v>4204</v>
      </c>
      <c r="C2108" t="s">
        <v>4205</v>
      </c>
    </row>
    <row r="2109" spans="1:3" x14ac:dyDescent="0.15">
      <c r="A2109">
        <v>22910</v>
      </c>
      <c r="B2109" t="s">
        <v>4206</v>
      </c>
      <c r="C2109" t="s">
        <v>4207</v>
      </c>
    </row>
    <row r="2110" spans="1:3" x14ac:dyDescent="0.15">
      <c r="A2110">
        <v>22909</v>
      </c>
      <c r="B2110" t="s">
        <v>4208</v>
      </c>
      <c r="C2110" t="s">
        <v>4209</v>
      </c>
    </row>
    <row r="2111" spans="1:3" x14ac:dyDescent="0.15">
      <c r="A2111">
        <v>22908</v>
      </c>
      <c r="B2111" t="s">
        <v>4210</v>
      </c>
      <c r="C2111" t="s">
        <v>4211</v>
      </c>
    </row>
    <row r="2112" spans="1:3" x14ac:dyDescent="0.15">
      <c r="A2112">
        <v>22907</v>
      </c>
      <c r="B2112" t="s">
        <v>4212</v>
      </c>
      <c r="C2112" t="s">
        <v>4213</v>
      </c>
    </row>
    <row r="2113" spans="1:3" x14ac:dyDescent="0.15">
      <c r="A2113">
        <v>22906</v>
      </c>
      <c r="B2113" t="s">
        <v>4214</v>
      </c>
      <c r="C2113" t="s">
        <v>4215</v>
      </c>
    </row>
    <row r="2114" spans="1:3" x14ac:dyDescent="0.15">
      <c r="A2114">
        <v>22905</v>
      </c>
      <c r="B2114" t="s">
        <v>4216</v>
      </c>
      <c r="C2114" t="s">
        <v>4217</v>
      </c>
    </row>
    <row r="2115" spans="1:3" x14ac:dyDescent="0.15">
      <c r="A2115">
        <v>22904</v>
      </c>
      <c r="B2115" t="s">
        <v>4218</v>
      </c>
      <c r="C2115" t="s">
        <v>4219</v>
      </c>
    </row>
    <row r="2116" spans="1:3" x14ac:dyDescent="0.15">
      <c r="A2116">
        <v>22903</v>
      </c>
      <c r="B2116" t="s">
        <v>4220</v>
      </c>
      <c r="C2116" t="s">
        <v>4221</v>
      </c>
    </row>
    <row r="2117" spans="1:3" x14ac:dyDescent="0.15">
      <c r="A2117">
        <v>22902</v>
      </c>
      <c r="B2117" t="s">
        <v>4222</v>
      </c>
      <c r="C2117" t="s">
        <v>4223</v>
      </c>
    </row>
    <row r="2118" spans="1:3" x14ac:dyDescent="0.15">
      <c r="A2118">
        <v>22901</v>
      </c>
      <c r="B2118" t="s">
        <v>4224</v>
      </c>
      <c r="C2118" t="s">
        <v>4225</v>
      </c>
    </row>
    <row r="2119" spans="1:3" x14ac:dyDescent="0.15">
      <c r="A2119">
        <v>22900</v>
      </c>
      <c r="B2119" t="s">
        <v>4226</v>
      </c>
      <c r="C2119" t="s">
        <v>4227</v>
      </c>
    </row>
    <row r="2120" spans="1:3" x14ac:dyDescent="0.15">
      <c r="A2120">
        <v>22899</v>
      </c>
      <c r="B2120" t="s">
        <v>4228</v>
      </c>
      <c r="C2120" t="s">
        <v>4229</v>
      </c>
    </row>
    <row r="2121" spans="1:3" x14ac:dyDescent="0.15">
      <c r="A2121">
        <v>22898</v>
      </c>
      <c r="B2121" t="s">
        <v>4230</v>
      </c>
      <c r="C2121" t="s">
        <v>4231</v>
      </c>
    </row>
    <row r="2122" spans="1:3" x14ac:dyDescent="0.15">
      <c r="A2122">
        <v>22897</v>
      </c>
      <c r="B2122" t="s">
        <v>4232</v>
      </c>
      <c r="C2122" t="s">
        <v>4233</v>
      </c>
    </row>
    <row r="2123" spans="1:3" x14ac:dyDescent="0.15">
      <c r="A2123">
        <v>22896</v>
      </c>
      <c r="B2123" t="s">
        <v>4234</v>
      </c>
      <c r="C2123" t="s">
        <v>4235</v>
      </c>
    </row>
    <row r="2124" spans="1:3" x14ac:dyDescent="0.15">
      <c r="A2124">
        <v>22895</v>
      </c>
      <c r="B2124" t="s">
        <v>4236</v>
      </c>
      <c r="C2124" t="s">
        <v>4237</v>
      </c>
    </row>
    <row r="2125" spans="1:3" x14ac:dyDescent="0.15">
      <c r="A2125">
        <v>22894</v>
      </c>
      <c r="B2125" t="s">
        <v>4238</v>
      </c>
      <c r="C2125" t="s">
        <v>4239</v>
      </c>
    </row>
    <row r="2126" spans="1:3" x14ac:dyDescent="0.15">
      <c r="A2126">
        <v>22893</v>
      </c>
      <c r="B2126" t="s">
        <v>4240</v>
      </c>
      <c r="C2126" t="s">
        <v>4241</v>
      </c>
    </row>
    <row r="2127" spans="1:3" x14ac:dyDescent="0.15">
      <c r="A2127">
        <v>22892</v>
      </c>
      <c r="B2127" t="s">
        <v>4242</v>
      </c>
      <c r="C2127" t="s">
        <v>4243</v>
      </c>
    </row>
    <row r="2128" spans="1:3" x14ac:dyDescent="0.15">
      <c r="A2128">
        <v>22891</v>
      </c>
      <c r="B2128" t="s">
        <v>4244</v>
      </c>
      <c r="C2128" t="s">
        <v>4245</v>
      </c>
    </row>
    <row r="2129" spans="1:3" x14ac:dyDescent="0.15">
      <c r="A2129">
        <v>22890</v>
      </c>
      <c r="B2129" t="s">
        <v>4246</v>
      </c>
      <c r="C2129" t="s">
        <v>4247</v>
      </c>
    </row>
    <row r="2130" spans="1:3" x14ac:dyDescent="0.15">
      <c r="A2130">
        <v>22889</v>
      </c>
      <c r="B2130" t="s">
        <v>4248</v>
      </c>
      <c r="C2130" t="s">
        <v>4249</v>
      </c>
    </row>
    <row r="2131" spans="1:3" x14ac:dyDescent="0.15">
      <c r="A2131">
        <v>22888</v>
      </c>
      <c r="B2131" t="s">
        <v>4250</v>
      </c>
      <c r="C2131" t="s">
        <v>4251</v>
      </c>
    </row>
    <row r="2132" spans="1:3" x14ac:dyDescent="0.15">
      <c r="A2132">
        <v>22887</v>
      </c>
      <c r="B2132" t="s">
        <v>4252</v>
      </c>
      <c r="C2132" t="s">
        <v>4253</v>
      </c>
    </row>
    <row r="2133" spans="1:3" x14ac:dyDescent="0.15">
      <c r="A2133">
        <v>22886</v>
      </c>
      <c r="B2133" t="s">
        <v>4254</v>
      </c>
      <c r="C2133" t="s">
        <v>4255</v>
      </c>
    </row>
    <row r="2134" spans="1:3" x14ac:dyDescent="0.15">
      <c r="A2134">
        <v>22885</v>
      </c>
      <c r="B2134" t="s">
        <v>4256</v>
      </c>
      <c r="C2134" t="s">
        <v>4257</v>
      </c>
    </row>
    <row r="2135" spans="1:3" x14ac:dyDescent="0.15">
      <c r="A2135">
        <v>22884</v>
      </c>
      <c r="B2135" t="s">
        <v>4258</v>
      </c>
      <c r="C2135" t="s">
        <v>4259</v>
      </c>
    </row>
    <row r="2136" spans="1:3" x14ac:dyDescent="0.15">
      <c r="A2136">
        <v>22883</v>
      </c>
      <c r="B2136" t="s">
        <v>4260</v>
      </c>
      <c r="C2136" t="s">
        <v>4261</v>
      </c>
    </row>
    <row r="2137" spans="1:3" x14ac:dyDescent="0.15">
      <c r="A2137">
        <v>22882</v>
      </c>
      <c r="B2137" t="s">
        <v>4262</v>
      </c>
      <c r="C2137" t="s">
        <v>4263</v>
      </c>
    </row>
    <row r="2138" spans="1:3" x14ac:dyDescent="0.15">
      <c r="A2138">
        <v>22881</v>
      </c>
      <c r="B2138" t="s">
        <v>4264</v>
      </c>
      <c r="C2138" t="s">
        <v>4265</v>
      </c>
    </row>
    <row r="2139" spans="1:3" x14ac:dyDescent="0.15">
      <c r="A2139">
        <v>22880</v>
      </c>
      <c r="B2139" t="s">
        <v>4266</v>
      </c>
      <c r="C2139" t="s">
        <v>4267</v>
      </c>
    </row>
    <row r="2140" spans="1:3" x14ac:dyDescent="0.15">
      <c r="A2140">
        <v>22879</v>
      </c>
      <c r="B2140" t="s">
        <v>4268</v>
      </c>
      <c r="C2140" t="s">
        <v>4269</v>
      </c>
    </row>
    <row r="2141" spans="1:3" x14ac:dyDescent="0.15">
      <c r="A2141">
        <v>22878</v>
      </c>
      <c r="B2141" t="s">
        <v>4270</v>
      </c>
      <c r="C2141" t="s">
        <v>4271</v>
      </c>
    </row>
    <row r="2142" spans="1:3" x14ac:dyDescent="0.15">
      <c r="A2142">
        <v>22877</v>
      </c>
      <c r="B2142" t="s">
        <v>4272</v>
      </c>
      <c r="C2142" t="s">
        <v>4273</v>
      </c>
    </row>
    <row r="2143" spans="1:3" x14ac:dyDescent="0.15">
      <c r="A2143">
        <v>22876</v>
      </c>
      <c r="B2143" t="s">
        <v>4274</v>
      </c>
      <c r="C2143" t="s">
        <v>4275</v>
      </c>
    </row>
    <row r="2144" spans="1:3" x14ac:dyDescent="0.15">
      <c r="A2144">
        <v>22875</v>
      </c>
      <c r="B2144" t="s">
        <v>4276</v>
      </c>
      <c r="C2144" t="s">
        <v>4277</v>
      </c>
    </row>
    <row r="2145" spans="1:3" x14ac:dyDescent="0.15">
      <c r="A2145">
        <v>22874</v>
      </c>
      <c r="B2145" t="s">
        <v>4278</v>
      </c>
      <c r="C2145" t="s">
        <v>4279</v>
      </c>
    </row>
    <row r="2146" spans="1:3" x14ac:dyDescent="0.15">
      <c r="A2146">
        <v>22873</v>
      </c>
      <c r="B2146" t="s">
        <v>4280</v>
      </c>
      <c r="C2146" t="s">
        <v>4281</v>
      </c>
    </row>
    <row r="2147" spans="1:3" x14ac:dyDescent="0.15">
      <c r="A2147">
        <v>22872</v>
      </c>
      <c r="B2147" t="s">
        <v>4282</v>
      </c>
      <c r="C2147" t="s">
        <v>4283</v>
      </c>
    </row>
    <row r="2148" spans="1:3" x14ac:dyDescent="0.15">
      <c r="A2148">
        <v>22871</v>
      </c>
      <c r="B2148" t="s">
        <v>4284</v>
      </c>
      <c r="C2148" t="s">
        <v>4285</v>
      </c>
    </row>
    <row r="2149" spans="1:3" x14ac:dyDescent="0.15">
      <c r="A2149">
        <v>22870</v>
      </c>
      <c r="B2149" t="s">
        <v>4286</v>
      </c>
      <c r="C2149" t="s">
        <v>4287</v>
      </c>
    </row>
    <row r="2150" spans="1:3" x14ac:dyDescent="0.15">
      <c r="A2150">
        <v>22869</v>
      </c>
      <c r="B2150" t="s">
        <v>4288</v>
      </c>
      <c r="C2150" t="s">
        <v>4289</v>
      </c>
    </row>
    <row r="2151" spans="1:3" x14ac:dyDescent="0.15">
      <c r="A2151">
        <v>22868</v>
      </c>
      <c r="B2151" t="s">
        <v>4290</v>
      </c>
      <c r="C2151" t="s">
        <v>4291</v>
      </c>
    </row>
    <row r="2152" spans="1:3" x14ac:dyDescent="0.15">
      <c r="A2152">
        <v>22867</v>
      </c>
      <c r="B2152" t="s">
        <v>4292</v>
      </c>
      <c r="C2152" t="s">
        <v>4293</v>
      </c>
    </row>
    <row r="2153" spans="1:3" x14ac:dyDescent="0.15">
      <c r="A2153">
        <v>22866</v>
      </c>
      <c r="B2153" t="s">
        <v>4294</v>
      </c>
      <c r="C2153" t="s">
        <v>4295</v>
      </c>
    </row>
    <row r="2154" spans="1:3" x14ac:dyDescent="0.15">
      <c r="A2154">
        <v>22865</v>
      </c>
      <c r="B2154" t="s">
        <v>4296</v>
      </c>
      <c r="C2154" t="s">
        <v>4297</v>
      </c>
    </row>
    <row r="2155" spans="1:3" x14ac:dyDescent="0.15">
      <c r="A2155">
        <v>22864</v>
      </c>
      <c r="B2155" t="s">
        <v>4298</v>
      </c>
      <c r="C2155" t="s">
        <v>4299</v>
      </c>
    </row>
    <row r="2156" spans="1:3" x14ac:dyDescent="0.15">
      <c r="A2156">
        <v>22863</v>
      </c>
      <c r="B2156" t="s">
        <v>4300</v>
      </c>
      <c r="C2156" t="s">
        <v>4301</v>
      </c>
    </row>
    <row r="2157" spans="1:3" x14ac:dyDescent="0.15">
      <c r="A2157">
        <v>22862</v>
      </c>
      <c r="B2157" t="s">
        <v>4302</v>
      </c>
      <c r="C2157" t="s">
        <v>4303</v>
      </c>
    </row>
    <row r="2158" spans="1:3" x14ac:dyDescent="0.15">
      <c r="A2158">
        <v>22861</v>
      </c>
      <c r="B2158" t="s">
        <v>4304</v>
      </c>
      <c r="C2158" t="s">
        <v>4305</v>
      </c>
    </row>
    <row r="2159" spans="1:3" x14ac:dyDescent="0.15">
      <c r="A2159">
        <v>22860</v>
      </c>
      <c r="B2159" t="s">
        <v>4306</v>
      </c>
      <c r="C2159" t="s">
        <v>4307</v>
      </c>
    </row>
    <row r="2160" spans="1:3" x14ac:dyDescent="0.15">
      <c r="A2160">
        <v>22859</v>
      </c>
      <c r="B2160" t="s">
        <v>4308</v>
      </c>
      <c r="C2160" t="s">
        <v>4309</v>
      </c>
    </row>
    <row r="2161" spans="1:3" x14ac:dyDescent="0.15">
      <c r="A2161">
        <v>22858</v>
      </c>
      <c r="B2161" t="s">
        <v>4310</v>
      </c>
      <c r="C2161" t="s">
        <v>4311</v>
      </c>
    </row>
    <row r="2162" spans="1:3" x14ac:dyDescent="0.15">
      <c r="A2162">
        <v>22857</v>
      </c>
      <c r="B2162" t="s">
        <v>4312</v>
      </c>
      <c r="C2162" t="s">
        <v>4313</v>
      </c>
    </row>
    <row r="2163" spans="1:3" x14ac:dyDescent="0.15">
      <c r="A2163">
        <v>22856</v>
      </c>
      <c r="B2163" t="s">
        <v>4314</v>
      </c>
      <c r="C2163" t="s">
        <v>4315</v>
      </c>
    </row>
    <row r="2164" spans="1:3" x14ac:dyDescent="0.15">
      <c r="A2164">
        <v>22855</v>
      </c>
      <c r="B2164" t="s">
        <v>4316</v>
      </c>
      <c r="C2164" t="s">
        <v>4317</v>
      </c>
    </row>
    <row r="2165" spans="1:3" x14ac:dyDescent="0.15">
      <c r="A2165">
        <v>22854</v>
      </c>
      <c r="B2165" t="s">
        <v>4318</v>
      </c>
      <c r="C2165" t="s">
        <v>4319</v>
      </c>
    </row>
    <row r="2166" spans="1:3" x14ac:dyDescent="0.15">
      <c r="A2166">
        <v>22853</v>
      </c>
      <c r="B2166" t="s">
        <v>4320</v>
      </c>
      <c r="C2166" t="s">
        <v>4321</v>
      </c>
    </row>
    <row r="2167" spans="1:3" x14ac:dyDescent="0.15">
      <c r="A2167">
        <v>22852</v>
      </c>
      <c r="B2167" t="s">
        <v>4322</v>
      </c>
      <c r="C2167" t="s">
        <v>4323</v>
      </c>
    </row>
    <row r="2168" spans="1:3" x14ac:dyDescent="0.15">
      <c r="A2168">
        <v>22851</v>
      </c>
      <c r="B2168" t="s">
        <v>4324</v>
      </c>
      <c r="C2168" t="s">
        <v>4325</v>
      </c>
    </row>
    <row r="2169" spans="1:3" x14ac:dyDescent="0.15">
      <c r="A2169">
        <v>22850</v>
      </c>
      <c r="B2169" t="s">
        <v>4326</v>
      </c>
      <c r="C2169" t="s">
        <v>4327</v>
      </c>
    </row>
    <row r="2170" spans="1:3" x14ac:dyDescent="0.15">
      <c r="A2170">
        <v>22849</v>
      </c>
      <c r="B2170" t="s">
        <v>4328</v>
      </c>
      <c r="C2170" t="s">
        <v>4329</v>
      </c>
    </row>
    <row r="2171" spans="1:3" x14ac:dyDescent="0.15">
      <c r="A2171">
        <v>22848</v>
      </c>
      <c r="B2171" t="s">
        <v>4330</v>
      </c>
      <c r="C2171" t="s">
        <v>4331</v>
      </c>
    </row>
    <row r="2172" spans="1:3" x14ac:dyDescent="0.15">
      <c r="A2172">
        <v>22847</v>
      </c>
      <c r="B2172" t="s">
        <v>4332</v>
      </c>
      <c r="C2172" t="s">
        <v>4333</v>
      </c>
    </row>
    <row r="2173" spans="1:3" x14ac:dyDescent="0.15">
      <c r="A2173">
        <v>22846</v>
      </c>
      <c r="B2173" t="s">
        <v>4334</v>
      </c>
      <c r="C2173" t="s">
        <v>4335</v>
      </c>
    </row>
    <row r="2174" spans="1:3" x14ac:dyDescent="0.15">
      <c r="A2174">
        <v>22845</v>
      </c>
      <c r="B2174" t="s">
        <v>4336</v>
      </c>
      <c r="C2174" t="s">
        <v>4337</v>
      </c>
    </row>
    <row r="2175" spans="1:3" x14ac:dyDescent="0.15">
      <c r="A2175">
        <v>22844</v>
      </c>
      <c r="B2175" t="s">
        <v>4338</v>
      </c>
      <c r="C2175" t="s">
        <v>4339</v>
      </c>
    </row>
    <row r="2176" spans="1:3" x14ac:dyDescent="0.15">
      <c r="A2176">
        <v>22843</v>
      </c>
      <c r="B2176" t="s">
        <v>4340</v>
      </c>
      <c r="C2176" t="s">
        <v>4341</v>
      </c>
    </row>
    <row r="2177" spans="1:3" x14ac:dyDescent="0.15">
      <c r="A2177">
        <v>22842</v>
      </c>
      <c r="B2177" t="s">
        <v>4342</v>
      </c>
      <c r="C2177" t="s">
        <v>4343</v>
      </c>
    </row>
    <row r="2178" spans="1:3" x14ac:dyDescent="0.15">
      <c r="A2178">
        <v>22841</v>
      </c>
      <c r="B2178" t="s">
        <v>4344</v>
      </c>
      <c r="C2178" t="s">
        <v>4345</v>
      </c>
    </row>
    <row r="2179" spans="1:3" x14ac:dyDescent="0.15">
      <c r="A2179">
        <v>22840</v>
      </c>
      <c r="B2179" t="s">
        <v>4346</v>
      </c>
      <c r="C2179" t="s">
        <v>4347</v>
      </c>
    </row>
    <row r="2180" spans="1:3" x14ac:dyDescent="0.15">
      <c r="A2180">
        <v>22839</v>
      </c>
      <c r="B2180" t="s">
        <v>4348</v>
      </c>
      <c r="C2180" t="s">
        <v>4349</v>
      </c>
    </row>
    <row r="2181" spans="1:3" x14ac:dyDescent="0.15">
      <c r="A2181">
        <v>22838</v>
      </c>
      <c r="B2181" t="s">
        <v>4350</v>
      </c>
      <c r="C2181" t="s">
        <v>4351</v>
      </c>
    </row>
    <row r="2182" spans="1:3" x14ac:dyDescent="0.15">
      <c r="A2182">
        <v>22837</v>
      </c>
      <c r="B2182" t="s">
        <v>4352</v>
      </c>
      <c r="C2182" t="s">
        <v>4353</v>
      </c>
    </row>
    <row r="2183" spans="1:3" x14ac:dyDescent="0.15">
      <c r="A2183">
        <v>22836</v>
      </c>
      <c r="B2183" t="s">
        <v>4354</v>
      </c>
      <c r="C2183" t="s">
        <v>4355</v>
      </c>
    </row>
    <row r="2184" spans="1:3" x14ac:dyDescent="0.15">
      <c r="A2184">
        <v>22835</v>
      </c>
      <c r="B2184" t="s">
        <v>4356</v>
      </c>
      <c r="C2184" t="s">
        <v>4357</v>
      </c>
    </row>
    <row r="2185" spans="1:3" x14ac:dyDescent="0.15">
      <c r="A2185">
        <v>22834</v>
      </c>
      <c r="B2185" t="s">
        <v>4358</v>
      </c>
      <c r="C2185" t="s">
        <v>4359</v>
      </c>
    </row>
    <row r="2186" spans="1:3" x14ac:dyDescent="0.15">
      <c r="A2186">
        <v>22833</v>
      </c>
      <c r="B2186" t="s">
        <v>4360</v>
      </c>
      <c r="C2186" t="s">
        <v>4361</v>
      </c>
    </row>
    <row r="2187" spans="1:3" x14ac:dyDescent="0.15">
      <c r="A2187">
        <v>22832</v>
      </c>
      <c r="B2187" t="s">
        <v>4362</v>
      </c>
      <c r="C2187" t="s">
        <v>4363</v>
      </c>
    </row>
    <row r="2188" spans="1:3" x14ac:dyDescent="0.15">
      <c r="A2188">
        <v>22831</v>
      </c>
      <c r="B2188" t="s">
        <v>4364</v>
      </c>
      <c r="C2188" t="s">
        <v>4365</v>
      </c>
    </row>
    <row r="2189" spans="1:3" x14ac:dyDescent="0.15">
      <c r="A2189">
        <v>22830</v>
      </c>
      <c r="B2189" t="s">
        <v>4366</v>
      </c>
      <c r="C2189" t="s">
        <v>4367</v>
      </c>
    </row>
    <row r="2190" spans="1:3" x14ac:dyDescent="0.15">
      <c r="A2190">
        <v>22829</v>
      </c>
      <c r="B2190" t="s">
        <v>4368</v>
      </c>
      <c r="C2190" t="s">
        <v>4369</v>
      </c>
    </row>
    <row r="2191" spans="1:3" x14ac:dyDescent="0.15">
      <c r="A2191">
        <v>22827</v>
      </c>
      <c r="B2191" t="s">
        <v>4370</v>
      </c>
      <c r="C2191" t="s">
        <v>4371</v>
      </c>
    </row>
    <row r="2192" spans="1:3" x14ac:dyDescent="0.15">
      <c r="A2192">
        <v>22826</v>
      </c>
      <c r="B2192" t="s">
        <v>4372</v>
      </c>
      <c r="C2192" t="s">
        <v>4373</v>
      </c>
    </row>
    <row r="2193" spans="1:3" x14ac:dyDescent="0.15">
      <c r="A2193">
        <v>22825</v>
      </c>
      <c r="B2193" t="s">
        <v>4374</v>
      </c>
      <c r="C2193" t="s">
        <v>4375</v>
      </c>
    </row>
    <row r="2194" spans="1:3" x14ac:dyDescent="0.15">
      <c r="A2194">
        <v>22824</v>
      </c>
      <c r="B2194" t="s">
        <v>4376</v>
      </c>
      <c r="C2194" t="s">
        <v>4377</v>
      </c>
    </row>
    <row r="2195" spans="1:3" x14ac:dyDescent="0.15">
      <c r="A2195">
        <v>22823</v>
      </c>
      <c r="B2195" t="s">
        <v>4378</v>
      </c>
      <c r="C2195" t="s">
        <v>4379</v>
      </c>
    </row>
    <row r="2196" spans="1:3" x14ac:dyDescent="0.15">
      <c r="A2196">
        <v>22822</v>
      </c>
      <c r="B2196" t="s">
        <v>4380</v>
      </c>
      <c r="C2196" t="s">
        <v>4381</v>
      </c>
    </row>
    <row r="2197" spans="1:3" x14ac:dyDescent="0.15">
      <c r="A2197">
        <v>22821</v>
      </c>
      <c r="B2197" t="s">
        <v>4382</v>
      </c>
      <c r="C2197" t="s">
        <v>4383</v>
      </c>
    </row>
    <row r="2198" spans="1:3" x14ac:dyDescent="0.15">
      <c r="A2198">
        <v>22820</v>
      </c>
      <c r="B2198" t="s">
        <v>4384</v>
      </c>
      <c r="C2198" t="s">
        <v>4385</v>
      </c>
    </row>
    <row r="2199" spans="1:3" x14ac:dyDescent="0.15">
      <c r="A2199">
        <v>22819</v>
      </c>
      <c r="B2199" t="s">
        <v>4386</v>
      </c>
      <c r="C2199" t="s">
        <v>4387</v>
      </c>
    </row>
    <row r="2200" spans="1:3" x14ac:dyDescent="0.15">
      <c r="A2200">
        <v>22818</v>
      </c>
      <c r="B2200" t="s">
        <v>4388</v>
      </c>
      <c r="C2200" t="s">
        <v>4389</v>
      </c>
    </row>
    <row r="2201" spans="1:3" x14ac:dyDescent="0.15">
      <c r="A2201">
        <v>22817</v>
      </c>
      <c r="B2201" t="s">
        <v>4390</v>
      </c>
      <c r="C2201" t="s">
        <v>4391</v>
      </c>
    </row>
    <row r="2202" spans="1:3" x14ac:dyDescent="0.15">
      <c r="A2202">
        <v>22816</v>
      </c>
      <c r="B2202" t="s">
        <v>4392</v>
      </c>
      <c r="C2202" t="s">
        <v>4393</v>
      </c>
    </row>
    <row r="2203" spans="1:3" x14ac:dyDescent="0.15">
      <c r="A2203">
        <v>22815</v>
      </c>
      <c r="B2203" t="s">
        <v>4394</v>
      </c>
      <c r="C2203" t="s">
        <v>4395</v>
      </c>
    </row>
    <row r="2204" spans="1:3" x14ac:dyDescent="0.15">
      <c r="A2204">
        <v>22814</v>
      </c>
      <c r="B2204" t="s">
        <v>4396</v>
      </c>
      <c r="C2204" t="s">
        <v>4397</v>
      </c>
    </row>
    <row r="2205" spans="1:3" x14ac:dyDescent="0.15">
      <c r="A2205">
        <v>22813</v>
      </c>
      <c r="B2205" t="s">
        <v>4398</v>
      </c>
      <c r="C2205" t="s">
        <v>4399</v>
      </c>
    </row>
    <row r="2206" spans="1:3" x14ac:dyDescent="0.15">
      <c r="A2206">
        <v>22812</v>
      </c>
      <c r="B2206" t="s">
        <v>4400</v>
      </c>
      <c r="C2206" t="s">
        <v>4401</v>
      </c>
    </row>
    <row r="2207" spans="1:3" x14ac:dyDescent="0.15">
      <c r="A2207">
        <v>22811</v>
      </c>
      <c r="B2207" t="s">
        <v>4402</v>
      </c>
      <c r="C2207" t="s">
        <v>4403</v>
      </c>
    </row>
    <row r="2208" spans="1:3" x14ac:dyDescent="0.15">
      <c r="A2208">
        <v>22810</v>
      </c>
      <c r="B2208" t="s">
        <v>4404</v>
      </c>
      <c r="C2208" t="s">
        <v>4405</v>
      </c>
    </row>
    <row r="2209" spans="1:3" x14ac:dyDescent="0.15">
      <c r="A2209">
        <v>22809</v>
      </c>
      <c r="B2209" t="s">
        <v>4406</v>
      </c>
      <c r="C2209" t="s">
        <v>4407</v>
      </c>
    </row>
    <row r="2210" spans="1:3" x14ac:dyDescent="0.15">
      <c r="A2210">
        <v>22808</v>
      </c>
      <c r="B2210" t="s">
        <v>4408</v>
      </c>
      <c r="C2210" t="s">
        <v>4409</v>
      </c>
    </row>
    <row r="2211" spans="1:3" x14ac:dyDescent="0.15">
      <c r="A2211">
        <v>22807</v>
      </c>
      <c r="B2211" t="s">
        <v>4410</v>
      </c>
      <c r="C2211" t="s">
        <v>4411</v>
      </c>
    </row>
    <row r="2212" spans="1:3" x14ac:dyDescent="0.15">
      <c r="A2212">
        <v>22806</v>
      </c>
      <c r="B2212" t="s">
        <v>4412</v>
      </c>
      <c r="C2212" t="s">
        <v>4413</v>
      </c>
    </row>
    <row r="2213" spans="1:3" x14ac:dyDescent="0.15">
      <c r="A2213">
        <v>22805</v>
      </c>
      <c r="B2213" t="s">
        <v>4414</v>
      </c>
      <c r="C2213" t="s">
        <v>4415</v>
      </c>
    </row>
    <row r="2214" spans="1:3" x14ac:dyDescent="0.15">
      <c r="A2214">
        <v>22804</v>
      </c>
      <c r="B2214" t="s">
        <v>4416</v>
      </c>
      <c r="C2214" t="s">
        <v>4417</v>
      </c>
    </row>
    <row r="2215" spans="1:3" x14ac:dyDescent="0.15">
      <c r="A2215">
        <v>22803</v>
      </c>
      <c r="B2215" t="s">
        <v>4418</v>
      </c>
      <c r="C2215" t="s">
        <v>4419</v>
      </c>
    </row>
    <row r="2216" spans="1:3" x14ac:dyDescent="0.15">
      <c r="A2216">
        <v>22802</v>
      </c>
      <c r="B2216" t="s">
        <v>4420</v>
      </c>
      <c r="C2216" t="s">
        <v>4421</v>
      </c>
    </row>
    <row r="2217" spans="1:3" x14ac:dyDescent="0.15">
      <c r="A2217">
        <v>22801</v>
      </c>
      <c r="B2217" t="s">
        <v>4422</v>
      </c>
      <c r="C2217" t="s">
        <v>4423</v>
      </c>
    </row>
    <row r="2218" spans="1:3" x14ac:dyDescent="0.15">
      <c r="A2218">
        <v>22800</v>
      </c>
      <c r="B2218" t="s">
        <v>4424</v>
      </c>
      <c r="C2218" t="s">
        <v>4425</v>
      </c>
    </row>
    <row r="2219" spans="1:3" x14ac:dyDescent="0.15">
      <c r="A2219">
        <v>22799</v>
      </c>
      <c r="B2219" t="s">
        <v>4426</v>
      </c>
      <c r="C2219" t="s">
        <v>4427</v>
      </c>
    </row>
    <row r="2220" spans="1:3" x14ac:dyDescent="0.15">
      <c r="A2220">
        <v>22798</v>
      </c>
      <c r="B2220" t="s">
        <v>4428</v>
      </c>
      <c r="C2220" t="s">
        <v>4429</v>
      </c>
    </row>
    <row r="2221" spans="1:3" x14ac:dyDescent="0.15">
      <c r="A2221">
        <v>22797</v>
      </c>
      <c r="B2221" t="s">
        <v>4430</v>
      </c>
      <c r="C2221" t="s">
        <v>4431</v>
      </c>
    </row>
    <row r="2222" spans="1:3" x14ac:dyDescent="0.15">
      <c r="A2222">
        <v>22796</v>
      </c>
      <c r="B2222" t="s">
        <v>4432</v>
      </c>
      <c r="C2222" t="s">
        <v>4433</v>
      </c>
    </row>
    <row r="2223" spans="1:3" x14ac:dyDescent="0.15">
      <c r="A2223">
        <v>22795</v>
      </c>
      <c r="B2223" t="s">
        <v>4434</v>
      </c>
      <c r="C2223" t="s">
        <v>4435</v>
      </c>
    </row>
    <row r="2224" spans="1:3" x14ac:dyDescent="0.15">
      <c r="A2224">
        <v>22794</v>
      </c>
      <c r="B2224" t="s">
        <v>4436</v>
      </c>
      <c r="C2224" t="s">
        <v>4437</v>
      </c>
    </row>
    <row r="2225" spans="1:3" x14ac:dyDescent="0.15">
      <c r="A2225">
        <v>22793</v>
      </c>
      <c r="B2225" t="s">
        <v>4438</v>
      </c>
      <c r="C2225" t="s">
        <v>4439</v>
      </c>
    </row>
    <row r="2226" spans="1:3" x14ac:dyDescent="0.15">
      <c r="A2226">
        <v>22792</v>
      </c>
      <c r="B2226" t="s">
        <v>4440</v>
      </c>
      <c r="C2226" t="s">
        <v>4441</v>
      </c>
    </row>
    <row r="2227" spans="1:3" x14ac:dyDescent="0.15">
      <c r="A2227">
        <v>22791</v>
      </c>
      <c r="B2227" t="s">
        <v>4442</v>
      </c>
      <c r="C2227" t="s">
        <v>4443</v>
      </c>
    </row>
    <row r="2228" spans="1:3" x14ac:dyDescent="0.15">
      <c r="A2228">
        <v>22790</v>
      </c>
      <c r="B2228" t="s">
        <v>4444</v>
      </c>
      <c r="C2228" t="s">
        <v>4445</v>
      </c>
    </row>
    <row r="2229" spans="1:3" x14ac:dyDescent="0.15">
      <c r="A2229">
        <v>22789</v>
      </c>
      <c r="B2229" t="s">
        <v>4446</v>
      </c>
      <c r="C2229" t="s">
        <v>4447</v>
      </c>
    </row>
    <row r="2230" spans="1:3" x14ac:dyDescent="0.15">
      <c r="A2230">
        <v>22788</v>
      </c>
      <c r="B2230" t="s">
        <v>4448</v>
      </c>
      <c r="C2230" t="s">
        <v>4449</v>
      </c>
    </row>
    <row r="2231" spans="1:3" x14ac:dyDescent="0.15">
      <c r="A2231">
        <v>22787</v>
      </c>
      <c r="B2231" t="s">
        <v>4450</v>
      </c>
      <c r="C2231" t="s">
        <v>4451</v>
      </c>
    </row>
    <row r="2232" spans="1:3" x14ac:dyDescent="0.15">
      <c r="A2232">
        <v>22786</v>
      </c>
      <c r="B2232" t="s">
        <v>4452</v>
      </c>
      <c r="C2232" t="s">
        <v>4453</v>
      </c>
    </row>
    <row r="2233" spans="1:3" x14ac:dyDescent="0.15">
      <c r="A2233">
        <v>22785</v>
      </c>
      <c r="B2233" t="s">
        <v>4454</v>
      </c>
      <c r="C2233" t="s">
        <v>4455</v>
      </c>
    </row>
    <row r="2234" spans="1:3" x14ac:dyDescent="0.15">
      <c r="A2234">
        <v>22784</v>
      </c>
      <c r="B2234" t="s">
        <v>4456</v>
      </c>
      <c r="C2234" t="s">
        <v>4457</v>
      </c>
    </row>
    <row r="2235" spans="1:3" x14ac:dyDescent="0.15">
      <c r="A2235">
        <v>22783</v>
      </c>
      <c r="B2235" t="s">
        <v>4458</v>
      </c>
      <c r="C2235" t="s">
        <v>4459</v>
      </c>
    </row>
    <row r="2236" spans="1:3" x14ac:dyDescent="0.15">
      <c r="A2236">
        <v>22782</v>
      </c>
      <c r="B2236" t="s">
        <v>4460</v>
      </c>
      <c r="C2236" t="s">
        <v>4461</v>
      </c>
    </row>
    <row r="2237" spans="1:3" x14ac:dyDescent="0.15">
      <c r="A2237">
        <v>22781</v>
      </c>
      <c r="B2237" t="s">
        <v>4462</v>
      </c>
      <c r="C2237" t="s">
        <v>4463</v>
      </c>
    </row>
    <row r="2238" spans="1:3" x14ac:dyDescent="0.15">
      <c r="A2238">
        <v>22780</v>
      </c>
      <c r="B2238" t="s">
        <v>4464</v>
      </c>
      <c r="C2238" t="s">
        <v>4465</v>
      </c>
    </row>
    <row r="2239" spans="1:3" x14ac:dyDescent="0.15">
      <c r="A2239">
        <v>22779</v>
      </c>
      <c r="B2239" t="s">
        <v>4466</v>
      </c>
      <c r="C2239" t="s">
        <v>4467</v>
      </c>
    </row>
    <row r="2240" spans="1:3" x14ac:dyDescent="0.15">
      <c r="A2240">
        <v>22778</v>
      </c>
      <c r="B2240" t="s">
        <v>4468</v>
      </c>
      <c r="C2240" t="s">
        <v>4469</v>
      </c>
    </row>
    <row r="2241" spans="1:3" x14ac:dyDescent="0.15">
      <c r="A2241">
        <v>22777</v>
      </c>
      <c r="B2241" t="s">
        <v>4470</v>
      </c>
      <c r="C2241" t="s">
        <v>4471</v>
      </c>
    </row>
    <row r="2242" spans="1:3" x14ac:dyDescent="0.15">
      <c r="A2242">
        <v>22776</v>
      </c>
      <c r="B2242" t="s">
        <v>4472</v>
      </c>
      <c r="C2242" t="s">
        <v>4473</v>
      </c>
    </row>
    <row r="2243" spans="1:3" x14ac:dyDescent="0.15">
      <c r="A2243">
        <v>22775</v>
      </c>
      <c r="B2243" t="s">
        <v>4474</v>
      </c>
      <c r="C2243" t="s">
        <v>4475</v>
      </c>
    </row>
    <row r="2244" spans="1:3" x14ac:dyDescent="0.15">
      <c r="A2244">
        <v>22774</v>
      </c>
      <c r="B2244" t="s">
        <v>4476</v>
      </c>
      <c r="C2244" t="s">
        <v>4477</v>
      </c>
    </row>
    <row r="2245" spans="1:3" x14ac:dyDescent="0.15">
      <c r="A2245">
        <v>22773</v>
      </c>
      <c r="B2245" t="s">
        <v>4478</v>
      </c>
      <c r="C2245" t="s">
        <v>4479</v>
      </c>
    </row>
    <row r="2246" spans="1:3" x14ac:dyDescent="0.15">
      <c r="A2246">
        <v>22772</v>
      </c>
      <c r="B2246" t="s">
        <v>4480</v>
      </c>
      <c r="C2246" t="s">
        <v>4481</v>
      </c>
    </row>
    <row r="2247" spans="1:3" x14ac:dyDescent="0.15">
      <c r="A2247">
        <v>22771</v>
      </c>
      <c r="B2247" t="s">
        <v>4482</v>
      </c>
      <c r="C2247" t="s">
        <v>4483</v>
      </c>
    </row>
    <row r="2248" spans="1:3" x14ac:dyDescent="0.15">
      <c r="A2248">
        <v>22770</v>
      </c>
      <c r="B2248" t="s">
        <v>4484</v>
      </c>
      <c r="C2248" t="s">
        <v>4485</v>
      </c>
    </row>
    <row r="2249" spans="1:3" x14ac:dyDescent="0.15">
      <c r="A2249">
        <v>22769</v>
      </c>
      <c r="B2249" t="s">
        <v>4486</v>
      </c>
      <c r="C2249" t="s">
        <v>4487</v>
      </c>
    </row>
    <row r="2250" spans="1:3" x14ac:dyDescent="0.15">
      <c r="A2250">
        <v>22768</v>
      </c>
      <c r="B2250" t="s">
        <v>4488</v>
      </c>
      <c r="C2250" t="s">
        <v>4489</v>
      </c>
    </row>
    <row r="2251" spans="1:3" x14ac:dyDescent="0.15">
      <c r="A2251">
        <v>22767</v>
      </c>
      <c r="B2251" t="s">
        <v>4490</v>
      </c>
      <c r="C2251" t="s">
        <v>4491</v>
      </c>
    </row>
    <row r="2252" spans="1:3" x14ac:dyDescent="0.15">
      <c r="A2252">
        <v>22766</v>
      </c>
      <c r="B2252" t="s">
        <v>4492</v>
      </c>
      <c r="C2252" t="s">
        <v>4493</v>
      </c>
    </row>
    <row r="2253" spans="1:3" x14ac:dyDescent="0.15">
      <c r="A2253">
        <v>22765</v>
      </c>
      <c r="B2253" t="s">
        <v>4494</v>
      </c>
      <c r="C2253" t="s">
        <v>4495</v>
      </c>
    </row>
    <row r="2254" spans="1:3" x14ac:dyDescent="0.15">
      <c r="A2254">
        <v>22764</v>
      </c>
      <c r="B2254" t="s">
        <v>4496</v>
      </c>
      <c r="C2254" t="s">
        <v>4497</v>
      </c>
    </row>
    <row r="2255" spans="1:3" x14ac:dyDescent="0.15">
      <c r="A2255">
        <v>22763</v>
      </c>
      <c r="B2255" t="s">
        <v>4498</v>
      </c>
      <c r="C2255" t="s">
        <v>4499</v>
      </c>
    </row>
    <row r="2256" spans="1:3" x14ac:dyDescent="0.15">
      <c r="A2256">
        <v>22762</v>
      </c>
      <c r="B2256" t="s">
        <v>4500</v>
      </c>
      <c r="C2256" t="s">
        <v>4501</v>
      </c>
    </row>
    <row r="2257" spans="1:3" x14ac:dyDescent="0.15">
      <c r="A2257">
        <v>22761</v>
      </c>
      <c r="B2257" t="s">
        <v>4502</v>
      </c>
      <c r="C2257" t="s">
        <v>4503</v>
      </c>
    </row>
    <row r="2258" spans="1:3" x14ac:dyDescent="0.15">
      <c r="A2258">
        <v>22760</v>
      </c>
      <c r="B2258" t="s">
        <v>4504</v>
      </c>
      <c r="C2258" t="s">
        <v>4505</v>
      </c>
    </row>
    <row r="2259" spans="1:3" x14ac:dyDescent="0.15">
      <c r="A2259">
        <v>22759</v>
      </c>
      <c r="B2259" t="s">
        <v>4506</v>
      </c>
      <c r="C2259" t="s">
        <v>4507</v>
      </c>
    </row>
    <row r="2260" spans="1:3" x14ac:dyDescent="0.15">
      <c r="A2260">
        <v>22758</v>
      </c>
      <c r="B2260" t="s">
        <v>4508</v>
      </c>
      <c r="C2260" t="s">
        <v>4509</v>
      </c>
    </row>
    <row r="2261" spans="1:3" x14ac:dyDescent="0.15">
      <c r="A2261">
        <v>22757</v>
      </c>
      <c r="B2261" t="s">
        <v>4510</v>
      </c>
      <c r="C2261" t="s">
        <v>4511</v>
      </c>
    </row>
    <row r="2262" spans="1:3" x14ac:dyDescent="0.15">
      <c r="A2262">
        <v>22756</v>
      </c>
      <c r="B2262" t="s">
        <v>4512</v>
      </c>
      <c r="C2262" t="s">
        <v>4513</v>
      </c>
    </row>
    <row r="2263" spans="1:3" x14ac:dyDescent="0.15">
      <c r="A2263">
        <v>22755</v>
      </c>
      <c r="B2263" t="s">
        <v>4514</v>
      </c>
      <c r="C2263" t="s">
        <v>4515</v>
      </c>
    </row>
    <row r="2264" spans="1:3" x14ac:dyDescent="0.15">
      <c r="A2264">
        <v>22754</v>
      </c>
      <c r="B2264" t="s">
        <v>4516</v>
      </c>
      <c r="C2264" t="s">
        <v>4517</v>
      </c>
    </row>
    <row r="2265" spans="1:3" x14ac:dyDescent="0.15">
      <c r="A2265">
        <v>22753</v>
      </c>
      <c r="B2265" t="s">
        <v>4518</v>
      </c>
      <c r="C2265" t="s">
        <v>4519</v>
      </c>
    </row>
    <row r="2266" spans="1:3" x14ac:dyDescent="0.15">
      <c r="A2266">
        <v>22752</v>
      </c>
      <c r="B2266" t="s">
        <v>4520</v>
      </c>
      <c r="C2266" t="s">
        <v>4521</v>
      </c>
    </row>
    <row r="2267" spans="1:3" x14ac:dyDescent="0.15">
      <c r="A2267">
        <v>22751</v>
      </c>
      <c r="B2267" t="s">
        <v>4522</v>
      </c>
      <c r="C2267" t="s">
        <v>4523</v>
      </c>
    </row>
    <row r="2268" spans="1:3" x14ac:dyDescent="0.15">
      <c r="A2268">
        <v>22750</v>
      </c>
      <c r="B2268" t="s">
        <v>4524</v>
      </c>
      <c r="C2268" t="s">
        <v>4525</v>
      </c>
    </row>
    <row r="2269" spans="1:3" x14ac:dyDescent="0.15">
      <c r="A2269">
        <v>22749</v>
      </c>
      <c r="B2269" t="s">
        <v>4526</v>
      </c>
      <c r="C2269" t="s">
        <v>4527</v>
      </c>
    </row>
    <row r="2270" spans="1:3" x14ac:dyDescent="0.15">
      <c r="A2270">
        <v>22748</v>
      </c>
      <c r="B2270" t="s">
        <v>4528</v>
      </c>
      <c r="C2270" t="s">
        <v>4529</v>
      </c>
    </row>
    <row r="2271" spans="1:3" x14ac:dyDescent="0.15">
      <c r="A2271">
        <v>22747</v>
      </c>
      <c r="B2271" t="s">
        <v>4530</v>
      </c>
      <c r="C2271" t="s">
        <v>4531</v>
      </c>
    </row>
    <row r="2272" spans="1:3" x14ac:dyDescent="0.15">
      <c r="A2272">
        <v>22746</v>
      </c>
      <c r="B2272" t="s">
        <v>4532</v>
      </c>
      <c r="C2272" t="s">
        <v>4533</v>
      </c>
    </row>
    <row r="2273" spans="1:3" x14ac:dyDescent="0.15">
      <c r="A2273">
        <v>22745</v>
      </c>
      <c r="B2273" t="s">
        <v>4534</v>
      </c>
      <c r="C2273" t="s">
        <v>4535</v>
      </c>
    </row>
    <row r="2274" spans="1:3" x14ac:dyDescent="0.15">
      <c r="A2274">
        <v>22744</v>
      </c>
      <c r="B2274" t="s">
        <v>4536</v>
      </c>
      <c r="C2274" t="s">
        <v>4537</v>
      </c>
    </row>
    <row r="2275" spans="1:3" x14ac:dyDescent="0.15">
      <c r="A2275">
        <v>22743</v>
      </c>
      <c r="B2275" t="s">
        <v>4538</v>
      </c>
      <c r="C2275" t="s">
        <v>4539</v>
      </c>
    </row>
    <row r="2276" spans="1:3" x14ac:dyDescent="0.15">
      <c r="A2276">
        <v>22742</v>
      </c>
      <c r="B2276" t="s">
        <v>4540</v>
      </c>
      <c r="C2276" t="s">
        <v>4541</v>
      </c>
    </row>
    <row r="2277" spans="1:3" x14ac:dyDescent="0.15">
      <c r="A2277">
        <v>22741</v>
      </c>
      <c r="B2277" t="s">
        <v>4542</v>
      </c>
      <c r="C2277" t="s">
        <v>4543</v>
      </c>
    </row>
    <row r="2278" spans="1:3" x14ac:dyDescent="0.15">
      <c r="A2278">
        <v>22740</v>
      </c>
      <c r="B2278" t="s">
        <v>4544</v>
      </c>
      <c r="C2278" t="s">
        <v>4545</v>
      </c>
    </row>
    <row r="2279" spans="1:3" x14ac:dyDescent="0.15">
      <c r="A2279">
        <v>22739</v>
      </c>
      <c r="B2279" t="s">
        <v>4546</v>
      </c>
      <c r="C2279" t="s">
        <v>4547</v>
      </c>
    </row>
    <row r="2280" spans="1:3" x14ac:dyDescent="0.15">
      <c r="A2280">
        <v>22738</v>
      </c>
      <c r="B2280" t="s">
        <v>4548</v>
      </c>
      <c r="C2280" t="s">
        <v>4549</v>
      </c>
    </row>
    <row r="2281" spans="1:3" x14ac:dyDescent="0.15">
      <c r="A2281">
        <v>22737</v>
      </c>
      <c r="B2281" t="s">
        <v>4550</v>
      </c>
      <c r="C2281" t="s">
        <v>4551</v>
      </c>
    </row>
    <row r="2282" spans="1:3" x14ac:dyDescent="0.15">
      <c r="A2282">
        <v>22736</v>
      </c>
      <c r="B2282" t="s">
        <v>4552</v>
      </c>
      <c r="C2282" t="s">
        <v>4553</v>
      </c>
    </row>
    <row r="2283" spans="1:3" x14ac:dyDescent="0.15">
      <c r="A2283">
        <v>22735</v>
      </c>
      <c r="B2283" t="s">
        <v>4554</v>
      </c>
      <c r="C2283" t="s">
        <v>4555</v>
      </c>
    </row>
    <row r="2284" spans="1:3" x14ac:dyDescent="0.15">
      <c r="A2284">
        <v>22734</v>
      </c>
      <c r="B2284" t="s">
        <v>4556</v>
      </c>
      <c r="C2284" t="s">
        <v>4557</v>
      </c>
    </row>
    <row r="2285" spans="1:3" x14ac:dyDescent="0.15">
      <c r="A2285">
        <v>22733</v>
      </c>
      <c r="B2285" t="s">
        <v>4558</v>
      </c>
      <c r="C2285" t="s">
        <v>4559</v>
      </c>
    </row>
    <row r="2286" spans="1:3" x14ac:dyDescent="0.15">
      <c r="A2286">
        <v>22732</v>
      </c>
      <c r="B2286" t="s">
        <v>4560</v>
      </c>
      <c r="C2286" t="s">
        <v>4561</v>
      </c>
    </row>
    <row r="2287" spans="1:3" x14ac:dyDescent="0.15">
      <c r="A2287">
        <v>22731</v>
      </c>
      <c r="B2287" t="s">
        <v>4562</v>
      </c>
      <c r="C2287" t="s">
        <v>4563</v>
      </c>
    </row>
    <row r="2288" spans="1:3" x14ac:dyDescent="0.15">
      <c r="A2288">
        <v>22730</v>
      </c>
      <c r="B2288" t="s">
        <v>4564</v>
      </c>
      <c r="C2288" t="s">
        <v>4565</v>
      </c>
    </row>
    <row r="2289" spans="1:3" x14ac:dyDescent="0.15">
      <c r="A2289">
        <v>22729</v>
      </c>
      <c r="B2289" t="s">
        <v>4566</v>
      </c>
      <c r="C2289" t="s">
        <v>4567</v>
      </c>
    </row>
    <row r="2290" spans="1:3" x14ac:dyDescent="0.15">
      <c r="A2290">
        <v>22728</v>
      </c>
      <c r="B2290" t="s">
        <v>4568</v>
      </c>
      <c r="C2290" t="s">
        <v>4569</v>
      </c>
    </row>
    <row r="2291" spans="1:3" x14ac:dyDescent="0.15">
      <c r="A2291">
        <v>22727</v>
      </c>
      <c r="B2291" t="s">
        <v>4570</v>
      </c>
      <c r="C2291" t="s">
        <v>4571</v>
      </c>
    </row>
    <row r="2292" spans="1:3" x14ac:dyDescent="0.15">
      <c r="A2292">
        <v>22726</v>
      </c>
      <c r="B2292" t="s">
        <v>4572</v>
      </c>
      <c r="C2292" t="s">
        <v>4573</v>
      </c>
    </row>
    <row r="2293" spans="1:3" x14ac:dyDescent="0.15">
      <c r="A2293">
        <v>22725</v>
      </c>
      <c r="B2293" t="s">
        <v>4574</v>
      </c>
      <c r="C2293" t="s">
        <v>4575</v>
      </c>
    </row>
    <row r="2294" spans="1:3" x14ac:dyDescent="0.15">
      <c r="A2294">
        <v>22724</v>
      </c>
      <c r="B2294" t="s">
        <v>4576</v>
      </c>
      <c r="C2294" t="s">
        <v>4577</v>
      </c>
    </row>
    <row r="2295" spans="1:3" x14ac:dyDescent="0.15">
      <c r="A2295">
        <v>22723</v>
      </c>
      <c r="B2295" t="s">
        <v>4578</v>
      </c>
      <c r="C2295" t="s">
        <v>4579</v>
      </c>
    </row>
    <row r="2296" spans="1:3" x14ac:dyDescent="0.15">
      <c r="A2296">
        <v>22722</v>
      </c>
      <c r="B2296" t="s">
        <v>4580</v>
      </c>
      <c r="C2296" t="s">
        <v>4581</v>
      </c>
    </row>
    <row r="2297" spans="1:3" x14ac:dyDescent="0.15">
      <c r="A2297">
        <v>22721</v>
      </c>
      <c r="B2297" t="s">
        <v>4582</v>
      </c>
      <c r="C2297" t="s">
        <v>4583</v>
      </c>
    </row>
    <row r="2298" spans="1:3" x14ac:dyDescent="0.15">
      <c r="A2298">
        <v>22720</v>
      </c>
      <c r="B2298" t="s">
        <v>4584</v>
      </c>
      <c r="C2298" t="s">
        <v>4585</v>
      </c>
    </row>
    <row r="2299" spans="1:3" x14ac:dyDescent="0.15">
      <c r="A2299">
        <v>22719</v>
      </c>
      <c r="B2299" t="s">
        <v>4586</v>
      </c>
      <c r="C2299" t="s">
        <v>4587</v>
      </c>
    </row>
    <row r="2300" spans="1:3" x14ac:dyDescent="0.15">
      <c r="A2300">
        <v>22718</v>
      </c>
      <c r="B2300" t="s">
        <v>4588</v>
      </c>
      <c r="C2300" t="s">
        <v>4589</v>
      </c>
    </row>
    <row r="2301" spans="1:3" x14ac:dyDescent="0.15">
      <c r="A2301">
        <v>22717</v>
      </c>
      <c r="B2301" t="s">
        <v>4590</v>
      </c>
      <c r="C2301" t="s">
        <v>4591</v>
      </c>
    </row>
    <row r="2302" spans="1:3" x14ac:dyDescent="0.15">
      <c r="A2302">
        <v>22716</v>
      </c>
      <c r="B2302" t="s">
        <v>4592</v>
      </c>
      <c r="C2302" t="s">
        <v>4593</v>
      </c>
    </row>
    <row r="2303" spans="1:3" x14ac:dyDescent="0.15">
      <c r="A2303">
        <v>22715</v>
      </c>
      <c r="B2303" t="s">
        <v>4594</v>
      </c>
      <c r="C2303" t="s">
        <v>4595</v>
      </c>
    </row>
    <row r="2304" spans="1:3" x14ac:dyDescent="0.15">
      <c r="A2304">
        <v>22714</v>
      </c>
      <c r="B2304" t="s">
        <v>4596</v>
      </c>
      <c r="C2304" t="s">
        <v>4597</v>
      </c>
    </row>
    <row r="2305" spans="1:3" x14ac:dyDescent="0.15">
      <c r="A2305">
        <v>22713</v>
      </c>
      <c r="B2305" t="s">
        <v>4598</v>
      </c>
      <c r="C2305" t="s">
        <v>4599</v>
      </c>
    </row>
    <row r="2306" spans="1:3" x14ac:dyDescent="0.15">
      <c r="A2306">
        <v>22712</v>
      </c>
      <c r="B2306" t="s">
        <v>4600</v>
      </c>
      <c r="C2306" t="s">
        <v>4601</v>
      </c>
    </row>
    <row r="2307" spans="1:3" x14ac:dyDescent="0.15">
      <c r="A2307">
        <v>22711</v>
      </c>
      <c r="B2307" t="s">
        <v>4602</v>
      </c>
      <c r="C2307" t="s">
        <v>4603</v>
      </c>
    </row>
    <row r="2308" spans="1:3" x14ac:dyDescent="0.15">
      <c r="A2308">
        <v>22710</v>
      </c>
      <c r="B2308" t="s">
        <v>4604</v>
      </c>
      <c r="C2308" t="s">
        <v>4605</v>
      </c>
    </row>
    <row r="2309" spans="1:3" x14ac:dyDescent="0.15">
      <c r="A2309">
        <v>22709</v>
      </c>
      <c r="B2309" t="s">
        <v>4606</v>
      </c>
      <c r="C2309" t="s">
        <v>4607</v>
      </c>
    </row>
    <row r="2310" spans="1:3" x14ac:dyDescent="0.15">
      <c r="A2310">
        <v>22708</v>
      </c>
      <c r="B2310" t="s">
        <v>4608</v>
      </c>
      <c r="C2310" t="s">
        <v>4609</v>
      </c>
    </row>
    <row r="2311" spans="1:3" x14ac:dyDescent="0.15">
      <c r="A2311">
        <v>22707</v>
      </c>
      <c r="B2311" t="s">
        <v>4610</v>
      </c>
      <c r="C2311" t="s">
        <v>4611</v>
      </c>
    </row>
    <row r="2312" spans="1:3" x14ac:dyDescent="0.15">
      <c r="A2312">
        <v>22706</v>
      </c>
      <c r="B2312" t="s">
        <v>4612</v>
      </c>
      <c r="C2312" t="s">
        <v>4613</v>
      </c>
    </row>
    <row r="2313" spans="1:3" x14ac:dyDescent="0.15">
      <c r="A2313">
        <v>22705</v>
      </c>
      <c r="B2313" t="s">
        <v>4614</v>
      </c>
      <c r="C2313" t="s">
        <v>4615</v>
      </c>
    </row>
    <row r="2314" spans="1:3" x14ac:dyDescent="0.15">
      <c r="A2314">
        <v>22704</v>
      </c>
      <c r="B2314" t="s">
        <v>4616</v>
      </c>
      <c r="C2314" t="s">
        <v>4617</v>
      </c>
    </row>
    <row r="2315" spans="1:3" x14ac:dyDescent="0.15">
      <c r="A2315">
        <v>22703</v>
      </c>
      <c r="B2315" t="s">
        <v>4618</v>
      </c>
      <c r="C2315" t="s">
        <v>4619</v>
      </c>
    </row>
    <row r="2316" spans="1:3" x14ac:dyDescent="0.15">
      <c r="A2316">
        <v>22702</v>
      </c>
      <c r="B2316" t="s">
        <v>4620</v>
      </c>
      <c r="C2316" t="s">
        <v>4621</v>
      </c>
    </row>
    <row r="2317" spans="1:3" x14ac:dyDescent="0.15">
      <c r="A2317">
        <v>22701</v>
      </c>
      <c r="B2317" t="s">
        <v>4622</v>
      </c>
      <c r="C2317" t="s">
        <v>4623</v>
      </c>
    </row>
    <row r="2318" spans="1:3" x14ac:dyDescent="0.15">
      <c r="A2318">
        <v>22700</v>
      </c>
      <c r="B2318" t="s">
        <v>4624</v>
      </c>
      <c r="C2318" t="s">
        <v>4625</v>
      </c>
    </row>
    <row r="2319" spans="1:3" x14ac:dyDescent="0.15">
      <c r="A2319">
        <v>22699</v>
      </c>
      <c r="B2319" t="s">
        <v>4626</v>
      </c>
      <c r="C2319" t="s">
        <v>4627</v>
      </c>
    </row>
    <row r="2320" spans="1:3" x14ac:dyDescent="0.15">
      <c r="A2320">
        <v>22698</v>
      </c>
      <c r="B2320" t="s">
        <v>4628</v>
      </c>
      <c r="C2320" t="s">
        <v>4629</v>
      </c>
    </row>
    <row r="2321" spans="1:3" x14ac:dyDescent="0.15">
      <c r="A2321">
        <v>22697</v>
      </c>
      <c r="B2321" t="s">
        <v>4630</v>
      </c>
      <c r="C2321" t="s">
        <v>4631</v>
      </c>
    </row>
    <row r="2322" spans="1:3" x14ac:dyDescent="0.15">
      <c r="A2322">
        <v>22696</v>
      </c>
      <c r="B2322" t="s">
        <v>4632</v>
      </c>
      <c r="C2322" t="s">
        <v>4633</v>
      </c>
    </row>
    <row r="2323" spans="1:3" x14ac:dyDescent="0.15">
      <c r="A2323">
        <v>22695</v>
      </c>
      <c r="B2323" t="s">
        <v>4634</v>
      </c>
      <c r="C2323" t="s">
        <v>4635</v>
      </c>
    </row>
    <row r="2324" spans="1:3" x14ac:dyDescent="0.15">
      <c r="A2324">
        <v>22694</v>
      </c>
      <c r="B2324" t="s">
        <v>4636</v>
      </c>
      <c r="C2324" t="s">
        <v>4637</v>
      </c>
    </row>
    <row r="2325" spans="1:3" x14ac:dyDescent="0.15">
      <c r="A2325">
        <v>22693</v>
      </c>
      <c r="B2325" t="s">
        <v>4638</v>
      </c>
      <c r="C2325" t="s">
        <v>4639</v>
      </c>
    </row>
    <row r="2326" spans="1:3" x14ac:dyDescent="0.15">
      <c r="A2326">
        <v>22692</v>
      </c>
      <c r="B2326" t="s">
        <v>4640</v>
      </c>
      <c r="C2326" t="s">
        <v>4641</v>
      </c>
    </row>
    <row r="2327" spans="1:3" x14ac:dyDescent="0.15">
      <c r="A2327">
        <v>22691</v>
      </c>
      <c r="B2327" t="s">
        <v>4642</v>
      </c>
      <c r="C2327" t="s">
        <v>4643</v>
      </c>
    </row>
    <row r="2328" spans="1:3" x14ac:dyDescent="0.15">
      <c r="A2328">
        <v>22690</v>
      </c>
      <c r="B2328" t="s">
        <v>4644</v>
      </c>
      <c r="C2328" t="s">
        <v>4645</v>
      </c>
    </row>
    <row r="2329" spans="1:3" x14ac:dyDescent="0.15">
      <c r="A2329">
        <v>22689</v>
      </c>
      <c r="B2329" t="s">
        <v>4646</v>
      </c>
      <c r="C2329" t="s">
        <v>4647</v>
      </c>
    </row>
    <row r="2330" spans="1:3" x14ac:dyDescent="0.15">
      <c r="A2330">
        <v>22688</v>
      </c>
      <c r="B2330" t="s">
        <v>4648</v>
      </c>
      <c r="C2330" t="s">
        <v>4649</v>
      </c>
    </row>
    <row r="2331" spans="1:3" x14ac:dyDescent="0.15">
      <c r="A2331">
        <v>22687</v>
      </c>
      <c r="B2331" t="s">
        <v>4650</v>
      </c>
      <c r="C2331" t="s">
        <v>4651</v>
      </c>
    </row>
    <row r="2332" spans="1:3" x14ac:dyDescent="0.15">
      <c r="A2332">
        <v>22686</v>
      </c>
      <c r="B2332" t="s">
        <v>4652</v>
      </c>
      <c r="C2332" t="s">
        <v>4653</v>
      </c>
    </row>
    <row r="2333" spans="1:3" x14ac:dyDescent="0.15">
      <c r="A2333">
        <v>22685</v>
      </c>
      <c r="B2333" t="s">
        <v>4654</v>
      </c>
      <c r="C2333" t="s">
        <v>4655</v>
      </c>
    </row>
    <row r="2334" spans="1:3" x14ac:dyDescent="0.15">
      <c r="A2334">
        <v>22684</v>
      </c>
      <c r="B2334" t="s">
        <v>4656</v>
      </c>
      <c r="C2334" t="s">
        <v>4657</v>
      </c>
    </row>
    <row r="2335" spans="1:3" x14ac:dyDescent="0.15">
      <c r="A2335">
        <v>22683</v>
      </c>
      <c r="B2335" t="s">
        <v>4658</v>
      </c>
      <c r="C2335" t="s">
        <v>4659</v>
      </c>
    </row>
    <row r="2336" spans="1:3" x14ac:dyDescent="0.15">
      <c r="A2336">
        <v>22682</v>
      </c>
      <c r="B2336" t="s">
        <v>4660</v>
      </c>
      <c r="C2336" t="s">
        <v>4661</v>
      </c>
    </row>
    <row r="2337" spans="1:3" x14ac:dyDescent="0.15">
      <c r="A2337">
        <v>22681</v>
      </c>
      <c r="B2337" t="s">
        <v>4662</v>
      </c>
      <c r="C2337" t="s">
        <v>4663</v>
      </c>
    </row>
    <row r="2338" spans="1:3" x14ac:dyDescent="0.15">
      <c r="A2338">
        <v>22680</v>
      </c>
      <c r="B2338" t="s">
        <v>4664</v>
      </c>
      <c r="C2338" t="s">
        <v>4665</v>
      </c>
    </row>
    <row r="2339" spans="1:3" x14ac:dyDescent="0.15">
      <c r="A2339">
        <v>22679</v>
      </c>
      <c r="B2339" t="s">
        <v>4666</v>
      </c>
      <c r="C2339" t="s">
        <v>4667</v>
      </c>
    </row>
    <row r="2340" spans="1:3" x14ac:dyDescent="0.15">
      <c r="A2340">
        <v>22678</v>
      </c>
      <c r="B2340" t="s">
        <v>4668</v>
      </c>
      <c r="C2340" t="s">
        <v>4669</v>
      </c>
    </row>
    <row r="2341" spans="1:3" x14ac:dyDescent="0.15">
      <c r="A2341">
        <v>22677</v>
      </c>
      <c r="B2341" t="s">
        <v>4670</v>
      </c>
      <c r="C2341" t="s">
        <v>4671</v>
      </c>
    </row>
    <row r="2342" spans="1:3" x14ac:dyDescent="0.15">
      <c r="A2342">
        <v>22676</v>
      </c>
      <c r="B2342" t="s">
        <v>4672</v>
      </c>
      <c r="C2342" t="s">
        <v>4673</v>
      </c>
    </row>
    <row r="2343" spans="1:3" x14ac:dyDescent="0.15">
      <c r="A2343">
        <v>22675</v>
      </c>
      <c r="B2343" t="s">
        <v>4674</v>
      </c>
      <c r="C2343" t="s">
        <v>4675</v>
      </c>
    </row>
    <row r="2344" spans="1:3" x14ac:dyDescent="0.15">
      <c r="A2344">
        <v>22674</v>
      </c>
      <c r="B2344" t="s">
        <v>4676</v>
      </c>
      <c r="C2344" t="s">
        <v>4677</v>
      </c>
    </row>
    <row r="2345" spans="1:3" x14ac:dyDescent="0.15">
      <c r="A2345">
        <v>22673</v>
      </c>
      <c r="B2345" t="s">
        <v>4678</v>
      </c>
      <c r="C2345" t="s">
        <v>4679</v>
      </c>
    </row>
    <row r="2346" spans="1:3" x14ac:dyDescent="0.15">
      <c r="A2346">
        <v>22672</v>
      </c>
      <c r="B2346" t="s">
        <v>4680</v>
      </c>
      <c r="C2346" t="s">
        <v>4681</v>
      </c>
    </row>
    <row r="2347" spans="1:3" x14ac:dyDescent="0.15">
      <c r="A2347">
        <v>22671</v>
      </c>
      <c r="B2347" t="s">
        <v>4682</v>
      </c>
      <c r="C2347" t="s">
        <v>4683</v>
      </c>
    </row>
    <row r="2348" spans="1:3" x14ac:dyDescent="0.15">
      <c r="A2348">
        <v>22670</v>
      </c>
      <c r="B2348" t="s">
        <v>4684</v>
      </c>
      <c r="C2348" t="s">
        <v>4685</v>
      </c>
    </row>
    <row r="2349" spans="1:3" x14ac:dyDescent="0.15">
      <c r="A2349">
        <v>22669</v>
      </c>
      <c r="B2349" t="s">
        <v>4686</v>
      </c>
      <c r="C2349" t="s">
        <v>4687</v>
      </c>
    </row>
    <row r="2350" spans="1:3" x14ac:dyDescent="0.15">
      <c r="A2350">
        <v>22668</v>
      </c>
      <c r="B2350" t="s">
        <v>4688</v>
      </c>
      <c r="C2350" t="s">
        <v>4689</v>
      </c>
    </row>
    <row r="2351" spans="1:3" x14ac:dyDescent="0.15">
      <c r="A2351">
        <v>22667</v>
      </c>
      <c r="B2351" t="s">
        <v>4690</v>
      </c>
      <c r="C2351" t="s">
        <v>4691</v>
      </c>
    </row>
    <row r="2352" spans="1:3" x14ac:dyDescent="0.15">
      <c r="A2352">
        <v>22666</v>
      </c>
      <c r="B2352" t="s">
        <v>4692</v>
      </c>
      <c r="C2352" t="s">
        <v>4693</v>
      </c>
    </row>
    <row r="2353" spans="1:3" x14ac:dyDescent="0.15">
      <c r="A2353">
        <v>22665</v>
      </c>
      <c r="B2353" t="s">
        <v>4694</v>
      </c>
      <c r="C2353" t="s">
        <v>4695</v>
      </c>
    </row>
    <row r="2354" spans="1:3" x14ac:dyDescent="0.15">
      <c r="A2354">
        <v>22664</v>
      </c>
      <c r="B2354" t="s">
        <v>4696</v>
      </c>
      <c r="C2354" t="s">
        <v>4697</v>
      </c>
    </row>
    <row r="2355" spans="1:3" x14ac:dyDescent="0.15">
      <c r="A2355">
        <v>22663</v>
      </c>
      <c r="B2355" t="s">
        <v>4698</v>
      </c>
      <c r="C2355" t="s">
        <v>4699</v>
      </c>
    </row>
    <row r="2356" spans="1:3" x14ac:dyDescent="0.15">
      <c r="A2356">
        <v>22662</v>
      </c>
      <c r="B2356" t="s">
        <v>4700</v>
      </c>
      <c r="C2356" t="s">
        <v>4701</v>
      </c>
    </row>
    <row r="2357" spans="1:3" x14ac:dyDescent="0.15">
      <c r="A2357">
        <v>22661</v>
      </c>
      <c r="B2357" t="s">
        <v>4702</v>
      </c>
      <c r="C2357" t="s">
        <v>4703</v>
      </c>
    </row>
    <row r="2358" spans="1:3" x14ac:dyDescent="0.15">
      <c r="A2358">
        <v>22660</v>
      </c>
      <c r="B2358" t="s">
        <v>4704</v>
      </c>
      <c r="C2358" t="s">
        <v>4705</v>
      </c>
    </row>
    <row r="2359" spans="1:3" x14ac:dyDescent="0.15">
      <c r="A2359">
        <v>22659</v>
      </c>
      <c r="B2359" t="s">
        <v>4706</v>
      </c>
      <c r="C2359" t="s">
        <v>4707</v>
      </c>
    </row>
    <row r="2360" spans="1:3" x14ac:dyDescent="0.15">
      <c r="A2360">
        <v>22658</v>
      </c>
      <c r="B2360" t="s">
        <v>4708</v>
      </c>
      <c r="C2360" t="s">
        <v>4709</v>
      </c>
    </row>
    <row r="2361" spans="1:3" x14ac:dyDescent="0.15">
      <c r="A2361">
        <v>22657</v>
      </c>
      <c r="B2361" t="s">
        <v>4710</v>
      </c>
      <c r="C2361" t="s">
        <v>4711</v>
      </c>
    </row>
    <row r="2362" spans="1:3" x14ac:dyDescent="0.15">
      <c r="A2362">
        <v>22656</v>
      </c>
      <c r="B2362" t="s">
        <v>4712</v>
      </c>
      <c r="C2362" t="s">
        <v>4713</v>
      </c>
    </row>
    <row r="2363" spans="1:3" x14ac:dyDescent="0.15">
      <c r="A2363">
        <v>22655</v>
      </c>
      <c r="B2363" t="s">
        <v>4714</v>
      </c>
      <c r="C2363" t="s">
        <v>4715</v>
      </c>
    </row>
    <row r="2364" spans="1:3" x14ac:dyDescent="0.15">
      <c r="A2364">
        <v>22654</v>
      </c>
      <c r="B2364" t="s">
        <v>4716</v>
      </c>
      <c r="C2364" t="s">
        <v>4717</v>
      </c>
    </row>
    <row r="2365" spans="1:3" x14ac:dyDescent="0.15">
      <c r="A2365">
        <v>22653</v>
      </c>
      <c r="B2365" t="s">
        <v>4718</v>
      </c>
      <c r="C2365" t="s">
        <v>4719</v>
      </c>
    </row>
    <row r="2366" spans="1:3" x14ac:dyDescent="0.15">
      <c r="A2366">
        <v>22652</v>
      </c>
      <c r="B2366" t="s">
        <v>4720</v>
      </c>
      <c r="C2366" t="s">
        <v>4721</v>
      </c>
    </row>
    <row r="2367" spans="1:3" x14ac:dyDescent="0.15">
      <c r="A2367">
        <v>22651</v>
      </c>
      <c r="B2367" t="s">
        <v>4722</v>
      </c>
      <c r="C2367" t="s">
        <v>4723</v>
      </c>
    </row>
    <row r="2368" spans="1:3" x14ac:dyDescent="0.15">
      <c r="A2368">
        <v>22650</v>
      </c>
      <c r="B2368" t="s">
        <v>4724</v>
      </c>
      <c r="C2368" t="s">
        <v>4725</v>
      </c>
    </row>
    <row r="2369" spans="1:3" x14ac:dyDescent="0.15">
      <c r="A2369">
        <v>22649</v>
      </c>
      <c r="B2369" t="s">
        <v>4726</v>
      </c>
      <c r="C2369" t="s">
        <v>4727</v>
      </c>
    </row>
    <row r="2370" spans="1:3" x14ac:dyDescent="0.15">
      <c r="A2370">
        <v>22648</v>
      </c>
      <c r="B2370" t="s">
        <v>4728</v>
      </c>
      <c r="C2370" t="s">
        <v>4729</v>
      </c>
    </row>
    <row r="2371" spans="1:3" x14ac:dyDescent="0.15">
      <c r="A2371">
        <v>22647</v>
      </c>
      <c r="B2371" t="s">
        <v>4730</v>
      </c>
      <c r="C2371" t="s">
        <v>4731</v>
      </c>
    </row>
    <row r="2372" spans="1:3" x14ac:dyDescent="0.15">
      <c r="A2372">
        <v>22646</v>
      </c>
      <c r="B2372" t="s">
        <v>4732</v>
      </c>
      <c r="C2372" t="s">
        <v>4733</v>
      </c>
    </row>
    <row r="2373" spans="1:3" x14ac:dyDescent="0.15">
      <c r="A2373">
        <v>22645</v>
      </c>
      <c r="B2373" t="s">
        <v>4734</v>
      </c>
      <c r="C2373" t="s">
        <v>4735</v>
      </c>
    </row>
    <row r="2374" spans="1:3" x14ac:dyDescent="0.15">
      <c r="A2374">
        <v>22644</v>
      </c>
      <c r="B2374" t="s">
        <v>4736</v>
      </c>
      <c r="C2374" t="s">
        <v>4737</v>
      </c>
    </row>
    <row r="2375" spans="1:3" x14ac:dyDescent="0.15">
      <c r="A2375">
        <v>22643</v>
      </c>
      <c r="B2375" t="s">
        <v>4738</v>
      </c>
      <c r="C2375" t="s">
        <v>4739</v>
      </c>
    </row>
    <row r="2376" spans="1:3" x14ac:dyDescent="0.15">
      <c r="A2376">
        <v>22642</v>
      </c>
      <c r="B2376" t="s">
        <v>4740</v>
      </c>
      <c r="C2376" t="s">
        <v>4741</v>
      </c>
    </row>
    <row r="2377" spans="1:3" x14ac:dyDescent="0.15">
      <c r="A2377">
        <v>22641</v>
      </c>
      <c r="B2377" t="s">
        <v>4742</v>
      </c>
      <c r="C2377" t="s">
        <v>4743</v>
      </c>
    </row>
    <row r="2378" spans="1:3" x14ac:dyDescent="0.15">
      <c r="A2378">
        <v>22640</v>
      </c>
      <c r="B2378" t="s">
        <v>4744</v>
      </c>
      <c r="C2378" t="s">
        <v>4745</v>
      </c>
    </row>
    <row r="2379" spans="1:3" x14ac:dyDescent="0.15">
      <c r="A2379">
        <v>22639</v>
      </c>
      <c r="B2379" t="s">
        <v>4746</v>
      </c>
      <c r="C2379" t="s">
        <v>4747</v>
      </c>
    </row>
    <row r="2380" spans="1:3" x14ac:dyDescent="0.15">
      <c r="A2380">
        <v>22638</v>
      </c>
      <c r="B2380" t="s">
        <v>4748</v>
      </c>
      <c r="C2380" t="s">
        <v>4749</v>
      </c>
    </row>
    <row r="2381" spans="1:3" x14ac:dyDescent="0.15">
      <c r="A2381">
        <v>22637</v>
      </c>
      <c r="B2381" t="s">
        <v>4750</v>
      </c>
      <c r="C2381" t="s">
        <v>4751</v>
      </c>
    </row>
    <row r="2382" spans="1:3" x14ac:dyDescent="0.15">
      <c r="A2382">
        <v>22636</v>
      </c>
      <c r="B2382" t="s">
        <v>4752</v>
      </c>
      <c r="C2382" t="s">
        <v>4753</v>
      </c>
    </row>
    <row r="2383" spans="1:3" x14ac:dyDescent="0.15">
      <c r="A2383">
        <v>22635</v>
      </c>
      <c r="B2383" t="s">
        <v>4754</v>
      </c>
      <c r="C2383" t="s">
        <v>4755</v>
      </c>
    </row>
    <row r="2384" spans="1:3" x14ac:dyDescent="0.15">
      <c r="A2384">
        <v>22634</v>
      </c>
      <c r="B2384" t="s">
        <v>4756</v>
      </c>
      <c r="C2384" t="s">
        <v>4757</v>
      </c>
    </row>
    <row r="2385" spans="1:3" x14ac:dyDescent="0.15">
      <c r="A2385">
        <v>22633</v>
      </c>
      <c r="B2385" t="s">
        <v>4758</v>
      </c>
      <c r="C2385" t="s">
        <v>4759</v>
      </c>
    </row>
    <row r="2386" spans="1:3" x14ac:dyDescent="0.15">
      <c r="A2386">
        <v>22632</v>
      </c>
      <c r="B2386" t="s">
        <v>4760</v>
      </c>
      <c r="C2386" t="s">
        <v>4761</v>
      </c>
    </row>
    <row r="2387" spans="1:3" x14ac:dyDescent="0.15">
      <c r="A2387">
        <v>22631</v>
      </c>
      <c r="B2387" t="s">
        <v>4762</v>
      </c>
      <c r="C2387" t="s">
        <v>4763</v>
      </c>
    </row>
    <row r="2388" spans="1:3" x14ac:dyDescent="0.15">
      <c r="A2388">
        <v>22630</v>
      </c>
      <c r="B2388" t="s">
        <v>4764</v>
      </c>
      <c r="C2388" t="s">
        <v>4765</v>
      </c>
    </row>
    <row r="2389" spans="1:3" x14ac:dyDescent="0.15">
      <c r="A2389">
        <v>22629</v>
      </c>
      <c r="B2389" t="s">
        <v>4766</v>
      </c>
      <c r="C2389" t="s">
        <v>4767</v>
      </c>
    </row>
    <row r="2390" spans="1:3" x14ac:dyDescent="0.15">
      <c r="A2390">
        <v>22628</v>
      </c>
      <c r="B2390" t="s">
        <v>4768</v>
      </c>
      <c r="C2390" t="s">
        <v>4769</v>
      </c>
    </row>
    <row r="2391" spans="1:3" x14ac:dyDescent="0.15">
      <c r="A2391">
        <v>22627</v>
      </c>
      <c r="B2391" t="s">
        <v>4770</v>
      </c>
      <c r="C2391" t="s">
        <v>4771</v>
      </c>
    </row>
    <row r="2392" spans="1:3" x14ac:dyDescent="0.15">
      <c r="A2392">
        <v>22626</v>
      </c>
      <c r="B2392" t="s">
        <v>4772</v>
      </c>
      <c r="C2392" t="s">
        <v>4773</v>
      </c>
    </row>
    <row r="2393" spans="1:3" x14ac:dyDescent="0.15">
      <c r="A2393">
        <v>22625</v>
      </c>
      <c r="B2393" t="s">
        <v>4774</v>
      </c>
      <c r="C2393" t="s">
        <v>4775</v>
      </c>
    </row>
    <row r="2394" spans="1:3" x14ac:dyDescent="0.15">
      <c r="A2394">
        <v>22624</v>
      </c>
      <c r="B2394" t="s">
        <v>4776</v>
      </c>
      <c r="C2394" t="s">
        <v>4777</v>
      </c>
    </row>
    <row r="2395" spans="1:3" x14ac:dyDescent="0.15">
      <c r="A2395">
        <v>22623</v>
      </c>
      <c r="B2395" t="s">
        <v>4778</v>
      </c>
      <c r="C2395" t="s">
        <v>4779</v>
      </c>
    </row>
    <row r="2396" spans="1:3" x14ac:dyDescent="0.15">
      <c r="A2396">
        <v>22622</v>
      </c>
      <c r="B2396" t="s">
        <v>4780</v>
      </c>
      <c r="C2396" t="s">
        <v>4781</v>
      </c>
    </row>
    <row r="2397" spans="1:3" x14ac:dyDescent="0.15">
      <c r="A2397">
        <v>22621</v>
      </c>
      <c r="B2397" t="s">
        <v>4782</v>
      </c>
      <c r="C2397" t="s">
        <v>4783</v>
      </c>
    </row>
    <row r="2398" spans="1:3" x14ac:dyDescent="0.15">
      <c r="A2398">
        <v>22620</v>
      </c>
      <c r="B2398" t="s">
        <v>4784</v>
      </c>
      <c r="C2398" t="s">
        <v>4785</v>
      </c>
    </row>
    <row r="2399" spans="1:3" x14ac:dyDescent="0.15">
      <c r="A2399">
        <v>22619</v>
      </c>
      <c r="B2399" t="s">
        <v>4786</v>
      </c>
      <c r="C2399" t="s">
        <v>4787</v>
      </c>
    </row>
    <row r="2400" spans="1:3" x14ac:dyDescent="0.15">
      <c r="A2400">
        <v>22618</v>
      </c>
      <c r="B2400" t="s">
        <v>4788</v>
      </c>
      <c r="C2400" t="s">
        <v>4789</v>
      </c>
    </row>
    <row r="2401" spans="1:3" x14ac:dyDescent="0.15">
      <c r="A2401">
        <v>22617</v>
      </c>
      <c r="B2401" t="s">
        <v>4790</v>
      </c>
      <c r="C2401" t="s">
        <v>4791</v>
      </c>
    </row>
    <row r="2402" spans="1:3" x14ac:dyDescent="0.15">
      <c r="A2402">
        <v>22616</v>
      </c>
      <c r="B2402" t="s">
        <v>4792</v>
      </c>
      <c r="C2402" t="s">
        <v>4793</v>
      </c>
    </row>
    <row r="2403" spans="1:3" x14ac:dyDescent="0.15">
      <c r="A2403">
        <v>22615</v>
      </c>
      <c r="B2403" t="s">
        <v>4794</v>
      </c>
      <c r="C2403" t="s">
        <v>4795</v>
      </c>
    </row>
    <row r="2404" spans="1:3" x14ac:dyDescent="0.15">
      <c r="A2404">
        <v>22614</v>
      </c>
      <c r="B2404" t="s">
        <v>4796</v>
      </c>
      <c r="C2404" t="s">
        <v>4797</v>
      </c>
    </row>
    <row r="2405" spans="1:3" x14ac:dyDescent="0.15">
      <c r="A2405">
        <v>22613</v>
      </c>
      <c r="B2405" t="s">
        <v>4798</v>
      </c>
      <c r="C2405" t="s">
        <v>4799</v>
      </c>
    </row>
    <row r="2406" spans="1:3" x14ac:dyDescent="0.15">
      <c r="A2406">
        <v>22612</v>
      </c>
      <c r="B2406" t="s">
        <v>4800</v>
      </c>
      <c r="C2406" t="s">
        <v>4801</v>
      </c>
    </row>
    <row r="2407" spans="1:3" x14ac:dyDescent="0.15">
      <c r="A2407">
        <v>22611</v>
      </c>
      <c r="B2407" t="s">
        <v>4802</v>
      </c>
      <c r="C2407" t="s">
        <v>4803</v>
      </c>
    </row>
    <row r="2408" spans="1:3" x14ac:dyDescent="0.15">
      <c r="A2408">
        <v>22610</v>
      </c>
      <c r="B2408" t="s">
        <v>4804</v>
      </c>
      <c r="C2408" t="s">
        <v>4805</v>
      </c>
    </row>
    <row r="2409" spans="1:3" x14ac:dyDescent="0.15">
      <c r="A2409">
        <v>22609</v>
      </c>
      <c r="B2409" t="s">
        <v>4806</v>
      </c>
      <c r="C2409" t="s">
        <v>4807</v>
      </c>
    </row>
    <row r="2410" spans="1:3" x14ac:dyDescent="0.15">
      <c r="A2410">
        <v>22608</v>
      </c>
      <c r="B2410" t="s">
        <v>4808</v>
      </c>
      <c r="C2410" t="s">
        <v>4809</v>
      </c>
    </row>
    <row r="2411" spans="1:3" x14ac:dyDescent="0.15">
      <c r="A2411">
        <v>22607</v>
      </c>
      <c r="B2411" t="s">
        <v>4810</v>
      </c>
      <c r="C2411" t="s">
        <v>4811</v>
      </c>
    </row>
    <row r="2412" spans="1:3" x14ac:dyDescent="0.15">
      <c r="A2412">
        <v>22606</v>
      </c>
      <c r="B2412" t="s">
        <v>4812</v>
      </c>
      <c r="C2412" t="s">
        <v>4813</v>
      </c>
    </row>
    <row r="2413" spans="1:3" x14ac:dyDescent="0.15">
      <c r="A2413">
        <v>22605</v>
      </c>
      <c r="B2413" t="s">
        <v>4814</v>
      </c>
      <c r="C2413" t="s">
        <v>4815</v>
      </c>
    </row>
    <row r="2414" spans="1:3" x14ac:dyDescent="0.15">
      <c r="A2414">
        <v>22604</v>
      </c>
      <c r="B2414" t="s">
        <v>4816</v>
      </c>
      <c r="C2414" t="s">
        <v>4817</v>
      </c>
    </row>
    <row r="2415" spans="1:3" x14ac:dyDescent="0.15">
      <c r="A2415">
        <v>22603</v>
      </c>
      <c r="B2415" t="s">
        <v>4818</v>
      </c>
      <c r="C2415" t="s">
        <v>4819</v>
      </c>
    </row>
    <row r="2416" spans="1:3" x14ac:dyDescent="0.15">
      <c r="A2416">
        <v>22602</v>
      </c>
      <c r="B2416" t="s">
        <v>4820</v>
      </c>
      <c r="C2416" t="s">
        <v>4821</v>
      </c>
    </row>
    <row r="2417" spans="1:3" x14ac:dyDescent="0.15">
      <c r="A2417">
        <v>22601</v>
      </c>
      <c r="B2417" t="s">
        <v>4822</v>
      </c>
      <c r="C2417" t="s">
        <v>4823</v>
      </c>
    </row>
    <row r="2418" spans="1:3" x14ac:dyDescent="0.15">
      <c r="A2418">
        <v>22600</v>
      </c>
      <c r="B2418" t="s">
        <v>4824</v>
      </c>
      <c r="C2418" t="s">
        <v>4825</v>
      </c>
    </row>
    <row r="2419" spans="1:3" x14ac:dyDescent="0.15">
      <c r="A2419">
        <v>22599</v>
      </c>
      <c r="B2419" t="s">
        <v>4826</v>
      </c>
      <c r="C2419" t="s">
        <v>4827</v>
      </c>
    </row>
    <row r="2420" spans="1:3" x14ac:dyDescent="0.15">
      <c r="A2420">
        <v>22598</v>
      </c>
      <c r="B2420" t="s">
        <v>4828</v>
      </c>
      <c r="C2420" t="s">
        <v>4829</v>
      </c>
    </row>
    <row r="2421" spans="1:3" x14ac:dyDescent="0.15">
      <c r="A2421">
        <v>22597</v>
      </c>
      <c r="B2421" t="s">
        <v>4830</v>
      </c>
      <c r="C2421" t="s">
        <v>4831</v>
      </c>
    </row>
    <row r="2422" spans="1:3" x14ac:dyDescent="0.15">
      <c r="A2422">
        <v>22596</v>
      </c>
      <c r="B2422" t="s">
        <v>4832</v>
      </c>
      <c r="C2422" t="s">
        <v>4833</v>
      </c>
    </row>
    <row r="2423" spans="1:3" x14ac:dyDescent="0.15">
      <c r="A2423">
        <v>22595</v>
      </c>
      <c r="B2423" t="s">
        <v>4834</v>
      </c>
      <c r="C2423" t="s">
        <v>4835</v>
      </c>
    </row>
    <row r="2424" spans="1:3" x14ac:dyDescent="0.15">
      <c r="A2424">
        <v>22594</v>
      </c>
      <c r="B2424" t="s">
        <v>4836</v>
      </c>
      <c r="C2424" t="s">
        <v>4837</v>
      </c>
    </row>
    <row r="2425" spans="1:3" x14ac:dyDescent="0.15">
      <c r="A2425">
        <v>22593</v>
      </c>
      <c r="B2425" t="s">
        <v>4838</v>
      </c>
      <c r="C2425" t="s">
        <v>4839</v>
      </c>
    </row>
    <row r="2426" spans="1:3" x14ac:dyDescent="0.15">
      <c r="A2426">
        <v>22592</v>
      </c>
      <c r="B2426" t="s">
        <v>4840</v>
      </c>
      <c r="C2426" t="s">
        <v>4841</v>
      </c>
    </row>
    <row r="2427" spans="1:3" x14ac:dyDescent="0.15">
      <c r="A2427">
        <v>22591</v>
      </c>
      <c r="B2427" t="s">
        <v>4842</v>
      </c>
      <c r="C2427" t="s">
        <v>4843</v>
      </c>
    </row>
    <row r="2428" spans="1:3" x14ac:dyDescent="0.15">
      <c r="A2428">
        <v>22590</v>
      </c>
      <c r="B2428" t="s">
        <v>4844</v>
      </c>
      <c r="C2428" t="s">
        <v>4845</v>
      </c>
    </row>
    <row r="2429" spans="1:3" x14ac:dyDescent="0.15">
      <c r="A2429">
        <v>22589</v>
      </c>
      <c r="B2429" t="s">
        <v>4846</v>
      </c>
      <c r="C2429" t="s">
        <v>4847</v>
      </c>
    </row>
    <row r="2430" spans="1:3" x14ac:dyDescent="0.15">
      <c r="A2430">
        <v>22588</v>
      </c>
      <c r="B2430" t="s">
        <v>4848</v>
      </c>
      <c r="C2430" t="s">
        <v>4849</v>
      </c>
    </row>
    <row r="2431" spans="1:3" x14ac:dyDescent="0.15">
      <c r="A2431">
        <v>22587</v>
      </c>
      <c r="B2431" t="s">
        <v>4850</v>
      </c>
      <c r="C2431" t="s">
        <v>4851</v>
      </c>
    </row>
    <row r="2432" spans="1:3" x14ac:dyDescent="0.15">
      <c r="A2432">
        <v>22586</v>
      </c>
      <c r="B2432" t="s">
        <v>4852</v>
      </c>
      <c r="C2432" t="s">
        <v>4853</v>
      </c>
    </row>
    <row r="2433" spans="1:3" x14ac:dyDescent="0.15">
      <c r="A2433">
        <v>22585</v>
      </c>
      <c r="B2433" t="s">
        <v>4854</v>
      </c>
      <c r="C2433" t="s">
        <v>4855</v>
      </c>
    </row>
    <row r="2434" spans="1:3" x14ac:dyDescent="0.15">
      <c r="A2434">
        <v>22584</v>
      </c>
      <c r="B2434" t="s">
        <v>4856</v>
      </c>
      <c r="C2434" t="s">
        <v>4857</v>
      </c>
    </row>
    <row r="2435" spans="1:3" x14ac:dyDescent="0.15">
      <c r="A2435">
        <v>22583</v>
      </c>
      <c r="B2435" t="s">
        <v>4858</v>
      </c>
      <c r="C2435" t="s">
        <v>4859</v>
      </c>
    </row>
    <row r="2436" spans="1:3" x14ac:dyDescent="0.15">
      <c r="A2436">
        <v>22582</v>
      </c>
      <c r="B2436" t="s">
        <v>4860</v>
      </c>
      <c r="C2436" t="s">
        <v>4861</v>
      </c>
    </row>
    <row r="2437" spans="1:3" x14ac:dyDescent="0.15">
      <c r="A2437">
        <v>22581</v>
      </c>
      <c r="B2437" t="s">
        <v>4862</v>
      </c>
      <c r="C2437" t="s">
        <v>4863</v>
      </c>
    </row>
    <row r="2438" spans="1:3" x14ac:dyDescent="0.15">
      <c r="A2438">
        <v>22580</v>
      </c>
      <c r="B2438" t="s">
        <v>4864</v>
      </c>
      <c r="C2438" t="s">
        <v>4865</v>
      </c>
    </row>
    <row r="2439" spans="1:3" x14ac:dyDescent="0.15">
      <c r="A2439">
        <v>22579</v>
      </c>
      <c r="B2439" t="s">
        <v>4866</v>
      </c>
      <c r="C2439" t="s">
        <v>4867</v>
      </c>
    </row>
    <row r="2440" spans="1:3" x14ac:dyDescent="0.15">
      <c r="A2440">
        <v>22578</v>
      </c>
      <c r="B2440" t="s">
        <v>4868</v>
      </c>
      <c r="C2440" t="s">
        <v>4869</v>
      </c>
    </row>
    <row r="2441" spans="1:3" x14ac:dyDescent="0.15">
      <c r="A2441">
        <v>22577</v>
      </c>
      <c r="B2441" t="s">
        <v>4870</v>
      </c>
      <c r="C2441" t="s">
        <v>4871</v>
      </c>
    </row>
    <row r="2442" spans="1:3" x14ac:dyDescent="0.15">
      <c r="A2442">
        <v>22576</v>
      </c>
      <c r="B2442" t="s">
        <v>4872</v>
      </c>
      <c r="C2442" t="s">
        <v>4873</v>
      </c>
    </row>
    <row r="2443" spans="1:3" x14ac:dyDescent="0.15">
      <c r="A2443">
        <v>22575</v>
      </c>
      <c r="B2443" t="s">
        <v>4874</v>
      </c>
      <c r="C2443" t="s">
        <v>4875</v>
      </c>
    </row>
    <row r="2444" spans="1:3" x14ac:dyDescent="0.15">
      <c r="A2444">
        <v>22574</v>
      </c>
      <c r="B2444" t="s">
        <v>4876</v>
      </c>
      <c r="C2444" t="s">
        <v>4877</v>
      </c>
    </row>
    <row r="2445" spans="1:3" x14ac:dyDescent="0.15">
      <c r="A2445">
        <v>22573</v>
      </c>
      <c r="B2445" t="s">
        <v>4878</v>
      </c>
      <c r="C2445" t="s">
        <v>4879</v>
      </c>
    </row>
    <row r="2446" spans="1:3" x14ac:dyDescent="0.15">
      <c r="A2446">
        <v>22572</v>
      </c>
      <c r="B2446" t="s">
        <v>4880</v>
      </c>
      <c r="C2446" t="s">
        <v>4881</v>
      </c>
    </row>
    <row r="2447" spans="1:3" x14ac:dyDescent="0.15">
      <c r="A2447">
        <v>22571</v>
      </c>
      <c r="B2447" t="s">
        <v>4882</v>
      </c>
      <c r="C2447" t="s">
        <v>4883</v>
      </c>
    </row>
    <row r="2448" spans="1:3" x14ac:dyDescent="0.15">
      <c r="A2448">
        <v>22570</v>
      </c>
      <c r="B2448" t="s">
        <v>4884</v>
      </c>
      <c r="C2448" t="s">
        <v>4885</v>
      </c>
    </row>
    <row r="2449" spans="1:3" x14ac:dyDescent="0.15">
      <c r="A2449">
        <v>22569</v>
      </c>
      <c r="B2449" t="s">
        <v>4886</v>
      </c>
      <c r="C2449" t="s">
        <v>4887</v>
      </c>
    </row>
    <row r="2450" spans="1:3" x14ac:dyDescent="0.15">
      <c r="A2450">
        <v>22568</v>
      </c>
      <c r="B2450" t="s">
        <v>4888</v>
      </c>
      <c r="C2450" t="s">
        <v>4889</v>
      </c>
    </row>
    <row r="2451" spans="1:3" x14ac:dyDescent="0.15">
      <c r="A2451">
        <v>22567</v>
      </c>
      <c r="B2451" t="s">
        <v>4890</v>
      </c>
      <c r="C2451" t="s">
        <v>4891</v>
      </c>
    </row>
    <row r="2452" spans="1:3" x14ac:dyDescent="0.15">
      <c r="A2452">
        <v>22566</v>
      </c>
      <c r="B2452" t="s">
        <v>4892</v>
      </c>
      <c r="C2452" t="s">
        <v>4893</v>
      </c>
    </row>
    <row r="2453" spans="1:3" x14ac:dyDescent="0.15">
      <c r="A2453">
        <v>22565</v>
      </c>
      <c r="B2453" t="s">
        <v>4894</v>
      </c>
      <c r="C2453" t="s">
        <v>4895</v>
      </c>
    </row>
    <row r="2454" spans="1:3" x14ac:dyDescent="0.15">
      <c r="A2454">
        <v>22564</v>
      </c>
      <c r="B2454" t="s">
        <v>4896</v>
      </c>
      <c r="C2454" t="s">
        <v>4897</v>
      </c>
    </row>
    <row r="2455" spans="1:3" x14ac:dyDescent="0.15">
      <c r="A2455">
        <v>22563</v>
      </c>
      <c r="B2455" t="s">
        <v>4898</v>
      </c>
      <c r="C2455" t="s">
        <v>4899</v>
      </c>
    </row>
    <row r="2456" spans="1:3" x14ac:dyDescent="0.15">
      <c r="A2456">
        <v>22562</v>
      </c>
      <c r="B2456" t="s">
        <v>4900</v>
      </c>
      <c r="C2456" t="s">
        <v>4901</v>
      </c>
    </row>
    <row r="2457" spans="1:3" x14ac:dyDescent="0.15">
      <c r="A2457">
        <v>22561</v>
      </c>
      <c r="B2457" t="s">
        <v>4902</v>
      </c>
      <c r="C2457" t="s">
        <v>4903</v>
      </c>
    </row>
    <row r="2458" spans="1:3" x14ac:dyDescent="0.15">
      <c r="A2458">
        <v>22560</v>
      </c>
      <c r="B2458" t="s">
        <v>4904</v>
      </c>
      <c r="C2458" t="s">
        <v>4905</v>
      </c>
    </row>
    <row r="2459" spans="1:3" x14ac:dyDescent="0.15">
      <c r="A2459">
        <v>22559</v>
      </c>
      <c r="B2459" t="s">
        <v>4906</v>
      </c>
      <c r="C2459" t="s">
        <v>4907</v>
      </c>
    </row>
    <row r="2460" spans="1:3" x14ac:dyDescent="0.15">
      <c r="A2460">
        <v>22558</v>
      </c>
      <c r="B2460" t="s">
        <v>4908</v>
      </c>
      <c r="C2460" t="s">
        <v>4909</v>
      </c>
    </row>
    <row r="2461" spans="1:3" x14ac:dyDescent="0.15">
      <c r="A2461">
        <v>22557</v>
      </c>
      <c r="B2461" t="s">
        <v>4910</v>
      </c>
      <c r="C2461" t="s">
        <v>4911</v>
      </c>
    </row>
    <row r="2462" spans="1:3" x14ac:dyDescent="0.15">
      <c r="A2462">
        <v>22556</v>
      </c>
      <c r="B2462" t="s">
        <v>4912</v>
      </c>
      <c r="C2462" t="s">
        <v>4913</v>
      </c>
    </row>
    <row r="2463" spans="1:3" x14ac:dyDescent="0.15">
      <c r="A2463">
        <v>22555</v>
      </c>
      <c r="B2463" t="s">
        <v>4914</v>
      </c>
      <c r="C2463" t="s">
        <v>4915</v>
      </c>
    </row>
    <row r="2464" spans="1:3" x14ac:dyDescent="0.15">
      <c r="A2464">
        <v>22554</v>
      </c>
      <c r="B2464" t="s">
        <v>4916</v>
      </c>
      <c r="C2464" t="s">
        <v>4917</v>
      </c>
    </row>
    <row r="2465" spans="1:3" x14ac:dyDescent="0.15">
      <c r="A2465">
        <v>22553</v>
      </c>
      <c r="B2465" t="s">
        <v>4918</v>
      </c>
      <c r="C2465" t="s">
        <v>4919</v>
      </c>
    </row>
    <row r="2466" spans="1:3" x14ac:dyDescent="0.15">
      <c r="A2466">
        <v>22552</v>
      </c>
      <c r="B2466" t="s">
        <v>4920</v>
      </c>
      <c r="C2466" t="s">
        <v>4921</v>
      </c>
    </row>
    <row r="2467" spans="1:3" x14ac:dyDescent="0.15">
      <c r="A2467">
        <v>22551</v>
      </c>
      <c r="B2467" t="s">
        <v>4922</v>
      </c>
      <c r="C2467" t="s">
        <v>4923</v>
      </c>
    </row>
    <row r="2468" spans="1:3" x14ac:dyDescent="0.15">
      <c r="A2468">
        <v>22550</v>
      </c>
      <c r="B2468" t="s">
        <v>4924</v>
      </c>
      <c r="C2468" t="s">
        <v>4925</v>
      </c>
    </row>
    <row r="2469" spans="1:3" x14ac:dyDescent="0.15">
      <c r="A2469">
        <v>22549</v>
      </c>
      <c r="B2469" t="s">
        <v>4926</v>
      </c>
      <c r="C2469" t="s">
        <v>4927</v>
      </c>
    </row>
    <row r="2470" spans="1:3" x14ac:dyDescent="0.15">
      <c r="A2470">
        <v>22548</v>
      </c>
      <c r="B2470" t="s">
        <v>4928</v>
      </c>
      <c r="C2470" t="s">
        <v>4929</v>
      </c>
    </row>
    <row r="2471" spans="1:3" x14ac:dyDescent="0.15">
      <c r="A2471">
        <v>22547</v>
      </c>
      <c r="B2471" t="s">
        <v>4930</v>
      </c>
      <c r="C2471" t="s">
        <v>4931</v>
      </c>
    </row>
    <row r="2472" spans="1:3" x14ac:dyDescent="0.15">
      <c r="A2472">
        <v>22546</v>
      </c>
      <c r="B2472" t="s">
        <v>4932</v>
      </c>
      <c r="C2472" t="s">
        <v>4933</v>
      </c>
    </row>
    <row r="2473" spans="1:3" x14ac:dyDescent="0.15">
      <c r="A2473">
        <v>22545</v>
      </c>
      <c r="B2473" t="s">
        <v>4934</v>
      </c>
      <c r="C2473" t="s">
        <v>4935</v>
      </c>
    </row>
    <row r="2474" spans="1:3" x14ac:dyDescent="0.15">
      <c r="A2474">
        <v>22544</v>
      </c>
      <c r="B2474" t="s">
        <v>4936</v>
      </c>
      <c r="C2474" t="s">
        <v>4937</v>
      </c>
    </row>
    <row r="2475" spans="1:3" x14ac:dyDescent="0.15">
      <c r="A2475">
        <v>22543</v>
      </c>
      <c r="B2475" t="s">
        <v>4938</v>
      </c>
      <c r="C2475" t="s">
        <v>4939</v>
      </c>
    </row>
    <row r="2476" spans="1:3" x14ac:dyDescent="0.15">
      <c r="A2476">
        <v>22542</v>
      </c>
      <c r="B2476" t="s">
        <v>4940</v>
      </c>
      <c r="C2476" t="s">
        <v>4941</v>
      </c>
    </row>
    <row r="2477" spans="1:3" x14ac:dyDescent="0.15">
      <c r="A2477">
        <v>22541</v>
      </c>
      <c r="B2477" t="s">
        <v>4942</v>
      </c>
      <c r="C2477" t="s">
        <v>4943</v>
      </c>
    </row>
    <row r="2478" spans="1:3" x14ac:dyDescent="0.15">
      <c r="A2478">
        <v>22540</v>
      </c>
      <c r="B2478" t="s">
        <v>4944</v>
      </c>
      <c r="C2478" t="s">
        <v>4945</v>
      </c>
    </row>
    <row r="2479" spans="1:3" x14ac:dyDescent="0.15">
      <c r="A2479">
        <v>22539</v>
      </c>
      <c r="B2479" t="s">
        <v>4946</v>
      </c>
      <c r="C2479" t="s">
        <v>4947</v>
      </c>
    </row>
    <row r="2480" spans="1:3" x14ac:dyDescent="0.15">
      <c r="A2480">
        <v>22538</v>
      </c>
      <c r="B2480" t="s">
        <v>4948</v>
      </c>
      <c r="C2480" t="s">
        <v>4949</v>
      </c>
    </row>
    <row r="2481" spans="1:3" x14ac:dyDescent="0.15">
      <c r="A2481">
        <v>22537</v>
      </c>
      <c r="B2481" t="s">
        <v>4950</v>
      </c>
      <c r="C2481" t="s">
        <v>4951</v>
      </c>
    </row>
    <row r="2482" spans="1:3" x14ac:dyDescent="0.15">
      <c r="A2482">
        <v>22536</v>
      </c>
      <c r="B2482" t="s">
        <v>4952</v>
      </c>
      <c r="C2482" t="s">
        <v>4953</v>
      </c>
    </row>
    <row r="2483" spans="1:3" x14ac:dyDescent="0.15">
      <c r="A2483">
        <v>22535</v>
      </c>
      <c r="B2483" t="s">
        <v>4954</v>
      </c>
      <c r="C2483" t="s">
        <v>4955</v>
      </c>
    </row>
    <row r="2484" spans="1:3" x14ac:dyDescent="0.15">
      <c r="A2484">
        <v>22534</v>
      </c>
      <c r="B2484" t="s">
        <v>4956</v>
      </c>
      <c r="C2484" t="s">
        <v>4957</v>
      </c>
    </row>
    <row r="2485" spans="1:3" x14ac:dyDescent="0.15">
      <c r="A2485">
        <v>22533</v>
      </c>
      <c r="B2485" t="s">
        <v>4958</v>
      </c>
      <c r="C2485" t="s">
        <v>4959</v>
      </c>
    </row>
    <row r="2486" spans="1:3" x14ac:dyDescent="0.15">
      <c r="A2486">
        <v>22532</v>
      </c>
      <c r="B2486" t="s">
        <v>4960</v>
      </c>
      <c r="C2486" t="s">
        <v>4961</v>
      </c>
    </row>
    <row r="2487" spans="1:3" x14ac:dyDescent="0.15">
      <c r="A2487">
        <v>22531</v>
      </c>
      <c r="B2487" t="s">
        <v>4962</v>
      </c>
      <c r="C2487" t="s">
        <v>4963</v>
      </c>
    </row>
    <row r="2488" spans="1:3" x14ac:dyDescent="0.15">
      <c r="A2488">
        <v>22530</v>
      </c>
      <c r="B2488" t="s">
        <v>4964</v>
      </c>
      <c r="C2488" t="s">
        <v>4965</v>
      </c>
    </row>
    <row r="2489" spans="1:3" x14ac:dyDescent="0.15">
      <c r="A2489">
        <v>22529</v>
      </c>
      <c r="B2489" t="s">
        <v>4966</v>
      </c>
      <c r="C2489" t="s">
        <v>4967</v>
      </c>
    </row>
    <row r="2490" spans="1:3" x14ac:dyDescent="0.15">
      <c r="A2490">
        <v>22528</v>
      </c>
      <c r="B2490" t="s">
        <v>4968</v>
      </c>
      <c r="C2490" t="s">
        <v>4969</v>
      </c>
    </row>
    <row r="2491" spans="1:3" x14ac:dyDescent="0.15">
      <c r="A2491">
        <v>22527</v>
      </c>
      <c r="B2491" t="s">
        <v>4970</v>
      </c>
      <c r="C2491" t="s">
        <v>4971</v>
      </c>
    </row>
    <row r="2492" spans="1:3" x14ac:dyDescent="0.15">
      <c r="A2492">
        <v>22526</v>
      </c>
      <c r="B2492" t="s">
        <v>4972</v>
      </c>
      <c r="C2492" t="s">
        <v>4973</v>
      </c>
    </row>
    <row r="2493" spans="1:3" x14ac:dyDescent="0.15">
      <c r="A2493">
        <v>22525</v>
      </c>
      <c r="B2493" t="s">
        <v>4974</v>
      </c>
      <c r="C2493" t="s">
        <v>4975</v>
      </c>
    </row>
    <row r="2494" spans="1:3" x14ac:dyDescent="0.15">
      <c r="A2494">
        <v>22524</v>
      </c>
      <c r="B2494" t="s">
        <v>4976</v>
      </c>
      <c r="C2494" t="s">
        <v>4977</v>
      </c>
    </row>
    <row r="2495" spans="1:3" x14ac:dyDescent="0.15">
      <c r="A2495">
        <v>22523</v>
      </c>
      <c r="B2495" t="s">
        <v>4978</v>
      </c>
      <c r="C2495" t="s">
        <v>4979</v>
      </c>
    </row>
    <row r="2496" spans="1:3" x14ac:dyDescent="0.15">
      <c r="A2496">
        <v>22522</v>
      </c>
      <c r="B2496" t="s">
        <v>4980</v>
      </c>
      <c r="C2496" t="s">
        <v>4981</v>
      </c>
    </row>
    <row r="2497" spans="1:3" x14ac:dyDescent="0.15">
      <c r="A2497">
        <v>22521</v>
      </c>
      <c r="B2497" t="s">
        <v>4982</v>
      </c>
      <c r="C2497" t="s">
        <v>4983</v>
      </c>
    </row>
    <row r="2498" spans="1:3" x14ac:dyDescent="0.15">
      <c r="A2498">
        <v>22520</v>
      </c>
      <c r="B2498" t="s">
        <v>4984</v>
      </c>
      <c r="C2498" t="s">
        <v>4985</v>
      </c>
    </row>
    <row r="2499" spans="1:3" x14ac:dyDescent="0.15">
      <c r="A2499">
        <v>22519</v>
      </c>
      <c r="B2499" t="s">
        <v>4986</v>
      </c>
      <c r="C2499" t="s">
        <v>4987</v>
      </c>
    </row>
    <row r="2500" spans="1:3" x14ac:dyDescent="0.15">
      <c r="A2500">
        <v>22518</v>
      </c>
      <c r="B2500" t="s">
        <v>4988</v>
      </c>
      <c r="C2500" t="s">
        <v>4989</v>
      </c>
    </row>
    <row r="2501" spans="1:3" x14ac:dyDescent="0.15">
      <c r="A2501">
        <v>22517</v>
      </c>
      <c r="B2501" t="s">
        <v>4990</v>
      </c>
      <c r="C2501" t="s">
        <v>4991</v>
      </c>
    </row>
    <row r="2502" spans="1:3" x14ac:dyDescent="0.15">
      <c r="A2502">
        <v>22516</v>
      </c>
      <c r="B2502" t="s">
        <v>4992</v>
      </c>
      <c r="C2502" t="s">
        <v>4993</v>
      </c>
    </row>
    <row r="2503" spans="1:3" x14ac:dyDescent="0.15">
      <c r="A2503">
        <v>22515</v>
      </c>
      <c r="B2503" t="s">
        <v>4994</v>
      </c>
      <c r="C2503" t="s">
        <v>4995</v>
      </c>
    </row>
    <row r="2504" spans="1:3" x14ac:dyDescent="0.15">
      <c r="A2504">
        <v>22514</v>
      </c>
      <c r="B2504" t="s">
        <v>4996</v>
      </c>
      <c r="C2504" t="s">
        <v>4997</v>
      </c>
    </row>
    <row r="2505" spans="1:3" x14ac:dyDescent="0.15">
      <c r="A2505">
        <v>22513</v>
      </c>
      <c r="B2505" t="s">
        <v>4998</v>
      </c>
      <c r="C2505" t="s">
        <v>4999</v>
      </c>
    </row>
    <row r="2506" spans="1:3" x14ac:dyDescent="0.15">
      <c r="A2506">
        <v>22512</v>
      </c>
      <c r="B2506" t="s">
        <v>5000</v>
      </c>
      <c r="C2506" t="s">
        <v>5001</v>
      </c>
    </row>
    <row r="2507" spans="1:3" x14ac:dyDescent="0.15">
      <c r="A2507">
        <v>22511</v>
      </c>
      <c r="B2507" t="s">
        <v>5002</v>
      </c>
      <c r="C2507" t="s">
        <v>5003</v>
      </c>
    </row>
    <row r="2508" spans="1:3" x14ac:dyDescent="0.15">
      <c r="A2508">
        <v>22510</v>
      </c>
      <c r="B2508" t="s">
        <v>5004</v>
      </c>
      <c r="C2508" t="s">
        <v>5005</v>
      </c>
    </row>
    <row r="2509" spans="1:3" x14ac:dyDescent="0.15">
      <c r="A2509">
        <v>22509</v>
      </c>
      <c r="B2509" t="s">
        <v>5006</v>
      </c>
      <c r="C2509" t="s">
        <v>5007</v>
      </c>
    </row>
    <row r="2510" spans="1:3" x14ac:dyDescent="0.15">
      <c r="A2510">
        <v>22508</v>
      </c>
      <c r="B2510" t="s">
        <v>5008</v>
      </c>
      <c r="C2510" t="s">
        <v>5009</v>
      </c>
    </row>
    <row r="2511" spans="1:3" x14ac:dyDescent="0.15">
      <c r="A2511">
        <v>22507</v>
      </c>
      <c r="B2511" t="s">
        <v>5010</v>
      </c>
      <c r="C2511" t="s">
        <v>5011</v>
      </c>
    </row>
    <row r="2512" spans="1:3" x14ac:dyDescent="0.15">
      <c r="A2512">
        <v>22506</v>
      </c>
      <c r="B2512" t="s">
        <v>5012</v>
      </c>
      <c r="C2512" t="s">
        <v>5013</v>
      </c>
    </row>
    <row r="2513" spans="1:3" x14ac:dyDescent="0.15">
      <c r="A2513">
        <v>22505</v>
      </c>
      <c r="B2513" t="s">
        <v>5014</v>
      </c>
      <c r="C2513" t="s">
        <v>5015</v>
      </c>
    </row>
    <row r="2514" spans="1:3" x14ac:dyDescent="0.15">
      <c r="A2514">
        <v>22504</v>
      </c>
      <c r="B2514" t="s">
        <v>5016</v>
      </c>
      <c r="C2514" t="s">
        <v>5017</v>
      </c>
    </row>
    <row r="2515" spans="1:3" x14ac:dyDescent="0.15">
      <c r="A2515">
        <v>22503</v>
      </c>
      <c r="B2515" t="s">
        <v>5018</v>
      </c>
      <c r="C2515" t="s">
        <v>5019</v>
      </c>
    </row>
    <row r="2516" spans="1:3" x14ac:dyDescent="0.15">
      <c r="A2516">
        <v>22502</v>
      </c>
      <c r="B2516" t="s">
        <v>5020</v>
      </c>
      <c r="C2516" t="s">
        <v>5021</v>
      </c>
    </row>
    <row r="2517" spans="1:3" x14ac:dyDescent="0.15">
      <c r="A2517">
        <v>22501</v>
      </c>
      <c r="B2517" t="s">
        <v>5022</v>
      </c>
      <c r="C2517" t="s">
        <v>5023</v>
      </c>
    </row>
    <row r="2518" spans="1:3" x14ac:dyDescent="0.15">
      <c r="A2518">
        <v>22500</v>
      </c>
      <c r="B2518" t="s">
        <v>5024</v>
      </c>
      <c r="C2518" t="s">
        <v>5025</v>
      </c>
    </row>
    <row r="2519" spans="1:3" x14ac:dyDescent="0.15">
      <c r="A2519">
        <v>22499</v>
      </c>
      <c r="B2519" t="s">
        <v>5026</v>
      </c>
      <c r="C2519" t="s">
        <v>5027</v>
      </c>
    </row>
    <row r="2520" spans="1:3" x14ac:dyDescent="0.15">
      <c r="A2520">
        <v>22498</v>
      </c>
      <c r="B2520" t="s">
        <v>5028</v>
      </c>
      <c r="C2520" t="s">
        <v>5029</v>
      </c>
    </row>
    <row r="2521" spans="1:3" x14ac:dyDescent="0.15">
      <c r="A2521">
        <v>22497</v>
      </c>
      <c r="B2521" t="s">
        <v>5030</v>
      </c>
      <c r="C2521" t="s">
        <v>5031</v>
      </c>
    </row>
    <row r="2522" spans="1:3" x14ac:dyDescent="0.15">
      <c r="A2522">
        <v>22496</v>
      </c>
      <c r="B2522" t="s">
        <v>5032</v>
      </c>
      <c r="C2522" t="s">
        <v>5033</v>
      </c>
    </row>
    <row r="2523" spans="1:3" x14ac:dyDescent="0.15">
      <c r="A2523">
        <v>22495</v>
      </c>
      <c r="B2523" t="s">
        <v>5034</v>
      </c>
      <c r="C2523" t="s">
        <v>5035</v>
      </c>
    </row>
    <row r="2524" spans="1:3" x14ac:dyDescent="0.15">
      <c r="A2524">
        <v>22494</v>
      </c>
      <c r="B2524" t="s">
        <v>5036</v>
      </c>
      <c r="C2524" t="s">
        <v>5037</v>
      </c>
    </row>
    <row r="2525" spans="1:3" x14ac:dyDescent="0.15">
      <c r="A2525">
        <v>22493</v>
      </c>
      <c r="B2525" t="s">
        <v>5038</v>
      </c>
      <c r="C2525" t="s">
        <v>5039</v>
      </c>
    </row>
    <row r="2526" spans="1:3" x14ac:dyDescent="0.15">
      <c r="A2526">
        <v>22492</v>
      </c>
      <c r="B2526" t="s">
        <v>5040</v>
      </c>
      <c r="C2526" t="s">
        <v>5041</v>
      </c>
    </row>
    <row r="2527" spans="1:3" x14ac:dyDescent="0.15">
      <c r="A2527">
        <v>22491</v>
      </c>
      <c r="B2527" t="s">
        <v>5042</v>
      </c>
      <c r="C2527" t="s">
        <v>5043</v>
      </c>
    </row>
    <row r="2528" spans="1:3" x14ac:dyDescent="0.15">
      <c r="A2528">
        <v>22490</v>
      </c>
      <c r="B2528" t="s">
        <v>5044</v>
      </c>
      <c r="C2528" t="s">
        <v>5045</v>
      </c>
    </row>
    <row r="2529" spans="1:3" x14ac:dyDescent="0.15">
      <c r="A2529">
        <v>22489</v>
      </c>
      <c r="B2529" t="s">
        <v>5046</v>
      </c>
      <c r="C2529" t="s">
        <v>5047</v>
      </c>
    </row>
    <row r="2530" spans="1:3" x14ac:dyDescent="0.15">
      <c r="A2530">
        <v>22488</v>
      </c>
      <c r="B2530" t="s">
        <v>5048</v>
      </c>
      <c r="C2530" t="s">
        <v>5049</v>
      </c>
    </row>
    <row r="2531" spans="1:3" x14ac:dyDescent="0.15">
      <c r="A2531">
        <v>22487</v>
      </c>
      <c r="B2531" t="s">
        <v>5050</v>
      </c>
      <c r="C2531" t="s">
        <v>5051</v>
      </c>
    </row>
    <row r="2532" spans="1:3" x14ac:dyDescent="0.15">
      <c r="A2532">
        <v>22486</v>
      </c>
      <c r="B2532" t="s">
        <v>5052</v>
      </c>
      <c r="C2532" t="s">
        <v>5053</v>
      </c>
    </row>
    <row r="2533" spans="1:3" x14ac:dyDescent="0.15">
      <c r="A2533">
        <v>22485</v>
      </c>
      <c r="B2533" t="s">
        <v>5054</v>
      </c>
      <c r="C2533" t="s">
        <v>5055</v>
      </c>
    </row>
    <row r="2534" spans="1:3" x14ac:dyDescent="0.15">
      <c r="A2534">
        <v>22484</v>
      </c>
      <c r="B2534" t="s">
        <v>5056</v>
      </c>
      <c r="C2534" t="s">
        <v>5057</v>
      </c>
    </row>
    <row r="2535" spans="1:3" x14ac:dyDescent="0.15">
      <c r="A2535">
        <v>22483</v>
      </c>
      <c r="B2535" t="s">
        <v>5058</v>
      </c>
      <c r="C2535" t="s">
        <v>5059</v>
      </c>
    </row>
    <row r="2536" spans="1:3" x14ac:dyDescent="0.15">
      <c r="A2536">
        <v>22482</v>
      </c>
      <c r="B2536" t="s">
        <v>5060</v>
      </c>
      <c r="C2536" t="s">
        <v>5061</v>
      </c>
    </row>
    <row r="2537" spans="1:3" x14ac:dyDescent="0.15">
      <c r="A2537">
        <v>22481</v>
      </c>
      <c r="B2537" t="s">
        <v>5062</v>
      </c>
      <c r="C2537" t="s">
        <v>5063</v>
      </c>
    </row>
    <row r="2538" spans="1:3" x14ac:dyDescent="0.15">
      <c r="A2538">
        <v>22480</v>
      </c>
      <c r="B2538" t="s">
        <v>5064</v>
      </c>
      <c r="C2538" t="s">
        <v>5065</v>
      </c>
    </row>
    <row r="2539" spans="1:3" x14ac:dyDescent="0.15">
      <c r="A2539">
        <v>22479</v>
      </c>
      <c r="B2539" t="s">
        <v>5066</v>
      </c>
      <c r="C2539" t="s">
        <v>5067</v>
      </c>
    </row>
    <row r="2540" spans="1:3" x14ac:dyDescent="0.15">
      <c r="A2540">
        <v>22478</v>
      </c>
      <c r="B2540" t="s">
        <v>5068</v>
      </c>
      <c r="C2540" t="s">
        <v>5069</v>
      </c>
    </row>
    <row r="2541" spans="1:3" x14ac:dyDescent="0.15">
      <c r="A2541">
        <v>22477</v>
      </c>
      <c r="B2541" t="s">
        <v>5070</v>
      </c>
      <c r="C2541" t="s">
        <v>5071</v>
      </c>
    </row>
    <row r="2542" spans="1:3" x14ac:dyDescent="0.15">
      <c r="A2542">
        <v>22476</v>
      </c>
      <c r="B2542" t="s">
        <v>5072</v>
      </c>
      <c r="C2542" t="s">
        <v>5073</v>
      </c>
    </row>
    <row r="2543" spans="1:3" x14ac:dyDescent="0.15">
      <c r="A2543">
        <v>22475</v>
      </c>
      <c r="B2543" t="s">
        <v>5074</v>
      </c>
      <c r="C2543" t="s">
        <v>5075</v>
      </c>
    </row>
    <row r="2544" spans="1:3" x14ac:dyDescent="0.15">
      <c r="A2544">
        <v>22474</v>
      </c>
      <c r="B2544" t="s">
        <v>5076</v>
      </c>
      <c r="C2544" t="s">
        <v>5077</v>
      </c>
    </row>
    <row r="2545" spans="1:3" x14ac:dyDescent="0.15">
      <c r="A2545">
        <v>22473</v>
      </c>
      <c r="B2545" t="s">
        <v>5078</v>
      </c>
      <c r="C2545" t="s">
        <v>5079</v>
      </c>
    </row>
    <row r="2546" spans="1:3" x14ac:dyDescent="0.15">
      <c r="A2546">
        <v>22472</v>
      </c>
      <c r="B2546" t="s">
        <v>5080</v>
      </c>
      <c r="C2546" t="s">
        <v>5081</v>
      </c>
    </row>
    <row r="2547" spans="1:3" x14ac:dyDescent="0.15">
      <c r="A2547">
        <v>22471</v>
      </c>
      <c r="B2547" t="s">
        <v>5082</v>
      </c>
      <c r="C2547" t="s">
        <v>5083</v>
      </c>
    </row>
    <row r="2548" spans="1:3" x14ac:dyDescent="0.15">
      <c r="A2548">
        <v>22470</v>
      </c>
      <c r="B2548" t="s">
        <v>5084</v>
      </c>
      <c r="C2548" t="s">
        <v>5085</v>
      </c>
    </row>
    <row r="2549" spans="1:3" x14ac:dyDescent="0.15">
      <c r="A2549">
        <v>22469</v>
      </c>
      <c r="B2549" t="s">
        <v>5086</v>
      </c>
      <c r="C2549" t="s">
        <v>5087</v>
      </c>
    </row>
    <row r="2550" spans="1:3" x14ac:dyDescent="0.15">
      <c r="A2550">
        <v>22468</v>
      </c>
      <c r="B2550" t="s">
        <v>5088</v>
      </c>
      <c r="C2550" t="s">
        <v>5089</v>
      </c>
    </row>
    <row r="2551" spans="1:3" x14ac:dyDescent="0.15">
      <c r="A2551">
        <v>22467</v>
      </c>
      <c r="B2551" t="s">
        <v>5090</v>
      </c>
      <c r="C2551" t="s">
        <v>5091</v>
      </c>
    </row>
    <row r="2552" spans="1:3" x14ac:dyDescent="0.15">
      <c r="A2552">
        <v>22466</v>
      </c>
      <c r="B2552" t="s">
        <v>5092</v>
      </c>
      <c r="C2552" t="s">
        <v>5093</v>
      </c>
    </row>
    <row r="2553" spans="1:3" x14ac:dyDescent="0.15">
      <c r="A2553">
        <v>22465</v>
      </c>
      <c r="B2553" t="s">
        <v>5094</v>
      </c>
      <c r="C2553" t="s">
        <v>5095</v>
      </c>
    </row>
    <row r="2554" spans="1:3" x14ac:dyDescent="0.15">
      <c r="A2554">
        <v>22464</v>
      </c>
      <c r="B2554" t="s">
        <v>5096</v>
      </c>
      <c r="C2554" t="s">
        <v>5097</v>
      </c>
    </row>
    <row r="2555" spans="1:3" x14ac:dyDescent="0.15">
      <c r="A2555">
        <v>22463</v>
      </c>
      <c r="B2555" t="s">
        <v>5098</v>
      </c>
      <c r="C2555" t="s">
        <v>5099</v>
      </c>
    </row>
    <row r="2556" spans="1:3" x14ac:dyDescent="0.15">
      <c r="A2556">
        <v>22462</v>
      </c>
      <c r="B2556" t="s">
        <v>5100</v>
      </c>
      <c r="C2556" t="s">
        <v>5101</v>
      </c>
    </row>
    <row r="2557" spans="1:3" x14ac:dyDescent="0.15">
      <c r="A2557">
        <v>22461</v>
      </c>
      <c r="B2557" t="s">
        <v>5102</v>
      </c>
      <c r="C2557" t="s">
        <v>5103</v>
      </c>
    </row>
    <row r="2558" spans="1:3" x14ac:dyDescent="0.15">
      <c r="A2558">
        <v>22460</v>
      </c>
      <c r="B2558" t="s">
        <v>5104</v>
      </c>
      <c r="C2558" t="s">
        <v>5105</v>
      </c>
    </row>
    <row r="2559" spans="1:3" x14ac:dyDescent="0.15">
      <c r="A2559">
        <v>22459</v>
      </c>
      <c r="B2559" t="s">
        <v>5106</v>
      </c>
      <c r="C2559" t="s">
        <v>5107</v>
      </c>
    </row>
    <row r="2560" spans="1:3" x14ac:dyDescent="0.15">
      <c r="A2560">
        <v>22458</v>
      </c>
      <c r="B2560" t="s">
        <v>5108</v>
      </c>
      <c r="C2560" t="s">
        <v>5109</v>
      </c>
    </row>
    <row r="2561" spans="1:3" x14ac:dyDescent="0.15">
      <c r="A2561">
        <v>22457</v>
      </c>
      <c r="B2561" t="s">
        <v>5110</v>
      </c>
      <c r="C2561" t="s">
        <v>5111</v>
      </c>
    </row>
    <row r="2562" spans="1:3" x14ac:dyDescent="0.15">
      <c r="A2562">
        <v>22456</v>
      </c>
      <c r="B2562" t="s">
        <v>5112</v>
      </c>
      <c r="C2562" t="s">
        <v>5113</v>
      </c>
    </row>
    <row r="2563" spans="1:3" x14ac:dyDescent="0.15">
      <c r="A2563">
        <v>22455</v>
      </c>
      <c r="B2563" t="s">
        <v>5114</v>
      </c>
      <c r="C2563" t="s">
        <v>5115</v>
      </c>
    </row>
    <row r="2564" spans="1:3" x14ac:dyDescent="0.15">
      <c r="A2564">
        <v>22454</v>
      </c>
      <c r="B2564" t="s">
        <v>5116</v>
      </c>
      <c r="C2564" t="s">
        <v>5117</v>
      </c>
    </row>
    <row r="2565" spans="1:3" x14ac:dyDescent="0.15">
      <c r="A2565">
        <v>22453</v>
      </c>
      <c r="B2565" t="s">
        <v>5118</v>
      </c>
      <c r="C2565" t="s">
        <v>5119</v>
      </c>
    </row>
    <row r="2566" spans="1:3" x14ac:dyDescent="0.15">
      <c r="A2566">
        <v>22452</v>
      </c>
      <c r="B2566" t="s">
        <v>5120</v>
      </c>
      <c r="C2566" t="s">
        <v>5121</v>
      </c>
    </row>
    <row r="2567" spans="1:3" x14ac:dyDescent="0.15">
      <c r="A2567">
        <v>22451</v>
      </c>
      <c r="B2567" t="s">
        <v>5122</v>
      </c>
      <c r="C2567" t="s">
        <v>5123</v>
      </c>
    </row>
    <row r="2568" spans="1:3" x14ac:dyDescent="0.15">
      <c r="A2568">
        <v>22450</v>
      </c>
      <c r="B2568" t="s">
        <v>5124</v>
      </c>
      <c r="C2568" t="s">
        <v>5125</v>
      </c>
    </row>
    <row r="2569" spans="1:3" x14ac:dyDescent="0.15">
      <c r="A2569">
        <v>22449</v>
      </c>
      <c r="B2569" t="s">
        <v>5126</v>
      </c>
      <c r="C2569" t="s">
        <v>5127</v>
      </c>
    </row>
    <row r="2570" spans="1:3" x14ac:dyDescent="0.15">
      <c r="A2570">
        <v>22448</v>
      </c>
      <c r="B2570" t="s">
        <v>5128</v>
      </c>
      <c r="C2570" t="s">
        <v>5129</v>
      </c>
    </row>
    <row r="2571" spans="1:3" x14ac:dyDescent="0.15">
      <c r="A2571">
        <v>22447</v>
      </c>
      <c r="B2571" t="s">
        <v>5130</v>
      </c>
      <c r="C2571" t="s">
        <v>5131</v>
      </c>
    </row>
    <row r="2572" spans="1:3" x14ac:dyDescent="0.15">
      <c r="A2572">
        <v>22446</v>
      </c>
      <c r="B2572" t="s">
        <v>5132</v>
      </c>
      <c r="C2572" t="s">
        <v>5133</v>
      </c>
    </row>
    <row r="2573" spans="1:3" x14ac:dyDescent="0.15">
      <c r="A2573">
        <v>22445</v>
      </c>
      <c r="B2573" t="s">
        <v>5134</v>
      </c>
      <c r="C2573" t="s">
        <v>5135</v>
      </c>
    </row>
    <row r="2574" spans="1:3" x14ac:dyDescent="0.15">
      <c r="A2574">
        <v>22444</v>
      </c>
      <c r="B2574" t="s">
        <v>5136</v>
      </c>
      <c r="C2574" t="s">
        <v>5137</v>
      </c>
    </row>
    <row r="2575" spans="1:3" x14ac:dyDescent="0.15">
      <c r="A2575">
        <v>22443</v>
      </c>
      <c r="B2575" t="s">
        <v>5138</v>
      </c>
      <c r="C2575" t="s">
        <v>5139</v>
      </c>
    </row>
    <row r="2576" spans="1:3" x14ac:dyDescent="0.15">
      <c r="A2576">
        <v>22442</v>
      </c>
      <c r="B2576" t="s">
        <v>5140</v>
      </c>
      <c r="C2576" t="s">
        <v>5141</v>
      </c>
    </row>
    <row r="2577" spans="1:3" x14ac:dyDescent="0.15">
      <c r="A2577">
        <v>22441</v>
      </c>
      <c r="B2577" t="s">
        <v>5142</v>
      </c>
      <c r="C2577" t="s">
        <v>5143</v>
      </c>
    </row>
    <row r="2578" spans="1:3" x14ac:dyDescent="0.15">
      <c r="A2578">
        <v>22440</v>
      </c>
      <c r="B2578" t="s">
        <v>5144</v>
      </c>
      <c r="C2578" t="s">
        <v>5145</v>
      </c>
    </row>
    <row r="2579" spans="1:3" x14ac:dyDescent="0.15">
      <c r="A2579">
        <v>22439</v>
      </c>
      <c r="B2579" t="s">
        <v>5146</v>
      </c>
      <c r="C2579" t="s">
        <v>5147</v>
      </c>
    </row>
    <row r="2580" spans="1:3" x14ac:dyDescent="0.15">
      <c r="A2580">
        <v>22438</v>
      </c>
      <c r="B2580" t="s">
        <v>5148</v>
      </c>
      <c r="C2580" t="s">
        <v>5149</v>
      </c>
    </row>
    <row r="2581" spans="1:3" x14ac:dyDescent="0.15">
      <c r="A2581">
        <v>22437</v>
      </c>
      <c r="B2581" t="s">
        <v>5150</v>
      </c>
      <c r="C2581" t="s">
        <v>5151</v>
      </c>
    </row>
    <row r="2582" spans="1:3" x14ac:dyDescent="0.15">
      <c r="A2582">
        <v>22436</v>
      </c>
      <c r="B2582" t="s">
        <v>5152</v>
      </c>
      <c r="C2582" t="s">
        <v>5153</v>
      </c>
    </row>
    <row r="2583" spans="1:3" x14ac:dyDescent="0.15">
      <c r="A2583">
        <v>22435</v>
      </c>
      <c r="B2583" t="s">
        <v>5154</v>
      </c>
      <c r="C2583" t="s">
        <v>5155</v>
      </c>
    </row>
    <row r="2584" spans="1:3" x14ac:dyDescent="0.15">
      <c r="A2584">
        <v>22434</v>
      </c>
      <c r="B2584" t="s">
        <v>5156</v>
      </c>
      <c r="C2584" t="s">
        <v>5157</v>
      </c>
    </row>
    <row r="2585" spans="1:3" x14ac:dyDescent="0.15">
      <c r="A2585">
        <v>22433</v>
      </c>
      <c r="B2585" t="s">
        <v>5158</v>
      </c>
      <c r="C2585" t="s">
        <v>5159</v>
      </c>
    </row>
    <row r="2586" spans="1:3" x14ac:dyDescent="0.15">
      <c r="A2586">
        <v>22432</v>
      </c>
      <c r="B2586" t="s">
        <v>5160</v>
      </c>
      <c r="C2586" t="s">
        <v>5161</v>
      </c>
    </row>
    <row r="2587" spans="1:3" x14ac:dyDescent="0.15">
      <c r="A2587">
        <v>22431</v>
      </c>
      <c r="B2587" t="s">
        <v>5162</v>
      </c>
      <c r="C2587" t="s">
        <v>5163</v>
      </c>
    </row>
    <row r="2588" spans="1:3" x14ac:dyDescent="0.15">
      <c r="A2588">
        <v>22430</v>
      </c>
      <c r="B2588" t="s">
        <v>5164</v>
      </c>
      <c r="C2588" t="s">
        <v>5165</v>
      </c>
    </row>
    <row r="2589" spans="1:3" x14ac:dyDescent="0.15">
      <c r="A2589">
        <v>22429</v>
      </c>
      <c r="B2589" t="s">
        <v>5166</v>
      </c>
      <c r="C2589" t="s">
        <v>5167</v>
      </c>
    </row>
    <row r="2590" spans="1:3" x14ac:dyDescent="0.15">
      <c r="A2590">
        <v>22428</v>
      </c>
      <c r="B2590" t="s">
        <v>5168</v>
      </c>
      <c r="C2590" t="s">
        <v>5169</v>
      </c>
    </row>
    <row r="2591" spans="1:3" x14ac:dyDescent="0.15">
      <c r="A2591">
        <v>22427</v>
      </c>
      <c r="B2591" t="s">
        <v>5170</v>
      </c>
      <c r="C2591" t="s">
        <v>5171</v>
      </c>
    </row>
    <row r="2592" spans="1:3" x14ac:dyDescent="0.15">
      <c r="A2592">
        <v>22426</v>
      </c>
      <c r="B2592" t="s">
        <v>5172</v>
      </c>
      <c r="C2592" t="s">
        <v>5173</v>
      </c>
    </row>
    <row r="2593" spans="1:3" x14ac:dyDescent="0.15">
      <c r="A2593">
        <v>22425</v>
      </c>
      <c r="B2593" t="s">
        <v>5174</v>
      </c>
      <c r="C2593" t="s">
        <v>5175</v>
      </c>
    </row>
    <row r="2594" spans="1:3" x14ac:dyDescent="0.15">
      <c r="A2594">
        <v>22424</v>
      </c>
      <c r="B2594" t="s">
        <v>5176</v>
      </c>
      <c r="C2594" t="s">
        <v>5177</v>
      </c>
    </row>
    <row r="2595" spans="1:3" x14ac:dyDescent="0.15">
      <c r="A2595">
        <v>22423</v>
      </c>
      <c r="B2595" t="s">
        <v>5178</v>
      </c>
      <c r="C2595" t="s">
        <v>5179</v>
      </c>
    </row>
    <row r="2596" spans="1:3" x14ac:dyDescent="0.15">
      <c r="A2596">
        <v>22422</v>
      </c>
      <c r="B2596" t="s">
        <v>5180</v>
      </c>
      <c r="C2596" t="s">
        <v>5181</v>
      </c>
    </row>
    <row r="2597" spans="1:3" x14ac:dyDescent="0.15">
      <c r="A2597">
        <v>22421</v>
      </c>
      <c r="B2597" t="s">
        <v>5182</v>
      </c>
      <c r="C2597" t="s">
        <v>5183</v>
      </c>
    </row>
    <row r="2598" spans="1:3" x14ac:dyDescent="0.15">
      <c r="A2598">
        <v>22420</v>
      </c>
      <c r="B2598" t="s">
        <v>5184</v>
      </c>
      <c r="C2598" t="s">
        <v>5185</v>
      </c>
    </row>
    <row r="2599" spans="1:3" x14ac:dyDescent="0.15">
      <c r="A2599">
        <v>22419</v>
      </c>
      <c r="B2599" t="s">
        <v>5186</v>
      </c>
      <c r="C2599" t="s">
        <v>5187</v>
      </c>
    </row>
    <row r="2600" spans="1:3" x14ac:dyDescent="0.15">
      <c r="A2600">
        <v>22418</v>
      </c>
      <c r="B2600" t="s">
        <v>5188</v>
      </c>
      <c r="C2600" t="s">
        <v>5189</v>
      </c>
    </row>
    <row r="2601" spans="1:3" x14ac:dyDescent="0.15">
      <c r="A2601">
        <v>22417</v>
      </c>
      <c r="B2601" t="s">
        <v>5190</v>
      </c>
      <c r="C2601" t="s">
        <v>5191</v>
      </c>
    </row>
    <row r="2602" spans="1:3" x14ac:dyDescent="0.15">
      <c r="A2602">
        <v>22416</v>
      </c>
      <c r="B2602" t="s">
        <v>5192</v>
      </c>
      <c r="C2602" t="s">
        <v>5193</v>
      </c>
    </row>
    <row r="2603" spans="1:3" x14ac:dyDescent="0.15">
      <c r="A2603">
        <v>22415</v>
      </c>
      <c r="B2603" t="s">
        <v>5194</v>
      </c>
      <c r="C2603" t="s">
        <v>5195</v>
      </c>
    </row>
    <row r="2604" spans="1:3" x14ac:dyDescent="0.15">
      <c r="A2604">
        <v>22414</v>
      </c>
      <c r="B2604" t="s">
        <v>5196</v>
      </c>
      <c r="C2604" t="s">
        <v>5197</v>
      </c>
    </row>
    <row r="2605" spans="1:3" x14ac:dyDescent="0.15">
      <c r="A2605">
        <v>22413</v>
      </c>
      <c r="B2605" t="s">
        <v>5198</v>
      </c>
      <c r="C2605" t="s">
        <v>5199</v>
      </c>
    </row>
    <row r="2606" spans="1:3" x14ac:dyDescent="0.15">
      <c r="A2606">
        <v>22412</v>
      </c>
      <c r="B2606" t="s">
        <v>5200</v>
      </c>
      <c r="C2606" t="s">
        <v>5201</v>
      </c>
    </row>
    <row r="2607" spans="1:3" x14ac:dyDescent="0.15">
      <c r="A2607">
        <v>22411</v>
      </c>
      <c r="B2607" t="s">
        <v>5202</v>
      </c>
      <c r="C2607" t="s">
        <v>5203</v>
      </c>
    </row>
    <row r="2608" spans="1:3" x14ac:dyDescent="0.15">
      <c r="A2608">
        <v>22410</v>
      </c>
      <c r="B2608" t="s">
        <v>5204</v>
      </c>
      <c r="C2608" t="s">
        <v>5205</v>
      </c>
    </row>
    <row r="2609" spans="1:3" x14ac:dyDescent="0.15">
      <c r="A2609">
        <v>22409</v>
      </c>
      <c r="B2609" t="s">
        <v>5206</v>
      </c>
      <c r="C2609" t="s">
        <v>5207</v>
      </c>
    </row>
    <row r="2610" spans="1:3" x14ac:dyDescent="0.15">
      <c r="A2610">
        <v>22408</v>
      </c>
      <c r="B2610" t="s">
        <v>5208</v>
      </c>
      <c r="C2610" t="s">
        <v>5209</v>
      </c>
    </row>
    <row r="2611" spans="1:3" x14ac:dyDescent="0.15">
      <c r="A2611">
        <v>22407</v>
      </c>
      <c r="B2611" t="s">
        <v>5210</v>
      </c>
      <c r="C2611" t="s">
        <v>5211</v>
      </c>
    </row>
    <row r="2612" spans="1:3" x14ac:dyDescent="0.15">
      <c r="A2612">
        <v>22406</v>
      </c>
      <c r="B2612" t="s">
        <v>5212</v>
      </c>
      <c r="C2612" t="s">
        <v>5213</v>
      </c>
    </row>
    <row r="2613" spans="1:3" x14ac:dyDescent="0.15">
      <c r="A2613">
        <v>22405</v>
      </c>
      <c r="B2613" t="s">
        <v>5214</v>
      </c>
      <c r="C2613" t="s">
        <v>5215</v>
      </c>
    </row>
    <row r="2614" spans="1:3" x14ac:dyDescent="0.15">
      <c r="A2614">
        <v>22404</v>
      </c>
      <c r="B2614" t="s">
        <v>5216</v>
      </c>
      <c r="C2614" t="s">
        <v>5217</v>
      </c>
    </row>
    <row r="2615" spans="1:3" x14ac:dyDescent="0.15">
      <c r="A2615">
        <v>22403</v>
      </c>
      <c r="B2615" t="s">
        <v>5218</v>
      </c>
      <c r="C2615" t="s">
        <v>5219</v>
      </c>
    </row>
    <row r="2616" spans="1:3" x14ac:dyDescent="0.15">
      <c r="A2616">
        <v>22402</v>
      </c>
      <c r="B2616" t="s">
        <v>5220</v>
      </c>
      <c r="C2616" t="s">
        <v>5221</v>
      </c>
    </row>
    <row r="2617" spans="1:3" x14ac:dyDescent="0.15">
      <c r="A2617">
        <v>22401</v>
      </c>
      <c r="B2617" t="s">
        <v>5222</v>
      </c>
      <c r="C2617" t="s">
        <v>5223</v>
      </c>
    </row>
    <row r="2618" spans="1:3" x14ac:dyDescent="0.15">
      <c r="A2618">
        <v>22400</v>
      </c>
      <c r="B2618" t="s">
        <v>5224</v>
      </c>
      <c r="C2618" t="s">
        <v>5225</v>
      </c>
    </row>
    <row r="2619" spans="1:3" x14ac:dyDescent="0.15">
      <c r="A2619">
        <v>22399</v>
      </c>
      <c r="B2619" t="s">
        <v>5226</v>
      </c>
      <c r="C2619" t="s">
        <v>5227</v>
      </c>
    </row>
    <row r="2620" spans="1:3" x14ac:dyDescent="0.15">
      <c r="A2620">
        <v>22398</v>
      </c>
      <c r="B2620" t="s">
        <v>5228</v>
      </c>
      <c r="C2620" t="s">
        <v>5229</v>
      </c>
    </row>
    <row r="2621" spans="1:3" x14ac:dyDescent="0.15">
      <c r="A2621">
        <v>22397</v>
      </c>
      <c r="B2621" t="s">
        <v>5230</v>
      </c>
      <c r="C2621" t="s">
        <v>3953</v>
      </c>
    </row>
    <row r="2622" spans="1:3" x14ac:dyDescent="0.15">
      <c r="A2622">
        <v>22396</v>
      </c>
      <c r="B2622" t="s">
        <v>5231</v>
      </c>
      <c r="C2622" t="s">
        <v>5232</v>
      </c>
    </row>
    <row r="2623" spans="1:3" x14ac:dyDescent="0.15">
      <c r="A2623">
        <v>22395</v>
      </c>
      <c r="B2623" t="s">
        <v>5233</v>
      </c>
      <c r="C2623" t="s">
        <v>5234</v>
      </c>
    </row>
    <row r="2624" spans="1:3" x14ac:dyDescent="0.15">
      <c r="A2624">
        <v>22394</v>
      </c>
      <c r="B2624" t="s">
        <v>5235</v>
      </c>
      <c r="C2624" t="s">
        <v>5236</v>
      </c>
    </row>
    <row r="2625" spans="1:3" x14ac:dyDescent="0.15">
      <c r="A2625">
        <v>22393</v>
      </c>
      <c r="B2625" t="s">
        <v>5237</v>
      </c>
      <c r="C2625" t="s">
        <v>5238</v>
      </c>
    </row>
    <row r="2626" spans="1:3" x14ac:dyDescent="0.15">
      <c r="A2626">
        <v>22392</v>
      </c>
      <c r="B2626" t="s">
        <v>5239</v>
      </c>
      <c r="C2626" t="s">
        <v>5240</v>
      </c>
    </row>
    <row r="2627" spans="1:3" x14ac:dyDescent="0.15">
      <c r="A2627">
        <v>22391</v>
      </c>
      <c r="B2627" t="s">
        <v>5241</v>
      </c>
      <c r="C2627" t="s">
        <v>5242</v>
      </c>
    </row>
    <row r="2628" spans="1:3" x14ac:dyDescent="0.15">
      <c r="A2628">
        <v>22390</v>
      </c>
      <c r="B2628" t="s">
        <v>5243</v>
      </c>
      <c r="C2628" t="s">
        <v>5244</v>
      </c>
    </row>
    <row r="2629" spans="1:3" x14ac:dyDescent="0.15">
      <c r="A2629">
        <v>22389</v>
      </c>
      <c r="B2629" t="s">
        <v>5245</v>
      </c>
      <c r="C2629" t="s">
        <v>5246</v>
      </c>
    </row>
    <row r="2630" spans="1:3" x14ac:dyDescent="0.15">
      <c r="A2630">
        <v>22388</v>
      </c>
      <c r="B2630" t="s">
        <v>5247</v>
      </c>
      <c r="C2630" t="s">
        <v>5248</v>
      </c>
    </row>
    <row r="2631" spans="1:3" x14ac:dyDescent="0.15">
      <c r="A2631">
        <v>22387</v>
      </c>
      <c r="B2631" t="s">
        <v>5249</v>
      </c>
      <c r="C2631" t="s">
        <v>5250</v>
      </c>
    </row>
    <row r="2632" spans="1:3" x14ac:dyDescent="0.15">
      <c r="A2632">
        <v>22386</v>
      </c>
      <c r="B2632" t="s">
        <v>5251</v>
      </c>
      <c r="C2632" t="s">
        <v>5252</v>
      </c>
    </row>
    <row r="2633" spans="1:3" x14ac:dyDescent="0.15">
      <c r="A2633">
        <v>22385</v>
      </c>
      <c r="B2633" t="s">
        <v>5253</v>
      </c>
      <c r="C2633" t="s">
        <v>5254</v>
      </c>
    </row>
    <row r="2634" spans="1:3" x14ac:dyDescent="0.15">
      <c r="A2634">
        <v>22384</v>
      </c>
      <c r="B2634" t="s">
        <v>5255</v>
      </c>
      <c r="C2634" t="s">
        <v>5256</v>
      </c>
    </row>
    <row r="2635" spans="1:3" x14ac:dyDescent="0.15">
      <c r="A2635">
        <v>22383</v>
      </c>
      <c r="B2635" t="s">
        <v>5257</v>
      </c>
      <c r="C2635" t="s">
        <v>5258</v>
      </c>
    </row>
    <row r="2636" spans="1:3" x14ac:dyDescent="0.15">
      <c r="A2636">
        <v>22382</v>
      </c>
      <c r="B2636" t="s">
        <v>5259</v>
      </c>
      <c r="C2636" t="s">
        <v>5260</v>
      </c>
    </row>
    <row r="2637" spans="1:3" x14ac:dyDescent="0.15">
      <c r="A2637">
        <v>22381</v>
      </c>
      <c r="B2637" t="s">
        <v>5261</v>
      </c>
      <c r="C2637" t="s">
        <v>5262</v>
      </c>
    </row>
    <row r="2638" spans="1:3" x14ac:dyDescent="0.15">
      <c r="A2638">
        <v>22380</v>
      </c>
      <c r="B2638" t="s">
        <v>5263</v>
      </c>
      <c r="C2638" t="s">
        <v>5264</v>
      </c>
    </row>
    <row r="2639" spans="1:3" x14ac:dyDescent="0.15">
      <c r="A2639">
        <v>22379</v>
      </c>
      <c r="B2639" t="s">
        <v>5265</v>
      </c>
      <c r="C2639" t="s">
        <v>5266</v>
      </c>
    </row>
    <row r="2640" spans="1:3" x14ac:dyDescent="0.15">
      <c r="A2640">
        <v>22378</v>
      </c>
      <c r="B2640" t="s">
        <v>5267</v>
      </c>
      <c r="C2640" t="s">
        <v>5268</v>
      </c>
    </row>
    <row r="2641" spans="1:3" x14ac:dyDescent="0.15">
      <c r="A2641">
        <v>22377</v>
      </c>
      <c r="B2641" t="s">
        <v>5269</v>
      </c>
      <c r="C2641" t="s">
        <v>5270</v>
      </c>
    </row>
    <row r="2642" spans="1:3" x14ac:dyDescent="0.15">
      <c r="A2642">
        <v>22376</v>
      </c>
      <c r="B2642" t="s">
        <v>5271</v>
      </c>
      <c r="C2642" t="s">
        <v>5272</v>
      </c>
    </row>
    <row r="2643" spans="1:3" x14ac:dyDescent="0.15">
      <c r="A2643">
        <v>22375</v>
      </c>
      <c r="B2643" t="s">
        <v>5273</v>
      </c>
      <c r="C2643" t="s">
        <v>5274</v>
      </c>
    </row>
    <row r="2644" spans="1:3" x14ac:dyDescent="0.15">
      <c r="A2644">
        <v>22374</v>
      </c>
      <c r="B2644" t="s">
        <v>5275</v>
      </c>
      <c r="C2644" t="s">
        <v>5276</v>
      </c>
    </row>
    <row r="2645" spans="1:3" x14ac:dyDescent="0.15">
      <c r="A2645">
        <v>22373</v>
      </c>
      <c r="B2645" t="s">
        <v>5277</v>
      </c>
      <c r="C2645" t="s">
        <v>5278</v>
      </c>
    </row>
    <row r="2646" spans="1:3" x14ac:dyDescent="0.15">
      <c r="A2646">
        <v>22372</v>
      </c>
      <c r="B2646" t="s">
        <v>5279</v>
      </c>
      <c r="C2646" t="s">
        <v>5280</v>
      </c>
    </row>
    <row r="2647" spans="1:3" x14ac:dyDescent="0.15">
      <c r="A2647">
        <v>22371</v>
      </c>
      <c r="B2647" t="s">
        <v>5281</v>
      </c>
      <c r="C2647" t="s">
        <v>5282</v>
      </c>
    </row>
    <row r="2648" spans="1:3" x14ac:dyDescent="0.15">
      <c r="A2648">
        <v>22370</v>
      </c>
      <c r="B2648" t="s">
        <v>5283</v>
      </c>
      <c r="C2648" t="s">
        <v>5284</v>
      </c>
    </row>
    <row r="2649" spans="1:3" x14ac:dyDescent="0.15">
      <c r="A2649">
        <v>22369</v>
      </c>
      <c r="B2649" t="s">
        <v>5285</v>
      </c>
      <c r="C2649" t="s">
        <v>5286</v>
      </c>
    </row>
    <row r="2650" spans="1:3" x14ac:dyDescent="0.15">
      <c r="A2650">
        <v>22368</v>
      </c>
      <c r="B2650" t="s">
        <v>5287</v>
      </c>
      <c r="C2650" t="s">
        <v>5288</v>
      </c>
    </row>
    <row r="2651" spans="1:3" x14ac:dyDescent="0.15">
      <c r="A2651">
        <v>22367</v>
      </c>
      <c r="B2651" t="s">
        <v>5289</v>
      </c>
      <c r="C2651" t="s">
        <v>5290</v>
      </c>
    </row>
    <row r="2652" spans="1:3" x14ac:dyDescent="0.15">
      <c r="A2652">
        <v>22366</v>
      </c>
      <c r="B2652" t="s">
        <v>5291</v>
      </c>
      <c r="C2652" t="s">
        <v>5292</v>
      </c>
    </row>
    <row r="2653" spans="1:3" x14ac:dyDescent="0.15">
      <c r="A2653">
        <v>22365</v>
      </c>
      <c r="B2653" t="s">
        <v>5293</v>
      </c>
      <c r="C2653" t="s">
        <v>5294</v>
      </c>
    </row>
    <row r="2654" spans="1:3" x14ac:dyDescent="0.15">
      <c r="A2654">
        <v>22364</v>
      </c>
      <c r="B2654" t="s">
        <v>5295</v>
      </c>
      <c r="C2654" t="s">
        <v>5296</v>
      </c>
    </row>
    <row r="2655" spans="1:3" x14ac:dyDescent="0.15">
      <c r="A2655">
        <v>22363</v>
      </c>
      <c r="B2655" t="s">
        <v>5297</v>
      </c>
      <c r="C2655" t="s">
        <v>5298</v>
      </c>
    </row>
    <row r="2656" spans="1:3" x14ac:dyDescent="0.15">
      <c r="A2656">
        <v>22362</v>
      </c>
      <c r="B2656" t="s">
        <v>5299</v>
      </c>
      <c r="C2656" t="s">
        <v>5300</v>
      </c>
    </row>
    <row r="2657" spans="1:3" x14ac:dyDescent="0.15">
      <c r="A2657">
        <v>22361</v>
      </c>
      <c r="B2657" t="s">
        <v>5301</v>
      </c>
      <c r="C2657" t="s">
        <v>5302</v>
      </c>
    </row>
    <row r="2658" spans="1:3" x14ac:dyDescent="0.15">
      <c r="A2658">
        <v>22360</v>
      </c>
      <c r="B2658" t="s">
        <v>5303</v>
      </c>
      <c r="C2658" t="s">
        <v>5304</v>
      </c>
    </row>
    <row r="2659" spans="1:3" x14ac:dyDescent="0.15">
      <c r="A2659">
        <v>22359</v>
      </c>
      <c r="B2659" t="s">
        <v>5305</v>
      </c>
      <c r="C2659" t="s">
        <v>5306</v>
      </c>
    </row>
    <row r="2660" spans="1:3" x14ac:dyDescent="0.15">
      <c r="A2660">
        <v>22358</v>
      </c>
      <c r="B2660" t="s">
        <v>5307</v>
      </c>
      <c r="C2660" t="s">
        <v>5308</v>
      </c>
    </row>
    <row r="2661" spans="1:3" x14ac:dyDescent="0.15">
      <c r="A2661">
        <v>22357</v>
      </c>
      <c r="B2661" t="s">
        <v>5309</v>
      </c>
      <c r="C2661" t="s">
        <v>5310</v>
      </c>
    </row>
    <row r="2662" spans="1:3" x14ac:dyDescent="0.15">
      <c r="A2662">
        <v>22356</v>
      </c>
      <c r="B2662" t="s">
        <v>5311</v>
      </c>
      <c r="C2662" t="s">
        <v>5312</v>
      </c>
    </row>
    <row r="2663" spans="1:3" x14ac:dyDescent="0.15">
      <c r="A2663">
        <v>22355</v>
      </c>
      <c r="B2663" t="s">
        <v>5313</v>
      </c>
      <c r="C2663" t="s">
        <v>5314</v>
      </c>
    </row>
    <row r="2664" spans="1:3" x14ac:dyDescent="0.15">
      <c r="A2664">
        <v>22354</v>
      </c>
      <c r="B2664" t="s">
        <v>5315</v>
      </c>
      <c r="C2664" t="s">
        <v>5316</v>
      </c>
    </row>
    <row r="2665" spans="1:3" x14ac:dyDescent="0.15">
      <c r="A2665">
        <v>22353</v>
      </c>
      <c r="B2665" t="s">
        <v>5317</v>
      </c>
      <c r="C2665" t="s">
        <v>5318</v>
      </c>
    </row>
    <row r="2666" spans="1:3" x14ac:dyDescent="0.15">
      <c r="A2666">
        <v>22352</v>
      </c>
      <c r="B2666" t="s">
        <v>5319</v>
      </c>
      <c r="C2666" t="s">
        <v>5320</v>
      </c>
    </row>
    <row r="2667" spans="1:3" x14ac:dyDescent="0.15">
      <c r="A2667">
        <v>22351</v>
      </c>
      <c r="B2667" t="s">
        <v>5321</v>
      </c>
      <c r="C2667" t="s">
        <v>5322</v>
      </c>
    </row>
    <row r="2668" spans="1:3" x14ac:dyDescent="0.15">
      <c r="A2668">
        <v>22350</v>
      </c>
      <c r="B2668" t="s">
        <v>5323</v>
      </c>
      <c r="C2668" t="s">
        <v>5324</v>
      </c>
    </row>
    <row r="2669" spans="1:3" x14ac:dyDescent="0.15">
      <c r="A2669">
        <v>22349</v>
      </c>
      <c r="B2669" t="s">
        <v>5325</v>
      </c>
      <c r="C2669" t="s">
        <v>5326</v>
      </c>
    </row>
    <row r="2670" spans="1:3" x14ac:dyDescent="0.15">
      <c r="A2670">
        <v>22348</v>
      </c>
      <c r="B2670" t="s">
        <v>5327</v>
      </c>
      <c r="C2670" t="s">
        <v>5328</v>
      </c>
    </row>
    <row r="2671" spans="1:3" x14ac:dyDescent="0.15">
      <c r="A2671">
        <v>22347</v>
      </c>
      <c r="B2671" t="s">
        <v>5329</v>
      </c>
      <c r="C2671" t="s">
        <v>5330</v>
      </c>
    </row>
    <row r="2672" spans="1:3" x14ac:dyDescent="0.15">
      <c r="A2672">
        <v>22346</v>
      </c>
      <c r="B2672" t="s">
        <v>5331</v>
      </c>
      <c r="C2672" t="s">
        <v>5332</v>
      </c>
    </row>
    <row r="2673" spans="1:3" x14ac:dyDescent="0.15">
      <c r="A2673">
        <v>22345</v>
      </c>
      <c r="B2673" t="s">
        <v>5333</v>
      </c>
      <c r="C2673" t="s">
        <v>5334</v>
      </c>
    </row>
    <row r="2674" spans="1:3" x14ac:dyDescent="0.15">
      <c r="A2674">
        <v>22344</v>
      </c>
      <c r="B2674" t="s">
        <v>5335</v>
      </c>
      <c r="C2674" t="s">
        <v>5336</v>
      </c>
    </row>
    <row r="2675" spans="1:3" x14ac:dyDescent="0.15">
      <c r="A2675">
        <v>22343</v>
      </c>
      <c r="B2675" t="s">
        <v>5337</v>
      </c>
      <c r="C2675" t="s">
        <v>5338</v>
      </c>
    </row>
    <row r="2676" spans="1:3" x14ac:dyDescent="0.15">
      <c r="A2676">
        <v>22342</v>
      </c>
      <c r="B2676" t="s">
        <v>5339</v>
      </c>
      <c r="C2676" t="s">
        <v>5340</v>
      </c>
    </row>
    <row r="2677" spans="1:3" x14ac:dyDescent="0.15">
      <c r="A2677">
        <v>22341</v>
      </c>
      <c r="B2677" t="s">
        <v>5341</v>
      </c>
      <c r="C2677" t="s">
        <v>5342</v>
      </c>
    </row>
    <row r="2678" spans="1:3" x14ac:dyDescent="0.15">
      <c r="A2678">
        <v>22340</v>
      </c>
      <c r="B2678" t="s">
        <v>5343</v>
      </c>
      <c r="C2678" t="s">
        <v>5344</v>
      </c>
    </row>
    <row r="2679" spans="1:3" x14ac:dyDescent="0.15">
      <c r="A2679">
        <v>22339</v>
      </c>
      <c r="B2679" t="s">
        <v>5345</v>
      </c>
      <c r="C2679" t="s">
        <v>5346</v>
      </c>
    </row>
    <row r="2680" spans="1:3" x14ac:dyDescent="0.15">
      <c r="A2680">
        <v>22338</v>
      </c>
      <c r="B2680" t="s">
        <v>5347</v>
      </c>
      <c r="C2680" t="s">
        <v>5348</v>
      </c>
    </row>
    <row r="2681" spans="1:3" x14ac:dyDescent="0.15">
      <c r="A2681">
        <v>22337</v>
      </c>
      <c r="B2681" t="s">
        <v>5349</v>
      </c>
      <c r="C2681" t="s">
        <v>5350</v>
      </c>
    </row>
    <row r="2682" spans="1:3" x14ac:dyDescent="0.15">
      <c r="A2682">
        <v>22336</v>
      </c>
      <c r="B2682" t="s">
        <v>5351</v>
      </c>
      <c r="C2682" t="s">
        <v>5352</v>
      </c>
    </row>
    <row r="2683" spans="1:3" x14ac:dyDescent="0.15">
      <c r="A2683">
        <v>22335</v>
      </c>
      <c r="B2683" t="s">
        <v>5353</v>
      </c>
      <c r="C2683" t="s">
        <v>5354</v>
      </c>
    </row>
    <row r="2684" spans="1:3" x14ac:dyDescent="0.15">
      <c r="A2684">
        <v>22334</v>
      </c>
      <c r="B2684" t="s">
        <v>5355</v>
      </c>
      <c r="C2684" t="s">
        <v>5356</v>
      </c>
    </row>
    <row r="2685" spans="1:3" x14ac:dyDescent="0.15">
      <c r="A2685">
        <v>22333</v>
      </c>
      <c r="B2685" t="s">
        <v>5357</v>
      </c>
      <c r="C2685" t="s">
        <v>5358</v>
      </c>
    </row>
    <row r="2686" spans="1:3" x14ac:dyDescent="0.15">
      <c r="A2686">
        <v>22332</v>
      </c>
      <c r="B2686" t="s">
        <v>5359</v>
      </c>
      <c r="C2686" t="s">
        <v>5360</v>
      </c>
    </row>
    <row r="2687" spans="1:3" x14ac:dyDescent="0.15">
      <c r="A2687">
        <v>22331</v>
      </c>
      <c r="B2687" t="s">
        <v>5361</v>
      </c>
      <c r="C2687" t="s">
        <v>5362</v>
      </c>
    </row>
    <row r="2688" spans="1:3" x14ac:dyDescent="0.15">
      <c r="A2688">
        <v>22330</v>
      </c>
      <c r="B2688" t="s">
        <v>5363</v>
      </c>
      <c r="C2688" t="s">
        <v>5364</v>
      </c>
    </row>
    <row r="2689" spans="1:3" x14ac:dyDescent="0.15">
      <c r="A2689">
        <v>22329</v>
      </c>
      <c r="B2689" t="s">
        <v>5365</v>
      </c>
      <c r="C2689" t="s">
        <v>5366</v>
      </c>
    </row>
    <row r="2690" spans="1:3" x14ac:dyDescent="0.15">
      <c r="A2690">
        <v>22328</v>
      </c>
      <c r="B2690" t="s">
        <v>5367</v>
      </c>
      <c r="C2690" t="s">
        <v>5368</v>
      </c>
    </row>
    <row r="2691" spans="1:3" x14ac:dyDescent="0.15">
      <c r="A2691">
        <v>22327</v>
      </c>
      <c r="B2691" t="s">
        <v>5369</v>
      </c>
      <c r="C2691" t="s">
        <v>5370</v>
      </c>
    </row>
    <row r="2692" spans="1:3" x14ac:dyDescent="0.15">
      <c r="A2692">
        <v>22326</v>
      </c>
      <c r="B2692" t="s">
        <v>5371</v>
      </c>
      <c r="C2692" t="s">
        <v>5372</v>
      </c>
    </row>
    <row r="2693" spans="1:3" x14ac:dyDescent="0.15">
      <c r="A2693">
        <v>22325</v>
      </c>
      <c r="B2693" t="s">
        <v>5373</v>
      </c>
      <c r="C2693" t="s">
        <v>5374</v>
      </c>
    </row>
    <row r="2694" spans="1:3" x14ac:dyDescent="0.15">
      <c r="A2694">
        <v>22324</v>
      </c>
      <c r="B2694" t="s">
        <v>5375</v>
      </c>
      <c r="C2694" t="s">
        <v>5376</v>
      </c>
    </row>
    <row r="2695" spans="1:3" x14ac:dyDescent="0.15">
      <c r="A2695">
        <v>22323</v>
      </c>
      <c r="B2695" t="s">
        <v>5377</v>
      </c>
      <c r="C2695" t="s">
        <v>5378</v>
      </c>
    </row>
    <row r="2696" spans="1:3" x14ac:dyDescent="0.15">
      <c r="A2696">
        <v>22322</v>
      </c>
      <c r="B2696" t="s">
        <v>5379</v>
      </c>
      <c r="C2696" t="s">
        <v>5380</v>
      </c>
    </row>
    <row r="2697" spans="1:3" x14ac:dyDescent="0.15">
      <c r="A2697">
        <v>22321</v>
      </c>
      <c r="B2697" t="s">
        <v>5381</v>
      </c>
      <c r="C2697" t="s">
        <v>5382</v>
      </c>
    </row>
    <row r="2698" spans="1:3" x14ac:dyDescent="0.15">
      <c r="A2698">
        <v>22320</v>
      </c>
      <c r="B2698" t="s">
        <v>5383</v>
      </c>
      <c r="C2698" t="s">
        <v>5384</v>
      </c>
    </row>
    <row r="2699" spans="1:3" x14ac:dyDescent="0.15">
      <c r="A2699">
        <v>22319</v>
      </c>
      <c r="B2699" t="s">
        <v>5385</v>
      </c>
      <c r="C2699" t="s">
        <v>5386</v>
      </c>
    </row>
    <row r="2700" spans="1:3" x14ac:dyDescent="0.15">
      <c r="A2700">
        <v>22318</v>
      </c>
      <c r="B2700" t="s">
        <v>5387</v>
      </c>
      <c r="C2700" t="s">
        <v>5388</v>
      </c>
    </row>
    <row r="2701" spans="1:3" x14ac:dyDescent="0.15">
      <c r="A2701">
        <v>22317</v>
      </c>
      <c r="B2701" t="s">
        <v>5389</v>
      </c>
      <c r="C2701" t="s">
        <v>5390</v>
      </c>
    </row>
    <row r="2702" spans="1:3" x14ac:dyDescent="0.15">
      <c r="A2702">
        <v>22316</v>
      </c>
      <c r="B2702" t="s">
        <v>5391</v>
      </c>
      <c r="C2702" t="s">
        <v>5392</v>
      </c>
    </row>
    <row r="2703" spans="1:3" x14ac:dyDescent="0.15">
      <c r="A2703">
        <v>22315</v>
      </c>
      <c r="B2703" t="s">
        <v>5393</v>
      </c>
      <c r="C2703" t="s">
        <v>5394</v>
      </c>
    </row>
    <row r="2704" spans="1:3" x14ac:dyDescent="0.15">
      <c r="A2704">
        <v>22314</v>
      </c>
      <c r="B2704" t="s">
        <v>5395</v>
      </c>
      <c r="C2704" t="s">
        <v>5396</v>
      </c>
    </row>
    <row r="2705" spans="1:3" x14ac:dyDescent="0.15">
      <c r="A2705">
        <v>22313</v>
      </c>
      <c r="B2705" t="s">
        <v>5397</v>
      </c>
      <c r="C2705" t="s">
        <v>5398</v>
      </c>
    </row>
    <row r="2706" spans="1:3" x14ac:dyDescent="0.15">
      <c r="A2706">
        <v>22312</v>
      </c>
      <c r="B2706" t="s">
        <v>5399</v>
      </c>
      <c r="C2706" t="s">
        <v>5400</v>
      </c>
    </row>
    <row r="2707" spans="1:3" x14ac:dyDescent="0.15">
      <c r="A2707">
        <v>22311</v>
      </c>
      <c r="B2707" t="s">
        <v>5401</v>
      </c>
      <c r="C2707" t="s">
        <v>5402</v>
      </c>
    </row>
    <row r="2708" spans="1:3" x14ac:dyDescent="0.15">
      <c r="A2708">
        <v>22310</v>
      </c>
      <c r="B2708" t="s">
        <v>5403</v>
      </c>
      <c r="C2708" t="s">
        <v>5404</v>
      </c>
    </row>
    <row r="2709" spans="1:3" x14ac:dyDescent="0.15">
      <c r="A2709">
        <v>22309</v>
      </c>
      <c r="B2709" t="s">
        <v>5405</v>
      </c>
      <c r="C2709" t="s">
        <v>5406</v>
      </c>
    </row>
    <row r="2710" spans="1:3" x14ac:dyDescent="0.15">
      <c r="A2710">
        <v>22308</v>
      </c>
      <c r="B2710" t="s">
        <v>5407</v>
      </c>
      <c r="C2710" t="s">
        <v>5408</v>
      </c>
    </row>
    <row r="2711" spans="1:3" x14ac:dyDescent="0.15">
      <c r="A2711">
        <v>22307</v>
      </c>
      <c r="B2711" t="s">
        <v>5409</v>
      </c>
      <c r="C2711" t="s">
        <v>5410</v>
      </c>
    </row>
    <row r="2712" spans="1:3" x14ac:dyDescent="0.15">
      <c r="A2712">
        <v>22306</v>
      </c>
      <c r="B2712" t="s">
        <v>5411</v>
      </c>
      <c r="C2712" t="s">
        <v>5412</v>
      </c>
    </row>
    <row r="2713" spans="1:3" x14ac:dyDescent="0.15">
      <c r="A2713">
        <v>22305</v>
      </c>
      <c r="B2713" t="s">
        <v>5413</v>
      </c>
      <c r="C2713" t="s">
        <v>5414</v>
      </c>
    </row>
    <row r="2714" spans="1:3" x14ac:dyDescent="0.15">
      <c r="A2714">
        <v>22304</v>
      </c>
      <c r="B2714" t="s">
        <v>5415</v>
      </c>
      <c r="C2714" t="s">
        <v>5416</v>
      </c>
    </row>
    <row r="2715" spans="1:3" x14ac:dyDescent="0.15">
      <c r="A2715">
        <v>22303</v>
      </c>
      <c r="B2715" t="s">
        <v>5417</v>
      </c>
      <c r="C2715" t="s">
        <v>5418</v>
      </c>
    </row>
    <row r="2716" spans="1:3" x14ac:dyDescent="0.15">
      <c r="A2716">
        <v>22302</v>
      </c>
      <c r="B2716" t="s">
        <v>5419</v>
      </c>
      <c r="C2716" t="s">
        <v>5420</v>
      </c>
    </row>
    <row r="2717" spans="1:3" x14ac:dyDescent="0.15">
      <c r="A2717">
        <v>22301</v>
      </c>
      <c r="B2717" t="s">
        <v>5421</v>
      </c>
      <c r="C2717" t="s">
        <v>5422</v>
      </c>
    </row>
    <row r="2718" spans="1:3" x14ac:dyDescent="0.15">
      <c r="A2718">
        <v>22300</v>
      </c>
      <c r="B2718" t="s">
        <v>5423</v>
      </c>
      <c r="C2718" t="s">
        <v>5424</v>
      </c>
    </row>
    <row r="2719" spans="1:3" x14ac:dyDescent="0.15">
      <c r="A2719">
        <v>22299</v>
      </c>
      <c r="B2719" t="s">
        <v>5425</v>
      </c>
      <c r="C2719" t="s">
        <v>5426</v>
      </c>
    </row>
    <row r="2720" spans="1:3" x14ac:dyDescent="0.15">
      <c r="A2720">
        <v>22298</v>
      </c>
      <c r="B2720" t="s">
        <v>5427</v>
      </c>
      <c r="C2720" t="s">
        <v>5428</v>
      </c>
    </row>
    <row r="2721" spans="1:3" x14ac:dyDescent="0.15">
      <c r="A2721">
        <v>22297</v>
      </c>
      <c r="B2721" t="s">
        <v>5429</v>
      </c>
      <c r="C2721" t="s">
        <v>5430</v>
      </c>
    </row>
    <row r="2722" spans="1:3" x14ac:dyDescent="0.15">
      <c r="A2722">
        <v>22296</v>
      </c>
      <c r="B2722" t="s">
        <v>5431</v>
      </c>
      <c r="C2722" t="s">
        <v>5432</v>
      </c>
    </row>
    <row r="2723" spans="1:3" x14ac:dyDescent="0.15">
      <c r="A2723">
        <v>22295</v>
      </c>
      <c r="B2723" t="s">
        <v>5433</v>
      </c>
      <c r="C2723" t="s">
        <v>5434</v>
      </c>
    </row>
    <row r="2724" spans="1:3" x14ac:dyDescent="0.15">
      <c r="A2724">
        <v>22294</v>
      </c>
      <c r="B2724" t="s">
        <v>5435</v>
      </c>
      <c r="C2724" t="s">
        <v>5436</v>
      </c>
    </row>
    <row r="2725" spans="1:3" x14ac:dyDescent="0.15">
      <c r="A2725">
        <v>22293</v>
      </c>
      <c r="B2725" t="s">
        <v>5437</v>
      </c>
      <c r="C2725" t="s">
        <v>5438</v>
      </c>
    </row>
    <row r="2726" spans="1:3" x14ac:dyDescent="0.15">
      <c r="A2726">
        <v>22292</v>
      </c>
      <c r="B2726" t="s">
        <v>5439</v>
      </c>
      <c r="C2726" t="s">
        <v>5440</v>
      </c>
    </row>
    <row r="2727" spans="1:3" x14ac:dyDescent="0.15">
      <c r="A2727">
        <v>22291</v>
      </c>
      <c r="B2727" t="s">
        <v>5441</v>
      </c>
      <c r="C2727" t="s">
        <v>5442</v>
      </c>
    </row>
    <row r="2728" spans="1:3" x14ac:dyDescent="0.15">
      <c r="A2728">
        <v>22290</v>
      </c>
      <c r="B2728" t="s">
        <v>5443</v>
      </c>
      <c r="C2728" t="s">
        <v>5444</v>
      </c>
    </row>
    <row r="2729" spans="1:3" x14ac:dyDescent="0.15">
      <c r="A2729">
        <v>22289</v>
      </c>
      <c r="B2729" t="s">
        <v>5445</v>
      </c>
      <c r="C2729" t="s">
        <v>5446</v>
      </c>
    </row>
    <row r="2730" spans="1:3" x14ac:dyDescent="0.15">
      <c r="A2730">
        <v>22288</v>
      </c>
      <c r="B2730" t="s">
        <v>5447</v>
      </c>
      <c r="C2730" t="s">
        <v>5448</v>
      </c>
    </row>
    <row r="2731" spans="1:3" x14ac:dyDescent="0.15">
      <c r="A2731">
        <v>22287</v>
      </c>
      <c r="B2731" t="s">
        <v>5449</v>
      </c>
      <c r="C2731" t="s">
        <v>5450</v>
      </c>
    </row>
    <row r="2732" spans="1:3" x14ac:dyDescent="0.15">
      <c r="A2732">
        <v>22286</v>
      </c>
      <c r="B2732" t="s">
        <v>5451</v>
      </c>
      <c r="C2732" t="s">
        <v>5452</v>
      </c>
    </row>
    <row r="2733" spans="1:3" x14ac:dyDescent="0.15">
      <c r="A2733">
        <v>22285</v>
      </c>
      <c r="B2733" t="s">
        <v>5453</v>
      </c>
      <c r="C2733" t="s">
        <v>5454</v>
      </c>
    </row>
    <row r="2734" spans="1:3" x14ac:dyDescent="0.15">
      <c r="A2734">
        <v>22284</v>
      </c>
      <c r="B2734" t="s">
        <v>5455</v>
      </c>
      <c r="C2734" t="s">
        <v>5456</v>
      </c>
    </row>
    <row r="2735" spans="1:3" x14ac:dyDescent="0.15">
      <c r="A2735">
        <v>22283</v>
      </c>
      <c r="B2735" t="s">
        <v>5457</v>
      </c>
      <c r="C2735" t="s">
        <v>5458</v>
      </c>
    </row>
    <row r="2736" spans="1:3" x14ac:dyDescent="0.15">
      <c r="A2736">
        <v>22282</v>
      </c>
      <c r="B2736" t="s">
        <v>5459</v>
      </c>
      <c r="C2736" t="s">
        <v>5460</v>
      </c>
    </row>
    <row r="2737" spans="1:3" x14ac:dyDescent="0.15">
      <c r="A2737">
        <v>22281</v>
      </c>
      <c r="B2737" t="s">
        <v>5461</v>
      </c>
      <c r="C2737" t="s">
        <v>5462</v>
      </c>
    </row>
    <row r="2738" spans="1:3" x14ac:dyDescent="0.15">
      <c r="A2738">
        <v>22280</v>
      </c>
      <c r="B2738" t="s">
        <v>5463</v>
      </c>
      <c r="C2738" t="s">
        <v>5464</v>
      </c>
    </row>
    <row r="2739" spans="1:3" x14ac:dyDescent="0.15">
      <c r="A2739">
        <v>22279</v>
      </c>
      <c r="B2739" t="s">
        <v>5465</v>
      </c>
      <c r="C2739" t="s">
        <v>5466</v>
      </c>
    </row>
    <row r="2740" spans="1:3" x14ac:dyDescent="0.15">
      <c r="A2740">
        <v>22278</v>
      </c>
      <c r="B2740" t="s">
        <v>5467</v>
      </c>
      <c r="C2740" t="s">
        <v>5468</v>
      </c>
    </row>
    <row r="2741" spans="1:3" x14ac:dyDescent="0.15">
      <c r="A2741">
        <v>22277</v>
      </c>
      <c r="B2741" t="s">
        <v>5469</v>
      </c>
      <c r="C2741" t="s">
        <v>5470</v>
      </c>
    </row>
    <row r="2742" spans="1:3" x14ac:dyDescent="0.15">
      <c r="A2742">
        <v>22276</v>
      </c>
      <c r="B2742" t="s">
        <v>5471</v>
      </c>
      <c r="C2742" t="s">
        <v>5472</v>
      </c>
    </row>
    <row r="2743" spans="1:3" x14ac:dyDescent="0.15">
      <c r="A2743">
        <v>22275</v>
      </c>
      <c r="B2743" t="s">
        <v>5473</v>
      </c>
      <c r="C2743" t="s">
        <v>5474</v>
      </c>
    </row>
    <row r="2744" spans="1:3" x14ac:dyDescent="0.15">
      <c r="A2744">
        <v>22274</v>
      </c>
      <c r="B2744" t="s">
        <v>5475</v>
      </c>
      <c r="C2744" t="s">
        <v>5476</v>
      </c>
    </row>
    <row r="2745" spans="1:3" x14ac:dyDescent="0.15">
      <c r="A2745">
        <v>22273</v>
      </c>
      <c r="B2745" t="s">
        <v>5477</v>
      </c>
      <c r="C2745" t="s">
        <v>5478</v>
      </c>
    </row>
    <row r="2746" spans="1:3" x14ac:dyDescent="0.15">
      <c r="A2746">
        <v>22272</v>
      </c>
      <c r="B2746" t="s">
        <v>5479</v>
      </c>
      <c r="C2746" t="s">
        <v>5480</v>
      </c>
    </row>
    <row r="2747" spans="1:3" x14ac:dyDescent="0.15">
      <c r="A2747">
        <v>22271</v>
      </c>
      <c r="B2747" t="s">
        <v>5481</v>
      </c>
      <c r="C2747" t="s">
        <v>5482</v>
      </c>
    </row>
    <row r="2748" spans="1:3" x14ac:dyDescent="0.15">
      <c r="A2748">
        <v>22270</v>
      </c>
      <c r="B2748" t="s">
        <v>5483</v>
      </c>
      <c r="C2748" t="s">
        <v>5484</v>
      </c>
    </row>
    <row r="2749" spans="1:3" x14ac:dyDescent="0.15">
      <c r="A2749">
        <v>22269</v>
      </c>
      <c r="B2749" t="s">
        <v>5485</v>
      </c>
      <c r="C2749" t="s">
        <v>5486</v>
      </c>
    </row>
    <row r="2750" spans="1:3" x14ac:dyDescent="0.15">
      <c r="A2750">
        <v>22268</v>
      </c>
      <c r="B2750" t="s">
        <v>5487</v>
      </c>
      <c r="C2750" t="s">
        <v>5488</v>
      </c>
    </row>
    <row r="2751" spans="1:3" x14ac:dyDescent="0.15">
      <c r="A2751">
        <v>22267</v>
      </c>
      <c r="B2751" t="s">
        <v>5489</v>
      </c>
      <c r="C2751" t="s">
        <v>5490</v>
      </c>
    </row>
    <row r="2752" spans="1:3" x14ac:dyDescent="0.15">
      <c r="A2752">
        <v>22266</v>
      </c>
      <c r="B2752" t="s">
        <v>5491</v>
      </c>
      <c r="C2752" t="s">
        <v>5492</v>
      </c>
    </row>
    <row r="2753" spans="1:3" x14ac:dyDescent="0.15">
      <c r="A2753">
        <v>22265</v>
      </c>
      <c r="B2753" t="s">
        <v>5493</v>
      </c>
      <c r="C2753" t="s">
        <v>5494</v>
      </c>
    </row>
    <row r="2754" spans="1:3" x14ac:dyDescent="0.15">
      <c r="A2754">
        <v>22264</v>
      </c>
      <c r="B2754" t="s">
        <v>5495</v>
      </c>
      <c r="C2754" t="s">
        <v>5496</v>
      </c>
    </row>
    <row r="2755" spans="1:3" x14ac:dyDescent="0.15">
      <c r="A2755">
        <v>22263</v>
      </c>
      <c r="B2755" t="s">
        <v>5497</v>
      </c>
      <c r="C2755" t="s">
        <v>5498</v>
      </c>
    </row>
    <row r="2756" spans="1:3" x14ac:dyDescent="0.15">
      <c r="A2756">
        <v>22262</v>
      </c>
      <c r="B2756" t="s">
        <v>5499</v>
      </c>
      <c r="C2756" t="s">
        <v>5500</v>
      </c>
    </row>
    <row r="2757" spans="1:3" x14ac:dyDescent="0.15">
      <c r="A2757">
        <v>22261</v>
      </c>
      <c r="B2757" t="s">
        <v>5501</v>
      </c>
      <c r="C2757" t="s">
        <v>5502</v>
      </c>
    </row>
    <row r="2758" spans="1:3" x14ac:dyDescent="0.15">
      <c r="A2758">
        <v>22260</v>
      </c>
      <c r="B2758" t="s">
        <v>5503</v>
      </c>
      <c r="C2758" t="s">
        <v>5504</v>
      </c>
    </row>
    <row r="2759" spans="1:3" x14ac:dyDescent="0.15">
      <c r="A2759">
        <v>22259</v>
      </c>
      <c r="B2759" t="s">
        <v>5505</v>
      </c>
      <c r="C2759" t="s">
        <v>5506</v>
      </c>
    </row>
    <row r="2760" spans="1:3" x14ac:dyDescent="0.15">
      <c r="A2760">
        <v>22258</v>
      </c>
      <c r="B2760" t="s">
        <v>5507</v>
      </c>
      <c r="C2760" t="s">
        <v>5508</v>
      </c>
    </row>
    <row r="2761" spans="1:3" x14ac:dyDescent="0.15">
      <c r="A2761">
        <v>22257</v>
      </c>
      <c r="B2761" t="s">
        <v>5509</v>
      </c>
      <c r="C2761" t="s">
        <v>5510</v>
      </c>
    </row>
    <row r="2762" spans="1:3" x14ac:dyDescent="0.15">
      <c r="A2762">
        <v>22256</v>
      </c>
      <c r="B2762" t="s">
        <v>5511</v>
      </c>
      <c r="C2762" t="s">
        <v>5512</v>
      </c>
    </row>
    <row r="2763" spans="1:3" x14ac:dyDescent="0.15">
      <c r="A2763">
        <v>22255</v>
      </c>
      <c r="B2763" t="s">
        <v>5513</v>
      </c>
      <c r="C2763" t="s">
        <v>5514</v>
      </c>
    </row>
    <row r="2764" spans="1:3" x14ac:dyDescent="0.15">
      <c r="A2764">
        <v>22254</v>
      </c>
      <c r="B2764" t="s">
        <v>5515</v>
      </c>
      <c r="C2764" t="s">
        <v>5516</v>
      </c>
    </row>
    <row r="2765" spans="1:3" x14ac:dyDescent="0.15">
      <c r="A2765">
        <v>22253</v>
      </c>
      <c r="B2765" t="s">
        <v>5517</v>
      </c>
      <c r="C2765" t="s">
        <v>5518</v>
      </c>
    </row>
    <row r="2766" spans="1:3" x14ac:dyDescent="0.15">
      <c r="A2766">
        <v>22252</v>
      </c>
      <c r="B2766" t="s">
        <v>5519</v>
      </c>
      <c r="C2766" t="s">
        <v>5520</v>
      </c>
    </row>
    <row r="2767" spans="1:3" x14ac:dyDescent="0.15">
      <c r="A2767">
        <v>22251</v>
      </c>
      <c r="B2767" t="s">
        <v>5521</v>
      </c>
      <c r="C2767" t="s">
        <v>5522</v>
      </c>
    </row>
    <row r="2768" spans="1:3" x14ac:dyDescent="0.15">
      <c r="A2768">
        <v>22250</v>
      </c>
      <c r="B2768" t="s">
        <v>5523</v>
      </c>
      <c r="C2768" t="s">
        <v>5524</v>
      </c>
    </row>
    <row r="2769" spans="1:3" x14ac:dyDescent="0.15">
      <c r="A2769">
        <v>22249</v>
      </c>
      <c r="B2769" t="s">
        <v>5525</v>
      </c>
      <c r="C2769" t="s">
        <v>5526</v>
      </c>
    </row>
    <row r="2770" spans="1:3" x14ac:dyDescent="0.15">
      <c r="A2770">
        <v>22248</v>
      </c>
      <c r="B2770" t="s">
        <v>5527</v>
      </c>
      <c r="C2770" t="s">
        <v>5528</v>
      </c>
    </row>
    <row r="2771" spans="1:3" x14ac:dyDescent="0.15">
      <c r="A2771">
        <v>22247</v>
      </c>
      <c r="B2771" t="s">
        <v>5529</v>
      </c>
      <c r="C2771" t="s">
        <v>5530</v>
      </c>
    </row>
    <row r="2772" spans="1:3" x14ac:dyDescent="0.15">
      <c r="A2772">
        <v>22246</v>
      </c>
      <c r="B2772" t="s">
        <v>5531</v>
      </c>
      <c r="C2772" t="s">
        <v>5532</v>
      </c>
    </row>
    <row r="2773" spans="1:3" x14ac:dyDescent="0.15">
      <c r="A2773">
        <v>22245</v>
      </c>
      <c r="B2773" t="s">
        <v>5533</v>
      </c>
      <c r="C2773" t="s">
        <v>5534</v>
      </c>
    </row>
    <row r="2774" spans="1:3" x14ac:dyDescent="0.15">
      <c r="A2774">
        <v>22244</v>
      </c>
      <c r="B2774" t="s">
        <v>5535</v>
      </c>
      <c r="C2774" t="s">
        <v>5536</v>
      </c>
    </row>
    <row r="2775" spans="1:3" x14ac:dyDescent="0.15">
      <c r="A2775">
        <v>22243</v>
      </c>
      <c r="B2775" t="s">
        <v>5537</v>
      </c>
      <c r="C2775" t="s">
        <v>5538</v>
      </c>
    </row>
    <row r="2776" spans="1:3" x14ac:dyDescent="0.15">
      <c r="A2776">
        <v>22242</v>
      </c>
      <c r="B2776" t="s">
        <v>5539</v>
      </c>
      <c r="C2776" t="s">
        <v>5540</v>
      </c>
    </row>
    <row r="2777" spans="1:3" x14ac:dyDescent="0.15">
      <c r="A2777">
        <v>22241</v>
      </c>
      <c r="B2777" t="s">
        <v>5541</v>
      </c>
      <c r="C2777" t="s">
        <v>5542</v>
      </c>
    </row>
    <row r="2778" spans="1:3" x14ac:dyDescent="0.15">
      <c r="A2778">
        <v>22240</v>
      </c>
      <c r="B2778" t="s">
        <v>5543</v>
      </c>
      <c r="C2778" t="s">
        <v>5544</v>
      </c>
    </row>
    <row r="2779" spans="1:3" x14ac:dyDescent="0.15">
      <c r="A2779">
        <v>22239</v>
      </c>
      <c r="B2779" t="s">
        <v>5545</v>
      </c>
      <c r="C2779" t="s">
        <v>5546</v>
      </c>
    </row>
    <row r="2780" spans="1:3" x14ac:dyDescent="0.15">
      <c r="A2780">
        <v>22238</v>
      </c>
      <c r="B2780" t="s">
        <v>5547</v>
      </c>
      <c r="C2780" t="s">
        <v>5548</v>
      </c>
    </row>
    <row r="2781" spans="1:3" x14ac:dyDescent="0.15">
      <c r="A2781">
        <v>22237</v>
      </c>
      <c r="B2781" t="s">
        <v>5549</v>
      </c>
      <c r="C2781" t="s">
        <v>5550</v>
      </c>
    </row>
    <row r="2782" spans="1:3" x14ac:dyDescent="0.15">
      <c r="A2782">
        <v>22236</v>
      </c>
      <c r="B2782" t="s">
        <v>5551</v>
      </c>
      <c r="C2782" t="s">
        <v>5552</v>
      </c>
    </row>
    <row r="2783" spans="1:3" x14ac:dyDescent="0.15">
      <c r="A2783">
        <v>22235</v>
      </c>
      <c r="B2783" t="s">
        <v>5553</v>
      </c>
      <c r="C2783" t="s">
        <v>5554</v>
      </c>
    </row>
    <row r="2784" spans="1:3" x14ac:dyDescent="0.15">
      <c r="A2784">
        <v>22234</v>
      </c>
      <c r="B2784" t="s">
        <v>5555</v>
      </c>
      <c r="C2784" t="s">
        <v>5556</v>
      </c>
    </row>
    <row r="2785" spans="1:3" x14ac:dyDescent="0.15">
      <c r="A2785">
        <v>22233</v>
      </c>
      <c r="B2785" t="s">
        <v>5557</v>
      </c>
      <c r="C2785" t="s">
        <v>5558</v>
      </c>
    </row>
    <row r="2786" spans="1:3" x14ac:dyDescent="0.15">
      <c r="A2786">
        <v>22232</v>
      </c>
      <c r="B2786" t="s">
        <v>5559</v>
      </c>
      <c r="C2786" t="s">
        <v>5560</v>
      </c>
    </row>
    <row r="2787" spans="1:3" x14ac:dyDescent="0.15">
      <c r="A2787">
        <v>22231</v>
      </c>
      <c r="B2787" t="s">
        <v>5561</v>
      </c>
      <c r="C2787" t="s">
        <v>5562</v>
      </c>
    </row>
    <row r="2788" spans="1:3" x14ac:dyDescent="0.15">
      <c r="A2788">
        <v>22230</v>
      </c>
      <c r="B2788" t="s">
        <v>5563</v>
      </c>
      <c r="C2788" t="s">
        <v>5564</v>
      </c>
    </row>
    <row r="2789" spans="1:3" x14ac:dyDescent="0.15">
      <c r="A2789">
        <v>22229</v>
      </c>
      <c r="B2789" t="s">
        <v>5565</v>
      </c>
      <c r="C2789" t="s">
        <v>5566</v>
      </c>
    </row>
    <row r="2790" spans="1:3" x14ac:dyDescent="0.15">
      <c r="A2790">
        <v>22228</v>
      </c>
      <c r="B2790" t="s">
        <v>5567</v>
      </c>
      <c r="C2790" t="s">
        <v>5568</v>
      </c>
    </row>
    <row r="2791" spans="1:3" x14ac:dyDescent="0.15">
      <c r="A2791">
        <v>22227</v>
      </c>
      <c r="B2791" t="s">
        <v>5569</v>
      </c>
      <c r="C2791" t="s">
        <v>5570</v>
      </c>
    </row>
    <row r="2792" spans="1:3" x14ac:dyDescent="0.15">
      <c r="A2792">
        <v>22226</v>
      </c>
      <c r="B2792" t="s">
        <v>5571</v>
      </c>
      <c r="C2792" t="s">
        <v>5572</v>
      </c>
    </row>
    <row r="2793" spans="1:3" x14ac:dyDescent="0.15">
      <c r="A2793">
        <v>22225</v>
      </c>
      <c r="B2793" t="s">
        <v>5573</v>
      </c>
      <c r="C2793" t="s">
        <v>5574</v>
      </c>
    </row>
    <row r="2794" spans="1:3" x14ac:dyDescent="0.15">
      <c r="A2794">
        <v>22224</v>
      </c>
      <c r="B2794" t="s">
        <v>5575</v>
      </c>
      <c r="C2794" t="s">
        <v>5576</v>
      </c>
    </row>
    <row r="2795" spans="1:3" x14ac:dyDescent="0.15">
      <c r="A2795">
        <v>22223</v>
      </c>
      <c r="B2795" t="s">
        <v>5577</v>
      </c>
      <c r="C2795" t="s">
        <v>5578</v>
      </c>
    </row>
    <row r="2796" spans="1:3" x14ac:dyDescent="0.15">
      <c r="A2796">
        <v>22222</v>
      </c>
      <c r="B2796" t="s">
        <v>5579</v>
      </c>
      <c r="C2796" t="s">
        <v>5580</v>
      </c>
    </row>
    <row r="2797" spans="1:3" x14ac:dyDescent="0.15">
      <c r="A2797">
        <v>22221</v>
      </c>
      <c r="B2797" t="s">
        <v>5581</v>
      </c>
      <c r="C2797" t="s">
        <v>5582</v>
      </c>
    </row>
    <row r="2798" spans="1:3" x14ac:dyDescent="0.15">
      <c r="A2798">
        <v>22220</v>
      </c>
      <c r="B2798" t="s">
        <v>5583</v>
      </c>
      <c r="C2798" t="s">
        <v>5584</v>
      </c>
    </row>
    <row r="2799" spans="1:3" x14ac:dyDescent="0.15">
      <c r="A2799">
        <v>22219</v>
      </c>
      <c r="B2799" t="s">
        <v>5585</v>
      </c>
      <c r="C2799" t="s">
        <v>5586</v>
      </c>
    </row>
    <row r="2800" spans="1:3" x14ac:dyDescent="0.15">
      <c r="A2800">
        <v>22218</v>
      </c>
      <c r="B2800" t="s">
        <v>5587</v>
      </c>
      <c r="C2800" t="s">
        <v>5588</v>
      </c>
    </row>
    <row r="2801" spans="1:3" x14ac:dyDescent="0.15">
      <c r="A2801">
        <v>22217</v>
      </c>
      <c r="B2801" t="s">
        <v>5589</v>
      </c>
      <c r="C2801" t="s">
        <v>5590</v>
      </c>
    </row>
    <row r="2802" spans="1:3" x14ac:dyDescent="0.15">
      <c r="A2802">
        <v>22216</v>
      </c>
      <c r="B2802" t="s">
        <v>5591</v>
      </c>
      <c r="C2802" t="s">
        <v>5592</v>
      </c>
    </row>
    <row r="2803" spans="1:3" x14ac:dyDescent="0.15">
      <c r="A2803">
        <v>22215</v>
      </c>
      <c r="B2803" t="s">
        <v>5593</v>
      </c>
      <c r="C2803" t="s">
        <v>5594</v>
      </c>
    </row>
    <row r="2804" spans="1:3" x14ac:dyDescent="0.15">
      <c r="A2804">
        <v>22214</v>
      </c>
      <c r="B2804" t="s">
        <v>5595</v>
      </c>
      <c r="C2804" t="s">
        <v>5596</v>
      </c>
    </row>
    <row r="2805" spans="1:3" x14ac:dyDescent="0.15">
      <c r="A2805">
        <v>22213</v>
      </c>
      <c r="B2805" t="s">
        <v>5597</v>
      </c>
      <c r="C2805" t="s">
        <v>5598</v>
      </c>
    </row>
    <row r="2806" spans="1:3" x14ac:dyDescent="0.15">
      <c r="A2806">
        <v>22212</v>
      </c>
      <c r="B2806" t="s">
        <v>5599</v>
      </c>
      <c r="C2806" t="s">
        <v>5600</v>
      </c>
    </row>
    <row r="2807" spans="1:3" x14ac:dyDescent="0.15">
      <c r="A2807">
        <v>22211</v>
      </c>
      <c r="B2807" t="s">
        <v>5601</v>
      </c>
      <c r="C2807" t="s">
        <v>5602</v>
      </c>
    </row>
    <row r="2808" spans="1:3" x14ac:dyDescent="0.15">
      <c r="A2808">
        <v>22210</v>
      </c>
      <c r="B2808" t="s">
        <v>5603</v>
      </c>
      <c r="C2808" t="s">
        <v>5604</v>
      </c>
    </row>
    <row r="2809" spans="1:3" x14ac:dyDescent="0.15">
      <c r="A2809">
        <v>22209</v>
      </c>
      <c r="B2809" t="s">
        <v>5605</v>
      </c>
      <c r="C2809" t="s">
        <v>5606</v>
      </c>
    </row>
    <row r="2810" spans="1:3" x14ac:dyDescent="0.15">
      <c r="A2810">
        <v>22208</v>
      </c>
      <c r="B2810" t="s">
        <v>5607</v>
      </c>
      <c r="C2810" t="s">
        <v>5608</v>
      </c>
    </row>
    <row r="2811" spans="1:3" x14ac:dyDescent="0.15">
      <c r="A2811">
        <v>22207</v>
      </c>
      <c r="B2811" t="s">
        <v>5609</v>
      </c>
      <c r="C2811" t="s">
        <v>5610</v>
      </c>
    </row>
    <row r="2812" spans="1:3" x14ac:dyDescent="0.15">
      <c r="A2812">
        <v>22206</v>
      </c>
      <c r="B2812" t="s">
        <v>5611</v>
      </c>
      <c r="C2812" t="s">
        <v>5612</v>
      </c>
    </row>
    <row r="2813" spans="1:3" x14ac:dyDescent="0.15">
      <c r="A2813">
        <v>22205</v>
      </c>
      <c r="B2813" t="s">
        <v>5613</v>
      </c>
      <c r="C2813" t="s">
        <v>5614</v>
      </c>
    </row>
    <row r="2814" spans="1:3" x14ac:dyDescent="0.15">
      <c r="A2814">
        <v>22204</v>
      </c>
      <c r="B2814" t="s">
        <v>5615</v>
      </c>
      <c r="C2814" t="s">
        <v>5616</v>
      </c>
    </row>
    <row r="2815" spans="1:3" x14ac:dyDescent="0.15">
      <c r="A2815">
        <v>22203</v>
      </c>
      <c r="B2815" t="s">
        <v>5617</v>
      </c>
      <c r="C2815" t="s">
        <v>5618</v>
      </c>
    </row>
    <row r="2816" spans="1:3" x14ac:dyDescent="0.15">
      <c r="A2816">
        <v>22202</v>
      </c>
      <c r="B2816" t="s">
        <v>5619</v>
      </c>
      <c r="C2816" t="s">
        <v>5620</v>
      </c>
    </row>
    <row r="2817" spans="1:3" x14ac:dyDescent="0.15">
      <c r="A2817">
        <v>22201</v>
      </c>
      <c r="B2817" t="s">
        <v>5621</v>
      </c>
      <c r="C2817" t="s">
        <v>5622</v>
      </c>
    </row>
    <row r="2818" spans="1:3" x14ac:dyDescent="0.15">
      <c r="A2818">
        <v>22200</v>
      </c>
      <c r="B2818" t="s">
        <v>5623</v>
      </c>
      <c r="C2818" t="s">
        <v>5624</v>
      </c>
    </row>
    <row r="2819" spans="1:3" x14ac:dyDescent="0.15">
      <c r="A2819">
        <v>22199</v>
      </c>
      <c r="B2819" t="s">
        <v>5625</v>
      </c>
      <c r="C2819" t="s">
        <v>5626</v>
      </c>
    </row>
    <row r="2820" spans="1:3" x14ac:dyDescent="0.15">
      <c r="A2820">
        <v>22198</v>
      </c>
      <c r="B2820" t="s">
        <v>5627</v>
      </c>
      <c r="C2820" t="s">
        <v>5628</v>
      </c>
    </row>
    <row r="2821" spans="1:3" x14ac:dyDescent="0.15">
      <c r="A2821">
        <v>22197</v>
      </c>
      <c r="B2821" t="s">
        <v>5629</v>
      </c>
      <c r="C2821" t="s">
        <v>5630</v>
      </c>
    </row>
    <row r="2822" spans="1:3" x14ac:dyDescent="0.15">
      <c r="A2822">
        <v>22196</v>
      </c>
      <c r="B2822" t="s">
        <v>5631</v>
      </c>
      <c r="C2822" t="s">
        <v>5632</v>
      </c>
    </row>
    <row r="2823" spans="1:3" x14ac:dyDescent="0.15">
      <c r="A2823">
        <v>22195</v>
      </c>
      <c r="B2823" t="s">
        <v>5633</v>
      </c>
      <c r="C2823" t="s">
        <v>5634</v>
      </c>
    </row>
    <row r="2824" spans="1:3" x14ac:dyDescent="0.15">
      <c r="A2824">
        <v>22194</v>
      </c>
      <c r="B2824" t="s">
        <v>5635</v>
      </c>
      <c r="C2824" t="s">
        <v>5636</v>
      </c>
    </row>
    <row r="2825" spans="1:3" x14ac:dyDescent="0.15">
      <c r="A2825">
        <v>22193</v>
      </c>
      <c r="B2825" t="s">
        <v>5637</v>
      </c>
      <c r="C2825" t="s">
        <v>5638</v>
      </c>
    </row>
    <row r="2826" spans="1:3" x14ac:dyDescent="0.15">
      <c r="A2826">
        <v>22192</v>
      </c>
      <c r="B2826" t="s">
        <v>5639</v>
      </c>
      <c r="C2826" t="s">
        <v>5640</v>
      </c>
    </row>
    <row r="2827" spans="1:3" x14ac:dyDescent="0.15">
      <c r="A2827">
        <v>22191</v>
      </c>
      <c r="B2827" t="s">
        <v>5641</v>
      </c>
      <c r="C2827" t="s">
        <v>5642</v>
      </c>
    </row>
    <row r="2828" spans="1:3" x14ac:dyDescent="0.15">
      <c r="A2828">
        <v>22190</v>
      </c>
      <c r="B2828" t="s">
        <v>5643</v>
      </c>
      <c r="C2828" t="s">
        <v>5644</v>
      </c>
    </row>
    <row r="2829" spans="1:3" x14ac:dyDescent="0.15">
      <c r="A2829">
        <v>22189</v>
      </c>
      <c r="B2829" t="s">
        <v>5645</v>
      </c>
      <c r="C2829" t="s">
        <v>5646</v>
      </c>
    </row>
    <row r="2830" spans="1:3" x14ac:dyDescent="0.15">
      <c r="A2830">
        <v>22188</v>
      </c>
      <c r="B2830" t="s">
        <v>5647</v>
      </c>
      <c r="C2830" t="s">
        <v>5648</v>
      </c>
    </row>
    <row r="2831" spans="1:3" x14ac:dyDescent="0.15">
      <c r="A2831">
        <v>22187</v>
      </c>
      <c r="B2831" t="s">
        <v>5649</v>
      </c>
      <c r="C2831" t="s">
        <v>5650</v>
      </c>
    </row>
    <row r="2832" spans="1:3" x14ac:dyDescent="0.15">
      <c r="A2832">
        <v>22186</v>
      </c>
      <c r="B2832" t="s">
        <v>5651</v>
      </c>
      <c r="C2832" t="s">
        <v>5652</v>
      </c>
    </row>
    <row r="2833" spans="1:3" x14ac:dyDescent="0.15">
      <c r="A2833">
        <v>22185</v>
      </c>
      <c r="B2833" t="s">
        <v>5653</v>
      </c>
      <c r="C2833" t="s">
        <v>5654</v>
      </c>
    </row>
    <row r="2834" spans="1:3" x14ac:dyDescent="0.15">
      <c r="A2834">
        <v>22184</v>
      </c>
      <c r="B2834" t="s">
        <v>5655</v>
      </c>
      <c r="C2834" t="s">
        <v>5656</v>
      </c>
    </row>
    <row r="2835" spans="1:3" x14ac:dyDescent="0.15">
      <c r="A2835">
        <v>22183</v>
      </c>
      <c r="B2835" t="s">
        <v>5657</v>
      </c>
      <c r="C2835" t="s">
        <v>5658</v>
      </c>
    </row>
    <row r="2836" spans="1:3" x14ac:dyDescent="0.15">
      <c r="A2836">
        <v>22182</v>
      </c>
      <c r="B2836" t="s">
        <v>5659</v>
      </c>
      <c r="C2836" t="s">
        <v>5660</v>
      </c>
    </row>
    <row r="2837" spans="1:3" x14ac:dyDescent="0.15">
      <c r="A2837">
        <v>22181</v>
      </c>
      <c r="B2837" t="s">
        <v>5661</v>
      </c>
      <c r="C2837" t="s">
        <v>5662</v>
      </c>
    </row>
    <row r="2838" spans="1:3" x14ac:dyDescent="0.15">
      <c r="A2838">
        <v>22180</v>
      </c>
      <c r="B2838" t="s">
        <v>5663</v>
      </c>
      <c r="C2838" t="s">
        <v>5664</v>
      </c>
    </row>
    <row r="2839" spans="1:3" x14ac:dyDescent="0.15">
      <c r="A2839">
        <v>22179</v>
      </c>
      <c r="B2839" t="s">
        <v>5665</v>
      </c>
      <c r="C2839" t="s">
        <v>5666</v>
      </c>
    </row>
    <row r="2840" spans="1:3" x14ac:dyDescent="0.15">
      <c r="A2840">
        <v>22178</v>
      </c>
      <c r="B2840" t="s">
        <v>5667</v>
      </c>
      <c r="C2840" t="s">
        <v>5668</v>
      </c>
    </row>
    <row r="2841" spans="1:3" x14ac:dyDescent="0.15">
      <c r="A2841">
        <v>22177</v>
      </c>
      <c r="B2841" t="s">
        <v>5669</v>
      </c>
      <c r="C2841" t="s">
        <v>5670</v>
      </c>
    </row>
    <row r="2842" spans="1:3" x14ac:dyDescent="0.15">
      <c r="A2842">
        <v>22176</v>
      </c>
      <c r="B2842" t="s">
        <v>5671</v>
      </c>
      <c r="C2842" t="s">
        <v>5672</v>
      </c>
    </row>
    <row r="2843" spans="1:3" x14ac:dyDescent="0.15">
      <c r="A2843">
        <v>22175</v>
      </c>
      <c r="B2843" t="s">
        <v>5673</v>
      </c>
      <c r="C2843" t="s">
        <v>5674</v>
      </c>
    </row>
    <row r="2844" spans="1:3" x14ac:dyDescent="0.15">
      <c r="A2844">
        <v>22174</v>
      </c>
      <c r="B2844" t="s">
        <v>5675</v>
      </c>
      <c r="C2844" t="s">
        <v>5676</v>
      </c>
    </row>
    <row r="2845" spans="1:3" x14ac:dyDescent="0.15">
      <c r="A2845">
        <v>22173</v>
      </c>
      <c r="B2845" t="s">
        <v>5677</v>
      </c>
      <c r="C2845" t="s">
        <v>5678</v>
      </c>
    </row>
    <row r="2846" spans="1:3" x14ac:dyDescent="0.15">
      <c r="A2846">
        <v>22172</v>
      </c>
      <c r="B2846" t="s">
        <v>5679</v>
      </c>
      <c r="C2846" t="s">
        <v>5680</v>
      </c>
    </row>
    <row r="2847" spans="1:3" x14ac:dyDescent="0.15">
      <c r="A2847">
        <v>22171</v>
      </c>
      <c r="B2847" t="s">
        <v>5681</v>
      </c>
      <c r="C2847" t="s">
        <v>5682</v>
      </c>
    </row>
    <row r="2848" spans="1:3" x14ac:dyDescent="0.15">
      <c r="A2848">
        <v>22170</v>
      </c>
      <c r="B2848" t="s">
        <v>5683</v>
      </c>
      <c r="C2848" t="s">
        <v>5684</v>
      </c>
    </row>
    <row r="2849" spans="1:3" x14ac:dyDescent="0.15">
      <c r="A2849">
        <v>22169</v>
      </c>
      <c r="B2849" t="s">
        <v>5685</v>
      </c>
      <c r="C2849" t="s">
        <v>5686</v>
      </c>
    </row>
    <row r="2850" spans="1:3" x14ac:dyDescent="0.15">
      <c r="A2850">
        <v>22168</v>
      </c>
      <c r="B2850" t="s">
        <v>5687</v>
      </c>
      <c r="C2850" t="s">
        <v>5688</v>
      </c>
    </row>
    <row r="2851" spans="1:3" x14ac:dyDescent="0.15">
      <c r="A2851">
        <v>22167</v>
      </c>
      <c r="B2851" t="s">
        <v>5689</v>
      </c>
      <c r="C2851" t="s">
        <v>5690</v>
      </c>
    </row>
    <row r="2852" spans="1:3" x14ac:dyDescent="0.15">
      <c r="A2852">
        <v>22166</v>
      </c>
      <c r="B2852" t="s">
        <v>5691</v>
      </c>
      <c r="C2852" t="s">
        <v>5692</v>
      </c>
    </row>
    <row r="2853" spans="1:3" x14ac:dyDescent="0.15">
      <c r="A2853">
        <v>22165</v>
      </c>
      <c r="B2853" t="s">
        <v>5693</v>
      </c>
      <c r="C2853" t="s">
        <v>5694</v>
      </c>
    </row>
    <row r="2854" spans="1:3" x14ac:dyDescent="0.15">
      <c r="A2854">
        <v>22164</v>
      </c>
      <c r="B2854" t="s">
        <v>5695</v>
      </c>
      <c r="C2854" t="s">
        <v>5696</v>
      </c>
    </row>
    <row r="2855" spans="1:3" x14ac:dyDescent="0.15">
      <c r="A2855">
        <v>22163</v>
      </c>
      <c r="B2855" t="s">
        <v>5697</v>
      </c>
      <c r="C2855" t="s">
        <v>5698</v>
      </c>
    </row>
    <row r="2856" spans="1:3" x14ac:dyDescent="0.15">
      <c r="A2856">
        <v>22162</v>
      </c>
      <c r="B2856" t="s">
        <v>5699</v>
      </c>
      <c r="C2856" t="s">
        <v>5700</v>
      </c>
    </row>
    <row r="2857" spans="1:3" x14ac:dyDescent="0.15">
      <c r="A2857">
        <v>22161</v>
      </c>
      <c r="B2857" t="s">
        <v>5701</v>
      </c>
      <c r="C2857" t="s">
        <v>5702</v>
      </c>
    </row>
    <row r="2858" spans="1:3" x14ac:dyDescent="0.15">
      <c r="A2858">
        <v>22160</v>
      </c>
      <c r="B2858" t="s">
        <v>5703</v>
      </c>
      <c r="C2858" t="s">
        <v>5704</v>
      </c>
    </row>
    <row r="2859" spans="1:3" x14ac:dyDescent="0.15">
      <c r="A2859">
        <v>22159</v>
      </c>
      <c r="B2859" t="s">
        <v>5705</v>
      </c>
      <c r="C2859" t="s">
        <v>5706</v>
      </c>
    </row>
    <row r="2860" spans="1:3" x14ac:dyDescent="0.15">
      <c r="A2860">
        <v>22158</v>
      </c>
      <c r="B2860" t="s">
        <v>5707</v>
      </c>
      <c r="C2860" t="s">
        <v>5708</v>
      </c>
    </row>
    <row r="2861" spans="1:3" x14ac:dyDescent="0.15">
      <c r="A2861">
        <v>22157</v>
      </c>
      <c r="B2861" t="s">
        <v>5709</v>
      </c>
      <c r="C2861" t="s">
        <v>5710</v>
      </c>
    </row>
    <row r="2862" spans="1:3" x14ac:dyDescent="0.15">
      <c r="A2862">
        <v>22156</v>
      </c>
      <c r="B2862" t="s">
        <v>5711</v>
      </c>
      <c r="C2862" t="s">
        <v>5712</v>
      </c>
    </row>
    <row r="2863" spans="1:3" x14ac:dyDescent="0.15">
      <c r="A2863">
        <v>22155</v>
      </c>
      <c r="B2863" t="s">
        <v>5713</v>
      </c>
      <c r="C2863" t="s">
        <v>5714</v>
      </c>
    </row>
    <row r="2864" spans="1:3" x14ac:dyDescent="0.15">
      <c r="A2864">
        <v>22154</v>
      </c>
      <c r="B2864" t="s">
        <v>5715</v>
      </c>
      <c r="C2864" t="s">
        <v>5716</v>
      </c>
    </row>
    <row r="2865" spans="1:3" x14ac:dyDescent="0.15">
      <c r="A2865">
        <v>22153</v>
      </c>
      <c r="B2865" t="s">
        <v>5717</v>
      </c>
      <c r="C2865" t="s">
        <v>5718</v>
      </c>
    </row>
    <row r="2866" spans="1:3" x14ac:dyDescent="0.15">
      <c r="A2866">
        <v>22152</v>
      </c>
      <c r="B2866" t="s">
        <v>5719</v>
      </c>
      <c r="C2866" t="s">
        <v>5720</v>
      </c>
    </row>
    <row r="2867" spans="1:3" x14ac:dyDescent="0.15">
      <c r="A2867">
        <v>22151</v>
      </c>
      <c r="B2867" t="s">
        <v>5721</v>
      </c>
      <c r="C2867" t="s">
        <v>5722</v>
      </c>
    </row>
    <row r="2868" spans="1:3" x14ac:dyDescent="0.15">
      <c r="A2868">
        <v>22150</v>
      </c>
      <c r="B2868" t="s">
        <v>5723</v>
      </c>
      <c r="C2868" t="s">
        <v>5724</v>
      </c>
    </row>
    <row r="2869" spans="1:3" x14ac:dyDescent="0.15">
      <c r="A2869">
        <v>22149</v>
      </c>
      <c r="B2869" t="s">
        <v>5725</v>
      </c>
      <c r="C2869" t="s">
        <v>5726</v>
      </c>
    </row>
    <row r="2870" spans="1:3" x14ac:dyDescent="0.15">
      <c r="A2870">
        <v>22148</v>
      </c>
      <c r="B2870" t="s">
        <v>5727</v>
      </c>
      <c r="C2870" t="s">
        <v>5728</v>
      </c>
    </row>
    <row r="2871" spans="1:3" x14ac:dyDescent="0.15">
      <c r="A2871">
        <v>22147</v>
      </c>
      <c r="B2871" t="s">
        <v>5729</v>
      </c>
      <c r="C2871" t="s">
        <v>5730</v>
      </c>
    </row>
    <row r="2872" spans="1:3" x14ac:dyDescent="0.15">
      <c r="A2872">
        <v>22146</v>
      </c>
      <c r="B2872" t="s">
        <v>5731</v>
      </c>
      <c r="C2872" t="s">
        <v>5732</v>
      </c>
    </row>
    <row r="2873" spans="1:3" x14ac:dyDescent="0.15">
      <c r="A2873">
        <v>22145</v>
      </c>
      <c r="B2873" t="s">
        <v>5733</v>
      </c>
      <c r="C2873" t="s">
        <v>5734</v>
      </c>
    </row>
    <row r="2874" spans="1:3" x14ac:dyDescent="0.15">
      <c r="A2874">
        <v>22144</v>
      </c>
      <c r="B2874" t="s">
        <v>5735</v>
      </c>
      <c r="C2874" t="s">
        <v>5736</v>
      </c>
    </row>
    <row r="2875" spans="1:3" x14ac:dyDescent="0.15">
      <c r="A2875">
        <v>22143</v>
      </c>
      <c r="B2875" t="s">
        <v>5737</v>
      </c>
      <c r="C2875" t="s">
        <v>5738</v>
      </c>
    </row>
    <row r="2876" spans="1:3" x14ac:dyDescent="0.15">
      <c r="A2876">
        <v>22142</v>
      </c>
      <c r="B2876" t="s">
        <v>5739</v>
      </c>
      <c r="C2876" t="s">
        <v>5740</v>
      </c>
    </row>
    <row r="2877" spans="1:3" x14ac:dyDescent="0.15">
      <c r="A2877">
        <v>22141</v>
      </c>
      <c r="B2877" t="s">
        <v>5741</v>
      </c>
      <c r="C2877" t="s">
        <v>5742</v>
      </c>
    </row>
    <row r="2878" spans="1:3" x14ac:dyDescent="0.15">
      <c r="A2878">
        <v>22140</v>
      </c>
      <c r="B2878" t="s">
        <v>5743</v>
      </c>
      <c r="C2878" t="s">
        <v>5744</v>
      </c>
    </row>
    <row r="2879" spans="1:3" x14ac:dyDescent="0.15">
      <c r="A2879">
        <v>22139</v>
      </c>
      <c r="B2879" t="s">
        <v>5745</v>
      </c>
      <c r="C2879" t="s">
        <v>5746</v>
      </c>
    </row>
    <row r="2880" spans="1:3" x14ac:dyDescent="0.15">
      <c r="A2880">
        <v>22138</v>
      </c>
      <c r="B2880" t="s">
        <v>5747</v>
      </c>
      <c r="C2880" t="s">
        <v>5748</v>
      </c>
    </row>
    <row r="2881" spans="1:3" x14ac:dyDescent="0.15">
      <c r="A2881">
        <v>22137</v>
      </c>
      <c r="B2881" t="s">
        <v>5749</v>
      </c>
      <c r="C2881" t="s">
        <v>5750</v>
      </c>
    </row>
    <row r="2882" spans="1:3" x14ac:dyDescent="0.15">
      <c r="A2882">
        <v>22136</v>
      </c>
      <c r="B2882" t="s">
        <v>5751</v>
      </c>
      <c r="C2882" t="s">
        <v>5752</v>
      </c>
    </row>
    <row r="2883" spans="1:3" x14ac:dyDescent="0.15">
      <c r="A2883">
        <v>22135</v>
      </c>
      <c r="B2883" t="s">
        <v>5753</v>
      </c>
      <c r="C2883" t="s">
        <v>5754</v>
      </c>
    </row>
    <row r="2884" spans="1:3" x14ac:dyDescent="0.15">
      <c r="A2884">
        <v>22134</v>
      </c>
      <c r="B2884" t="s">
        <v>5755</v>
      </c>
      <c r="C2884" t="s">
        <v>5756</v>
      </c>
    </row>
    <row r="2885" spans="1:3" x14ac:dyDescent="0.15">
      <c r="A2885">
        <v>22133</v>
      </c>
      <c r="B2885" t="s">
        <v>5757</v>
      </c>
      <c r="C2885" t="s">
        <v>5758</v>
      </c>
    </row>
    <row r="2886" spans="1:3" x14ac:dyDescent="0.15">
      <c r="A2886">
        <v>22132</v>
      </c>
      <c r="B2886" t="s">
        <v>5759</v>
      </c>
      <c r="C2886" t="s">
        <v>5760</v>
      </c>
    </row>
    <row r="2887" spans="1:3" x14ac:dyDescent="0.15">
      <c r="A2887">
        <v>22131</v>
      </c>
      <c r="B2887" t="s">
        <v>5761</v>
      </c>
      <c r="C2887" t="s">
        <v>5762</v>
      </c>
    </row>
    <row r="2888" spans="1:3" x14ac:dyDescent="0.15">
      <c r="A2888">
        <v>22130</v>
      </c>
      <c r="B2888" t="s">
        <v>5763</v>
      </c>
      <c r="C2888" t="s">
        <v>5764</v>
      </c>
    </row>
    <row r="2889" spans="1:3" x14ac:dyDescent="0.15">
      <c r="A2889">
        <v>22129</v>
      </c>
      <c r="B2889" t="s">
        <v>5765</v>
      </c>
      <c r="C2889" t="s">
        <v>5766</v>
      </c>
    </row>
    <row r="2890" spans="1:3" x14ac:dyDescent="0.15">
      <c r="A2890">
        <v>22128</v>
      </c>
      <c r="B2890" t="s">
        <v>5767</v>
      </c>
      <c r="C2890" t="s">
        <v>5768</v>
      </c>
    </row>
    <row r="2891" spans="1:3" x14ac:dyDescent="0.15">
      <c r="A2891">
        <v>22127</v>
      </c>
      <c r="B2891" t="s">
        <v>5769</v>
      </c>
      <c r="C2891" t="s">
        <v>5770</v>
      </c>
    </row>
    <row r="2892" spans="1:3" x14ac:dyDescent="0.15">
      <c r="A2892">
        <v>22126</v>
      </c>
      <c r="B2892" t="s">
        <v>5771</v>
      </c>
      <c r="C2892" t="s">
        <v>5772</v>
      </c>
    </row>
    <row r="2893" spans="1:3" x14ac:dyDescent="0.15">
      <c r="A2893">
        <v>22125</v>
      </c>
      <c r="B2893" t="s">
        <v>5773</v>
      </c>
      <c r="C2893" t="s">
        <v>5774</v>
      </c>
    </row>
    <row r="2894" spans="1:3" x14ac:dyDescent="0.15">
      <c r="A2894">
        <v>22124</v>
      </c>
      <c r="B2894" t="s">
        <v>5775</v>
      </c>
      <c r="C2894" t="s">
        <v>5776</v>
      </c>
    </row>
    <row r="2895" spans="1:3" x14ac:dyDescent="0.15">
      <c r="A2895">
        <v>22123</v>
      </c>
      <c r="B2895" t="s">
        <v>5777</v>
      </c>
      <c r="C2895" t="s">
        <v>5778</v>
      </c>
    </row>
    <row r="2896" spans="1:3" x14ac:dyDescent="0.15">
      <c r="A2896">
        <v>22122</v>
      </c>
      <c r="B2896" t="s">
        <v>5779</v>
      </c>
      <c r="C2896" t="s">
        <v>5780</v>
      </c>
    </row>
    <row r="2897" spans="1:3" x14ac:dyDescent="0.15">
      <c r="A2897">
        <v>22121</v>
      </c>
      <c r="B2897" t="s">
        <v>5781</v>
      </c>
      <c r="C2897" t="s">
        <v>5782</v>
      </c>
    </row>
    <row r="2898" spans="1:3" x14ac:dyDescent="0.15">
      <c r="A2898">
        <v>22120</v>
      </c>
      <c r="B2898" t="s">
        <v>5783</v>
      </c>
      <c r="C2898" t="s">
        <v>5784</v>
      </c>
    </row>
    <row r="2899" spans="1:3" x14ac:dyDescent="0.15">
      <c r="A2899">
        <v>22119</v>
      </c>
      <c r="B2899" t="s">
        <v>5785</v>
      </c>
      <c r="C2899" t="s">
        <v>5786</v>
      </c>
    </row>
    <row r="2900" spans="1:3" x14ac:dyDescent="0.15">
      <c r="A2900">
        <v>22118</v>
      </c>
      <c r="B2900" t="s">
        <v>5787</v>
      </c>
      <c r="C2900" t="s">
        <v>5788</v>
      </c>
    </row>
    <row r="2901" spans="1:3" x14ac:dyDescent="0.15">
      <c r="A2901">
        <v>22117</v>
      </c>
      <c r="B2901" t="s">
        <v>5789</v>
      </c>
      <c r="C2901" t="s">
        <v>5790</v>
      </c>
    </row>
    <row r="2902" spans="1:3" x14ac:dyDescent="0.15">
      <c r="A2902">
        <v>22116</v>
      </c>
      <c r="B2902" t="s">
        <v>5791</v>
      </c>
      <c r="C2902" t="s">
        <v>5792</v>
      </c>
    </row>
    <row r="2903" spans="1:3" x14ac:dyDescent="0.15">
      <c r="A2903">
        <v>22115</v>
      </c>
      <c r="B2903" t="s">
        <v>5793</v>
      </c>
      <c r="C2903" t="s">
        <v>5794</v>
      </c>
    </row>
    <row r="2904" spans="1:3" x14ac:dyDescent="0.15">
      <c r="A2904">
        <v>22114</v>
      </c>
      <c r="B2904" t="s">
        <v>5795</v>
      </c>
      <c r="C2904" t="s">
        <v>5796</v>
      </c>
    </row>
    <row r="2905" spans="1:3" x14ac:dyDescent="0.15">
      <c r="A2905">
        <v>22113</v>
      </c>
      <c r="B2905" t="s">
        <v>5797</v>
      </c>
      <c r="C2905" t="s">
        <v>5798</v>
      </c>
    </row>
    <row r="2906" spans="1:3" x14ac:dyDescent="0.15">
      <c r="A2906">
        <v>22112</v>
      </c>
      <c r="B2906" t="s">
        <v>5799</v>
      </c>
      <c r="C2906" t="s">
        <v>5800</v>
      </c>
    </row>
    <row r="2907" spans="1:3" x14ac:dyDescent="0.15">
      <c r="A2907">
        <v>22111</v>
      </c>
      <c r="B2907" t="s">
        <v>5801</v>
      </c>
      <c r="C2907" t="s">
        <v>5802</v>
      </c>
    </row>
    <row r="2908" spans="1:3" x14ac:dyDescent="0.15">
      <c r="A2908">
        <v>22110</v>
      </c>
      <c r="B2908" t="s">
        <v>5803</v>
      </c>
      <c r="C2908" t="s">
        <v>5804</v>
      </c>
    </row>
    <row r="2909" spans="1:3" x14ac:dyDescent="0.15">
      <c r="A2909">
        <v>22109</v>
      </c>
      <c r="B2909" t="s">
        <v>5805</v>
      </c>
      <c r="C2909" t="s">
        <v>5806</v>
      </c>
    </row>
    <row r="2910" spans="1:3" x14ac:dyDescent="0.15">
      <c r="A2910">
        <v>22108</v>
      </c>
      <c r="B2910" t="s">
        <v>5807</v>
      </c>
      <c r="C2910" t="s">
        <v>5808</v>
      </c>
    </row>
    <row r="2911" spans="1:3" x14ac:dyDescent="0.15">
      <c r="A2911">
        <v>22107</v>
      </c>
      <c r="B2911" t="s">
        <v>5809</v>
      </c>
      <c r="C2911" t="s">
        <v>5810</v>
      </c>
    </row>
    <row r="2912" spans="1:3" x14ac:dyDescent="0.15">
      <c r="A2912">
        <v>22106</v>
      </c>
      <c r="B2912" t="s">
        <v>5811</v>
      </c>
      <c r="C2912" t="s">
        <v>5812</v>
      </c>
    </row>
    <row r="2913" spans="1:3" x14ac:dyDescent="0.15">
      <c r="A2913">
        <v>22105</v>
      </c>
      <c r="B2913" t="s">
        <v>5813</v>
      </c>
      <c r="C2913" t="s">
        <v>5814</v>
      </c>
    </row>
    <row r="2914" spans="1:3" x14ac:dyDescent="0.15">
      <c r="A2914">
        <v>22104</v>
      </c>
      <c r="B2914" t="s">
        <v>5815</v>
      </c>
      <c r="C2914" t="s">
        <v>5816</v>
      </c>
    </row>
    <row r="2915" spans="1:3" x14ac:dyDescent="0.15">
      <c r="A2915">
        <v>22103</v>
      </c>
      <c r="B2915" t="s">
        <v>5817</v>
      </c>
      <c r="C2915" t="s">
        <v>5818</v>
      </c>
    </row>
    <row r="2916" spans="1:3" x14ac:dyDescent="0.15">
      <c r="A2916">
        <v>22102</v>
      </c>
      <c r="B2916" t="s">
        <v>5819</v>
      </c>
      <c r="C2916" t="s">
        <v>5820</v>
      </c>
    </row>
    <row r="2917" spans="1:3" x14ac:dyDescent="0.15">
      <c r="A2917">
        <v>22101</v>
      </c>
      <c r="B2917" t="s">
        <v>5821</v>
      </c>
      <c r="C2917" t="s">
        <v>5822</v>
      </c>
    </row>
    <row r="2918" spans="1:3" x14ac:dyDescent="0.15">
      <c r="A2918">
        <v>22100</v>
      </c>
      <c r="B2918" t="s">
        <v>5823</v>
      </c>
      <c r="C2918" t="s">
        <v>5824</v>
      </c>
    </row>
    <row r="2919" spans="1:3" x14ac:dyDescent="0.15">
      <c r="A2919">
        <v>22099</v>
      </c>
      <c r="B2919" t="s">
        <v>5825</v>
      </c>
      <c r="C2919" t="s">
        <v>5826</v>
      </c>
    </row>
    <row r="2920" spans="1:3" x14ac:dyDescent="0.15">
      <c r="A2920">
        <v>22098</v>
      </c>
      <c r="B2920" t="s">
        <v>5827</v>
      </c>
      <c r="C2920" t="s">
        <v>5828</v>
      </c>
    </row>
    <row r="2921" spans="1:3" x14ac:dyDescent="0.15">
      <c r="A2921">
        <v>22097</v>
      </c>
      <c r="B2921" t="s">
        <v>5829</v>
      </c>
      <c r="C2921" t="s">
        <v>5830</v>
      </c>
    </row>
    <row r="2922" spans="1:3" x14ac:dyDescent="0.15">
      <c r="A2922">
        <v>22096</v>
      </c>
      <c r="B2922" t="s">
        <v>5831</v>
      </c>
      <c r="C2922" t="s">
        <v>5832</v>
      </c>
    </row>
    <row r="2923" spans="1:3" x14ac:dyDescent="0.15">
      <c r="A2923">
        <v>22095</v>
      </c>
      <c r="B2923" t="s">
        <v>5833</v>
      </c>
      <c r="C2923" t="s">
        <v>5834</v>
      </c>
    </row>
    <row r="2924" spans="1:3" x14ac:dyDescent="0.15">
      <c r="A2924">
        <v>22094</v>
      </c>
      <c r="B2924" t="s">
        <v>5835</v>
      </c>
      <c r="C2924" t="s">
        <v>5836</v>
      </c>
    </row>
    <row r="2925" spans="1:3" x14ac:dyDescent="0.15">
      <c r="A2925">
        <v>22093</v>
      </c>
      <c r="B2925" t="s">
        <v>5837</v>
      </c>
      <c r="C2925" t="s">
        <v>5838</v>
      </c>
    </row>
    <row r="2926" spans="1:3" x14ac:dyDescent="0.15">
      <c r="A2926">
        <v>22092</v>
      </c>
      <c r="B2926" t="s">
        <v>5839</v>
      </c>
      <c r="C2926" t="s">
        <v>5840</v>
      </c>
    </row>
    <row r="2927" spans="1:3" x14ac:dyDescent="0.15">
      <c r="A2927">
        <v>22091</v>
      </c>
      <c r="B2927" t="s">
        <v>5841</v>
      </c>
      <c r="C2927" t="s">
        <v>5842</v>
      </c>
    </row>
    <row r="2928" spans="1:3" x14ac:dyDescent="0.15">
      <c r="A2928">
        <v>22090</v>
      </c>
      <c r="B2928" t="s">
        <v>5843</v>
      </c>
      <c r="C2928" t="s">
        <v>5844</v>
      </c>
    </row>
    <row r="2929" spans="1:3" x14ac:dyDescent="0.15">
      <c r="A2929">
        <v>22089</v>
      </c>
      <c r="B2929" t="s">
        <v>5845</v>
      </c>
      <c r="C2929" t="s">
        <v>5846</v>
      </c>
    </row>
    <row r="2930" spans="1:3" x14ac:dyDescent="0.15">
      <c r="A2930">
        <v>22088</v>
      </c>
      <c r="B2930" t="s">
        <v>5847</v>
      </c>
      <c r="C2930" t="s">
        <v>5848</v>
      </c>
    </row>
    <row r="2931" spans="1:3" x14ac:dyDescent="0.15">
      <c r="A2931">
        <v>22087</v>
      </c>
      <c r="B2931" t="s">
        <v>5849</v>
      </c>
      <c r="C2931" t="s">
        <v>5850</v>
      </c>
    </row>
    <row r="2932" spans="1:3" x14ac:dyDescent="0.15">
      <c r="A2932">
        <v>22086</v>
      </c>
      <c r="B2932" t="s">
        <v>5851</v>
      </c>
      <c r="C2932" t="s">
        <v>5852</v>
      </c>
    </row>
    <row r="2933" spans="1:3" x14ac:dyDescent="0.15">
      <c r="A2933">
        <v>22085</v>
      </c>
      <c r="B2933" t="s">
        <v>5853</v>
      </c>
      <c r="C2933" t="s">
        <v>5854</v>
      </c>
    </row>
    <row r="2934" spans="1:3" x14ac:dyDescent="0.15">
      <c r="A2934">
        <v>22084</v>
      </c>
      <c r="B2934" t="s">
        <v>5855</v>
      </c>
      <c r="C2934" t="s">
        <v>5856</v>
      </c>
    </row>
    <row r="2935" spans="1:3" x14ac:dyDescent="0.15">
      <c r="A2935">
        <v>22083</v>
      </c>
      <c r="B2935" t="s">
        <v>5857</v>
      </c>
      <c r="C2935" t="s">
        <v>5858</v>
      </c>
    </row>
    <row r="2936" spans="1:3" x14ac:dyDescent="0.15">
      <c r="A2936">
        <v>22082</v>
      </c>
      <c r="B2936" t="s">
        <v>5859</v>
      </c>
      <c r="C2936" t="s">
        <v>5860</v>
      </c>
    </row>
    <row r="2937" spans="1:3" x14ac:dyDescent="0.15">
      <c r="A2937">
        <v>22081</v>
      </c>
      <c r="B2937" t="s">
        <v>5861</v>
      </c>
      <c r="C2937" t="s">
        <v>5862</v>
      </c>
    </row>
    <row r="2938" spans="1:3" x14ac:dyDescent="0.15">
      <c r="A2938">
        <v>22080</v>
      </c>
      <c r="B2938" t="s">
        <v>5863</v>
      </c>
      <c r="C2938" t="s">
        <v>5864</v>
      </c>
    </row>
    <row r="2939" spans="1:3" x14ac:dyDescent="0.15">
      <c r="A2939">
        <v>22079</v>
      </c>
      <c r="B2939" t="s">
        <v>5865</v>
      </c>
      <c r="C2939" t="s">
        <v>5866</v>
      </c>
    </row>
    <row r="2940" spans="1:3" x14ac:dyDescent="0.15">
      <c r="A2940">
        <v>22078</v>
      </c>
      <c r="B2940" t="s">
        <v>5867</v>
      </c>
      <c r="C2940" t="s">
        <v>5868</v>
      </c>
    </row>
    <row r="2941" spans="1:3" x14ac:dyDescent="0.15">
      <c r="A2941">
        <v>22077</v>
      </c>
      <c r="B2941" t="s">
        <v>5869</v>
      </c>
      <c r="C2941" t="s">
        <v>5870</v>
      </c>
    </row>
    <row r="2942" spans="1:3" x14ac:dyDescent="0.15">
      <c r="A2942">
        <v>22076</v>
      </c>
      <c r="B2942" t="s">
        <v>5871</v>
      </c>
      <c r="C2942" t="s">
        <v>5872</v>
      </c>
    </row>
    <row r="2943" spans="1:3" x14ac:dyDescent="0.15">
      <c r="A2943">
        <v>22075</v>
      </c>
      <c r="B2943" t="s">
        <v>5873</v>
      </c>
      <c r="C2943" t="s">
        <v>5874</v>
      </c>
    </row>
    <row r="2944" spans="1:3" x14ac:dyDescent="0.15">
      <c r="A2944">
        <v>22074</v>
      </c>
      <c r="B2944" t="s">
        <v>5875</v>
      </c>
      <c r="C2944" t="s">
        <v>5876</v>
      </c>
    </row>
    <row r="2945" spans="1:3" x14ac:dyDescent="0.15">
      <c r="A2945">
        <v>22073</v>
      </c>
      <c r="B2945" t="s">
        <v>5877</v>
      </c>
      <c r="C2945" t="s">
        <v>5878</v>
      </c>
    </row>
    <row r="2946" spans="1:3" x14ac:dyDescent="0.15">
      <c r="A2946">
        <v>22072</v>
      </c>
      <c r="B2946" t="s">
        <v>5879</v>
      </c>
      <c r="C2946" t="s">
        <v>5880</v>
      </c>
    </row>
    <row r="2947" spans="1:3" x14ac:dyDescent="0.15">
      <c r="A2947">
        <v>22071</v>
      </c>
      <c r="B2947" t="s">
        <v>5881</v>
      </c>
      <c r="C2947" t="s">
        <v>5882</v>
      </c>
    </row>
    <row r="2948" spans="1:3" x14ac:dyDescent="0.15">
      <c r="A2948">
        <v>22070</v>
      </c>
      <c r="B2948" t="s">
        <v>5883</v>
      </c>
      <c r="C2948" t="s">
        <v>5884</v>
      </c>
    </row>
    <row r="2949" spans="1:3" x14ac:dyDescent="0.15">
      <c r="A2949">
        <v>22069</v>
      </c>
      <c r="B2949" t="s">
        <v>5885</v>
      </c>
      <c r="C2949" t="s">
        <v>5886</v>
      </c>
    </row>
    <row r="2950" spans="1:3" x14ac:dyDescent="0.15">
      <c r="A2950">
        <v>22068</v>
      </c>
      <c r="B2950" t="s">
        <v>5887</v>
      </c>
      <c r="C2950" t="s">
        <v>5888</v>
      </c>
    </row>
    <row r="2951" spans="1:3" x14ac:dyDescent="0.15">
      <c r="A2951">
        <v>22067</v>
      </c>
      <c r="B2951" t="s">
        <v>5889</v>
      </c>
      <c r="C2951" t="s">
        <v>5890</v>
      </c>
    </row>
    <row r="2952" spans="1:3" x14ac:dyDescent="0.15">
      <c r="A2952">
        <v>22066</v>
      </c>
      <c r="B2952" t="s">
        <v>5891</v>
      </c>
      <c r="C2952" t="s">
        <v>5892</v>
      </c>
    </row>
    <row r="2953" spans="1:3" x14ac:dyDescent="0.15">
      <c r="A2953">
        <v>22065</v>
      </c>
      <c r="B2953" t="s">
        <v>5893</v>
      </c>
      <c r="C2953" t="s">
        <v>5894</v>
      </c>
    </row>
    <row r="2954" spans="1:3" x14ac:dyDescent="0.15">
      <c r="A2954">
        <v>22064</v>
      </c>
      <c r="B2954" t="s">
        <v>5895</v>
      </c>
      <c r="C2954" t="s">
        <v>5896</v>
      </c>
    </row>
    <row r="2955" spans="1:3" x14ac:dyDescent="0.15">
      <c r="A2955">
        <v>22063</v>
      </c>
      <c r="B2955" t="s">
        <v>5897</v>
      </c>
      <c r="C2955" t="s">
        <v>5898</v>
      </c>
    </row>
    <row r="2956" spans="1:3" x14ac:dyDescent="0.15">
      <c r="A2956">
        <v>22062</v>
      </c>
      <c r="B2956" t="s">
        <v>5899</v>
      </c>
      <c r="C2956" t="s">
        <v>5900</v>
      </c>
    </row>
    <row r="2957" spans="1:3" x14ac:dyDescent="0.15">
      <c r="A2957">
        <v>22061</v>
      </c>
      <c r="B2957" t="s">
        <v>5901</v>
      </c>
      <c r="C2957" t="s">
        <v>5902</v>
      </c>
    </row>
    <row r="2958" spans="1:3" x14ac:dyDescent="0.15">
      <c r="A2958">
        <v>22060</v>
      </c>
      <c r="B2958" t="s">
        <v>5903</v>
      </c>
      <c r="C2958" t="s">
        <v>5904</v>
      </c>
    </row>
    <row r="2959" spans="1:3" x14ac:dyDescent="0.15">
      <c r="A2959">
        <v>22059</v>
      </c>
      <c r="B2959" t="s">
        <v>5905</v>
      </c>
      <c r="C2959" t="s">
        <v>5906</v>
      </c>
    </row>
    <row r="2960" spans="1:3" x14ac:dyDescent="0.15">
      <c r="A2960">
        <v>22058</v>
      </c>
      <c r="B2960" t="s">
        <v>5907</v>
      </c>
      <c r="C2960" t="s">
        <v>5908</v>
      </c>
    </row>
    <row r="2961" spans="1:3" x14ac:dyDescent="0.15">
      <c r="A2961">
        <v>22057</v>
      </c>
      <c r="B2961" t="s">
        <v>5909</v>
      </c>
      <c r="C2961" t="s">
        <v>5910</v>
      </c>
    </row>
    <row r="2962" spans="1:3" x14ac:dyDescent="0.15">
      <c r="A2962">
        <v>22056</v>
      </c>
      <c r="B2962" t="s">
        <v>5911</v>
      </c>
      <c r="C2962" t="s">
        <v>5912</v>
      </c>
    </row>
    <row r="2963" spans="1:3" x14ac:dyDescent="0.15">
      <c r="A2963">
        <v>22055</v>
      </c>
      <c r="B2963" t="s">
        <v>5913</v>
      </c>
      <c r="C2963" t="s">
        <v>5914</v>
      </c>
    </row>
    <row r="2964" spans="1:3" x14ac:dyDescent="0.15">
      <c r="A2964">
        <v>22054</v>
      </c>
      <c r="B2964" t="s">
        <v>5915</v>
      </c>
      <c r="C2964" t="s">
        <v>5916</v>
      </c>
    </row>
    <row r="2965" spans="1:3" x14ac:dyDescent="0.15">
      <c r="A2965">
        <v>22053</v>
      </c>
      <c r="B2965" t="s">
        <v>5917</v>
      </c>
      <c r="C2965" t="s">
        <v>5918</v>
      </c>
    </row>
    <row r="2966" spans="1:3" x14ac:dyDescent="0.15">
      <c r="A2966">
        <v>22052</v>
      </c>
      <c r="B2966" t="s">
        <v>5919</v>
      </c>
      <c r="C2966" t="s">
        <v>5920</v>
      </c>
    </row>
    <row r="2967" spans="1:3" x14ac:dyDescent="0.15">
      <c r="A2967">
        <v>22051</v>
      </c>
      <c r="B2967" t="s">
        <v>5921</v>
      </c>
      <c r="C2967" t="s">
        <v>5922</v>
      </c>
    </row>
    <row r="2968" spans="1:3" x14ac:dyDescent="0.15">
      <c r="A2968">
        <v>22050</v>
      </c>
      <c r="B2968" t="s">
        <v>5923</v>
      </c>
      <c r="C2968" t="s">
        <v>5924</v>
      </c>
    </row>
    <row r="2969" spans="1:3" x14ac:dyDescent="0.15">
      <c r="A2969">
        <v>22049</v>
      </c>
      <c r="B2969" t="s">
        <v>5925</v>
      </c>
      <c r="C2969" t="s">
        <v>5926</v>
      </c>
    </row>
    <row r="2970" spans="1:3" x14ac:dyDescent="0.15">
      <c r="A2970">
        <v>22048</v>
      </c>
      <c r="B2970" t="s">
        <v>5927</v>
      </c>
      <c r="C2970" t="s">
        <v>5928</v>
      </c>
    </row>
    <row r="2971" spans="1:3" x14ac:dyDescent="0.15">
      <c r="A2971">
        <v>22047</v>
      </c>
      <c r="B2971" t="s">
        <v>5929</v>
      </c>
      <c r="C2971" t="s">
        <v>5930</v>
      </c>
    </row>
    <row r="2972" spans="1:3" x14ac:dyDescent="0.15">
      <c r="A2972">
        <v>22046</v>
      </c>
      <c r="B2972" t="s">
        <v>5931</v>
      </c>
      <c r="C2972" t="s">
        <v>5932</v>
      </c>
    </row>
    <row r="2973" spans="1:3" x14ac:dyDescent="0.15">
      <c r="A2973">
        <v>22045</v>
      </c>
      <c r="B2973" t="s">
        <v>5933</v>
      </c>
      <c r="C2973" t="s">
        <v>5934</v>
      </c>
    </row>
    <row r="2974" spans="1:3" x14ac:dyDescent="0.15">
      <c r="A2974">
        <v>22044</v>
      </c>
      <c r="B2974" t="s">
        <v>5935</v>
      </c>
      <c r="C2974" t="s">
        <v>5936</v>
      </c>
    </row>
    <row r="2975" spans="1:3" x14ac:dyDescent="0.15">
      <c r="A2975">
        <v>22043</v>
      </c>
      <c r="B2975" t="s">
        <v>5937</v>
      </c>
      <c r="C2975" t="s">
        <v>5938</v>
      </c>
    </row>
    <row r="2976" spans="1:3" x14ac:dyDescent="0.15">
      <c r="A2976">
        <v>22042</v>
      </c>
      <c r="B2976" t="s">
        <v>5939</v>
      </c>
      <c r="C2976" t="s">
        <v>5940</v>
      </c>
    </row>
    <row r="2977" spans="1:3" x14ac:dyDescent="0.15">
      <c r="A2977">
        <v>22041</v>
      </c>
      <c r="B2977" t="s">
        <v>5941</v>
      </c>
      <c r="C2977" t="s">
        <v>5942</v>
      </c>
    </row>
    <row r="2978" spans="1:3" x14ac:dyDescent="0.15">
      <c r="A2978">
        <v>22040</v>
      </c>
      <c r="B2978" t="s">
        <v>5943</v>
      </c>
      <c r="C2978" t="s">
        <v>5944</v>
      </c>
    </row>
    <row r="2979" spans="1:3" x14ac:dyDescent="0.15">
      <c r="A2979">
        <v>22039</v>
      </c>
      <c r="B2979" t="s">
        <v>5945</v>
      </c>
      <c r="C2979" t="s">
        <v>5946</v>
      </c>
    </row>
    <row r="2980" spans="1:3" x14ac:dyDescent="0.15">
      <c r="A2980">
        <v>22038</v>
      </c>
      <c r="B2980" t="s">
        <v>5947</v>
      </c>
      <c r="C2980" t="s">
        <v>5948</v>
      </c>
    </row>
    <row r="2981" spans="1:3" x14ac:dyDescent="0.15">
      <c r="A2981">
        <v>22037</v>
      </c>
      <c r="B2981" t="s">
        <v>5949</v>
      </c>
      <c r="C2981" t="s">
        <v>5950</v>
      </c>
    </row>
    <row r="2982" spans="1:3" x14ac:dyDescent="0.15">
      <c r="A2982">
        <v>22036</v>
      </c>
      <c r="B2982" t="s">
        <v>5951</v>
      </c>
      <c r="C2982" t="s">
        <v>5952</v>
      </c>
    </row>
    <row r="2983" spans="1:3" x14ac:dyDescent="0.15">
      <c r="A2983">
        <v>22035</v>
      </c>
      <c r="B2983" t="s">
        <v>5953</v>
      </c>
      <c r="C2983" t="s">
        <v>5954</v>
      </c>
    </row>
    <row r="2984" spans="1:3" x14ac:dyDescent="0.15">
      <c r="A2984">
        <v>22034</v>
      </c>
      <c r="B2984" t="s">
        <v>5955</v>
      </c>
      <c r="C2984" t="s">
        <v>5956</v>
      </c>
    </row>
    <row r="2985" spans="1:3" x14ac:dyDescent="0.15">
      <c r="A2985">
        <v>22033</v>
      </c>
      <c r="B2985" t="s">
        <v>5957</v>
      </c>
      <c r="C2985" t="s">
        <v>5958</v>
      </c>
    </row>
    <row r="2986" spans="1:3" x14ac:dyDescent="0.15">
      <c r="A2986">
        <v>22032</v>
      </c>
      <c r="B2986" t="s">
        <v>5959</v>
      </c>
      <c r="C2986" t="s">
        <v>5960</v>
      </c>
    </row>
    <row r="2987" spans="1:3" x14ac:dyDescent="0.15">
      <c r="A2987">
        <v>22031</v>
      </c>
      <c r="B2987" t="s">
        <v>5961</v>
      </c>
      <c r="C2987" t="s">
        <v>5962</v>
      </c>
    </row>
    <row r="2988" spans="1:3" x14ac:dyDescent="0.15">
      <c r="A2988">
        <v>22030</v>
      </c>
      <c r="B2988" t="s">
        <v>5963</v>
      </c>
      <c r="C2988" t="s">
        <v>5964</v>
      </c>
    </row>
    <row r="2989" spans="1:3" x14ac:dyDescent="0.15">
      <c r="A2989">
        <v>22029</v>
      </c>
      <c r="B2989" t="s">
        <v>5965</v>
      </c>
      <c r="C2989" t="s">
        <v>5966</v>
      </c>
    </row>
    <row r="2990" spans="1:3" x14ac:dyDescent="0.15">
      <c r="A2990">
        <v>22028</v>
      </c>
      <c r="B2990" t="s">
        <v>5967</v>
      </c>
      <c r="C2990" t="s">
        <v>5968</v>
      </c>
    </row>
    <row r="2991" spans="1:3" x14ac:dyDescent="0.15">
      <c r="A2991">
        <v>22027</v>
      </c>
      <c r="B2991" t="s">
        <v>5969</v>
      </c>
      <c r="C2991" t="s">
        <v>5970</v>
      </c>
    </row>
    <row r="2992" spans="1:3" x14ac:dyDescent="0.15">
      <c r="A2992">
        <v>22026</v>
      </c>
      <c r="B2992" t="s">
        <v>5971</v>
      </c>
      <c r="C2992" t="s">
        <v>5972</v>
      </c>
    </row>
    <row r="2993" spans="1:3" x14ac:dyDescent="0.15">
      <c r="A2993">
        <v>22025</v>
      </c>
      <c r="B2993" t="s">
        <v>5973</v>
      </c>
      <c r="C2993" t="s">
        <v>5974</v>
      </c>
    </row>
    <row r="2994" spans="1:3" x14ac:dyDescent="0.15">
      <c r="A2994">
        <v>22024</v>
      </c>
      <c r="B2994" t="s">
        <v>5975</v>
      </c>
      <c r="C2994" t="s">
        <v>5976</v>
      </c>
    </row>
    <row r="2995" spans="1:3" x14ac:dyDescent="0.15">
      <c r="A2995">
        <v>22023</v>
      </c>
      <c r="B2995" t="s">
        <v>5977</v>
      </c>
      <c r="C2995" t="s">
        <v>5978</v>
      </c>
    </row>
    <row r="2996" spans="1:3" x14ac:dyDescent="0.15">
      <c r="A2996">
        <v>22022</v>
      </c>
      <c r="B2996" t="s">
        <v>5979</v>
      </c>
      <c r="C2996" t="s">
        <v>5980</v>
      </c>
    </row>
    <row r="2997" spans="1:3" x14ac:dyDescent="0.15">
      <c r="A2997">
        <v>22021</v>
      </c>
      <c r="B2997" t="s">
        <v>5981</v>
      </c>
      <c r="C2997" t="s">
        <v>5982</v>
      </c>
    </row>
    <row r="2998" spans="1:3" x14ac:dyDescent="0.15">
      <c r="A2998">
        <v>22020</v>
      </c>
      <c r="B2998" t="s">
        <v>5983</v>
      </c>
      <c r="C2998" t="s">
        <v>5984</v>
      </c>
    </row>
    <row r="2999" spans="1:3" x14ac:dyDescent="0.15">
      <c r="A2999">
        <v>22019</v>
      </c>
      <c r="B2999" t="s">
        <v>5985</v>
      </c>
      <c r="C2999" t="s">
        <v>5986</v>
      </c>
    </row>
    <row r="3000" spans="1:3" x14ac:dyDescent="0.15">
      <c r="A3000">
        <v>22018</v>
      </c>
      <c r="B3000" t="s">
        <v>5987</v>
      </c>
      <c r="C3000" t="s">
        <v>5988</v>
      </c>
    </row>
    <row r="3001" spans="1:3" x14ac:dyDescent="0.15">
      <c r="A3001">
        <v>22017</v>
      </c>
      <c r="B3001" t="s">
        <v>5989</v>
      </c>
      <c r="C3001" t="s">
        <v>5990</v>
      </c>
    </row>
    <row r="3002" spans="1:3" x14ac:dyDescent="0.15">
      <c r="A3002">
        <v>22016</v>
      </c>
      <c r="B3002" t="s">
        <v>5991</v>
      </c>
      <c r="C3002" t="s">
        <v>5992</v>
      </c>
    </row>
    <row r="3003" spans="1:3" x14ac:dyDescent="0.15">
      <c r="A3003">
        <v>22015</v>
      </c>
      <c r="B3003" t="s">
        <v>5993</v>
      </c>
      <c r="C3003" t="s">
        <v>5994</v>
      </c>
    </row>
    <row r="3004" spans="1:3" x14ac:dyDescent="0.15">
      <c r="A3004">
        <v>22014</v>
      </c>
      <c r="B3004" t="s">
        <v>5995</v>
      </c>
      <c r="C3004" t="s">
        <v>5996</v>
      </c>
    </row>
    <row r="3005" spans="1:3" x14ac:dyDescent="0.15">
      <c r="A3005">
        <v>22013</v>
      </c>
      <c r="B3005" t="s">
        <v>5997</v>
      </c>
      <c r="C3005" t="s">
        <v>5998</v>
      </c>
    </row>
    <row r="3006" spans="1:3" x14ac:dyDescent="0.15">
      <c r="A3006">
        <v>22012</v>
      </c>
      <c r="B3006" t="s">
        <v>5999</v>
      </c>
      <c r="C3006" t="s">
        <v>6000</v>
      </c>
    </row>
    <row r="3007" spans="1:3" x14ac:dyDescent="0.15">
      <c r="A3007">
        <v>22011</v>
      </c>
      <c r="B3007" t="s">
        <v>6001</v>
      </c>
      <c r="C3007" t="s">
        <v>6002</v>
      </c>
    </row>
    <row r="3008" spans="1:3" x14ac:dyDescent="0.15">
      <c r="A3008">
        <v>22010</v>
      </c>
      <c r="B3008" t="s">
        <v>6003</v>
      </c>
      <c r="C3008" t="s">
        <v>6004</v>
      </c>
    </row>
    <row r="3009" spans="1:3" x14ac:dyDescent="0.15">
      <c r="A3009">
        <v>22009</v>
      </c>
      <c r="B3009" t="s">
        <v>6005</v>
      </c>
      <c r="C3009" t="s">
        <v>6006</v>
      </c>
    </row>
    <row r="3010" spans="1:3" x14ac:dyDescent="0.15">
      <c r="A3010">
        <v>22008</v>
      </c>
      <c r="B3010" t="s">
        <v>6007</v>
      </c>
      <c r="C3010" t="s">
        <v>6008</v>
      </c>
    </row>
    <row r="3011" spans="1:3" x14ac:dyDescent="0.15">
      <c r="A3011">
        <v>22007</v>
      </c>
      <c r="B3011" t="s">
        <v>6009</v>
      </c>
      <c r="C3011" t="s">
        <v>6010</v>
      </c>
    </row>
    <row r="3012" spans="1:3" x14ac:dyDescent="0.15">
      <c r="A3012">
        <v>22006</v>
      </c>
      <c r="B3012" t="s">
        <v>6011</v>
      </c>
      <c r="C3012" t="s">
        <v>6012</v>
      </c>
    </row>
    <row r="3013" spans="1:3" x14ac:dyDescent="0.15">
      <c r="A3013">
        <v>22005</v>
      </c>
      <c r="B3013" t="s">
        <v>6013</v>
      </c>
      <c r="C3013" t="s">
        <v>6014</v>
      </c>
    </row>
    <row r="3014" spans="1:3" x14ac:dyDescent="0.15">
      <c r="A3014">
        <v>22004</v>
      </c>
      <c r="B3014" t="s">
        <v>6015</v>
      </c>
      <c r="C3014" t="s">
        <v>6016</v>
      </c>
    </row>
    <row r="3015" spans="1:3" x14ac:dyDescent="0.15">
      <c r="A3015">
        <v>22003</v>
      </c>
      <c r="B3015" t="s">
        <v>6017</v>
      </c>
      <c r="C3015" t="s">
        <v>6018</v>
      </c>
    </row>
    <row r="3016" spans="1:3" x14ac:dyDescent="0.15">
      <c r="A3016">
        <v>22002</v>
      </c>
      <c r="B3016" t="s">
        <v>6019</v>
      </c>
      <c r="C3016" t="s">
        <v>6020</v>
      </c>
    </row>
    <row r="3017" spans="1:3" x14ac:dyDescent="0.15">
      <c r="A3017">
        <v>22001</v>
      </c>
      <c r="B3017" t="s">
        <v>6021</v>
      </c>
      <c r="C3017" t="s">
        <v>6022</v>
      </c>
    </row>
    <row r="3018" spans="1:3" x14ac:dyDescent="0.15">
      <c r="A3018">
        <v>22000</v>
      </c>
      <c r="B3018" t="s">
        <v>6023</v>
      </c>
      <c r="C3018" t="s">
        <v>6024</v>
      </c>
    </row>
    <row r="3019" spans="1:3" x14ac:dyDescent="0.15">
      <c r="A3019">
        <v>21999</v>
      </c>
      <c r="B3019" t="s">
        <v>6025</v>
      </c>
      <c r="C3019" t="s">
        <v>6026</v>
      </c>
    </row>
    <row r="3020" spans="1:3" x14ac:dyDescent="0.15">
      <c r="A3020">
        <v>21998</v>
      </c>
      <c r="B3020" t="s">
        <v>6027</v>
      </c>
      <c r="C3020" t="s">
        <v>6028</v>
      </c>
    </row>
    <row r="3021" spans="1:3" x14ac:dyDescent="0.15">
      <c r="A3021">
        <v>21997</v>
      </c>
      <c r="B3021" t="s">
        <v>6029</v>
      </c>
      <c r="C3021" t="s">
        <v>6030</v>
      </c>
    </row>
    <row r="3022" spans="1:3" x14ac:dyDescent="0.15">
      <c r="A3022">
        <v>21996</v>
      </c>
      <c r="B3022" t="s">
        <v>6031</v>
      </c>
      <c r="C3022" t="s">
        <v>6032</v>
      </c>
    </row>
    <row r="3023" spans="1:3" x14ac:dyDescent="0.15">
      <c r="A3023">
        <v>21995</v>
      </c>
      <c r="B3023" t="s">
        <v>6033</v>
      </c>
      <c r="C3023" t="s">
        <v>6034</v>
      </c>
    </row>
    <row r="3024" spans="1:3" x14ac:dyDescent="0.15">
      <c r="A3024">
        <v>21994</v>
      </c>
      <c r="B3024" t="s">
        <v>6035</v>
      </c>
      <c r="C3024" t="s">
        <v>6036</v>
      </c>
    </row>
    <row r="3025" spans="1:3" x14ac:dyDescent="0.15">
      <c r="A3025">
        <v>21993</v>
      </c>
      <c r="B3025" t="s">
        <v>6037</v>
      </c>
      <c r="C3025" t="s">
        <v>6038</v>
      </c>
    </row>
    <row r="3026" spans="1:3" x14ac:dyDescent="0.15">
      <c r="A3026">
        <v>21992</v>
      </c>
      <c r="B3026" t="s">
        <v>6039</v>
      </c>
      <c r="C3026" t="s">
        <v>6040</v>
      </c>
    </row>
    <row r="3027" spans="1:3" x14ac:dyDescent="0.15">
      <c r="A3027">
        <v>21991</v>
      </c>
      <c r="B3027" t="s">
        <v>6041</v>
      </c>
      <c r="C3027" t="s">
        <v>6042</v>
      </c>
    </row>
    <row r="3028" spans="1:3" x14ac:dyDescent="0.15">
      <c r="A3028">
        <v>21990</v>
      </c>
      <c r="B3028" t="s">
        <v>6043</v>
      </c>
      <c r="C3028" t="s">
        <v>6044</v>
      </c>
    </row>
    <row r="3029" spans="1:3" x14ac:dyDescent="0.15">
      <c r="A3029">
        <v>21989</v>
      </c>
      <c r="B3029" t="s">
        <v>6045</v>
      </c>
      <c r="C3029" t="s">
        <v>6046</v>
      </c>
    </row>
    <row r="3030" spans="1:3" x14ac:dyDescent="0.15">
      <c r="A3030">
        <v>21988</v>
      </c>
      <c r="B3030" t="s">
        <v>6047</v>
      </c>
      <c r="C3030" t="s">
        <v>6048</v>
      </c>
    </row>
    <row r="3031" spans="1:3" x14ac:dyDescent="0.15">
      <c r="A3031">
        <v>21987</v>
      </c>
      <c r="B3031" t="s">
        <v>6049</v>
      </c>
      <c r="C3031" t="s">
        <v>6050</v>
      </c>
    </row>
    <row r="3032" spans="1:3" x14ac:dyDescent="0.15">
      <c r="A3032">
        <v>21986</v>
      </c>
      <c r="B3032" t="s">
        <v>6051</v>
      </c>
      <c r="C3032" t="s">
        <v>6052</v>
      </c>
    </row>
    <row r="3033" spans="1:3" x14ac:dyDescent="0.15">
      <c r="A3033">
        <v>21985</v>
      </c>
      <c r="B3033" t="s">
        <v>6053</v>
      </c>
      <c r="C3033" t="s">
        <v>6054</v>
      </c>
    </row>
    <row r="3034" spans="1:3" x14ac:dyDescent="0.15">
      <c r="A3034">
        <v>21984</v>
      </c>
      <c r="B3034" t="s">
        <v>6055</v>
      </c>
      <c r="C3034" t="s">
        <v>6056</v>
      </c>
    </row>
    <row r="3035" spans="1:3" x14ac:dyDescent="0.15">
      <c r="A3035">
        <v>21983</v>
      </c>
      <c r="B3035" t="s">
        <v>6057</v>
      </c>
      <c r="C3035" t="s">
        <v>6058</v>
      </c>
    </row>
    <row r="3036" spans="1:3" x14ac:dyDescent="0.15">
      <c r="A3036">
        <v>21982</v>
      </c>
      <c r="B3036" t="s">
        <v>6059</v>
      </c>
      <c r="C3036" t="s">
        <v>6060</v>
      </c>
    </row>
    <row r="3037" spans="1:3" x14ac:dyDescent="0.15">
      <c r="A3037">
        <v>21981</v>
      </c>
      <c r="B3037" t="s">
        <v>6061</v>
      </c>
      <c r="C3037" t="s">
        <v>6062</v>
      </c>
    </row>
    <row r="3038" spans="1:3" x14ac:dyDescent="0.15">
      <c r="A3038">
        <v>21980</v>
      </c>
      <c r="B3038" t="s">
        <v>6063</v>
      </c>
      <c r="C3038" t="s">
        <v>6064</v>
      </c>
    </row>
    <row r="3039" spans="1:3" x14ac:dyDescent="0.15">
      <c r="A3039">
        <v>21979</v>
      </c>
      <c r="B3039" t="s">
        <v>6065</v>
      </c>
      <c r="C3039" t="s">
        <v>6066</v>
      </c>
    </row>
    <row r="3040" spans="1:3" x14ac:dyDescent="0.15">
      <c r="A3040">
        <v>21978</v>
      </c>
      <c r="B3040" t="s">
        <v>6067</v>
      </c>
      <c r="C3040" t="s">
        <v>6068</v>
      </c>
    </row>
    <row r="3041" spans="1:3" x14ac:dyDescent="0.15">
      <c r="A3041">
        <v>21977</v>
      </c>
      <c r="B3041" t="s">
        <v>6069</v>
      </c>
      <c r="C3041" t="s">
        <v>6070</v>
      </c>
    </row>
    <row r="3042" spans="1:3" x14ac:dyDescent="0.15">
      <c r="A3042">
        <v>21976</v>
      </c>
      <c r="B3042" t="s">
        <v>6071</v>
      </c>
      <c r="C3042" t="s">
        <v>6072</v>
      </c>
    </row>
    <row r="3043" spans="1:3" x14ac:dyDescent="0.15">
      <c r="A3043">
        <v>21975</v>
      </c>
      <c r="B3043" t="s">
        <v>6073</v>
      </c>
      <c r="C3043" t="s">
        <v>6074</v>
      </c>
    </row>
    <row r="3044" spans="1:3" x14ac:dyDescent="0.15">
      <c r="A3044">
        <v>21974</v>
      </c>
      <c r="B3044" t="s">
        <v>6075</v>
      </c>
      <c r="C3044" t="s">
        <v>6076</v>
      </c>
    </row>
    <row r="3045" spans="1:3" x14ac:dyDescent="0.15">
      <c r="A3045">
        <v>21973</v>
      </c>
      <c r="B3045" t="s">
        <v>6077</v>
      </c>
      <c r="C3045" t="s">
        <v>6078</v>
      </c>
    </row>
    <row r="3046" spans="1:3" x14ac:dyDescent="0.15">
      <c r="A3046">
        <v>21972</v>
      </c>
      <c r="B3046" t="s">
        <v>6079</v>
      </c>
      <c r="C3046" t="s">
        <v>6080</v>
      </c>
    </row>
    <row r="3047" spans="1:3" x14ac:dyDescent="0.15">
      <c r="A3047">
        <v>21971</v>
      </c>
      <c r="B3047" t="s">
        <v>6081</v>
      </c>
      <c r="C3047" t="s">
        <v>6082</v>
      </c>
    </row>
    <row r="3048" spans="1:3" x14ac:dyDescent="0.15">
      <c r="A3048">
        <v>21970</v>
      </c>
      <c r="B3048" t="s">
        <v>6083</v>
      </c>
      <c r="C3048" t="s">
        <v>6084</v>
      </c>
    </row>
    <row r="3049" spans="1:3" x14ac:dyDescent="0.15">
      <c r="A3049">
        <v>21969</v>
      </c>
      <c r="B3049" t="s">
        <v>6085</v>
      </c>
      <c r="C3049" t="s">
        <v>6086</v>
      </c>
    </row>
    <row r="3050" spans="1:3" x14ac:dyDescent="0.15">
      <c r="A3050">
        <v>21968</v>
      </c>
      <c r="B3050" t="s">
        <v>6087</v>
      </c>
      <c r="C3050" t="s">
        <v>6088</v>
      </c>
    </row>
    <row r="3051" spans="1:3" x14ac:dyDescent="0.15">
      <c r="A3051">
        <v>21967</v>
      </c>
      <c r="B3051" t="s">
        <v>6089</v>
      </c>
      <c r="C3051" t="s">
        <v>6090</v>
      </c>
    </row>
    <row r="3052" spans="1:3" x14ac:dyDescent="0.15">
      <c r="A3052">
        <v>21966</v>
      </c>
      <c r="B3052" t="s">
        <v>6091</v>
      </c>
      <c r="C3052" t="s">
        <v>6092</v>
      </c>
    </row>
    <row r="3053" spans="1:3" x14ac:dyDescent="0.15">
      <c r="A3053">
        <v>21965</v>
      </c>
      <c r="B3053" t="s">
        <v>6093</v>
      </c>
      <c r="C3053" t="s">
        <v>6094</v>
      </c>
    </row>
    <row r="3054" spans="1:3" x14ac:dyDescent="0.15">
      <c r="A3054">
        <v>21964</v>
      </c>
      <c r="B3054" t="s">
        <v>6095</v>
      </c>
      <c r="C3054" t="s">
        <v>6096</v>
      </c>
    </row>
    <row r="3055" spans="1:3" x14ac:dyDescent="0.15">
      <c r="A3055">
        <v>21963</v>
      </c>
      <c r="B3055" t="s">
        <v>6097</v>
      </c>
      <c r="C3055" t="s">
        <v>6098</v>
      </c>
    </row>
    <row r="3056" spans="1:3" x14ac:dyDescent="0.15">
      <c r="A3056">
        <v>21962</v>
      </c>
      <c r="B3056" t="s">
        <v>6099</v>
      </c>
      <c r="C3056" t="s">
        <v>6100</v>
      </c>
    </row>
    <row r="3057" spans="1:3" x14ac:dyDescent="0.15">
      <c r="A3057">
        <v>21961</v>
      </c>
      <c r="B3057" t="s">
        <v>6101</v>
      </c>
      <c r="C3057" t="s">
        <v>6102</v>
      </c>
    </row>
    <row r="3058" spans="1:3" x14ac:dyDescent="0.15">
      <c r="A3058">
        <v>21960</v>
      </c>
      <c r="B3058" t="s">
        <v>6103</v>
      </c>
      <c r="C3058" t="s">
        <v>6104</v>
      </c>
    </row>
    <row r="3059" spans="1:3" x14ac:dyDescent="0.15">
      <c r="A3059">
        <v>21959</v>
      </c>
      <c r="B3059" t="s">
        <v>6105</v>
      </c>
      <c r="C3059" t="s">
        <v>6106</v>
      </c>
    </row>
    <row r="3060" spans="1:3" x14ac:dyDescent="0.15">
      <c r="A3060">
        <v>21958</v>
      </c>
      <c r="B3060" t="s">
        <v>6107</v>
      </c>
      <c r="C3060" t="s">
        <v>6108</v>
      </c>
    </row>
    <row r="3061" spans="1:3" x14ac:dyDescent="0.15">
      <c r="A3061">
        <v>21957</v>
      </c>
      <c r="B3061" t="s">
        <v>6109</v>
      </c>
      <c r="C3061" t="s">
        <v>6110</v>
      </c>
    </row>
    <row r="3062" spans="1:3" x14ac:dyDescent="0.15">
      <c r="A3062">
        <v>21956</v>
      </c>
      <c r="B3062" t="s">
        <v>6111</v>
      </c>
      <c r="C3062" t="s">
        <v>6112</v>
      </c>
    </row>
    <row r="3063" spans="1:3" x14ac:dyDescent="0.15">
      <c r="A3063">
        <v>21955</v>
      </c>
      <c r="B3063" t="s">
        <v>6113</v>
      </c>
      <c r="C3063" t="s">
        <v>6114</v>
      </c>
    </row>
    <row r="3064" spans="1:3" x14ac:dyDescent="0.15">
      <c r="A3064">
        <v>21954</v>
      </c>
      <c r="B3064" t="s">
        <v>6115</v>
      </c>
      <c r="C3064" t="s">
        <v>6116</v>
      </c>
    </row>
    <row r="3065" spans="1:3" x14ac:dyDescent="0.15">
      <c r="A3065">
        <v>21953</v>
      </c>
      <c r="B3065" t="s">
        <v>6117</v>
      </c>
      <c r="C3065" t="s">
        <v>6118</v>
      </c>
    </row>
    <row r="3066" spans="1:3" x14ac:dyDescent="0.15">
      <c r="A3066">
        <v>21952</v>
      </c>
      <c r="B3066" t="s">
        <v>6119</v>
      </c>
      <c r="C3066" t="s">
        <v>6120</v>
      </c>
    </row>
    <row r="3067" spans="1:3" x14ac:dyDescent="0.15">
      <c r="A3067">
        <v>21951</v>
      </c>
      <c r="B3067" t="s">
        <v>6121</v>
      </c>
      <c r="C3067" t="s">
        <v>6122</v>
      </c>
    </row>
    <row r="3068" spans="1:3" x14ac:dyDescent="0.15">
      <c r="A3068">
        <v>21950</v>
      </c>
      <c r="B3068" t="s">
        <v>6123</v>
      </c>
      <c r="C3068" t="s">
        <v>6124</v>
      </c>
    </row>
    <row r="3069" spans="1:3" x14ac:dyDescent="0.15">
      <c r="A3069">
        <v>21949</v>
      </c>
      <c r="B3069" t="s">
        <v>6125</v>
      </c>
      <c r="C3069" t="s">
        <v>6126</v>
      </c>
    </row>
    <row r="3070" spans="1:3" x14ac:dyDescent="0.15">
      <c r="A3070">
        <v>21948</v>
      </c>
      <c r="B3070" t="s">
        <v>6127</v>
      </c>
      <c r="C3070" t="s">
        <v>6128</v>
      </c>
    </row>
    <row r="3071" spans="1:3" x14ac:dyDescent="0.15">
      <c r="A3071">
        <v>21947</v>
      </c>
      <c r="B3071" t="s">
        <v>6129</v>
      </c>
      <c r="C3071" t="s">
        <v>6130</v>
      </c>
    </row>
    <row r="3072" spans="1:3" x14ac:dyDescent="0.15">
      <c r="A3072">
        <v>21946</v>
      </c>
      <c r="B3072" t="s">
        <v>6131</v>
      </c>
      <c r="C3072" t="s">
        <v>6132</v>
      </c>
    </row>
    <row r="3073" spans="1:3" x14ac:dyDescent="0.15">
      <c r="A3073">
        <v>21945</v>
      </c>
      <c r="B3073" t="s">
        <v>6133</v>
      </c>
      <c r="C3073" t="s">
        <v>6134</v>
      </c>
    </row>
    <row r="3074" spans="1:3" x14ac:dyDescent="0.15">
      <c r="A3074">
        <v>21944</v>
      </c>
      <c r="B3074" t="s">
        <v>6135</v>
      </c>
      <c r="C3074" t="s">
        <v>6136</v>
      </c>
    </row>
    <row r="3075" spans="1:3" x14ac:dyDescent="0.15">
      <c r="A3075">
        <v>21943</v>
      </c>
      <c r="B3075" t="s">
        <v>6137</v>
      </c>
      <c r="C3075" t="s">
        <v>6138</v>
      </c>
    </row>
    <row r="3076" spans="1:3" x14ac:dyDescent="0.15">
      <c r="A3076">
        <v>21942</v>
      </c>
      <c r="B3076" t="s">
        <v>6139</v>
      </c>
      <c r="C3076" t="s">
        <v>6140</v>
      </c>
    </row>
    <row r="3077" spans="1:3" x14ac:dyDescent="0.15">
      <c r="A3077">
        <v>21941</v>
      </c>
      <c r="B3077" t="s">
        <v>6141</v>
      </c>
      <c r="C3077" t="s">
        <v>6142</v>
      </c>
    </row>
    <row r="3078" spans="1:3" x14ac:dyDescent="0.15">
      <c r="A3078">
        <v>21940</v>
      </c>
      <c r="B3078" t="s">
        <v>6143</v>
      </c>
      <c r="C3078" t="s">
        <v>6144</v>
      </c>
    </row>
    <row r="3079" spans="1:3" x14ac:dyDescent="0.15">
      <c r="A3079">
        <v>21939</v>
      </c>
      <c r="B3079" t="s">
        <v>6145</v>
      </c>
      <c r="C3079" t="s">
        <v>6146</v>
      </c>
    </row>
    <row r="3080" spans="1:3" x14ac:dyDescent="0.15">
      <c r="A3080">
        <v>21938</v>
      </c>
      <c r="B3080" t="s">
        <v>6147</v>
      </c>
      <c r="C3080" t="s">
        <v>6148</v>
      </c>
    </row>
    <row r="3081" spans="1:3" x14ac:dyDescent="0.15">
      <c r="A3081">
        <v>21937</v>
      </c>
      <c r="B3081" t="s">
        <v>6149</v>
      </c>
      <c r="C3081" t="s">
        <v>6150</v>
      </c>
    </row>
    <row r="3082" spans="1:3" x14ac:dyDescent="0.15">
      <c r="A3082">
        <v>21936</v>
      </c>
      <c r="B3082" t="s">
        <v>6151</v>
      </c>
      <c r="C3082" t="s">
        <v>6152</v>
      </c>
    </row>
    <row r="3083" spans="1:3" x14ac:dyDescent="0.15">
      <c r="A3083">
        <v>21935</v>
      </c>
      <c r="B3083" t="s">
        <v>6153</v>
      </c>
      <c r="C3083" t="s">
        <v>6154</v>
      </c>
    </row>
    <row r="3084" spans="1:3" x14ac:dyDescent="0.15">
      <c r="A3084">
        <v>21934</v>
      </c>
      <c r="B3084" t="s">
        <v>6155</v>
      </c>
      <c r="C3084" t="s">
        <v>6156</v>
      </c>
    </row>
    <row r="3085" spans="1:3" x14ac:dyDescent="0.15">
      <c r="A3085">
        <v>21933</v>
      </c>
      <c r="B3085" t="s">
        <v>6157</v>
      </c>
      <c r="C3085" t="s">
        <v>6158</v>
      </c>
    </row>
    <row r="3086" spans="1:3" x14ac:dyDescent="0.15">
      <c r="A3086">
        <v>21932</v>
      </c>
      <c r="B3086" t="s">
        <v>6159</v>
      </c>
      <c r="C3086" t="s">
        <v>6160</v>
      </c>
    </row>
    <row r="3087" spans="1:3" x14ac:dyDescent="0.15">
      <c r="A3087">
        <v>21931</v>
      </c>
      <c r="B3087" t="s">
        <v>6161</v>
      </c>
      <c r="C3087" t="s">
        <v>6162</v>
      </c>
    </row>
    <row r="3088" spans="1:3" x14ac:dyDescent="0.15">
      <c r="A3088">
        <v>21930</v>
      </c>
      <c r="B3088" t="s">
        <v>6163</v>
      </c>
      <c r="C3088" t="s">
        <v>6164</v>
      </c>
    </row>
    <row r="3089" spans="1:3" x14ac:dyDescent="0.15">
      <c r="A3089">
        <v>21929</v>
      </c>
      <c r="B3089" t="s">
        <v>6165</v>
      </c>
      <c r="C3089" t="s">
        <v>6166</v>
      </c>
    </row>
    <row r="3090" spans="1:3" x14ac:dyDescent="0.15">
      <c r="A3090">
        <v>21928</v>
      </c>
      <c r="B3090" t="s">
        <v>6167</v>
      </c>
      <c r="C3090" t="s">
        <v>6168</v>
      </c>
    </row>
    <row r="3091" spans="1:3" x14ac:dyDescent="0.15">
      <c r="A3091">
        <v>21927</v>
      </c>
      <c r="B3091" t="s">
        <v>6169</v>
      </c>
      <c r="C3091" t="s">
        <v>6170</v>
      </c>
    </row>
    <row r="3092" spans="1:3" x14ac:dyDescent="0.15">
      <c r="A3092">
        <v>21926</v>
      </c>
      <c r="B3092" t="s">
        <v>6171</v>
      </c>
      <c r="C3092" t="s">
        <v>6172</v>
      </c>
    </row>
    <row r="3093" spans="1:3" x14ac:dyDescent="0.15">
      <c r="A3093">
        <v>21925</v>
      </c>
      <c r="B3093" t="s">
        <v>6173</v>
      </c>
      <c r="C3093" t="s">
        <v>6174</v>
      </c>
    </row>
    <row r="3094" spans="1:3" x14ac:dyDescent="0.15">
      <c r="A3094">
        <v>21924</v>
      </c>
      <c r="B3094" t="s">
        <v>6175</v>
      </c>
      <c r="C3094" t="s">
        <v>6176</v>
      </c>
    </row>
    <row r="3095" spans="1:3" x14ac:dyDescent="0.15">
      <c r="A3095">
        <v>21923</v>
      </c>
      <c r="B3095" t="s">
        <v>6177</v>
      </c>
      <c r="C3095" t="s">
        <v>6178</v>
      </c>
    </row>
    <row r="3096" spans="1:3" x14ac:dyDescent="0.15">
      <c r="A3096">
        <v>21922</v>
      </c>
      <c r="B3096" t="s">
        <v>6179</v>
      </c>
      <c r="C3096" t="s">
        <v>6180</v>
      </c>
    </row>
    <row r="3097" spans="1:3" x14ac:dyDescent="0.15">
      <c r="A3097">
        <v>21921</v>
      </c>
      <c r="B3097" t="s">
        <v>6181</v>
      </c>
      <c r="C3097" t="s">
        <v>6182</v>
      </c>
    </row>
    <row r="3098" spans="1:3" x14ac:dyDescent="0.15">
      <c r="A3098">
        <v>21920</v>
      </c>
      <c r="B3098" t="s">
        <v>6183</v>
      </c>
      <c r="C3098" t="s">
        <v>6184</v>
      </c>
    </row>
    <row r="3099" spans="1:3" x14ac:dyDescent="0.15">
      <c r="A3099">
        <v>21919</v>
      </c>
      <c r="B3099" t="s">
        <v>6185</v>
      </c>
      <c r="C3099" t="s">
        <v>6186</v>
      </c>
    </row>
    <row r="3100" spans="1:3" x14ac:dyDescent="0.15">
      <c r="A3100">
        <v>21918</v>
      </c>
      <c r="B3100" t="s">
        <v>6187</v>
      </c>
      <c r="C3100" t="s">
        <v>6188</v>
      </c>
    </row>
    <row r="3101" spans="1:3" x14ac:dyDescent="0.15">
      <c r="A3101">
        <v>21917</v>
      </c>
      <c r="B3101" t="s">
        <v>6189</v>
      </c>
      <c r="C3101" t="s">
        <v>6190</v>
      </c>
    </row>
    <row r="3102" spans="1:3" x14ac:dyDescent="0.15">
      <c r="A3102">
        <v>21916</v>
      </c>
      <c r="B3102" t="s">
        <v>6191</v>
      </c>
      <c r="C3102" t="s">
        <v>6192</v>
      </c>
    </row>
    <row r="3103" spans="1:3" x14ac:dyDescent="0.15">
      <c r="A3103">
        <v>21915</v>
      </c>
      <c r="B3103" t="s">
        <v>6193</v>
      </c>
      <c r="C3103" t="s">
        <v>6194</v>
      </c>
    </row>
    <row r="3104" spans="1:3" x14ac:dyDescent="0.15">
      <c r="A3104">
        <v>21914</v>
      </c>
      <c r="B3104" t="s">
        <v>6195</v>
      </c>
      <c r="C3104" t="s">
        <v>6196</v>
      </c>
    </row>
    <row r="3105" spans="1:3" x14ac:dyDescent="0.15">
      <c r="A3105">
        <v>21913</v>
      </c>
      <c r="B3105" t="s">
        <v>6197</v>
      </c>
      <c r="C3105" t="s">
        <v>6198</v>
      </c>
    </row>
    <row r="3106" spans="1:3" x14ac:dyDescent="0.15">
      <c r="A3106">
        <v>21912</v>
      </c>
      <c r="B3106" t="s">
        <v>6199</v>
      </c>
      <c r="C3106" t="s">
        <v>6200</v>
      </c>
    </row>
    <row r="3107" spans="1:3" x14ac:dyDescent="0.15">
      <c r="A3107">
        <v>21911</v>
      </c>
      <c r="B3107" t="s">
        <v>6201</v>
      </c>
      <c r="C3107" t="s">
        <v>6202</v>
      </c>
    </row>
    <row r="3108" spans="1:3" x14ac:dyDescent="0.15">
      <c r="A3108">
        <v>21910</v>
      </c>
      <c r="B3108" t="s">
        <v>6203</v>
      </c>
      <c r="C3108" t="s">
        <v>6204</v>
      </c>
    </row>
    <row r="3109" spans="1:3" x14ac:dyDescent="0.15">
      <c r="A3109">
        <v>21909</v>
      </c>
      <c r="B3109" t="s">
        <v>6205</v>
      </c>
      <c r="C3109" t="s">
        <v>6206</v>
      </c>
    </row>
    <row r="3110" spans="1:3" x14ac:dyDescent="0.15">
      <c r="A3110">
        <v>21908</v>
      </c>
      <c r="B3110" t="s">
        <v>6207</v>
      </c>
      <c r="C3110" t="s">
        <v>6208</v>
      </c>
    </row>
    <row r="3111" spans="1:3" x14ac:dyDescent="0.15">
      <c r="A3111">
        <v>21907</v>
      </c>
      <c r="B3111" t="s">
        <v>6209</v>
      </c>
      <c r="C3111" t="s">
        <v>6210</v>
      </c>
    </row>
    <row r="3112" spans="1:3" x14ac:dyDescent="0.15">
      <c r="A3112">
        <v>21906</v>
      </c>
      <c r="B3112" t="s">
        <v>6211</v>
      </c>
      <c r="C3112" t="s">
        <v>6212</v>
      </c>
    </row>
    <row r="3113" spans="1:3" x14ac:dyDescent="0.15">
      <c r="A3113">
        <v>21905</v>
      </c>
      <c r="B3113" t="s">
        <v>6213</v>
      </c>
      <c r="C3113" t="s">
        <v>6214</v>
      </c>
    </row>
    <row r="3114" spans="1:3" x14ac:dyDescent="0.15">
      <c r="A3114">
        <v>21904</v>
      </c>
      <c r="B3114" t="s">
        <v>6215</v>
      </c>
      <c r="C3114" t="s">
        <v>6216</v>
      </c>
    </row>
    <row r="3115" spans="1:3" x14ac:dyDescent="0.15">
      <c r="A3115">
        <v>21903</v>
      </c>
      <c r="B3115" t="s">
        <v>6217</v>
      </c>
      <c r="C3115" t="s">
        <v>6218</v>
      </c>
    </row>
    <row r="3116" spans="1:3" x14ac:dyDescent="0.15">
      <c r="A3116">
        <v>21902</v>
      </c>
      <c r="B3116" t="s">
        <v>6219</v>
      </c>
      <c r="C3116" t="s">
        <v>6220</v>
      </c>
    </row>
    <row r="3117" spans="1:3" x14ac:dyDescent="0.15">
      <c r="A3117">
        <v>21901</v>
      </c>
      <c r="B3117" t="s">
        <v>6221</v>
      </c>
      <c r="C3117" t="s">
        <v>6222</v>
      </c>
    </row>
    <row r="3118" spans="1:3" x14ac:dyDescent="0.15">
      <c r="A3118">
        <v>21900</v>
      </c>
      <c r="B3118" t="s">
        <v>6223</v>
      </c>
      <c r="C3118" t="s">
        <v>6224</v>
      </c>
    </row>
    <row r="3119" spans="1:3" x14ac:dyDescent="0.15">
      <c r="A3119">
        <v>21899</v>
      </c>
      <c r="B3119" t="s">
        <v>6225</v>
      </c>
      <c r="C3119" t="s">
        <v>6226</v>
      </c>
    </row>
    <row r="3120" spans="1:3" x14ac:dyDescent="0.15">
      <c r="A3120">
        <v>21898</v>
      </c>
      <c r="B3120" t="s">
        <v>6227</v>
      </c>
      <c r="C3120" t="s">
        <v>6228</v>
      </c>
    </row>
    <row r="3121" spans="1:3" x14ac:dyDescent="0.15">
      <c r="A3121">
        <v>21897</v>
      </c>
      <c r="B3121" t="s">
        <v>6229</v>
      </c>
      <c r="C3121" t="s">
        <v>6230</v>
      </c>
    </row>
    <row r="3122" spans="1:3" x14ac:dyDescent="0.15">
      <c r="A3122">
        <v>21896</v>
      </c>
      <c r="B3122" t="s">
        <v>6231</v>
      </c>
      <c r="C3122" t="s">
        <v>6232</v>
      </c>
    </row>
    <row r="3123" spans="1:3" x14ac:dyDescent="0.15">
      <c r="A3123">
        <v>21895</v>
      </c>
      <c r="B3123" t="s">
        <v>6233</v>
      </c>
      <c r="C3123" t="s">
        <v>6234</v>
      </c>
    </row>
    <row r="3124" spans="1:3" x14ac:dyDescent="0.15">
      <c r="A3124">
        <v>21894</v>
      </c>
      <c r="B3124" t="s">
        <v>6235</v>
      </c>
      <c r="C3124" t="s">
        <v>6236</v>
      </c>
    </row>
    <row r="3125" spans="1:3" x14ac:dyDescent="0.15">
      <c r="A3125">
        <v>21893</v>
      </c>
      <c r="B3125" t="s">
        <v>6237</v>
      </c>
      <c r="C3125" t="s">
        <v>6238</v>
      </c>
    </row>
    <row r="3126" spans="1:3" x14ac:dyDescent="0.15">
      <c r="A3126">
        <v>21892</v>
      </c>
      <c r="B3126" t="s">
        <v>6239</v>
      </c>
      <c r="C3126" t="s">
        <v>6240</v>
      </c>
    </row>
    <row r="3127" spans="1:3" x14ac:dyDescent="0.15">
      <c r="A3127">
        <v>21891</v>
      </c>
      <c r="B3127" t="s">
        <v>6241</v>
      </c>
      <c r="C3127" t="s">
        <v>491</v>
      </c>
    </row>
    <row r="3128" spans="1:3" x14ac:dyDescent="0.15">
      <c r="A3128">
        <v>21890</v>
      </c>
      <c r="B3128" t="s">
        <v>6242</v>
      </c>
      <c r="C3128" t="s">
        <v>6243</v>
      </c>
    </row>
    <row r="3129" spans="1:3" x14ac:dyDescent="0.15">
      <c r="A3129">
        <v>21889</v>
      </c>
      <c r="B3129" t="s">
        <v>6244</v>
      </c>
      <c r="C3129" t="s">
        <v>6245</v>
      </c>
    </row>
    <row r="3130" spans="1:3" x14ac:dyDescent="0.15">
      <c r="A3130">
        <v>21888</v>
      </c>
      <c r="B3130" t="s">
        <v>6246</v>
      </c>
      <c r="C3130" t="s">
        <v>6247</v>
      </c>
    </row>
    <row r="3131" spans="1:3" x14ac:dyDescent="0.15">
      <c r="A3131">
        <v>21887</v>
      </c>
      <c r="B3131" t="s">
        <v>6248</v>
      </c>
      <c r="C3131" t="s">
        <v>6249</v>
      </c>
    </row>
    <row r="3132" spans="1:3" x14ac:dyDescent="0.15">
      <c r="A3132">
        <v>21886</v>
      </c>
      <c r="B3132" t="s">
        <v>6250</v>
      </c>
      <c r="C3132" t="s">
        <v>6251</v>
      </c>
    </row>
    <row r="3133" spans="1:3" x14ac:dyDescent="0.15">
      <c r="A3133">
        <v>21885</v>
      </c>
      <c r="B3133" t="s">
        <v>6252</v>
      </c>
      <c r="C3133" t="s">
        <v>6253</v>
      </c>
    </row>
    <row r="3134" spans="1:3" x14ac:dyDescent="0.15">
      <c r="A3134">
        <v>21884</v>
      </c>
      <c r="B3134" t="s">
        <v>6254</v>
      </c>
      <c r="C3134" t="s">
        <v>6255</v>
      </c>
    </row>
    <row r="3135" spans="1:3" x14ac:dyDescent="0.15">
      <c r="A3135">
        <v>21883</v>
      </c>
      <c r="B3135" t="s">
        <v>6256</v>
      </c>
      <c r="C3135" t="s">
        <v>6257</v>
      </c>
    </row>
    <row r="3136" spans="1:3" x14ac:dyDescent="0.15">
      <c r="A3136">
        <v>21882</v>
      </c>
      <c r="B3136" t="s">
        <v>6258</v>
      </c>
      <c r="C3136" t="s">
        <v>6259</v>
      </c>
    </row>
    <row r="3137" spans="1:3" x14ac:dyDescent="0.15">
      <c r="A3137">
        <v>21881</v>
      </c>
      <c r="B3137" t="s">
        <v>6260</v>
      </c>
      <c r="C3137" t="s">
        <v>6261</v>
      </c>
    </row>
    <row r="3138" spans="1:3" x14ac:dyDescent="0.15">
      <c r="A3138">
        <v>21880</v>
      </c>
      <c r="B3138" t="s">
        <v>6262</v>
      </c>
      <c r="C3138" t="s">
        <v>6263</v>
      </c>
    </row>
    <row r="3139" spans="1:3" x14ac:dyDescent="0.15">
      <c r="A3139">
        <v>21879</v>
      </c>
      <c r="B3139" t="s">
        <v>6264</v>
      </c>
      <c r="C3139" t="s">
        <v>6265</v>
      </c>
    </row>
    <row r="3140" spans="1:3" x14ac:dyDescent="0.15">
      <c r="A3140">
        <v>21878</v>
      </c>
      <c r="B3140" t="s">
        <v>6266</v>
      </c>
      <c r="C3140" t="s">
        <v>6267</v>
      </c>
    </row>
    <row r="3141" spans="1:3" x14ac:dyDescent="0.15">
      <c r="A3141">
        <v>21877</v>
      </c>
      <c r="B3141" t="s">
        <v>6268</v>
      </c>
      <c r="C3141" t="s">
        <v>6269</v>
      </c>
    </row>
    <row r="3142" spans="1:3" x14ac:dyDescent="0.15">
      <c r="A3142">
        <v>21876</v>
      </c>
      <c r="B3142" t="s">
        <v>6270</v>
      </c>
      <c r="C3142" t="s">
        <v>6271</v>
      </c>
    </row>
    <row r="3143" spans="1:3" x14ac:dyDescent="0.15">
      <c r="A3143">
        <v>21875</v>
      </c>
      <c r="B3143" t="s">
        <v>6272</v>
      </c>
      <c r="C3143" t="s">
        <v>6273</v>
      </c>
    </row>
    <row r="3144" spans="1:3" x14ac:dyDescent="0.15">
      <c r="A3144">
        <v>21874</v>
      </c>
      <c r="B3144" t="s">
        <v>6274</v>
      </c>
      <c r="C3144" t="s">
        <v>6275</v>
      </c>
    </row>
    <row r="3145" spans="1:3" x14ac:dyDescent="0.15">
      <c r="A3145">
        <v>21873</v>
      </c>
      <c r="B3145" t="s">
        <v>6276</v>
      </c>
      <c r="C3145" t="s">
        <v>6277</v>
      </c>
    </row>
    <row r="3146" spans="1:3" x14ac:dyDescent="0.15">
      <c r="A3146">
        <v>21872</v>
      </c>
      <c r="B3146" t="s">
        <v>6278</v>
      </c>
      <c r="C3146" t="s">
        <v>6279</v>
      </c>
    </row>
    <row r="3147" spans="1:3" x14ac:dyDescent="0.15">
      <c r="A3147">
        <v>21871</v>
      </c>
      <c r="B3147" t="s">
        <v>6280</v>
      </c>
      <c r="C3147" t="s">
        <v>6281</v>
      </c>
    </row>
    <row r="3148" spans="1:3" x14ac:dyDescent="0.15">
      <c r="A3148">
        <v>21870</v>
      </c>
      <c r="B3148" t="s">
        <v>6282</v>
      </c>
      <c r="C3148" t="s">
        <v>6283</v>
      </c>
    </row>
    <row r="3149" spans="1:3" x14ac:dyDescent="0.15">
      <c r="A3149">
        <v>21869</v>
      </c>
      <c r="B3149" t="s">
        <v>6284</v>
      </c>
      <c r="C3149" t="s">
        <v>6285</v>
      </c>
    </row>
    <row r="3150" spans="1:3" x14ac:dyDescent="0.15">
      <c r="A3150">
        <v>21868</v>
      </c>
      <c r="B3150" t="s">
        <v>6286</v>
      </c>
      <c r="C3150" t="s">
        <v>6287</v>
      </c>
    </row>
    <row r="3151" spans="1:3" x14ac:dyDescent="0.15">
      <c r="A3151">
        <v>21867</v>
      </c>
      <c r="B3151" t="s">
        <v>6288</v>
      </c>
      <c r="C3151" t="s">
        <v>6289</v>
      </c>
    </row>
    <row r="3152" spans="1:3" x14ac:dyDescent="0.15">
      <c r="A3152">
        <v>21866</v>
      </c>
      <c r="B3152" t="s">
        <v>6290</v>
      </c>
      <c r="C3152" t="s">
        <v>6291</v>
      </c>
    </row>
    <row r="3153" spans="1:3" x14ac:dyDescent="0.15">
      <c r="A3153">
        <v>21865</v>
      </c>
      <c r="B3153" t="s">
        <v>6292</v>
      </c>
      <c r="C3153" t="s">
        <v>6293</v>
      </c>
    </row>
    <row r="3154" spans="1:3" x14ac:dyDescent="0.15">
      <c r="A3154">
        <v>21864</v>
      </c>
      <c r="B3154" t="s">
        <v>6294</v>
      </c>
      <c r="C3154" t="s">
        <v>6295</v>
      </c>
    </row>
    <row r="3155" spans="1:3" x14ac:dyDescent="0.15">
      <c r="A3155">
        <v>21863</v>
      </c>
      <c r="B3155" t="s">
        <v>6296</v>
      </c>
      <c r="C3155" t="s">
        <v>6297</v>
      </c>
    </row>
    <row r="3156" spans="1:3" x14ac:dyDescent="0.15">
      <c r="A3156">
        <v>21862</v>
      </c>
      <c r="B3156" t="s">
        <v>6298</v>
      </c>
      <c r="C3156" t="s">
        <v>6299</v>
      </c>
    </row>
    <row r="3157" spans="1:3" x14ac:dyDescent="0.15">
      <c r="A3157">
        <v>21861</v>
      </c>
      <c r="B3157" t="s">
        <v>6300</v>
      </c>
      <c r="C3157" t="s">
        <v>6301</v>
      </c>
    </row>
    <row r="3158" spans="1:3" x14ac:dyDescent="0.15">
      <c r="A3158">
        <v>21860</v>
      </c>
      <c r="B3158" t="s">
        <v>6302</v>
      </c>
      <c r="C3158" t="s">
        <v>6303</v>
      </c>
    </row>
    <row r="3159" spans="1:3" x14ac:dyDescent="0.15">
      <c r="A3159">
        <v>21859</v>
      </c>
      <c r="B3159" t="s">
        <v>6304</v>
      </c>
      <c r="C3159" t="s">
        <v>6305</v>
      </c>
    </row>
    <row r="3160" spans="1:3" x14ac:dyDescent="0.15">
      <c r="A3160">
        <v>21858</v>
      </c>
      <c r="B3160" t="s">
        <v>6306</v>
      </c>
      <c r="C3160" t="s">
        <v>6307</v>
      </c>
    </row>
    <row r="3161" spans="1:3" x14ac:dyDescent="0.15">
      <c r="A3161">
        <v>21857</v>
      </c>
      <c r="B3161" t="s">
        <v>6308</v>
      </c>
      <c r="C3161" t="s">
        <v>6309</v>
      </c>
    </row>
    <row r="3162" spans="1:3" x14ac:dyDescent="0.15">
      <c r="A3162">
        <v>21856</v>
      </c>
      <c r="B3162" t="s">
        <v>6310</v>
      </c>
      <c r="C3162" t="s">
        <v>6311</v>
      </c>
    </row>
    <row r="3163" spans="1:3" x14ac:dyDescent="0.15">
      <c r="A3163">
        <v>21855</v>
      </c>
      <c r="B3163" t="s">
        <v>6312</v>
      </c>
      <c r="C3163" t="s">
        <v>6313</v>
      </c>
    </row>
    <row r="3164" spans="1:3" x14ac:dyDescent="0.15">
      <c r="A3164">
        <v>21854</v>
      </c>
      <c r="B3164" t="s">
        <v>6314</v>
      </c>
      <c r="C3164" t="s">
        <v>6315</v>
      </c>
    </row>
    <row r="3165" spans="1:3" x14ac:dyDescent="0.15">
      <c r="A3165">
        <v>21853</v>
      </c>
      <c r="B3165" t="s">
        <v>6316</v>
      </c>
      <c r="C3165" t="s">
        <v>6317</v>
      </c>
    </row>
    <row r="3166" spans="1:3" x14ac:dyDescent="0.15">
      <c r="A3166">
        <v>21852</v>
      </c>
      <c r="B3166" t="s">
        <v>6318</v>
      </c>
      <c r="C3166" t="s">
        <v>6319</v>
      </c>
    </row>
    <row r="3167" spans="1:3" x14ac:dyDescent="0.15">
      <c r="A3167">
        <v>21851</v>
      </c>
      <c r="B3167" t="s">
        <v>6320</v>
      </c>
      <c r="C3167" t="s">
        <v>6321</v>
      </c>
    </row>
    <row r="3168" spans="1:3" x14ac:dyDescent="0.15">
      <c r="A3168">
        <v>21850</v>
      </c>
      <c r="B3168" t="s">
        <v>6322</v>
      </c>
      <c r="C3168" t="s">
        <v>6323</v>
      </c>
    </row>
    <row r="3169" spans="1:3" x14ac:dyDescent="0.15">
      <c r="A3169">
        <v>21849</v>
      </c>
      <c r="B3169" t="s">
        <v>6324</v>
      </c>
      <c r="C3169" t="s">
        <v>6325</v>
      </c>
    </row>
    <row r="3170" spans="1:3" x14ac:dyDescent="0.15">
      <c r="A3170">
        <v>21848</v>
      </c>
      <c r="B3170" t="s">
        <v>6326</v>
      </c>
      <c r="C3170" t="s">
        <v>6327</v>
      </c>
    </row>
    <row r="3171" spans="1:3" x14ac:dyDescent="0.15">
      <c r="A3171">
        <v>21847</v>
      </c>
      <c r="B3171" t="s">
        <v>6328</v>
      </c>
      <c r="C3171" t="s">
        <v>6329</v>
      </c>
    </row>
    <row r="3172" spans="1:3" x14ac:dyDescent="0.15">
      <c r="A3172">
        <v>21846</v>
      </c>
      <c r="B3172" t="s">
        <v>6330</v>
      </c>
      <c r="C3172" t="s">
        <v>6331</v>
      </c>
    </row>
    <row r="3173" spans="1:3" x14ac:dyDescent="0.15">
      <c r="A3173">
        <v>21845</v>
      </c>
      <c r="B3173" t="s">
        <v>6332</v>
      </c>
      <c r="C3173" t="s">
        <v>6333</v>
      </c>
    </row>
    <row r="3174" spans="1:3" x14ac:dyDescent="0.15">
      <c r="A3174">
        <v>21844</v>
      </c>
      <c r="B3174" t="s">
        <v>6334</v>
      </c>
      <c r="C3174" t="s">
        <v>6335</v>
      </c>
    </row>
    <row r="3175" spans="1:3" x14ac:dyDescent="0.15">
      <c r="A3175">
        <v>21843</v>
      </c>
      <c r="B3175" t="s">
        <v>6336</v>
      </c>
      <c r="C3175" t="s">
        <v>6337</v>
      </c>
    </row>
    <row r="3176" spans="1:3" x14ac:dyDescent="0.15">
      <c r="A3176">
        <v>21842</v>
      </c>
      <c r="B3176" t="s">
        <v>6338</v>
      </c>
      <c r="C3176" t="s">
        <v>6339</v>
      </c>
    </row>
    <row r="3177" spans="1:3" x14ac:dyDescent="0.15">
      <c r="A3177">
        <v>21841</v>
      </c>
      <c r="B3177" t="s">
        <v>6340</v>
      </c>
      <c r="C3177" t="s">
        <v>6341</v>
      </c>
    </row>
    <row r="3178" spans="1:3" x14ac:dyDescent="0.15">
      <c r="A3178">
        <v>21840</v>
      </c>
      <c r="B3178" t="s">
        <v>6342</v>
      </c>
      <c r="C3178" t="s">
        <v>6343</v>
      </c>
    </row>
    <row r="3179" spans="1:3" x14ac:dyDescent="0.15">
      <c r="A3179">
        <v>21839</v>
      </c>
      <c r="B3179" t="s">
        <v>6344</v>
      </c>
      <c r="C3179" t="s">
        <v>6345</v>
      </c>
    </row>
    <row r="3180" spans="1:3" x14ac:dyDescent="0.15">
      <c r="A3180">
        <v>21838</v>
      </c>
      <c r="B3180" t="s">
        <v>6346</v>
      </c>
      <c r="C3180" t="s">
        <v>6347</v>
      </c>
    </row>
    <row r="3181" spans="1:3" x14ac:dyDescent="0.15">
      <c r="A3181">
        <v>21837</v>
      </c>
      <c r="B3181" t="s">
        <v>6348</v>
      </c>
      <c r="C3181" t="s">
        <v>6349</v>
      </c>
    </row>
    <row r="3182" spans="1:3" x14ac:dyDescent="0.15">
      <c r="A3182">
        <v>21836</v>
      </c>
      <c r="B3182" t="s">
        <v>6350</v>
      </c>
      <c r="C3182" t="s">
        <v>6351</v>
      </c>
    </row>
    <row r="3183" spans="1:3" x14ac:dyDescent="0.15">
      <c r="A3183">
        <v>21835</v>
      </c>
      <c r="B3183" t="s">
        <v>6352</v>
      </c>
      <c r="C3183" t="s">
        <v>6353</v>
      </c>
    </row>
    <row r="3184" spans="1:3" x14ac:dyDescent="0.15">
      <c r="A3184">
        <v>21834</v>
      </c>
      <c r="B3184" t="s">
        <v>6354</v>
      </c>
      <c r="C3184" t="s">
        <v>6355</v>
      </c>
    </row>
    <row r="3185" spans="1:3" x14ac:dyDescent="0.15">
      <c r="A3185">
        <v>21833</v>
      </c>
      <c r="B3185" t="s">
        <v>6356</v>
      </c>
      <c r="C3185" t="s">
        <v>6357</v>
      </c>
    </row>
    <row r="3186" spans="1:3" x14ac:dyDescent="0.15">
      <c r="A3186">
        <v>21832</v>
      </c>
      <c r="B3186" t="s">
        <v>6358</v>
      </c>
      <c r="C3186" t="s">
        <v>6359</v>
      </c>
    </row>
    <row r="3187" spans="1:3" x14ac:dyDescent="0.15">
      <c r="A3187">
        <v>21831</v>
      </c>
      <c r="B3187" t="s">
        <v>6360</v>
      </c>
      <c r="C3187" t="s">
        <v>6361</v>
      </c>
    </row>
    <row r="3188" spans="1:3" x14ac:dyDescent="0.15">
      <c r="A3188">
        <v>21830</v>
      </c>
      <c r="B3188" t="s">
        <v>6362</v>
      </c>
      <c r="C3188" t="s">
        <v>6363</v>
      </c>
    </row>
    <row r="3189" spans="1:3" x14ac:dyDescent="0.15">
      <c r="A3189">
        <v>21829</v>
      </c>
      <c r="B3189" t="s">
        <v>6364</v>
      </c>
      <c r="C3189" t="s">
        <v>6365</v>
      </c>
    </row>
    <row r="3190" spans="1:3" x14ac:dyDescent="0.15">
      <c r="A3190">
        <v>21828</v>
      </c>
      <c r="B3190" t="s">
        <v>6366</v>
      </c>
      <c r="C3190" t="s">
        <v>6367</v>
      </c>
    </row>
    <row r="3191" spans="1:3" x14ac:dyDescent="0.15">
      <c r="A3191">
        <v>21827</v>
      </c>
      <c r="B3191" t="s">
        <v>6368</v>
      </c>
      <c r="C3191" t="s">
        <v>6369</v>
      </c>
    </row>
    <row r="3192" spans="1:3" x14ac:dyDescent="0.15">
      <c r="A3192">
        <v>21826</v>
      </c>
      <c r="B3192" t="s">
        <v>6370</v>
      </c>
      <c r="C3192" t="s">
        <v>6371</v>
      </c>
    </row>
    <row r="3193" spans="1:3" x14ac:dyDescent="0.15">
      <c r="A3193">
        <v>21825</v>
      </c>
      <c r="B3193" t="s">
        <v>6372</v>
      </c>
      <c r="C3193" t="s">
        <v>6373</v>
      </c>
    </row>
    <row r="3194" spans="1:3" x14ac:dyDescent="0.15">
      <c r="A3194">
        <v>21824</v>
      </c>
      <c r="B3194" t="s">
        <v>6374</v>
      </c>
      <c r="C3194" t="s">
        <v>6375</v>
      </c>
    </row>
    <row r="3195" spans="1:3" x14ac:dyDescent="0.15">
      <c r="A3195">
        <v>21823</v>
      </c>
      <c r="B3195" t="s">
        <v>6376</v>
      </c>
      <c r="C3195" t="s">
        <v>6377</v>
      </c>
    </row>
    <row r="3196" spans="1:3" x14ac:dyDescent="0.15">
      <c r="A3196">
        <v>21822</v>
      </c>
      <c r="B3196" t="s">
        <v>6378</v>
      </c>
      <c r="C3196" t="s">
        <v>6379</v>
      </c>
    </row>
    <row r="3197" spans="1:3" x14ac:dyDescent="0.15">
      <c r="A3197">
        <v>21821</v>
      </c>
      <c r="B3197" t="s">
        <v>6380</v>
      </c>
      <c r="C3197" t="s">
        <v>6381</v>
      </c>
    </row>
    <row r="3198" spans="1:3" x14ac:dyDescent="0.15">
      <c r="A3198">
        <v>21820</v>
      </c>
      <c r="B3198" t="s">
        <v>6382</v>
      </c>
      <c r="C3198" t="s">
        <v>6383</v>
      </c>
    </row>
    <row r="3199" spans="1:3" x14ac:dyDescent="0.15">
      <c r="A3199">
        <v>21819</v>
      </c>
      <c r="B3199" t="s">
        <v>6384</v>
      </c>
      <c r="C3199" t="s">
        <v>6385</v>
      </c>
    </row>
    <row r="3200" spans="1:3" x14ac:dyDescent="0.15">
      <c r="A3200">
        <v>21818</v>
      </c>
      <c r="B3200" t="s">
        <v>6386</v>
      </c>
      <c r="C3200" t="s">
        <v>6387</v>
      </c>
    </row>
    <row r="3201" spans="1:3" x14ac:dyDescent="0.15">
      <c r="A3201">
        <v>21817</v>
      </c>
      <c r="B3201" t="s">
        <v>6388</v>
      </c>
      <c r="C3201" t="s">
        <v>6389</v>
      </c>
    </row>
    <row r="3202" spans="1:3" x14ac:dyDescent="0.15">
      <c r="A3202">
        <v>21816</v>
      </c>
      <c r="B3202" t="s">
        <v>6390</v>
      </c>
      <c r="C3202" t="s">
        <v>6391</v>
      </c>
    </row>
    <row r="3203" spans="1:3" x14ac:dyDescent="0.15">
      <c r="A3203">
        <v>21815</v>
      </c>
      <c r="B3203" t="s">
        <v>6392</v>
      </c>
      <c r="C3203" t="s">
        <v>6393</v>
      </c>
    </row>
    <row r="3204" spans="1:3" x14ac:dyDescent="0.15">
      <c r="A3204">
        <v>21814</v>
      </c>
      <c r="B3204" t="s">
        <v>6394</v>
      </c>
      <c r="C3204" t="s">
        <v>6395</v>
      </c>
    </row>
    <row r="3205" spans="1:3" x14ac:dyDescent="0.15">
      <c r="A3205">
        <v>21813</v>
      </c>
      <c r="B3205" t="s">
        <v>6396</v>
      </c>
      <c r="C3205" t="s">
        <v>6397</v>
      </c>
    </row>
    <row r="3206" spans="1:3" x14ac:dyDescent="0.15">
      <c r="A3206">
        <v>21812</v>
      </c>
      <c r="B3206" t="s">
        <v>6398</v>
      </c>
      <c r="C3206" t="s">
        <v>6399</v>
      </c>
    </row>
    <row r="3207" spans="1:3" x14ac:dyDescent="0.15">
      <c r="A3207">
        <v>21811</v>
      </c>
      <c r="B3207" t="s">
        <v>6400</v>
      </c>
      <c r="C3207" t="s">
        <v>6401</v>
      </c>
    </row>
    <row r="3208" spans="1:3" x14ac:dyDescent="0.15">
      <c r="A3208">
        <v>21810</v>
      </c>
      <c r="B3208" t="s">
        <v>6402</v>
      </c>
      <c r="C3208" t="s">
        <v>6403</v>
      </c>
    </row>
    <row r="3209" spans="1:3" x14ac:dyDescent="0.15">
      <c r="A3209">
        <v>21809</v>
      </c>
      <c r="B3209" t="s">
        <v>6404</v>
      </c>
      <c r="C3209" t="s">
        <v>6405</v>
      </c>
    </row>
    <row r="3210" spans="1:3" x14ac:dyDescent="0.15">
      <c r="A3210">
        <v>21808</v>
      </c>
      <c r="B3210" t="s">
        <v>6406</v>
      </c>
      <c r="C3210" t="s">
        <v>6407</v>
      </c>
    </row>
    <row r="3211" spans="1:3" x14ac:dyDescent="0.15">
      <c r="A3211">
        <v>21807</v>
      </c>
      <c r="B3211" t="s">
        <v>6408</v>
      </c>
      <c r="C3211" t="s">
        <v>6409</v>
      </c>
    </row>
    <row r="3212" spans="1:3" x14ac:dyDescent="0.15">
      <c r="A3212">
        <v>21806</v>
      </c>
      <c r="B3212" t="s">
        <v>6410</v>
      </c>
      <c r="C3212" t="s">
        <v>6411</v>
      </c>
    </row>
    <row r="3213" spans="1:3" x14ac:dyDescent="0.15">
      <c r="A3213">
        <v>21805</v>
      </c>
      <c r="B3213" t="s">
        <v>6412</v>
      </c>
      <c r="C3213" t="s">
        <v>6413</v>
      </c>
    </row>
    <row r="3214" spans="1:3" x14ac:dyDescent="0.15">
      <c r="A3214">
        <v>21804</v>
      </c>
      <c r="B3214" t="s">
        <v>6414</v>
      </c>
      <c r="C3214" t="s">
        <v>6415</v>
      </c>
    </row>
    <row r="3215" spans="1:3" x14ac:dyDescent="0.15">
      <c r="A3215">
        <v>21803</v>
      </c>
      <c r="B3215" t="s">
        <v>6416</v>
      </c>
      <c r="C3215" t="s">
        <v>6417</v>
      </c>
    </row>
    <row r="3216" spans="1:3" x14ac:dyDescent="0.15">
      <c r="A3216">
        <v>21802</v>
      </c>
      <c r="B3216" t="s">
        <v>6418</v>
      </c>
      <c r="C3216" t="s">
        <v>6419</v>
      </c>
    </row>
    <row r="3217" spans="1:3" x14ac:dyDescent="0.15">
      <c r="A3217">
        <v>21801</v>
      </c>
      <c r="B3217" t="s">
        <v>6420</v>
      </c>
      <c r="C3217" t="s">
        <v>6421</v>
      </c>
    </row>
    <row r="3218" spans="1:3" x14ac:dyDescent="0.15">
      <c r="A3218">
        <v>21800</v>
      </c>
      <c r="B3218" t="s">
        <v>6422</v>
      </c>
      <c r="C3218" t="s">
        <v>6423</v>
      </c>
    </row>
    <row r="3219" spans="1:3" x14ac:dyDescent="0.15">
      <c r="A3219">
        <v>21799</v>
      </c>
      <c r="B3219" t="s">
        <v>6424</v>
      </c>
      <c r="C3219" t="s">
        <v>6425</v>
      </c>
    </row>
    <row r="3220" spans="1:3" x14ac:dyDescent="0.15">
      <c r="A3220">
        <v>21798</v>
      </c>
      <c r="B3220" t="s">
        <v>6426</v>
      </c>
      <c r="C3220" t="s">
        <v>6427</v>
      </c>
    </row>
    <row r="3221" spans="1:3" x14ac:dyDescent="0.15">
      <c r="A3221">
        <v>21797</v>
      </c>
      <c r="B3221" t="s">
        <v>6428</v>
      </c>
      <c r="C3221" t="s">
        <v>6429</v>
      </c>
    </row>
    <row r="3222" spans="1:3" x14ac:dyDescent="0.15">
      <c r="A3222">
        <v>21796</v>
      </c>
      <c r="B3222" t="s">
        <v>6430</v>
      </c>
      <c r="C3222" t="s">
        <v>6431</v>
      </c>
    </row>
    <row r="3223" spans="1:3" x14ac:dyDescent="0.15">
      <c r="A3223">
        <v>21795</v>
      </c>
      <c r="B3223" t="s">
        <v>6432</v>
      </c>
      <c r="C3223" t="s">
        <v>6433</v>
      </c>
    </row>
    <row r="3224" spans="1:3" x14ac:dyDescent="0.15">
      <c r="A3224">
        <v>21794</v>
      </c>
      <c r="B3224" t="s">
        <v>6434</v>
      </c>
      <c r="C3224" t="s">
        <v>6435</v>
      </c>
    </row>
    <row r="3225" spans="1:3" x14ac:dyDescent="0.15">
      <c r="A3225">
        <v>21793</v>
      </c>
      <c r="B3225" t="s">
        <v>6436</v>
      </c>
      <c r="C3225" t="s">
        <v>6437</v>
      </c>
    </row>
    <row r="3226" spans="1:3" x14ac:dyDescent="0.15">
      <c r="A3226">
        <v>21792</v>
      </c>
      <c r="B3226" t="s">
        <v>6438</v>
      </c>
      <c r="C3226" t="s">
        <v>6439</v>
      </c>
    </row>
    <row r="3227" spans="1:3" x14ac:dyDescent="0.15">
      <c r="A3227">
        <v>21791</v>
      </c>
      <c r="B3227" t="s">
        <v>6440</v>
      </c>
      <c r="C3227" t="s">
        <v>6441</v>
      </c>
    </row>
    <row r="3228" spans="1:3" x14ac:dyDescent="0.15">
      <c r="A3228">
        <v>21790</v>
      </c>
      <c r="B3228" t="s">
        <v>6442</v>
      </c>
      <c r="C3228" t="s">
        <v>6443</v>
      </c>
    </row>
    <row r="3229" spans="1:3" x14ac:dyDescent="0.15">
      <c r="A3229">
        <v>21789</v>
      </c>
      <c r="B3229" t="s">
        <v>6444</v>
      </c>
      <c r="C3229" t="s">
        <v>6445</v>
      </c>
    </row>
    <row r="3230" spans="1:3" x14ac:dyDescent="0.15">
      <c r="A3230">
        <v>21788</v>
      </c>
      <c r="B3230" t="s">
        <v>6446</v>
      </c>
      <c r="C3230" t="s">
        <v>6447</v>
      </c>
    </row>
    <row r="3231" spans="1:3" x14ac:dyDescent="0.15">
      <c r="A3231">
        <v>21787</v>
      </c>
      <c r="B3231" t="s">
        <v>6448</v>
      </c>
      <c r="C3231" t="s">
        <v>6449</v>
      </c>
    </row>
    <row r="3232" spans="1:3" x14ac:dyDescent="0.15">
      <c r="A3232">
        <v>21786</v>
      </c>
      <c r="B3232" t="s">
        <v>6450</v>
      </c>
      <c r="C3232" t="s">
        <v>6451</v>
      </c>
    </row>
    <row r="3233" spans="1:3" x14ac:dyDescent="0.15">
      <c r="A3233">
        <v>21785</v>
      </c>
      <c r="B3233" t="s">
        <v>6452</v>
      </c>
      <c r="C3233" t="s">
        <v>6453</v>
      </c>
    </row>
    <row r="3234" spans="1:3" x14ac:dyDescent="0.15">
      <c r="A3234">
        <v>21784</v>
      </c>
      <c r="B3234" t="s">
        <v>6454</v>
      </c>
      <c r="C3234" t="s">
        <v>6455</v>
      </c>
    </row>
    <row r="3235" spans="1:3" x14ac:dyDescent="0.15">
      <c r="A3235">
        <v>21783</v>
      </c>
      <c r="B3235" t="s">
        <v>6456</v>
      </c>
      <c r="C3235" t="s">
        <v>6457</v>
      </c>
    </row>
    <row r="3236" spans="1:3" x14ac:dyDescent="0.15">
      <c r="A3236">
        <v>21782</v>
      </c>
      <c r="B3236" t="s">
        <v>6458</v>
      </c>
      <c r="C3236" t="s">
        <v>6459</v>
      </c>
    </row>
    <row r="3237" spans="1:3" x14ac:dyDescent="0.15">
      <c r="A3237">
        <v>21781</v>
      </c>
      <c r="B3237" t="s">
        <v>6460</v>
      </c>
      <c r="C3237" t="s">
        <v>6461</v>
      </c>
    </row>
    <row r="3238" spans="1:3" x14ac:dyDescent="0.15">
      <c r="A3238">
        <v>21780</v>
      </c>
      <c r="B3238" t="s">
        <v>6462</v>
      </c>
      <c r="C3238" t="s">
        <v>6463</v>
      </c>
    </row>
    <row r="3239" spans="1:3" x14ac:dyDescent="0.15">
      <c r="A3239">
        <v>21779</v>
      </c>
      <c r="B3239" t="s">
        <v>6464</v>
      </c>
      <c r="C3239" t="s">
        <v>6465</v>
      </c>
    </row>
    <row r="3240" spans="1:3" x14ac:dyDescent="0.15">
      <c r="A3240">
        <v>21778</v>
      </c>
      <c r="B3240" t="s">
        <v>6466</v>
      </c>
      <c r="C3240" t="s">
        <v>6467</v>
      </c>
    </row>
    <row r="3241" spans="1:3" x14ac:dyDescent="0.15">
      <c r="A3241">
        <v>21777</v>
      </c>
      <c r="B3241" t="s">
        <v>6468</v>
      </c>
      <c r="C3241" t="s">
        <v>6469</v>
      </c>
    </row>
    <row r="3242" spans="1:3" x14ac:dyDescent="0.15">
      <c r="A3242">
        <v>21776</v>
      </c>
      <c r="B3242" t="s">
        <v>6470</v>
      </c>
      <c r="C3242" t="s">
        <v>6471</v>
      </c>
    </row>
    <row r="3243" spans="1:3" x14ac:dyDescent="0.15">
      <c r="A3243">
        <v>21775</v>
      </c>
      <c r="B3243" t="s">
        <v>6472</v>
      </c>
      <c r="C3243" t="s">
        <v>6473</v>
      </c>
    </row>
    <row r="3244" spans="1:3" x14ac:dyDescent="0.15">
      <c r="A3244">
        <v>21774</v>
      </c>
      <c r="B3244" t="s">
        <v>6474</v>
      </c>
      <c r="C3244" t="s">
        <v>6475</v>
      </c>
    </row>
    <row r="3245" spans="1:3" x14ac:dyDescent="0.15">
      <c r="A3245">
        <v>21773</v>
      </c>
      <c r="B3245" t="s">
        <v>6476</v>
      </c>
      <c r="C3245" t="s">
        <v>6477</v>
      </c>
    </row>
    <row r="3246" spans="1:3" x14ac:dyDescent="0.15">
      <c r="A3246">
        <v>21772</v>
      </c>
      <c r="B3246" t="s">
        <v>6478</v>
      </c>
      <c r="C3246" t="s">
        <v>6479</v>
      </c>
    </row>
    <row r="3247" spans="1:3" x14ac:dyDescent="0.15">
      <c r="A3247">
        <v>21771</v>
      </c>
      <c r="B3247" t="s">
        <v>6480</v>
      </c>
      <c r="C3247" t="s">
        <v>6481</v>
      </c>
    </row>
    <row r="3248" spans="1:3" x14ac:dyDescent="0.15">
      <c r="A3248">
        <v>21770</v>
      </c>
      <c r="B3248" t="s">
        <v>6482</v>
      </c>
      <c r="C3248" t="s">
        <v>6483</v>
      </c>
    </row>
    <row r="3249" spans="1:3" x14ac:dyDescent="0.15">
      <c r="A3249">
        <v>21769</v>
      </c>
      <c r="B3249" t="s">
        <v>6484</v>
      </c>
      <c r="C3249" t="s">
        <v>6485</v>
      </c>
    </row>
    <row r="3250" spans="1:3" x14ac:dyDescent="0.15">
      <c r="A3250">
        <v>21768</v>
      </c>
      <c r="B3250" t="s">
        <v>6486</v>
      </c>
      <c r="C3250" t="s">
        <v>6487</v>
      </c>
    </row>
    <row r="3251" spans="1:3" x14ac:dyDescent="0.15">
      <c r="A3251">
        <v>21767</v>
      </c>
      <c r="B3251" t="s">
        <v>6488</v>
      </c>
      <c r="C3251" t="s">
        <v>6489</v>
      </c>
    </row>
    <row r="3252" spans="1:3" x14ac:dyDescent="0.15">
      <c r="A3252">
        <v>21766</v>
      </c>
      <c r="B3252" t="s">
        <v>6490</v>
      </c>
      <c r="C3252" t="s">
        <v>6491</v>
      </c>
    </row>
    <row r="3253" spans="1:3" x14ac:dyDescent="0.15">
      <c r="A3253">
        <v>21765</v>
      </c>
      <c r="B3253" t="s">
        <v>6492</v>
      </c>
      <c r="C3253" t="s">
        <v>6493</v>
      </c>
    </row>
    <row r="3254" spans="1:3" x14ac:dyDescent="0.15">
      <c r="A3254">
        <v>21764</v>
      </c>
      <c r="B3254" t="s">
        <v>6494</v>
      </c>
      <c r="C3254" t="s">
        <v>6495</v>
      </c>
    </row>
    <row r="3255" spans="1:3" x14ac:dyDescent="0.15">
      <c r="A3255">
        <v>21763</v>
      </c>
      <c r="B3255" t="s">
        <v>6496</v>
      </c>
      <c r="C3255" t="s">
        <v>6497</v>
      </c>
    </row>
    <row r="3256" spans="1:3" x14ac:dyDescent="0.15">
      <c r="A3256">
        <v>21762</v>
      </c>
      <c r="B3256" t="s">
        <v>6498</v>
      </c>
      <c r="C3256" t="s">
        <v>6499</v>
      </c>
    </row>
    <row r="3257" spans="1:3" x14ac:dyDescent="0.15">
      <c r="A3257">
        <v>21761</v>
      </c>
      <c r="B3257" t="s">
        <v>6500</v>
      </c>
      <c r="C3257" t="s">
        <v>6501</v>
      </c>
    </row>
    <row r="3258" spans="1:3" x14ac:dyDescent="0.15">
      <c r="A3258">
        <v>21760</v>
      </c>
      <c r="B3258" t="s">
        <v>6502</v>
      </c>
      <c r="C3258" t="s">
        <v>6503</v>
      </c>
    </row>
    <row r="3259" spans="1:3" x14ac:dyDescent="0.15">
      <c r="A3259">
        <v>21759</v>
      </c>
      <c r="B3259" t="s">
        <v>6504</v>
      </c>
      <c r="C3259" t="s">
        <v>6505</v>
      </c>
    </row>
    <row r="3260" spans="1:3" x14ac:dyDescent="0.15">
      <c r="A3260">
        <v>21758</v>
      </c>
      <c r="B3260" t="s">
        <v>6506</v>
      </c>
      <c r="C3260" t="s">
        <v>6507</v>
      </c>
    </row>
    <row r="3261" spans="1:3" x14ac:dyDescent="0.15">
      <c r="A3261">
        <v>21757</v>
      </c>
      <c r="B3261" t="s">
        <v>6508</v>
      </c>
      <c r="C3261" t="s">
        <v>6509</v>
      </c>
    </row>
    <row r="3262" spans="1:3" x14ac:dyDescent="0.15">
      <c r="A3262">
        <v>21756</v>
      </c>
      <c r="B3262" t="s">
        <v>6510</v>
      </c>
      <c r="C3262" t="s">
        <v>6511</v>
      </c>
    </row>
    <row r="3263" spans="1:3" x14ac:dyDescent="0.15">
      <c r="A3263">
        <v>21755</v>
      </c>
      <c r="B3263" t="s">
        <v>6512</v>
      </c>
      <c r="C3263" t="s">
        <v>6513</v>
      </c>
    </row>
    <row r="3264" spans="1:3" x14ac:dyDescent="0.15">
      <c r="A3264">
        <v>21754</v>
      </c>
      <c r="B3264" t="s">
        <v>6514</v>
      </c>
      <c r="C3264" t="s">
        <v>6515</v>
      </c>
    </row>
    <row r="3265" spans="1:3" x14ac:dyDescent="0.15">
      <c r="A3265">
        <v>21753</v>
      </c>
      <c r="B3265" t="s">
        <v>6516</v>
      </c>
      <c r="C3265" t="s">
        <v>6517</v>
      </c>
    </row>
    <row r="3266" spans="1:3" x14ac:dyDescent="0.15">
      <c r="A3266">
        <v>21752</v>
      </c>
      <c r="B3266" t="s">
        <v>6518</v>
      </c>
      <c r="C3266" t="s">
        <v>6519</v>
      </c>
    </row>
    <row r="3267" spans="1:3" x14ac:dyDescent="0.15">
      <c r="A3267">
        <v>21751</v>
      </c>
      <c r="B3267" t="s">
        <v>6520</v>
      </c>
      <c r="C3267" t="s">
        <v>6521</v>
      </c>
    </row>
    <row r="3268" spans="1:3" x14ac:dyDescent="0.15">
      <c r="A3268">
        <v>21750</v>
      </c>
      <c r="B3268" t="s">
        <v>6522</v>
      </c>
      <c r="C3268" t="s">
        <v>6523</v>
      </c>
    </row>
    <row r="3269" spans="1:3" x14ac:dyDescent="0.15">
      <c r="A3269">
        <v>21749</v>
      </c>
      <c r="B3269" t="s">
        <v>6524</v>
      </c>
      <c r="C3269" t="s">
        <v>6525</v>
      </c>
    </row>
    <row r="3270" spans="1:3" x14ac:dyDescent="0.15">
      <c r="A3270">
        <v>21748</v>
      </c>
      <c r="B3270" t="s">
        <v>6526</v>
      </c>
      <c r="C3270" t="s">
        <v>6527</v>
      </c>
    </row>
    <row r="3271" spans="1:3" x14ac:dyDescent="0.15">
      <c r="A3271">
        <v>21747</v>
      </c>
      <c r="B3271" t="s">
        <v>6528</v>
      </c>
      <c r="C3271" t="s">
        <v>6529</v>
      </c>
    </row>
    <row r="3272" spans="1:3" x14ac:dyDescent="0.15">
      <c r="A3272">
        <v>21746</v>
      </c>
      <c r="B3272" t="s">
        <v>6530</v>
      </c>
      <c r="C3272" t="s">
        <v>6531</v>
      </c>
    </row>
    <row r="3273" spans="1:3" x14ac:dyDescent="0.15">
      <c r="A3273">
        <v>21745</v>
      </c>
      <c r="B3273" t="s">
        <v>6532</v>
      </c>
      <c r="C3273" t="s">
        <v>6533</v>
      </c>
    </row>
    <row r="3274" spans="1:3" x14ac:dyDescent="0.15">
      <c r="A3274">
        <v>21744</v>
      </c>
      <c r="B3274" t="s">
        <v>6534</v>
      </c>
      <c r="C3274" t="s">
        <v>6535</v>
      </c>
    </row>
    <row r="3275" spans="1:3" x14ac:dyDescent="0.15">
      <c r="A3275">
        <v>21743</v>
      </c>
      <c r="B3275" t="s">
        <v>6536</v>
      </c>
      <c r="C3275" t="s">
        <v>6537</v>
      </c>
    </row>
    <row r="3276" spans="1:3" x14ac:dyDescent="0.15">
      <c r="A3276">
        <v>21742</v>
      </c>
      <c r="B3276" t="s">
        <v>6538</v>
      </c>
      <c r="C3276" t="s">
        <v>6539</v>
      </c>
    </row>
    <row r="3277" spans="1:3" x14ac:dyDescent="0.15">
      <c r="A3277">
        <v>21741</v>
      </c>
      <c r="B3277" t="s">
        <v>6540</v>
      </c>
      <c r="C3277" t="s">
        <v>6541</v>
      </c>
    </row>
    <row r="3278" spans="1:3" x14ac:dyDescent="0.15">
      <c r="A3278">
        <v>21740</v>
      </c>
      <c r="B3278" t="s">
        <v>6542</v>
      </c>
      <c r="C3278" t="s">
        <v>6543</v>
      </c>
    </row>
    <row r="3279" spans="1:3" x14ac:dyDescent="0.15">
      <c r="A3279">
        <v>21739</v>
      </c>
      <c r="B3279" t="s">
        <v>6544</v>
      </c>
      <c r="C3279" t="s">
        <v>6545</v>
      </c>
    </row>
    <row r="3280" spans="1:3" x14ac:dyDescent="0.15">
      <c r="A3280">
        <v>21738</v>
      </c>
      <c r="B3280" t="s">
        <v>6546</v>
      </c>
      <c r="C3280" t="s">
        <v>6547</v>
      </c>
    </row>
    <row r="3281" spans="1:3" x14ac:dyDescent="0.15">
      <c r="A3281">
        <v>21737</v>
      </c>
      <c r="B3281" t="s">
        <v>6548</v>
      </c>
      <c r="C3281" t="s">
        <v>6549</v>
      </c>
    </row>
    <row r="3282" spans="1:3" x14ac:dyDescent="0.15">
      <c r="A3282">
        <v>21736</v>
      </c>
      <c r="B3282" t="s">
        <v>6550</v>
      </c>
      <c r="C3282" t="s">
        <v>6551</v>
      </c>
    </row>
    <row r="3283" spans="1:3" x14ac:dyDescent="0.15">
      <c r="A3283">
        <v>21735</v>
      </c>
      <c r="B3283" t="s">
        <v>6552</v>
      </c>
      <c r="C3283" t="s">
        <v>6553</v>
      </c>
    </row>
    <row r="3284" spans="1:3" x14ac:dyDescent="0.15">
      <c r="A3284">
        <v>21734</v>
      </c>
      <c r="B3284" t="s">
        <v>6554</v>
      </c>
      <c r="C3284" t="s">
        <v>6555</v>
      </c>
    </row>
    <row r="3285" spans="1:3" x14ac:dyDescent="0.15">
      <c r="A3285">
        <v>21733</v>
      </c>
      <c r="B3285" t="s">
        <v>6556</v>
      </c>
      <c r="C3285" t="s">
        <v>6557</v>
      </c>
    </row>
    <row r="3286" spans="1:3" x14ac:dyDescent="0.15">
      <c r="A3286">
        <v>21732</v>
      </c>
      <c r="B3286" t="s">
        <v>6558</v>
      </c>
      <c r="C3286" t="s">
        <v>6559</v>
      </c>
    </row>
    <row r="3287" spans="1:3" x14ac:dyDescent="0.15">
      <c r="A3287">
        <v>21731</v>
      </c>
      <c r="B3287" t="s">
        <v>6560</v>
      </c>
      <c r="C3287" t="s">
        <v>6561</v>
      </c>
    </row>
    <row r="3288" spans="1:3" x14ac:dyDescent="0.15">
      <c r="A3288">
        <v>21730</v>
      </c>
      <c r="B3288" t="s">
        <v>6562</v>
      </c>
      <c r="C3288" t="s">
        <v>6563</v>
      </c>
    </row>
    <row r="3289" spans="1:3" x14ac:dyDescent="0.15">
      <c r="A3289">
        <v>21729</v>
      </c>
      <c r="B3289" t="s">
        <v>6564</v>
      </c>
      <c r="C3289" t="s">
        <v>6565</v>
      </c>
    </row>
    <row r="3290" spans="1:3" x14ac:dyDescent="0.15">
      <c r="A3290">
        <v>21728</v>
      </c>
      <c r="B3290" t="s">
        <v>6566</v>
      </c>
      <c r="C3290" t="s">
        <v>6567</v>
      </c>
    </row>
    <row r="3291" spans="1:3" x14ac:dyDescent="0.15">
      <c r="A3291">
        <v>21727</v>
      </c>
      <c r="B3291" t="s">
        <v>6568</v>
      </c>
      <c r="C3291" t="s">
        <v>6569</v>
      </c>
    </row>
    <row r="3292" spans="1:3" x14ac:dyDescent="0.15">
      <c r="A3292">
        <v>21726</v>
      </c>
      <c r="B3292" t="s">
        <v>6570</v>
      </c>
      <c r="C3292" t="s">
        <v>6571</v>
      </c>
    </row>
    <row r="3293" spans="1:3" x14ac:dyDescent="0.15">
      <c r="A3293">
        <v>21725</v>
      </c>
      <c r="B3293" t="s">
        <v>6572</v>
      </c>
      <c r="C3293" t="s">
        <v>6573</v>
      </c>
    </row>
    <row r="3294" spans="1:3" x14ac:dyDescent="0.15">
      <c r="A3294">
        <v>21724</v>
      </c>
      <c r="B3294" t="s">
        <v>6574</v>
      </c>
      <c r="C3294" t="s">
        <v>6575</v>
      </c>
    </row>
    <row r="3295" spans="1:3" x14ac:dyDescent="0.15">
      <c r="A3295">
        <v>21723</v>
      </c>
      <c r="B3295" t="s">
        <v>6576</v>
      </c>
      <c r="C3295" t="s">
        <v>6577</v>
      </c>
    </row>
    <row r="3296" spans="1:3" x14ac:dyDescent="0.15">
      <c r="A3296">
        <v>21722</v>
      </c>
      <c r="B3296" t="s">
        <v>6578</v>
      </c>
      <c r="C3296" t="s">
        <v>6579</v>
      </c>
    </row>
    <row r="3297" spans="1:3" x14ac:dyDescent="0.15">
      <c r="A3297">
        <v>21721</v>
      </c>
      <c r="B3297" t="s">
        <v>6580</v>
      </c>
      <c r="C3297" t="s">
        <v>6581</v>
      </c>
    </row>
    <row r="3298" spans="1:3" x14ac:dyDescent="0.15">
      <c r="A3298">
        <v>21720</v>
      </c>
      <c r="B3298" t="s">
        <v>6582</v>
      </c>
      <c r="C3298" t="s">
        <v>6583</v>
      </c>
    </row>
    <row r="3299" spans="1:3" x14ac:dyDescent="0.15">
      <c r="A3299">
        <v>21719</v>
      </c>
      <c r="B3299" t="s">
        <v>6584</v>
      </c>
      <c r="C3299" t="s">
        <v>6585</v>
      </c>
    </row>
    <row r="3300" spans="1:3" x14ac:dyDescent="0.15">
      <c r="A3300">
        <v>21718</v>
      </c>
      <c r="B3300" t="s">
        <v>6586</v>
      </c>
      <c r="C3300" t="s">
        <v>6587</v>
      </c>
    </row>
    <row r="3301" spans="1:3" x14ac:dyDescent="0.15">
      <c r="A3301">
        <v>21717</v>
      </c>
      <c r="B3301" t="s">
        <v>6588</v>
      </c>
      <c r="C3301" t="s">
        <v>6589</v>
      </c>
    </row>
    <row r="3302" spans="1:3" x14ac:dyDescent="0.15">
      <c r="A3302">
        <v>21716</v>
      </c>
      <c r="B3302" t="s">
        <v>6590</v>
      </c>
      <c r="C3302" t="s">
        <v>6591</v>
      </c>
    </row>
    <row r="3303" spans="1:3" x14ac:dyDescent="0.15">
      <c r="A3303">
        <v>21715</v>
      </c>
      <c r="B3303" t="s">
        <v>6592</v>
      </c>
      <c r="C3303" t="s">
        <v>6593</v>
      </c>
    </row>
    <row r="3304" spans="1:3" x14ac:dyDescent="0.15">
      <c r="A3304">
        <v>21714</v>
      </c>
      <c r="B3304" t="s">
        <v>6594</v>
      </c>
      <c r="C3304" t="s">
        <v>6595</v>
      </c>
    </row>
    <row r="3305" spans="1:3" x14ac:dyDescent="0.15">
      <c r="A3305">
        <v>21713</v>
      </c>
      <c r="B3305" t="s">
        <v>6596</v>
      </c>
      <c r="C3305" t="s">
        <v>6597</v>
      </c>
    </row>
    <row r="3306" spans="1:3" x14ac:dyDescent="0.15">
      <c r="A3306">
        <v>21712</v>
      </c>
      <c r="B3306" t="s">
        <v>6598</v>
      </c>
      <c r="C3306" t="s">
        <v>6599</v>
      </c>
    </row>
    <row r="3307" spans="1:3" x14ac:dyDescent="0.15">
      <c r="A3307">
        <v>21711</v>
      </c>
      <c r="B3307" t="s">
        <v>6600</v>
      </c>
      <c r="C3307" t="s">
        <v>6601</v>
      </c>
    </row>
    <row r="3308" spans="1:3" x14ac:dyDescent="0.15">
      <c r="A3308">
        <v>21710</v>
      </c>
      <c r="B3308" t="s">
        <v>6602</v>
      </c>
      <c r="C3308" t="s">
        <v>6603</v>
      </c>
    </row>
    <row r="3309" spans="1:3" x14ac:dyDescent="0.15">
      <c r="A3309">
        <v>21709</v>
      </c>
      <c r="B3309" t="s">
        <v>6604</v>
      </c>
      <c r="C3309" t="s">
        <v>6605</v>
      </c>
    </row>
    <row r="3310" spans="1:3" x14ac:dyDescent="0.15">
      <c r="A3310">
        <v>21708</v>
      </c>
      <c r="B3310" t="s">
        <v>6606</v>
      </c>
      <c r="C3310" t="s">
        <v>6607</v>
      </c>
    </row>
    <row r="3311" spans="1:3" x14ac:dyDescent="0.15">
      <c r="A3311">
        <v>21707</v>
      </c>
      <c r="B3311" t="s">
        <v>6608</v>
      </c>
      <c r="C3311" t="s">
        <v>6609</v>
      </c>
    </row>
    <row r="3312" spans="1:3" x14ac:dyDescent="0.15">
      <c r="A3312">
        <v>21706</v>
      </c>
      <c r="B3312" t="s">
        <v>6610</v>
      </c>
      <c r="C3312" t="s">
        <v>6611</v>
      </c>
    </row>
    <row r="3313" spans="1:3" x14ac:dyDescent="0.15">
      <c r="A3313">
        <v>21705</v>
      </c>
      <c r="B3313" t="s">
        <v>6612</v>
      </c>
      <c r="C3313" t="s">
        <v>6613</v>
      </c>
    </row>
    <row r="3314" spans="1:3" x14ac:dyDescent="0.15">
      <c r="A3314">
        <v>21704</v>
      </c>
      <c r="B3314" t="s">
        <v>6614</v>
      </c>
      <c r="C3314" t="s">
        <v>6615</v>
      </c>
    </row>
    <row r="3315" spans="1:3" x14ac:dyDescent="0.15">
      <c r="A3315">
        <v>21703</v>
      </c>
      <c r="B3315" t="s">
        <v>6616</v>
      </c>
      <c r="C3315" t="s">
        <v>6617</v>
      </c>
    </row>
    <row r="3316" spans="1:3" x14ac:dyDescent="0.15">
      <c r="A3316">
        <v>21702</v>
      </c>
      <c r="B3316" t="s">
        <v>6618</v>
      </c>
      <c r="C3316" t="s">
        <v>6619</v>
      </c>
    </row>
    <row r="3317" spans="1:3" x14ac:dyDescent="0.15">
      <c r="A3317">
        <v>21701</v>
      </c>
      <c r="B3317" t="s">
        <v>6620</v>
      </c>
      <c r="C3317" t="s">
        <v>6621</v>
      </c>
    </row>
    <row r="3318" spans="1:3" x14ac:dyDescent="0.15">
      <c r="A3318">
        <v>21700</v>
      </c>
      <c r="B3318" t="s">
        <v>6622</v>
      </c>
      <c r="C3318" t="s">
        <v>6623</v>
      </c>
    </row>
    <row r="3319" spans="1:3" x14ac:dyDescent="0.15">
      <c r="A3319">
        <v>21699</v>
      </c>
      <c r="B3319" t="s">
        <v>6624</v>
      </c>
      <c r="C3319" t="s">
        <v>6625</v>
      </c>
    </row>
    <row r="3320" spans="1:3" x14ac:dyDescent="0.15">
      <c r="A3320">
        <v>21698</v>
      </c>
      <c r="B3320" t="s">
        <v>6626</v>
      </c>
      <c r="C3320" t="s">
        <v>6627</v>
      </c>
    </row>
    <row r="3321" spans="1:3" x14ac:dyDescent="0.15">
      <c r="A3321">
        <v>21697</v>
      </c>
      <c r="B3321" t="s">
        <v>6628</v>
      </c>
      <c r="C3321" t="s">
        <v>6629</v>
      </c>
    </row>
    <row r="3322" spans="1:3" x14ac:dyDescent="0.15">
      <c r="A3322">
        <v>21696</v>
      </c>
      <c r="B3322" t="s">
        <v>6630</v>
      </c>
      <c r="C3322" t="s">
        <v>6631</v>
      </c>
    </row>
    <row r="3323" spans="1:3" x14ac:dyDescent="0.15">
      <c r="A3323">
        <v>21695</v>
      </c>
      <c r="B3323" t="s">
        <v>6632</v>
      </c>
      <c r="C3323" t="s">
        <v>6633</v>
      </c>
    </row>
    <row r="3324" spans="1:3" x14ac:dyDescent="0.15">
      <c r="A3324">
        <v>21694</v>
      </c>
      <c r="B3324" t="s">
        <v>6634</v>
      </c>
      <c r="C3324" t="s">
        <v>6635</v>
      </c>
    </row>
    <row r="3325" spans="1:3" x14ac:dyDescent="0.15">
      <c r="A3325">
        <v>21693</v>
      </c>
      <c r="B3325" t="s">
        <v>6636</v>
      </c>
      <c r="C3325" t="s">
        <v>6637</v>
      </c>
    </row>
    <row r="3326" spans="1:3" x14ac:dyDescent="0.15">
      <c r="A3326">
        <v>21692</v>
      </c>
      <c r="B3326" t="s">
        <v>6638</v>
      </c>
      <c r="C3326" t="s">
        <v>6639</v>
      </c>
    </row>
    <row r="3327" spans="1:3" x14ac:dyDescent="0.15">
      <c r="A3327">
        <v>21691</v>
      </c>
      <c r="B3327" t="s">
        <v>6640</v>
      </c>
      <c r="C3327" t="s">
        <v>6641</v>
      </c>
    </row>
    <row r="3328" spans="1:3" x14ac:dyDescent="0.15">
      <c r="A3328">
        <v>21690</v>
      </c>
      <c r="B3328" t="s">
        <v>6642</v>
      </c>
      <c r="C3328" t="s">
        <v>6643</v>
      </c>
    </row>
    <row r="3329" spans="1:3" x14ac:dyDescent="0.15">
      <c r="A3329">
        <v>21689</v>
      </c>
      <c r="B3329" t="s">
        <v>6644</v>
      </c>
      <c r="C3329" t="s">
        <v>6645</v>
      </c>
    </row>
    <row r="3330" spans="1:3" x14ac:dyDescent="0.15">
      <c r="A3330">
        <v>21688</v>
      </c>
      <c r="B3330" t="s">
        <v>6646</v>
      </c>
      <c r="C3330" t="s">
        <v>6647</v>
      </c>
    </row>
    <row r="3331" spans="1:3" x14ac:dyDescent="0.15">
      <c r="A3331">
        <v>21687</v>
      </c>
      <c r="B3331" t="s">
        <v>6648</v>
      </c>
      <c r="C3331" t="s">
        <v>6649</v>
      </c>
    </row>
    <row r="3332" spans="1:3" x14ac:dyDescent="0.15">
      <c r="A3332">
        <v>21686</v>
      </c>
      <c r="B3332" t="s">
        <v>6650</v>
      </c>
      <c r="C3332" t="s">
        <v>6651</v>
      </c>
    </row>
    <row r="3333" spans="1:3" x14ac:dyDescent="0.15">
      <c r="A3333">
        <v>21685</v>
      </c>
      <c r="B3333" t="s">
        <v>6652</v>
      </c>
      <c r="C3333" t="s">
        <v>6653</v>
      </c>
    </row>
    <row r="3334" spans="1:3" x14ac:dyDescent="0.15">
      <c r="A3334">
        <v>21684</v>
      </c>
      <c r="B3334" t="s">
        <v>6654</v>
      </c>
      <c r="C3334" t="s">
        <v>6655</v>
      </c>
    </row>
    <row r="3335" spans="1:3" x14ac:dyDescent="0.15">
      <c r="A3335">
        <v>21683</v>
      </c>
      <c r="B3335" t="s">
        <v>6656</v>
      </c>
      <c r="C3335" t="s">
        <v>6657</v>
      </c>
    </row>
    <row r="3336" spans="1:3" x14ac:dyDescent="0.15">
      <c r="A3336">
        <v>21682</v>
      </c>
      <c r="B3336" t="s">
        <v>6658</v>
      </c>
      <c r="C3336" t="s">
        <v>6659</v>
      </c>
    </row>
    <row r="3337" spans="1:3" x14ac:dyDescent="0.15">
      <c r="A3337">
        <v>21681</v>
      </c>
      <c r="B3337" t="s">
        <v>6660</v>
      </c>
      <c r="C3337" t="s">
        <v>6661</v>
      </c>
    </row>
    <row r="3338" spans="1:3" x14ac:dyDescent="0.15">
      <c r="A3338">
        <v>21680</v>
      </c>
      <c r="B3338" t="s">
        <v>6662</v>
      </c>
      <c r="C3338" t="s">
        <v>6663</v>
      </c>
    </row>
    <row r="3339" spans="1:3" x14ac:dyDescent="0.15">
      <c r="A3339">
        <v>21679</v>
      </c>
      <c r="B3339" t="s">
        <v>6664</v>
      </c>
      <c r="C3339" t="s">
        <v>6665</v>
      </c>
    </row>
    <row r="3340" spans="1:3" x14ac:dyDescent="0.15">
      <c r="A3340">
        <v>21678</v>
      </c>
      <c r="B3340" t="s">
        <v>6666</v>
      </c>
      <c r="C3340" t="s">
        <v>6667</v>
      </c>
    </row>
    <row r="3341" spans="1:3" x14ac:dyDescent="0.15">
      <c r="A3341">
        <v>21677</v>
      </c>
      <c r="B3341" t="s">
        <v>6668</v>
      </c>
      <c r="C3341" t="s">
        <v>6669</v>
      </c>
    </row>
    <row r="3342" spans="1:3" x14ac:dyDescent="0.15">
      <c r="A3342">
        <v>21676</v>
      </c>
      <c r="B3342" t="s">
        <v>6670</v>
      </c>
      <c r="C3342" t="s">
        <v>6671</v>
      </c>
    </row>
    <row r="3343" spans="1:3" x14ac:dyDescent="0.15">
      <c r="A3343">
        <v>21675</v>
      </c>
      <c r="B3343" t="s">
        <v>6672</v>
      </c>
      <c r="C3343" t="s">
        <v>6673</v>
      </c>
    </row>
    <row r="3344" spans="1:3" x14ac:dyDescent="0.15">
      <c r="A3344">
        <v>21674</v>
      </c>
      <c r="B3344" t="s">
        <v>6674</v>
      </c>
      <c r="C3344" t="s">
        <v>6675</v>
      </c>
    </row>
    <row r="3345" spans="1:3" x14ac:dyDescent="0.15">
      <c r="A3345">
        <v>21673</v>
      </c>
      <c r="B3345" t="s">
        <v>6676</v>
      </c>
      <c r="C3345" t="s">
        <v>6677</v>
      </c>
    </row>
    <row r="3346" spans="1:3" x14ac:dyDescent="0.15">
      <c r="A3346">
        <v>21672</v>
      </c>
      <c r="B3346" t="s">
        <v>6678</v>
      </c>
      <c r="C3346" t="s">
        <v>6679</v>
      </c>
    </row>
    <row r="3347" spans="1:3" x14ac:dyDescent="0.15">
      <c r="A3347">
        <v>21671</v>
      </c>
      <c r="B3347" t="s">
        <v>6680</v>
      </c>
      <c r="C3347" t="s">
        <v>6681</v>
      </c>
    </row>
    <row r="3348" spans="1:3" x14ac:dyDescent="0.15">
      <c r="A3348">
        <v>21670</v>
      </c>
      <c r="B3348" t="s">
        <v>6682</v>
      </c>
      <c r="C3348" t="s">
        <v>6683</v>
      </c>
    </row>
    <row r="3349" spans="1:3" x14ac:dyDescent="0.15">
      <c r="A3349">
        <v>21669</v>
      </c>
      <c r="B3349" t="s">
        <v>6684</v>
      </c>
      <c r="C3349" t="s">
        <v>6685</v>
      </c>
    </row>
    <row r="3350" spans="1:3" x14ac:dyDescent="0.15">
      <c r="A3350">
        <v>21668</v>
      </c>
      <c r="B3350" t="s">
        <v>6686</v>
      </c>
      <c r="C3350" t="s">
        <v>6687</v>
      </c>
    </row>
    <row r="3351" spans="1:3" x14ac:dyDescent="0.15">
      <c r="A3351">
        <v>21667</v>
      </c>
      <c r="B3351" t="s">
        <v>6688</v>
      </c>
      <c r="C3351" t="s">
        <v>6689</v>
      </c>
    </row>
    <row r="3352" spans="1:3" x14ac:dyDescent="0.15">
      <c r="A3352">
        <v>21666</v>
      </c>
      <c r="B3352" t="s">
        <v>6690</v>
      </c>
      <c r="C3352" t="s">
        <v>6691</v>
      </c>
    </row>
    <row r="3353" spans="1:3" x14ac:dyDescent="0.15">
      <c r="A3353">
        <v>21665</v>
      </c>
      <c r="B3353" t="s">
        <v>6692</v>
      </c>
      <c r="C3353" t="s">
        <v>6693</v>
      </c>
    </row>
    <row r="3354" spans="1:3" x14ac:dyDescent="0.15">
      <c r="A3354">
        <v>21664</v>
      </c>
      <c r="B3354" t="s">
        <v>6694</v>
      </c>
      <c r="C3354" t="s">
        <v>6695</v>
      </c>
    </row>
    <row r="3355" spans="1:3" x14ac:dyDescent="0.15">
      <c r="A3355">
        <v>21663</v>
      </c>
      <c r="B3355" t="s">
        <v>6696</v>
      </c>
      <c r="C3355" t="s">
        <v>6697</v>
      </c>
    </row>
    <row r="3356" spans="1:3" x14ac:dyDescent="0.15">
      <c r="A3356">
        <v>21662</v>
      </c>
      <c r="B3356" t="s">
        <v>6698</v>
      </c>
      <c r="C3356" t="s">
        <v>6699</v>
      </c>
    </row>
    <row r="3357" spans="1:3" x14ac:dyDescent="0.15">
      <c r="A3357">
        <v>21661</v>
      </c>
      <c r="B3357" t="s">
        <v>6700</v>
      </c>
      <c r="C3357" t="s">
        <v>6701</v>
      </c>
    </row>
    <row r="3358" spans="1:3" x14ac:dyDescent="0.15">
      <c r="A3358">
        <v>21660</v>
      </c>
      <c r="B3358" t="s">
        <v>6702</v>
      </c>
      <c r="C3358" t="s">
        <v>6703</v>
      </c>
    </row>
    <row r="3359" spans="1:3" x14ac:dyDescent="0.15">
      <c r="A3359">
        <v>21659</v>
      </c>
      <c r="B3359" t="s">
        <v>6704</v>
      </c>
      <c r="C3359" t="s">
        <v>6705</v>
      </c>
    </row>
    <row r="3360" spans="1:3" x14ac:dyDescent="0.15">
      <c r="A3360">
        <v>21658</v>
      </c>
      <c r="B3360" t="s">
        <v>6706</v>
      </c>
      <c r="C3360" t="s">
        <v>6707</v>
      </c>
    </row>
    <row r="3361" spans="1:3" x14ac:dyDescent="0.15">
      <c r="A3361">
        <v>21657</v>
      </c>
      <c r="B3361" t="s">
        <v>6708</v>
      </c>
      <c r="C3361" t="s">
        <v>6709</v>
      </c>
    </row>
    <row r="3362" spans="1:3" x14ac:dyDescent="0.15">
      <c r="A3362">
        <v>21656</v>
      </c>
      <c r="B3362" t="s">
        <v>6710</v>
      </c>
      <c r="C3362" t="s">
        <v>6711</v>
      </c>
    </row>
    <row r="3363" spans="1:3" x14ac:dyDescent="0.15">
      <c r="A3363">
        <v>21655</v>
      </c>
      <c r="B3363" t="s">
        <v>6712</v>
      </c>
      <c r="C3363" t="s">
        <v>6713</v>
      </c>
    </row>
    <row r="3364" spans="1:3" x14ac:dyDescent="0.15">
      <c r="A3364">
        <v>21654</v>
      </c>
      <c r="B3364" t="s">
        <v>6714</v>
      </c>
      <c r="C3364" t="s">
        <v>6715</v>
      </c>
    </row>
    <row r="3365" spans="1:3" x14ac:dyDescent="0.15">
      <c r="A3365">
        <v>21653</v>
      </c>
      <c r="B3365" t="s">
        <v>6716</v>
      </c>
      <c r="C3365" t="s">
        <v>6717</v>
      </c>
    </row>
    <row r="3366" spans="1:3" x14ac:dyDescent="0.15">
      <c r="A3366">
        <v>21652</v>
      </c>
      <c r="B3366" t="s">
        <v>6718</v>
      </c>
      <c r="C3366" t="s">
        <v>6719</v>
      </c>
    </row>
    <row r="3367" spans="1:3" x14ac:dyDescent="0.15">
      <c r="A3367">
        <v>21651</v>
      </c>
      <c r="B3367" t="s">
        <v>6720</v>
      </c>
      <c r="C3367" t="s">
        <v>6721</v>
      </c>
    </row>
    <row r="3368" spans="1:3" x14ac:dyDescent="0.15">
      <c r="A3368">
        <v>21650</v>
      </c>
      <c r="B3368" t="s">
        <v>6722</v>
      </c>
      <c r="C3368" t="s">
        <v>6723</v>
      </c>
    </row>
    <row r="3369" spans="1:3" x14ac:dyDescent="0.15">
      <c r="A3369">
        <v>21649</v>
      </c>
      <c r="B3369" t="s">
        <v>6724</v>
      </c>
      <c r="C3369" t="s">
        <v>6725</v>
      </c>
    </row>
    <row r="3370" spans="1:3" x14ac:dyDescent="0.15">
      <c r="A3370">
        <v>21648</v>
      </c>
      <c r="B3370" t="s">
        <v>6726</v>
      </c>
      <c r="C3370" t="s">
        <v>6727</v>
      </c>
    </row>
    <row r="3371" spans="1:3" x14ac:dyDescent="0.15">
      <c r="A3371">
        <v>21647</v>
      </c>
      <c r="B3371" t="s">
        <v>6728</v>
      </c>
      <c r="C3371" t="s">
        <v>6729</v>
      </c>
    </row>
    <row r="3372" spans="1:3" x14ac:dyDescent="0.15">
      <c r="A3372">
        <v>21646</v>
      </c>
      <c r="B3372" t="s">
        <v>6730</v>
      </c>
      <c r="C3372" t="s">
        <v>6731</v>
      </c>
    </row>
    <row r="3373" spans="1:3" x14ac:dyDescent="0.15">
      <c r="A3373">
        <v>21645</v>
      </c>
      <c r="B3373" t="s">
        <v>6732</v>
      </c>
      <c r="C3373" t="s">
        <v>6733</v>
      </c>
    </row>
    <row r="3374" spans="1:3" x14ac:dyDescent="0.15">
      <c r="A3374">
        <v>21644</v>
      </c>
      <c r="B3374" t="s">
        <v>6734</v>
      </c>
      <c r="C3374" t="s">
        <v>6735</v>
      </c>
    </row>
    <row r="3375" spans="1:3" x14ac:dyDescent="0.15">
      <c r="A3375">
        <v>21643</v>
      </c>
      <c r="B3375" t="s">
        <v>6736</v>
      </c>
      <c r="C3375" t="s">
        <v>6737</v>
      </c>
    </row>
    <row r="3376" spans="1:3" x14ac:dyDescent="0.15">
      <c r="A3376">
        <v>21642</v>
      </c>
      <c r="B3376" t="s">
        <v>6738</v>
      </c>
      <c r="C3376" t="s">
        <v>6739</v>
      </c>
    </row>
    <row r="3377" spans="1:3" x14ac:dyDescent="0.15">
      <c r="A3377">
        <v>21641</v>
      </c>
      <c r="B3377" t="s">
        <v>6740</v>
      </c>
      <c r="C3377" t="s">
        <v>6741</v>
      </c>
    </row>
    <row r="3378" spans="1:3" x14ac:dyDescent="0.15">
      <c r="A3378">
        <v>21640</v>
      </c>
      <c r="B3378" t="s">
        <v>6742</v>
      </c>
      <c r="C3378" t="s">
        <v>6743</v>
      </c>
    </row>
    <row r="3379" spans="1:3" x14ac:dyDescent="0.15">
      <c r="A3379">
        <v>21639</v>
      </c>
      <c r="B3379" t="s">
        <v>6744</v>
      </c>
      <c r="C3379" t="s">
        <v>6745</v>
      </c>
    </row>
    <row r="3380" spans="1:3" x14ac:dyDescent="0.15">
      <c r="A3380">
        <v>21638</v>
      </c>
      <c r="B3380" t="s">
        <v>6746</v>
      </c>
      <c r="C3380" t="s">
        <v>6747</v>
      </c>
    </row>
    <row r="3381" spans="1:3" x14ac:dyDescent="0.15">
      <c r="A3381">
        <v>21637</v>
      </c>
      <c r="B3381" t="s">
        <v>6748</v>
      </c>
      <c r="C3381" t="s">
        <v>6749</v>
      </c>
    </row>
    <row r="3382" spans="1:3" x14ac:dyDescent="0.15">
      <c r="A3382">
        <v>21636</v>
      </c>
      <c r="B3382" t="s">
        <v>6750</v>
      </c>
      <c r="C3382" t="s">
        <v>6751</v>
      </c>
    </row>
    <row r="3383" spans="1:3" x14ac:dyDescent="0.15">
      <c r="A3383">
        <v>21635</v>
      </c>
      <c r="B3383" t="s">
        <v>6752</v>
      </c>
      <c r="C3383" t="s">
        <v>6753</v>
      </c>
    </row>
    <row r="3384" spans="1:3" x14ac:dyDescent="0.15">
      <c r="A3384">
        <v>21634</v>
      </c>
      <c r="B3384" t="s">
        <v>6754</v>
      </c>
      <c r="C3384" t="s">
        <v>6755</v>
      </c>
    </row>
    <row r="3385" spans="1:3" x14ac:dyDescent="0.15">
      <c r="A3385">
        <v>21633</v>
      </c>
      <c r="B3385" t="s">
        <v>6756</v>
      </c>
      <c r="C3385" t="s">
        <v>6757</v>
      </c>
    </row>
    <row r="3386" spans="1:3" x14ac:dyDescent="0.15">
      <c r="A3386">
        <v>21632</v>
      </c>
      <c r="B3386" t="s">
        <v>6758</v>
      </c>
      <c r="C3386" t="s">
        <v>6759</v>
      </c>
    </row>
    <row r="3387" spans="1:3" x14ac:dyDescent="0.15">
      <c r="A3387">
        <v>21631</v>
      </c>
      <c r="B3387" t="s">
        <v>6760</v>
      </c>
      <c r="C3387" t="s">
        <v>6761</v>
      </c>
    </row>
    <row r="3388" spans="1:3" x14ac:dyDescent="0.15">
      <c r="A3388">
        <v>21630</v>
      </c>
      <c r="B3388" t="s">
        <v>6762</v>
      </c>
      <c r="C3388" t="s">
        <v>6763</v>
      </c>
    </row>
    <row r="3389" spans="1:3" x14ac:dyDescent="0.15">
      <c r="A3389">
        <v>21629</v>
      </c>
      <c r="B3389" t="s">
        <v>6764</v>
      </c>
      <c r="C3389" t="s">
        <v>6765</v>
      </c>
    </row>
    <row r="3390" spans="1:3" x14ac:dyDescent="0.15">
      <c r="A3390">
        <v>21628</v>
      </c>
      <c r="B3390" t="s">
        <v>6766</v>
      </c>
      <c r="C3390" t="s">
        <v>6767</v>
      </c>
    </row>
    <row r="3391" spans="1:3" x14ac:dyDescent="0.15">
      <c r="A3391">
        <v>21627</v>
      </c>
      <c r="B3391" t="s">
        <v>6768</v>
      </c>
      <c r="C3391" t="s">
        <v>6769</v>
      </c>
    </row>
    <row r="3392" spans="1:3" x14ac:dyDescent="0.15">
      <c r="A3392">
        <v>21626</v>
      </c>
      <c r="B3392" t="s">
        <v>6770</v>
      </c>
      <c r="C3392" t="s">
        <v>6771</v>
      </c>
    </row>
    <row r="3393" spans="1:3" x14ac:dyDescent="0.15">
      <c r="A3393">
        <v>21625</v>
      </c>
      <c r="B3393" t="s">
        <v>6772</v>
      </c>
      <c r="C3393" t="s">
        <v>6773</v>
      </c>
    </row>
    <row r="3394" spans="1:3" x14ac:dyDescent="0.15">
      <c r="A3394">
        <v>21624</v>
      </c>
      <c r="B3394" t="s">
        <v>6774</v>
      </c>
      <c r="C3394" t="s">
        <v>6775</v>
      </c>
    </row>
    <row r="3395" spans="1:3" x14ac:dyDescent="0.15">
      <c r="A3395">
        <v>21623</v>
      </c>
      <c r="B3395" t="s">
        <v>6776</v>
      </c>
      <c r="C3395" t="s">
        <v>6777</v>
      </c>
    </row>
    <row r="3396" spans="1:3" x14ac:dyDescent="0.15">
      <c r="A3396">
        <v>21622</v>
      </c>
      <c r="B3396" t="s">
        <v>6778</v>
      </c>
      <c r="C3396" t="s">
        <v>6779</v>
      </c>
    </row>
    <row r="3397" spans="1:3" x14ac:dyDescent="0.15">
      <c r="A3397">
        <v>21621</v>
      </c>
      <c r="B3397" t="s">
        <v>6780</v>
      </c>
      <c r="C3397" t="s">
        <v>6781</v>
      </c>
    </row>
    <row r="3398" spans="1:3" x14ac:dyDescent="0.15">
      <c r="A3398">
        <v>21620</v>
      </c>
      <c r="B3398" t="s">
        <v>6782</v>
      </c>
      <c r="C3398" t="s">
        <v>6783</v>
      </c>
    </row>
    <row r="3399" spans="1:3" x14ac:dyDescent="0.15">
      <c r="A3399">
        <v>21619</v>
      </c>
      <c r="B3399" t="s">
        <v>6784</v>
      </c>
      <c r="C3399" t="s">
        <v>6785</v>
      </c>
    </row>
    <row r="3400" spans="1:3" x14ac:dyDescent="0.15">
      <c r="A3400">
        <v>21618</v>
      </c>
      <c r="B3400" t="s">
        <v>6786</v>
      </c>
      <c r="C3400" t="s">
        <v>6787</v>
      </c>
    </row>
    <row r="3401" spans="1:3" x14ac:dyDescent="0.15">
      <c r="A3401">
        <v>21617</v>
      </c>
      <c r="B3401" t="s">
        <v>6788</v>
      </c>
      <c r="C3401" t="s">
        <v>6789</v>
      </c>
    </row>
    <row r="3402" spans="1:3" x14ac:dyDescent="0.15">
      <c r="A3402">
        <v>21616</v>
      </c>
      <c r="B3402" t="s">
        <v>6790</v>
      </c>
      <c r="C3402" t="s">
        <v>6791</v>
      </c>
    </row>
    <row r="3403" spans="1:3" x14ac:dyDescent="0.15">
      <c r="A3403">
        <v>21615</v>
      </c>
      <c r="B3403" t="s">
        <v>6792</v>
      </c>
      <c r="C3403" t="s">
        <v>6793</v>
      </c>
    </row>
    <row r="3404" spans="1:3" x14ac:dyDescent="0.15">
      <c r="A3404">
        <v>21614</v>
      </c>
      <c r="B3404" t="s">
        <v>6794</v>
      </c>
      <c r="C3404" t="s">
        <v>6795</v>
      </c>
    </row>
    <row r="3405" spans="1:3" x14ac:dyDescent="0.15">
      <c r="A3405">
        <v>21613</v>
      </c>
      <c r="B3405" t="s">
        <v>6796</v>
      </c>
      <c r="C3405" t="s">
        <v>6797</v>
      </c>
    </row>
    <row r="3406" spans="1:3" x14ac:dyDescent="0.15">
      <c r="A3406">
        <v>21612</v>
      </c>
      <c r="B3406" t="s">
        <v>6798</v>
      </c>
      <c r="C3406" t="s">
        <v>6799</v>
      </c>
    </row>
    <row r="3407" spans="1:3" x14ac:dyDescent="0.15">
      <c r="A3407">
        <v>21611</v>
      </c>
      <c r="B3407" t="s">
        <v>6800</v>
      </c>
      <c r="C3407" t="s">
        <v>6801</v>
      </c>
    </row>
    <row r="3408" spans="1:3" x14ac:dyDescent="0.15">
      <c r="A3408">
        <v>21610</v>
      </c>
      <c r="B3408" t="s">
        <v>6802</v>
      </c>
      <c r="C3408" t="s">
        <v>6803</v>
      </c>
    </row>
    <row r="3409" spans="1:3" x14ac:dyDescent="0.15">
      <c r="A3409">
        <v>21609</v>
      </c>
      <c r="B3409" t="s">
        <v>6804</v>
      </c>
      <c r="C3409" t="s">
        <v>6805</v>
      </c>
    </row>
    <row r="3410" spans="1:3" x14ac:dyDescent="0.15">
      <c r="A3410">
        <v>21608</v>
      </c>
      <c r="B3410" t="s">
        <v>6806</v>
      </c>
      <c r="C3410" t="s">
        <v>6807</v>
      </c>
    </row>
    <row r="3411" spans="1:3" x14ac:dyDescent="0.15">
      <c r="A3411">
        <v>21607</v>
      </c>
      <c r="B3411" t="s">
        <v>6808</v>
      </c>
      <c r="C3411" t="s">
        <v>6809</v>
      </c>
    </row>
    <row r="3412" spans="1:3" x14ac:dyDescent="0.15">
      <c r="A3412">
        <v>21606</v>
      </c>
      <c r="B3412" t="s">
        <v>6810</v>
      </c>
      <c r="C3412" t="s">
        <v>6811</v>
      </c>
    </row>
    <row r="3413" spans="1:3" x14ac:dyDescent="0.15">
      <c r="A3413">
        <v>21605</v>
      </c>
      <c r="B3413" t="s">
        <v>6812</v>
      </c>
      <c r="C3413" t="s">
        <v>6813</v>
      </c>
    </row>
    <row r="3414" spans="1:3" x14ac:dyDescent="0.15">
      <c r="A3414">
        <v>21604</v>
      </c>
      <c r="B3414" t="s">
        <v>6814</v>
      </c>
      <c r="C3414" t="s">
        <v>6815</v>
      </c>
    </row>
    <row r="3415" spans="1:3" x14ac:dyDescent="0.15">
      <c r="A3415">
        <v>21603</v>
      </c>
      <c r="B3415" t="s">
        <v>6816</v>
      </c>
      <c r="C3415" t="s">
        <v>6817</v>
      </c>
    </row>
    <row r="3416" spans="1:3" x14ac:dyDescent="0.15">
      <c r="A3416">
        <v>21602</v>
      </c>
      <c r="B3416" t="s">
        <v>6818</v>
      </c>
      <c r="C3416" t="s">
        <v>6819</v>
      </c>
    </row>
    <row r="3417" spans="1:3" x14ac:dyDescent="0.15">
      <c r="A3417">
        <v>21601</v>
      </c>
      <c r="B3417" t="s">
        <v>6820</v>
      </c>
      <c r="C3417" t="s">
        <v>6821</v>
      </c>
    </row>
    <row r="3418" spans="1:3" x14ac:dyDescent="0.15">
      <c r="A3418">
        <v>21600</v>
      </c>
      <c r="B3418" t="s">
        <v>6822</v>
      </c>
      <c r="C3418" t="s">
        <v>6823</v>
      </c>
    </row>
    <row r="3419" spans="1:3" x14ac:dyDescent="0.15">
      <c r="A3419">
        <v>21599</v>
      </c>
      <c r="B3419" t="s">
        <v>6824</v>
      </c>
      <c r="C3419" t="s">
        <v>6825</v>
      </c>
    </row>
    <row r="3420" spans="1:3" x14ac:dyDescent="0.15">
      <c r="A3420">
        <v>21598</v>
      </c>
      <c r="B3420" t="s">
        <v>6826</v>
      </c>
      <c r="C3420" t="s">
        <v>6827</v>
      </c>
    </row>
    <row r="3421" spans="1:3" x14ac:dyDescent="0.15">
      <c r="A3421">
        <v>21597</v>
      </c>
      <c r="B3421" t="s">
        <v>6828</v>
      </c>
      <c r="C3421" t="s">
        <v>6829</v>
      </c>
    </row>
    <row r="3422" spans="1:3" x14ac:dyDescent="0.15">
      <c r="A3422">
        <v>21596</v>
      </c>
      <c r="B3422" t="s">
        <v>6830</v>
      </c>
      <c r="C3422" t="s">
        <v>6831</v>
      </c>
    </row>
    <row r="3423" spans="1:3" x14ac:dyDescent="0.15">
      <c r="A3423">
        <v>21595</v>
      </c>
      <c r="B3423" t="s">
        <v>6832</v>
      </c>
      <c r="C3423" t="s">
        <v>6833</v>
      </c>
    </row>
    <row r="3424" spans="1:3" x14ac:dyDescent="0.15">
      <c r="A3424">
        <v>21594</v>
      </c>
      <c r="B3424" t="s">
        <v>6834</v>
      </c>
      <c r="C3424" t="s">
        <v>6835</v>
      </c>
    </row>
    <row r="3425" spans="1:3" x14ac:dyDescent="0.15">
      <c r="A3425">
        <v>21593</v>
      </c>
      <c r="B3425" t="s">
        <v>6836</v>
      </c>
      <c r="C3425" t="s">
        <v>6837</v>
      </c>
    </row>
    <row r="3426" spans="1:3" x14ac:dyDescent="0.15">
      <c r="A3426">
        <v>21592</v>
      </c>
      <c r="B3426" t="s">
        <v>6838</v>
      </c>
      <c r="C3426" t="s">
        <v>6839</v>
      </c>
    </row>
    <row r="3427" spans="1:3" x14ac:dyDescent="0.15">
      <c r="A3427">
        <v>21591</v>
      </c>
      <c r="B3427" t="s">
        <v>6840</v>
      </c>
      <c r="C3427" t="s">
        <v>6841</v>
      </c>
    </row>
    <row r="3428" spans="1:3" x14ac:dyDescent="0.15">
      <c r="A3428">
        <v>21590</v>
      </c>
      <c r="B3428" t="s">
        <v>6842</v>
      </c>
      <c r="C3428" t="s">
        <v>6843</v>
      </c>
    </row>
    <row r="3429" spans="1:3" x14ac:dyDescent="0.15">
      <c r="A3429">
        <v>21589</v>
      </c>
      <c r="B3429" t="s">
        <v>6844</v>
      </c>
      <c r="C3429" t="s">
        <v>6845</v>
      </c>
    </row>
    <row r="3430" spans="1:3" x14ac:dyDescent="0.15">
      <c r="A3430">
        <v>21588</v>
      </c>
      <c r="B3430" t="s">
        <v>6846</v>
      </c>
      <c r="C3430" t="s">
        <v>6847</v>
      </c>
    </row>
    <row r="3431" spans="1:3" x14ac:dyDescent="0.15">
      <c r="A3431">
        <v>21587</v>
      </c>
      <c r="B3431" t="s">
        <v>6848</v>
      </c>
      <c r="C3431" t="s">
        <v>6849</v>
      </c>
    </row>
    <row r="3432" spans="1:3" x14ac:dyDescent="0.15">
      <c r="A3432">
        <v>21586</v>
      </c>
      <c r="B3432" t="s">
        <v>6850</v>
      </c>
      <c r="C3432" t="s">
        <v>6851</v>
      </c>
    </row>
    <row r="3433" spans="1:3" x14ac:dyDescent="0.15">
      <c r="A3433">
        <v>21585</v>
      </c>
      <c r="B3433" t="s">
        <v>6852</v>
      </c>
      <c r="C3433" t="s">
        <v>6853</v>
      </c>
    </row>
    <row r="3434" spans="1:3" x14ac:dyDescent="0.15">
      <c r="A3434">
        <v>21584</v>
      </c>
      <c r="B3434" t="s">
        <v>6854</v>
      </c>
      <c r="C3434" t="s">
        <v>6855</v>
      </c>
    </row>
    <row r="3435" spans="1:3" x14ac:dyDescent="0.15">
      <c r="A3435">
        <v>21583</v>
      </c>
      <c r="B3435" t="s">
        <v>6856</v>
      </c>
      <c r="C3435" t="s">
        <v>6857</v>
      </c>
    </row>
    <row r="3436" spans="1:3" x14ac:dyDescent="0.15">
      <c r="A3436">
        <v>21582</v>
      </c>
      <c r="B3436" t="s">
        <v>6858</v>
      </c>
      <c r="C3436" t="s">
        <v>6859</v>
      </c>
    </row>
    <row r="3437" spans="1:3" x14ac:dyDescent="0.15">
      <c r="A3437">
        <v>21581</v>
      </c>
      <c r="B3437" t="s">
        <v>6860</v>
      </c>
      <c r="C3437" t="s">
        <v>6861</v>
      </c>
    </row>
    <row r="3438" spans="1:3" x14ac:dyDescent="0.15">
      <c r="A3438">
        <v>21580</v>
      </c>
      <c r="B3438" t="s">
        <v>6862</v>
      </c>
      <c r="C3438" t="s">
        <v>6863</v>
      </c>
    </row>
    <row r="3439" spans="1:3" x14ac:dyDescent="0.15">
      <c r="A3439">
        <v>21579</v>
      </c>
      <c r="B3439" t="s">
        <v>6864</v>
      </c>
      <c r="C3439" t="s">
        <v>6865</v>
      </c>
    </row>
    <row r="3440" spans="1:3" x14ac:dyDescent="0.15">
      <c r="A3440">
        <v>21578</v>
      </c>
      <c r="B3440" t="s">
        <v>6866</v>
      </c>
      <c r="C3440" t="s">
        <v>6867</v>
      </c>
    </row>
    <row r="3441" spans="1:3" x14ac:dyDescent="0.15">
      <c r="A3441">
        <v>21577</v>
      </c>
      <c r="B3441" t="s">
        <v>6868</v>
      </c>
      <c r="C3441" t="s">
        <v>6869</v>
      </c>
    </row>
    <row r="3442" spans="1:3" x14ac:dyDescent="0.15">
      <c r="A3442">
        <v>21576</v>
      </c>
      <c r="B3442" t="s">
        <v>6870</v>
      </c>
      <c r="C3442" t="s">
        <v>6871</v>
      </c>
    </row>
    <row r="3443" spans="1:3" x14ac:dyDescent="0.15">
      <c r="A3443">
        <v>21575</v>
      </c>
      <c r="B3443" t="s">
        <v>6872</v>
      </c>
      <c r="C3443" t="s">
        <v>6873</v>
      </c>
    </row>
    <row r="3444" spans="1:3" x14ac:dyDescent="0.15">
      <c r="A3444">
        <v>21574</v>
      </c>
      <c r="B3444" t="s">
        <v>6874</v>
      </c>
      <c r="C3444" t="s">
        <v>6875</v>
      </c>
    </row>
    <row r="3445" spans="1:3" x14ac:dyDescent="0.15">
      <c r="A3445">
        <v>21573</v>
      </c>
      <c r="B3445" t="s">
        <v>6876</v>
      </c>
      <c r="C3445" t="s">
        <v>6877</v>
      </c>
    </row>
    <row r="3446" spans="1:3" x14ac:dyDescent="0.15">
      <c r="A3446">
        <v>21572</v>
      </c>
      <c r="B3446" t="s">
        <v>6878</v>
      </c>
      <c r="C3446" t="s">
        <v>6879</v>
      </c>
    </row>
    <row r="3447" spans="1:3" x14ac:dyDescent="0.15">
      <c r="A3447">
        <v>21571</v>
      </c>
      <c r="B3447" t="s">
        <v>6880</v>
      </c>
      <c r="C3447" t="s">
        <v>6881</v>
      </c>
    </row>
    <row r="3448" spans="1:3" x14ac:dyDescent="0.15">
      <c r="A3448">
        <v>21570</v>
      </c>
      <c r="B3448" t="s">
        <v>6882</v>
      </c>
      <c r="C3448" t="s">
        <v>6883</v>
      </c>
    </row>
    <row r="3449" spans="1:3" x14ac:dyDescent="0.15">
      <c r="A3449">
        <v>21569</v>
      </c>
      <c r="B3449" t="s">
        <v>6884</v>
      </c>
      <c r="C3449" t="s">
        <v>6885</v>
      </c>
    </row>
    <row r="3450" spans="1:3" x14ac:dyDescent="0.15">
      <c r="A3450">
        <v>21568</v>
      </c>
      <c r="B3450" t="s">
        <v>6886</v>
      </c>
      <c r="C3450" t="s">
        <v>6887</v>
      </c>
    </row>
    <row r="3451" spans="1:3" x14ac:dyDescent="0.15">
      <c r="A3451">
        <v>21567</v>
      </c>
      <c r="B3451" t="s">
        <v>6888</v>
      </c>
      <c r="C3451" t="s">
        <v>6889</v>
      </c>
    </row>
    <row r="3452" spans="1:3" x14ac:dyDescent="0.15">
      <c r="A3452">
        <v>21566</v>
      </c>
      <c r="B3452" t="s">
        <v>6890</v>
      </c>
      <c r="C3452" t="s">
        <v>6891</v>
      </c>
    </row>
    <row r="3453" spans="1:3" x14ac:dyDescent="0.15">
      <c r="A3453">
        <v>21565</v>
      </c>
      <c r="B3453" t="s">
        <v>6892</v>
      </c>
      <c r="C3453" t="s">
        <v>6893</v>
      </c>
    </row>
    <row r="3454" spans="1:3" x14ac:dyDescent="0.15">
      <c r="A3454">
        <v>21564</v>
      </c>
      <c r="B3454" t="s">
        <v>6894</v>
      </c>
      <c r="C3454" t="s">
        <v>6895</v>
      </c>
    </row>
    <row r="3455" spans="1:3" x14ac:dyDescent="0.15">
      <c r="A3455">
        <v>21563</v>
      </c>
      <c r="B3455" t="s">
        <v>6896</v>
      </c>
      <c r="C3455" t="s">
        <v>6897</v>
      </c>
    </row>
    <row r="3456" spans="1:3" x14ac:dyDescent="0.15">
      <c r="A3456">
        <v>21562</v>
      </c>
      <c r="B3456" t="s">
        <v>6898</v>
      </c>
      <c r="C3456" t="s">
        <v>6899</v>
      </c>
    </row>
    <row r="3457" spans="1:3" x14ac:dyDescent="0.15">
      <c r="A3457">
        <v>21561</v>
      </c>
      <c r="B3457" t="s">
        <v>6900</v>
      </c>
      <c r="C3457" t="s">
        <v>6901</v>
      </c>
    </row>
    <row r="3458" spans="1:3" x14ac:dyDescent="0.15">
      <c r="A3458">
        <v>21560</v>
      </c>
      <c r="B3458" t="s">
        <v>6902</v>
      </c>
      <c r="C3458" t="s">
        <v>6903</v>
      </c>
    </row>
    <row r="3459" spans="1:3" x14ac:dyDescent="0.15">
      <c r="A3459">
        <v>21559</v>
      </c>
      <c r="B3459" t="s">
        <v>6904</v>
      </c>
      <c r="C3459" t="s">
        <v>6905</v>
      </c>
    </row>
    <row r="3460" spans="1:3" x14ac:dyDescent="0.15">
      <c r="A3460">
        <v>21558</v>
      </c>
      <c r="B3460" t="s">
        <v>6906</v>
      </c>
      <c r="C3460" t="s">
        <v>6907</v>
      </c>
    </row>
    <row r="3461" spans="1:3" x14ac:dyDescent="0.15">
      <c r="A3461">
        <v>21557</v>
      </c>
      <c r="B3461" t="s">
        <v>6908</v>
      </c>
      <c r="C3461" t="s">
        <v>6909</v>
      </c>
    </row>
    <row r="3462" spans="1:3" x14ac:dyDescent="0.15">
      <c r="A3462">
        <v>21556</v>
      </c>
      <c r="B3462" t="s">
        <v>6910</v>
      </c>
      <c r="C3462" t="s">
        <v>6911</v>
      </c>
    </row>
    <row r="3463" spans="1:3" x14ac:dyDescent="0.15">
      <c r="A3463">
        <v>21555</v>
      </c>
      <c r="B3463" t="s">
        <v>6912</v>
      </c>
      <c r="C3463" t="s">
        <v>6913</v>
      </c>
    </row>
    <row r="3464" spans="1:3" x14ac:dyDescent="0.15">
      <c r="A3464">
        <v>21554</v>
      </c>
      <c r="B3464" t="s">
        <v>6914</v>
      </c>
      <c r="C3464" t="s">
        <v>6915</v>
      </c>
    </row>
    <row r="3465" spans="1:3" x14ac:dyDescent="0.15">
      <c r="A3465">
        <v>21553</v>
      </c>
      <c r="B3465" t="s">
        <v>6916</v>
      </c>
      <c r="C3465" t="s">
        <v>6917</v>
      </c>
    </row>
    <row r="3466" spans="1:3" x14ac:dyDescent="0.15">
      <c r="A3466">
        <v>21552</v>
      </c>
      <c r="B3466" t="s">
        <v>6918</v>
      </c>
      <c r="C3466" t="s">
        <v>6919</v>
      </c>
    </row>
    <row r="3467" spans="1:3" x14ac:dyDescent="0.15">
      <c r="A3467">
        <v>21551</v>
      </c>
      <c r="B3467" t="s">
        <v>6920</v>
      </c>
      <c r="C3467" t="s">
        <v>6921</v>
      </c>
    </row>
    <row r="3468" spans="1:3" x14ac:dyDescent="0.15">
      <c r="A3468">
        <v>21550</v>
      </c>
      <c r="B3468" t="s">
        <v>6922</v>
      </c>
      <c r="C3468" t="s">
        <v>6923</v>
      </c>
    </row>
    <row r="3469" spans="1:3" x14ac:dyDescent="0.15">
      <c r="A3469">
        <v>21549</v>
      </c>
      <c r="B3469" t="s">
        <v>6924</v>
      </c>
      <c r="C3469" t="s">
        <v>6925</v>
      </c>
    </row>
    <row r="3470" spans="1:3" x14ac:dyDescent="0.15">
      <c r="A3470">
        <v>21548</v>
      </c>
      <c r="B3470" t="s">
        <v>6926</v>
      </c>
      <c r="C3470" t="s">
        <v>6927</v>
      </c>
    </row>
    <row r="3471" spans="1:3" x14ac:dyDescent="0.15">
      <c r="A3471">
        <v>21547</v>
      </c>
      <c r="B3471" t="s">
        <v>6928</v>
      </c>
      <c r="C3471" t="s">
        <v>6929</v>
      </c>
    </row>
    <row r="3472" spans="1:3" x14ac:dyDescent="0.15">
      <c r="A3472">
        <v>21546</v>
      </c>
      <c r="B3472" t="s">
        <v>6930</v>
      </c>
      <c r="C3472" t="s">
        <v>6931</v>
      </c>
    </row>
    <row r="3473" spans="1:3" x14ac:dyDescent="0.15">
      <c r="A3473">
        <v>21545</v>
      </c>
      <c r="B3473" t="s">
        <v>6932</v>
      </c>
      <c r="C3473" t="s">
        <v>6933</v>
      </c>
    </row>
    <row r="3474" spans="1:3" x14ac:dyDescent="0.15">
      <c r="A3474">
        <v>21544</v>
      </c>
      <c r="B3474" t="s">
        <v>6934</v>
      </c>
      <c r="C3474" t="s">
        <v>6935</v>
      </c>
    </row>
    <row r="3475" spans="1:3" x14ac:dyDescent="0.15">
      <c r="A3475">
        <v>21543</v>
      </c>
      <c r="B3475" t="s">
        <v>6936</v>
      </c>
      <c r="C3475" t="s">
        <v>6937</v>
      </c>
    </row>
    <row r="3476" spans="1:3" x14ac:dyDescent="0.15">
      <c r="A3476">
        <v>21542</v>
      </c>
      <c r="B3476" t="s">
        <v>6938</v>
      </c>
      <c r="C3476" t="s">
        <v>6939</v>
      </c>
    </row>
    <row r="3477" spans="1:3" x14ac:dyDescent="0.15">
      <c r="A3477">
        <v>21541</v>
      </c>
      <c r="B3477" t="s">
        <v>6940</v>
      </c>
      <c r="C3477" t="s">
        <v>6941</v>
      </c>
    </row>
    <row r="3478" spans="1:3" x14ac:dyDescent="0.15">
      <c r="A3478">
        <v>21540</v>
      </c>
      <c r="B3478" t="s">
        <v>6942</v>
      </c>
      <c r="C3478" t="s">
        <v>6943</v>
      </c>
    </row>
    <row r="3479" spans="1:3" x14ac:dyDescent="0.15">
      <c r="A3479">
        <v>21539</v>
      </c>
      <c r="B3479" t="s">
        <v>6944</v>
      </c>
      <c r="C3479" t="s">
        <v>6945</v>
      </c>
    </row>
    <row r="3480" spans="1:3" x14ac:dyDescent="0.15">
      <c r="A3480">
        <v>21538</v>
      </c>
      <c r="B3480" t="s">
        <v>6946</v>
      </c>
      <c r="C3480" t="s">
        <v>6947</v>
      </c>
    </row>
    <row r="3481" spans="1:3" x14ac:dyDescent="0.15">
      <c r="A3481">
        <v>21537</v>
      </c>
      <c r="B3481" t="s">
        <v>6948</v>
      </c>
      <c r="C3481" t="s">
        <v>6949</v>
      </c>
    </row>
    <row r="3482" spans="1:3" x14ac:dyDescent="0.15">
      <c r="A3482">
        <v>21536</v>
      </c>
      <c r="B3482" t="s">
        <v>6950</v>
      </c>
      <c r="C3482" t="s">
        <v>6951</v>
      </c>
    </row>
    <row r="3483" spans="1:3" x14ac:dyDescent="0.15">
      <c r="A3483">
        <v>21535</v>
      </c>
      <c r="B3483" t="s">
        <v>6952</v>
      </c>
      <c r="C3483" t="s">
        <v>6953</v>
      </c>
    </row>
    <row r="3484" spans="1:3" x14ac:dyDescent="0.15">
      <c r="A3484">
        <v>21534</v>
      </c>
      <c r="B3484" t="s">
        <v>6954</v>
      </c>
      <c r="C3484" t="s">
        <v>6955</v>
      </c>
    </row>
    <row r="3485" spans="1:3" x14ac:dyDescent="0.15">
      <c r="A3485">
        <v>21533</v>
      </c>
      <c r="B3485" t="s">
        <v>6956</v>
      </c>
      <c r="C3485" t="s">
        <v>6957</v>
      </c>
    </row>
    <row r="3486" spans="1:3" x14ac:dyDescent="0.15">
      <c r="A3486">
        <v>21532</v>
      </c>
      <c r="B3486" t="s">
        <v>6958</v>
      </c>
      <c r="C3486" t="s">
        <v>6959</v>
      </c>
    </row>
    <row r="3487" spans="1:3" x14ac:dyDescent="0.15">
      <c r="A3487">
        <v>21531</v>
      </c>
      <c r="B3487" t="s">
        <v>6960</v>
      </c>
      <c r="C3487" t="s">
        <v>6961</v>
      </c>
    </row>
    <row r="3488" spans="1:3" x14ac:dyDescent="0.15">
      <c r="A3488">
        <v>21530</v>
      </c>
      <c r="B3488" t="s">
        <v>6962</v>
      </c>
      <c r="C3488" t="s">
        <v>6963</v>
      </c>
    </row>
    <row r="3489" spans="1:3" x14ac:dyDescent="0.15">
      <c r="A3489">
        <v>21529</v>
      </c>
      <c r="B3489" t="s">
        <v>6964</v>
      </c>
      <c r="C3489" t="s">
        <v>6965</v>
      </c>
    </row>
    <row r="3490" spans="1:3" x14ac:dyDescent="0.15">
      <c r="A3490">
        <v>21528</v>
      </c>
      <c r="B3490" t="s">
        <v>6966</v>
      </c>
      <c r="C3490" t="s">
        <v>6967</v>
      </c>
    </row>
    <row r="3491" spans="1:3" x14ac:dyDescent="0.15">
      <c r="A3491">
        <v>21527</v>
      </c>
      <c r="B3491" t="s">
        <v>6968</v>
      </c>
      <c r="C3491" t="s">
        <v>6969</v>
      </c>
    </row>
    <row r="3492" spans="1:3" x14ac:dyDescent="0.15">
      <c r="A3492">
        <v>21526</v>
      </c>
      <c r="B3492" t="s">
        <v>6970</v>
      </c>
      <c r="C3492" t="s">
        <v>6971</v>
      </c>
    </row>
    <row r="3493" spans="1:3" x14ac:dyDescent="0.15">
      <c r="A3493">
        <v>21525</v>
      </c>
      <c r="B3493" t="s">
        <v>6972</v>
      </c>
      <c r="C3493" t="s">
        <v>6973</v>
      </c>
    </row>
    <row r="3494" spans="1:3" x14ac:dyDescent="0.15">
      <c r="A3494">
        <v>21524</v>
      </c>
      <c r="B3494" t="s">
        <v>6974</v>
      </c>
      <c r="C3494" t="s">
        <v>6975</v>
      </c>
    </row>
    <row r="3495" spans="1:3" x14ac:dyDescent="0.15">
      <c r="A3495">
        <v>21523</v>
      </c>
      <c r="B3495" t="s">
        <v>6976</v>
      </c>
      <c r="C3495" t="s">
        <v>6977</v>
      </c>
    </row>
    <row r="3496" spans="1:3" x14ac:dyDescent="0.15">
      <c r="A3496">
        <v>21522</v>
      </c>
      <c r="B3496" t="s">
        <v>6978</v>
      </c>
      <c r="C3496" t="s">
        <v>6979</v>
      </c>
    </row>
    <row r="3497" spans="1:3" x14ac:dyDescent="0.15">
      <c r="A3497">
        <v>21521</v>
      </c>
      <c r="B3497" t="s">
        <v>6980</v>
      </c>
      <c r="C3497" t="s">
        <v>6981</v>
      </c>
    </row>
    <row r="3498" spans="1:3" x14ac:dyDescent="0.15">
      <c r="A3498">
        <v>21520</v>
      </c>
      <c r="B3498" t="s">
        <v>6982</v>
      </c>
      <c r="C3498" t="s">
        <v>6983</v>
      </c>
    </row>
    <row r="3499" spans="1:3" x14ac:dyDescent="0.15">
      <c r="A3499">
        <v>21519</v>
      </c>
      <c r="B3499" t="s">
        <v>6984</v>
      </c>
      <c r="C3499" t="s">
        <v>6985</v>
      </c>
    </row>
    <row r="3500" spans="1:3" x14ac:dyDescent="0.15">
      <c r="A3500">
        <v>21518</v>
      </c>
      <c r="B3500" t="s">
        <v>6986</v>
      </c>
      <c r="C3500" t="s">
        <v>6987</v>
      </c>
    </row>
    <row r="3501" spans="1:3" x14ac:dyDescent="0.15">
      <c r="A3501">
        <v>21517</v>
      </c>
      <c r="B3501" t="s">
        <v>6988</v>
      </c>
      <c r="C3501" t="s">
        <v>6989</v>
      </c>
    </row>
    <row r="3502" spans="1:3" x14ac:dyDescent="0.15">
      <c r="A3502">
        <v>21516</v>
      </c>
      <c r="B3502" t="s">
        <v>6990</v>
      </c>
      <c r="C3502" t="s">
        <v>6991</v>
      </c>
    </row>
    <row r="3503" spans="1:3" x14ac:dyDescent="0.15">
      <c r="A3503">
        <v>21515</v>
      </c>
      <c r="B3503" t="s">
        <v>6992</v>
      </c>
      <c r="C3503" t="s">
        <v>6993</v>
      </c>
    </row>
    <row r="3504" spans="1:3" x14ac:dyDescent="0.15">
      <c r="A3504">
        <v>21514</v>
      </c>
      <c r="B3504" t="s">
        <v>6994</v>
      </c>
      <c r="C3504" t="s">
        <v>6995</v>
      </c>
    </row>
    <row r="3505" spans="1:3" x14ac:dyDescent="0.15">
      <c r="A3505">
        <v>21513</v>
      </c>
      <c r="B3505" t="s">
        <v>6996</v>
      </c>
      <c r="C3505" t="s">
        <v>6997</v>
      </c>
    </row>
    <row r="3506" spans="1:3" x14ac:dyDescent="0.15">
      <c r="A3506">
        <v>21512</v>
      </c>
      <c r="B3506" t="s">
        <v>6998</v>
      </c>
      <c r="C3506" t="s">
        <v>6999</v>
      </c>
    </row>
    <row r="3507" spans="1:3" x14ac:dyDescent="0.15">
      <c r="A3507">
        <v>21511</v>
      </c>
      <c r="B3507" t="s">
        <v>7000</v>
      </c>
      <c r="C3507" t="s">
        <v>7001</v>
      </c>
    </row>
    <row r="3508" spans="1:3" x14ac:dyDescent="0.15">
      <c r="A3508">
        <v>21510</v>
      </c>
      <c r="B3508" t="s">
        <v>7002</v>
      </c>
      <c r="C3508" t="s">
        <v>7003</v>
      </c>
    </row>
    <row r="3509" spans="1:3" x14ac:dyDescent="0.15">
      <c r="A3509">
        <v>21509</v>
      </c>
      <c r="B3509" t="s">
        <v>7004</v>
      </c>
      <c r="C3509" t="s">
        <v>7005</v>
      </c>
    </row>
    <row r="3510" spans="1:3" x14ac:dyDescent="0.15">
      <c r="A3510">
        <v>21508</v>
      </c>
      <c r="B3510" t="s">
        <v>7006</v>
      </c>
      <c r="C3510" t="s">
        <v>7007</v>
      </c>
    </row>
    <row r="3511" spans="1:3" x14ac:dyDescent="0.15">
      <c r="A3511">
        <v>21507</v>
      </c>
      <c r="B3511" t="s">
        <v>7008</v>
      </c>
      <c r="C3511" t="s">
        <v>7009</v>
      </c>
    </row>
    <row r="3512" spans="1:3" x14ac:dyDescent="0.15">
      <c r="A3512">
        <v>21506</v>
      </c>
      <c r="B3512" t="s">
        <v>7010</v>
      </c>
      <c r="C3512" t="s">
        <v>7011</v>
      </c>
    </row>
    <row r="3513" spans="1:3" x14ac:dyDescent="0.15">
      <c r="A3513">
        <v>21505</v>
      </c>
      <c r="B3513" t="s">
        <v>7012</v>
      </c>
      <c r="C3513" t="s">
        <v>7013</v>
      </c>
    </row>
    <row r="3514" spans="1:3" x14ac:dyDescent="0.15">
      <c r="A3514">
        <v>21504</v>
      </c>
      <c r="B3514" t="s">
        <v>7014</v>
      </c>
      <c r="C3514" t="s">
        <v>7015</v>
      </c>
    </row>
    <row r="3515" spans="1:3" x14ac:dyDescent="0.15">
      <c r="A3515">
        <v>21503</v>
      </c>
      <c r="B3515" t="s">
        <v>7016</v>
      </c>
      <c r="C3515" t="s">
        <v>7017</v>
      </c>
    </row>
    <row r="3516" spans="1:3" x14ac:dyDescent="0.15">
      <c r="A3516">
        <v>21502</v>
      </c>
      <c r="B3516" t="s">
        <v>7018</v>
      </c>
      <c r="C3516" t="s">
        <v>7019</v>
      </c>
    </row>
    <row r="3517" spans="1:3" x14ac:dyDescent="0.15">
      <c r="A3517">
        <v>21501</v>
      </c>
      <c r="B3517" t="s">
        <v>7020</v>
      </c>
      <c r="C3517" t="s">
        <v>7021</v>
      </c>
    </row>
    <row r="3518" spans="1:3" x14ac:dyDescent="0.15">
      <c r="A3518">
        <v>21500</v>
      </c>
      <c r="B3518" t="s">
        <v>7022</v>
      </c>
      <c r="C3518" t="s">
        <v>7023</v>
      </c>
    </row>
    <row r="3519" spans="1:3" x14ac:dyDescent="0.15">
      <c r="A3519">
        <v>21499</v>
      </c>
      <c r="B3519" t="s">
        <v>7024</v>
      </c>
      <c r="C3519" t="s">
        <v>7025</v>
      </c>
    </row>
    <row r="3520" spans="1:3" x14ac:dyDescent="0.15">
      <c r="A3520">
        <v>21498</v>
      </c>
      <c r="B3520" t="s">
        <v>7026</v>
      </c>
      <c r="C3520" t="s">
        <v>7027</v>
      </c>
    </row>
    <row r="3521" spans="1:3" x14ac:dyDescent="0.15">
      <c r="A3521">
        <v>21497</v>
      </c>
      <c r="B3521" t="s">
        <v>7028</v>
      </c>
      <c r="C3521" t="s">
        <v>7029</v>
      </c>
    </row>
    <row r="3522" spans="1:3" x14ac:dyDescent="0.15">
      <c r="A3522">
        <v>21496</v>
      </c>
      <c r="B3522" t="s">
        <v>7030</v>
      </c>
      <c r="C3522" t="s">
        <v>7031</v>
      </c>
    </row>
    <row r="3523" spans="1:3" x14ac:dyDescent="0.15">
      <c r="A3523">
        <v>21495</v>
      </c>
      <c r="B3523" t="s">
        <v>7032</v>
      </c>
      <c r="C3523" t="s">
        <v>7033</v>
      </c>
    </row>
    <row r="3524" spans="1:3" x14ac:dyDescent="0.15">
      <c r="A3524">
        <v>21494</v>
      </c>
      <c r="B3524" t="s">
        <v>7034</v>
      </c>
      <c r="C3524" t="s">
        <v>7035</v>
      </c>
    </row>
    <row r="3525" spans="1:3" x14ac:dyDescent="0.15">
      <c r="A3525">
        <v>21493</v>
      </c>
      <c r="B3525" t="s">
        <v>7036</v>
      </c>
      <c r="C3525" t="s">
        <v>7037</v>
      </c>
    </row>
    <row r="3526" spans="1:3" x14ac:dyDescent="0.15">
      <c r="A3526">
        <v>21492</v>
      </c>
      <c r="B3526" t="s">
        <v>7038</v>
      </c>
      <c r="C3526" t="s">
        <v>7039</v>
      </c>
    </row>
    <row r="3527" spans="1:3" x14ac:dyDescent="0.15">
      <c r="A3527">
        <v>21491</v>
      </c>
      <c r="B3527" t="s">
        <v>7040</v>
      </c>
      <c r="C3527" t="s">
        <v>7041</v>
      </c>
    </row>
    <row r="3528" spans="1:3" x14ac:dyDescent="0.15">
      <c r="A3528">
        <v>21490</v>
      </c>
      <c r="B3528" t="s">
        <v>7042</v>
      </c>
      <c r="C3528" t="s">
        <v>7043</v>
      </c>
    </row>
    <row r="3529" spans="1:3" x14ac:dyDescent="0.15">
      <c r="A3529">
        <v>21489</v>
      </c>
      <c r="B3529" t="s">
        <v>7044</v>
      </c>
      <c r="C3529" t="s">
        <v>7045</v>
      </c>
    </row>
    <row r="3530" spans="1:3" x14ac:dyDescent="0.15">
      <c r="A3530">
        <v>21488</v>
      </c>
      <c r="B3530" t="s">
        <v>7046</v>
      </c>
      <c r="C3530" t="s">
        <v>7047</v>
      </c>
    </row>
    <row r="3531" spans="1:3" x14ac:dyDescent="0.15">
      <c r="A3531">
        <v>21487</v>
      </c>
      <c r="B3531" t="s">
        <v>7048</v>
      </c>
      <c r="C3531" t="s">
        <v>7049</v>
      </c>
    </row>
    <row r="3532" spans="1:3" x14ac:dyDescent="0.15">
      <c r="A3532">
        <v>21486</v>
      </c>
      <c r="B3532" t="s">
        <v>7050</v>
      </c>
      <c r="C3532" t="s">
        <v>7051</v>
      </c>
    </row>
    <row r="3533" spans="1:3" x14ac:dyDescent="0.15">
      <c r="A3533">
        <v>21485</v>
      </c>
      <c r="B3533" t="s">
        <v>7052</v>
      </c>
      <c r="C3533" t="s">
        <v>7053</v>
      </c>
    </row>
    <row r="3534" spans="1:3" x14ac:dyDescent="0.15">
      <c r="A3534">
        <v>21484</v>
      </c>
      <c r="B3534" t="s">
        <v>7054</v>
      </c>
      <c r="C3534" t="s">
        <v>7055</v>
      </c>
    </row>
    <row r="3535" spans="1:3" x14ac:dyDescent="0.15">
      <c r="A3535">
        <v>21483</v>
      </c>
      <c r="B3535" t="s">
        <v>7056</v>
      </c>
      <c r="C3535" t="s">
        <v>7057</v>
      </c>
    </row>
    <row r="3536" spans="1:3" x14ac:dyDescent="0.15">
      <c r="A3536">
        <v>21482</v>
      </c>
      <c r="B3536" t="s">
        <v>7058</v>
      </c>
      <c r="C3536" t="s">
        <v>7059</v>
      </c>
    </row>
    <row r="3537" spans="1:3" x14ac:dyDescent="0.15">
      <c r="A3537">
        <v>21481</v>
      </c>
      <c r="B3537" t="s">
        <v>7060</v>
      </c>
      <c r="C3537" t="s">
        <v>7061</v>
      </c>
    </row>
    <row r="3538" spans="1:3" x14ac:dyDescent="0.15">
      <c r="A3538">
        <v>21480</v>
      </c>
      <c r="B3538" t="s">
        <v>7062</v>
      </c>
      <c r="C3538" t="s">
        <v>7063</v>
      </c>
    </row>
    <row r="3539" spans="1:3" x14ac:dyDescent="0.15">
      <c r="A3539">
        <v>21479</v>
      </c>
      <c r="B3539" t="s">
        <v>7064</v>
      </c>
      <c r="C3539" t="s">
        <v>7065</v>
      </c>
    </row>
    <row r="3540" spans="1:3" x14ac:dyDescent="0.15">
      <c r="A3540">
        <v>21478</v>
      </c>
      <c r="B3540" t="s">
        <v>7066</v>
      </c>
      <c r="C3540" t="s">
        <v>7067</v>
      </c>
    </row>
    <row r="3541" spans="1:3" x14ac:dyDescent="0.15">
      <c r="A3541">
        <v>21477</v>
      </c>
      <c r="B3541" t="s">
        <v>7068</v>
      </c>
      <c r="C3541" t="s">
        <v>7069</v>
      </c>
    </row>
    <row r="3542" spans="1:3" x14ac:dyDescent="0.15">
      <c r="A3542">
        <v>21476</v>
      </c>
      <c r="B3542" t="s">
        <v>7070</v>
      </c>
      <c r="C3542" t="s">
        <v>7071</v>
      </c>
    </row>
    <row r="3543" spans="1:3" x14ac:dyDescent="0.15">
      <c r="A3543">
        <v>21475</v>
      </c>
      <c r="B3543" t="s">
        <v>7072</v>
      </c>
      <c r="C3543" t="s">
        <v>7073</v>
      </c>
    </row>
    <row r="3544" spans="1:3" x14ac:dyDescent="0.15">
      <c r="A3544">
        <v>21474</v>
      </c>
      <c r="B3544" t="s">
        <v>7074</v>
      </c>
      <c r="C3544" t="s">
        <v>7075</v>
      </c>
    </row>
    <row r="3545" spans="1:3" x14ac:dyDescent="0.15">
      <c r="A3545">
        <v>21473</v>
      </c>
      <c r="B3545" t="s">
        <v>7076</v>
      </c>
      <c r="C3545" t="s">
        <v>7077</v>
      </c>
    </row>
    <row r="3546" spans="1:3" x14ac:dyDescent="0.15">
      <c r="A3546">
        <v>21472</v>
      </c>
      <c r="B3546" t="s">
        <v>7078</v>
      </c>
      <c r="C3546" t="s">
        <v>491</v>
      </c>
    </row>
    <row r="3547" spans="1:3" x14ac:dyDescent="0.15">
      <c r="A3547">
        <v>21471</v>
      </c>
      <c r="B3547" t="s">
        <v>7079</v>
      </c>
      <c r="C3547" t="s">
        <v>7080</v>
      </c>
    </row>
    <row r="3548" spans="1:3" x14ac:dyDescent="0.15">
      <c r="A3548">
        <v>21470</v>
      </c>
      <c r="B3548" t="s">
        <v>7081</v>
      </c>
      <c r="C3548" t="s">
        <v>7082</v>
      </c>
    </row>
    <row r="3549" spans="1:3" x14ac:dyDescent="0.15">
      <c r="A3549">
        <v>21469</v>
      </c>
      <c r="B3549" t="s">
        <v>7083</v>
      </c>
      <c r="C3549" t="s">
        <v>7084</v>
      </c>
    </row>
    <row r="3550" spans="1:3" x14ac:dyDescent="0.15">
      <c r="A3550">
        <v>21468</v>
      </c>
      <c r="B3550" t="s">
        <v>7085</v>
      </c>
      <c r="C3550" t="s">
        <v>7086</v>
      </c>
    </row>
    <row r="3551" spans="1:3" x14ac:dyDescent="0.15">
      <c r="A3551">
        <v>21467</v>
      </c>
      <c r="B3551" t="s">
        <v>7087</v>
      </c>
      <c r="C3551" t="s">
        <v>7088</v>
      </c>
    </row>
    <row r="3552" spans="1:3" x14ac:dyDescent="0.15">
      <c r="A3552">
        <v>21466</v>
      </c>
      <c r="B3552" t="s">
        <v>7089</v>
      </c>
      <c r="C3552" t="s">
        <v>7090</v>
      </c>
    </row>
    <row r="3553" spans="1:3" x14ac:dyDescent="0.15">
      <c r="A3553">
        <v>21465</v>
      </c>
      <c r="B3553" t="s">
        <v>7091</v>
      </c>
      <c r="C3553" t="s">
        <v>7092</v>
      </c>
    </row>
    <row r="3554" spans="1:3" x14ac:dyDescent="0.15">
      <c r="A3554">
        <v>21464</v>
      </c>
      <c r="B3554" t="s">
        <v>7093</v>
      </c>
      <c r="C3554" t="s">
        <v>7094</v>
      </c>
    </row>
    <row r="3555" spans="1:3" x14ac:dyDescent="0.15">
      <c r="A3555">
        <v>21463</v>
      </c>
      <c r="B3555" t="s">
        <v>7095</v>
      </c>
      <c r="C3555" t="s">
        <v>7096</v>
      </c>
    </row>
    <row r="3556" spans="1:3" x14ac:dyDescent="0.15">
      <c r="A3556">
        <v>21462</v>
      </c>
      <c r="B3556" t="s">
        <v>7097</v>
      </c>
      <c r="C3556" t="s">
        <v>7098</v>
      </c>
    </row>
    <row r="3557" spans="1:3" x14ac:dyDescent="0.15">
      <c r="A3557">
        <v>21461</v>
      </c>
      <c r="B3557" t="s">
        <v>7099</v>
      </c>
      <c r="C3557" t="s">
        <v>7100</v>
      </c>
    </row>
    <row r="3558" spans="1:3" x14ac:dyDescent="0.15">
      <c r="A3558">
        <v>21460</v>
      </c>
      <c r="B3558" t="s">
        <v>7101</v>
      </c>
      <c r="C3558" t="s">
        <v>7102</v>
      </c>
    </row>
    <row r="3559" spans="1:3" x14ac:dyDescent="0.15">
      <c r="A3559">
        <v>21459</v>
      </c>
      <c r="B3559" t="s">
        <v>7103</v>
      </c>
      <c r="C3559" t="s">
        <v>7104</v>
      </c>
    </row>
    <row r="3560" spans="1:3" x14ac:dyDescent="0.15">
      <c r="A3560">
        <v>21458</v>
      </c>
      <c r="B3560" t="s">
        <v>7105</v>
      </c>
      <c r="C3560" t="s">
        <v>7106</v>
      </c>
    </row>
    <row r="3561" spans="1:3" x14ac:dyDescent="0.15">
      <c r="A3561">
        <v>21457</v>
      </c>
      <c r="B3561" t="s">
        <v>7107</v>
      </c>
      <c r="C3561" t="s">
        <v>7108</v>
      </c>
    </row>
    <row r="3562" spans="1:3" x14ac:dyDescent="0.15">
      <c r="A3562">
        <v>21456</v>
      </c>
      <c r="B3562" t="s">
        <v>7109</v>
      </c>
      <c r="C3562" t="s">
        <v>7110</v>
      </c>
    </row>
    <row r="3563" spans="1:3" x14ac:dyDescent="0.15">
      <c r="A3563">
        <v>21455</v>
      </c>
      <c r="B3563" t="s">
        <v>7111</v>
      </c>
      <c r="C3563" t="s">
        <v>7112</v>
      </c>
    </row>
    <row r="3564" spans="1:3" x14ac:dyDescent="0.15">
      <c r="A3564">
        <v>21454</v>
      </c>
      <c r="B3564" t="s">
        <v>7113</v>
      </c>
      <c r="C3564" t="s">
        <v>7114</v>
      </c>
    </row>
    <row r="3565" spans="1:3" x14ac:dyDescent="0.15">
      <c r="A3565">
        <v>21453</v>
      </c>
      <c r="B3565" t="s">
        <v>7115</v>
      </c>
      <c r="C3565" t="s">
        <v>7116</v>
      </c>
    </row>
    <row r="3566" spans="1:3" x14ac:dyDescent="0.15">
      <c r="A3566">
        <v>21452</v>
      </c>
      <c r="B3566" t="s">
        <v>7117</v>
      </c>
      <c r="C3566" t="s">
        <v>7118</v>
      </c>
    </row>
    <row r="3567" spans="1:3" x14ac:dyDescent="0.15">
      <c r="A3567">
        <v>21451</v>
      </c>
      <c r="B3567" t="s">
        <v>7119</v>
      </c>
      <c r="C3567" t="s">
        <v>7120</v>
      </c>
    </row>
    <row r="3568" spans="1:3" x14ac:dyDescent="0.15">
      <c r="A3568">
        <v>21450</v>
      </c>
      <c r="B3568" t="s">
        <v>7121</v>
      </c>
      <c r="C3568" t="s">
        <v>7122</v>
      </c>
    </row>
    <row r="3569" spans="1:3" x14ac:dyDescent="0.15">
      <c r="A3569">
        <v>21449</v>
      </c>
      <c r="B3569" t="s">
        <v>7123</v>
      </c>
      <c r="C3569" t="s">
        <v>7124</v>
      </c>
    </row>
    <row r="3570" spans="1:3" x14ac:dyDescent="0.15">
      <c r="A3570">
        <v>21448</v>
      </c>
      <c r="B3570" t="s">
        <v>7125</v>
      </c>
      <c r="C3570" t="s">
        <v>7126</v>
      </c>
    </row>
    <row r="3571" spans="1:3" x14ac:dyDescent="0.15">
      <c r="A3571">
        <v>21447</v>
      </c>
      <c r="B3571" t="s">
        <v>7127</v>
      </c>
      <c r="C3571" t="s">
        <v>7128</v>
      </c>
    </row>
    <row r="3572" spans="1:3" x14ac:dyDescent="0.15">
      <c r="A3572">
        <v>21446</v>
      </c>
      <c r="B3572" t="s">
        <v>7129</v>
      </c>
      <c r="C3572" t="s">
        <v>7130</v>
      </c>
    </row>
    <row r="3573" spans="1:3" x14ac:dyDescent="0.15">
      <c r="A3573">
        <v>21445</v>
      </c>
      <c r="B3573" t="s">
        <v>7131</v>
      </c>
      <c r="C3573" t="s">
        <v>7132</v>
      </c>
    </row>
    <row r="3574" spans="1:3" x14ac:dyDescent="0.15">
      <c r="A3574">
        <v>21444</v>
      </c>
      <c r="B3574" t="s">
        <v>7133</v>
      </c>
      <c r="C3574" t="s">
        <v>7134</v>
      </c>
    </row>
    <row r="3575" spans="1:3" x14ac:dyDescent="0.15">
      <c r="A3575">
        <v>21443</v>
      </c>
      <c r="B3575" t="s">
        <v>7135</v>
      </c>
      <c r="C3575" t="s">
        <v>7136</v>
      </c>
    </row>
    <row r="3576" spans="1:3" x14ac:dyDescent="0.15">
      <c r="A3576">
        <v>21442</v>
      </c>
      <c r="B3576" t="s">
        <v>7137</v>
      </c>
      <c r="C3576" t="s">
        <v>7138</v>
      </c>
    </row>
    <row r="3577" spans="1:3" x14ac:dyDescent="0.15">
      <c r="A3577">
        <v>21441</v>
      </c>
      <c r="B3577" t="s">
        <v>7139</v>
      </c>
      <c r="C3577" t="s">
        <v>7140</v>
      </c>
    </row>
    <row r="3578" spans="1:3" x14ac:dyDescent="0.15">
      <c r="A3578">
        <v>21440</v>
      </c>
      <c r="B3578" t="s">
        <v>7141</v>
      </c>
      <c r="C3578" t="s">
        <v>7142</v>
      </c>
    </row>
    <row r="3579" spans="1:3" x14ac:dyDescent="0.15">
      <c r="A3579">
        <v>21439</v>
      </c>
      <c r="B3579" t="s">
        <v>7143</v>
      </c>
      <c r="C3579" t="s">
        <v>7144</v>
      </c>
    </row>
    <row r="3580" spans="1:3" x14ac:dyDescent="0.15">
      <c r="A3580">
        <v>21438</v>
      </c>
      <c r="B3580" t="s">
        <v>7145</v>
      </c>
      <c r="C3580" t="s">
        <v>7146</v>
      </c>
    </row>
    <row r="3581" spans="1:3" x14ac:dyDescent="0.15">
      <c r="A3581">
        <v>21437</v>
      </c>
      <c r="B3581" t="s">
        <v>7147</v>
      </c>
      <c r="C3581" t="s">
        <v>7148</v>
      </c>
    </row>
    <row r="3582" spans="1:3" x14ac:dyDescent="0.15">
      <c r="A3582">
        <v>21436</v>
      </c>
      <c r="B3582" t="s">
        <v>7149</v>
      </c>
      <c r="C3582" t="s">
        <v>7150</v>
      </c>
    </row>
    <row r="3583" spans="1:3" x14ac:dyDescent="0.15">
      <c r="A3583">
        <v>21435</v>
      </c>
      <c r="B3583" t="s">
        <v>7151</v>
      </c>
      <c r="C3583" t="s">
        <v>7152</v>
      </c>
    </row>
    <row r="3584" spans="1:3" x14ac:dyDescent="0.15">
      <c r="A3584">
        <v>21434</v>
      </c>
      <c r="B3584" t="s">
        <v>7153</v>
      </c>
      <c r="C3584" t="s">
        <v>7154</v>
      </c>
    </row>
    <row r="3585" spans="1:3" x14ac:dyDescent="0.15">
      <c r="A3585">
        <v>21433</v>
      </c>
      <c r="B3585" t="s">
        <v>7155</v>
      </c>
      <c r="C3585" t="s">
        <v>7156</v>
      </c>
    </row>
    <row r="3586" spans="1:3" x14ac:dyDescent="0.15">
      <c r="A3586">
        <v>21432</v>
      </c>
      <c r="B3586" t="s">
        <v>7157</v>
      </c>
      <c r="C3586" t="s">
        <v>7158</v>
      </c>
    </row>
    <row r="3587" spans="1:3" x14ac:dyDescent="0.15">
      <c r="A3587">
        <v>21431</v>
      </c>
      <c r="B3587" t="s">
        <v>7159</v>
      </c>
      <c r="C3587" t="s">
        <v>7160</v>
      </c>
    </row>
    <row r="3588" spans="1:3" x14ac:dyDescent="0.15">
      <c r="A3588">
        <v>21430</v>
      </c>
      <c r="B3588" t="s">
        <v>7161</v>
      </c>
      <c r="C3588" t="s">
        <v>7162</v>
      </c>
    </row>
    <row r="3589" spans="1:3" x14ac:dyDescent="0.15">
      <c r="A3589">
        <v>21429</v>
      </c>
      <c r="B3589" t="s">
        <v>7163</v>
      </c>
      <c r="C3589" t="s">
        <v>7164</v>
      </c>
    </row>
    <row r="3590" spans="1:3" x14ac:dyDescent="0.15">
      <c r="A3590">
        <v>21428</v>
      </c>
      <c r="B3590" t="s">
        <v>7165</v>
      </c>
      <c r="C3590" t="s">
        <v>7166</v>
      </c>
    </row>
    <row r="3591" spans="1:3" x14ac:dyDescent="0.15">
      <c r="A3591">
        <v>21427</v>
      </c>
      <c r="B3591" t="s">
        <v>7167</v>
      </c>
      <c r="C3591" t="s">
        <v>7168</v>
      </c>
    </row>
    <row r="3592" spans="1:3" x14ac:dyDescent="0.15">
      <c r="A3592">
        <v>21426</v>
      </c>
      <c r="B3592" t="s">
        <v>7169</v>
      </c>
      <c r="C3592" t="s">
        <v>7170</v>
      </c>
    </row>
    <row r="3593" spans="1:3" x14ac:dyDescent="0.15">
      <c r="A3593">
        <v>21425</v>
      </c>
      <c r="B3593" t="s">
        <v>7171</v>
      </c>
      <c r="C3593" t="s">
        <v>7172</v>
      </c>
    </row>
    <row r="3594" spans="1:3" x14ac:dyDescent="0.15">
      <c r="A3594">
        <v>21424</v>
      </c>
      <c r="B3594" t="s">
        <v>7173</v>
      </c>
      <c r="C3594" t="s">
        <v>7174</v>
      </c>
    </row>
    <row r="3595" spans="1:3" x14ac:dyDescent="0.15">
      <c r="A3595">
        <v>21423</v>
      </c>
      <c r="B3595" t="s">
        <v>7175</v>
      </c>
      <c r="C3595" t="s">
        <v>7176</v>
      </c>
    </row>
    <row r="3596" spans="1:3" x14ac:dyDescent="0.15">
      <c r="A3596">
        <v>21422</v>
      </c>
      <c r="B3596" t="s">
        <v>7177</v>
      </c>
      <c r="C3596" t="s">
        <v>7178</v>
      </c>
    </row>
    <row r="3597" spans="1:3" x14ac:dyDescent="0.15">
      <c r="A3597">
        <v>21421</v>
      </c>
      <c r="B3597" t="s">
        <v>7179</v>
      </c>
      <c r="C3597" t="s">
        <v>7180</v>
      </c>
    </row>
    <row r="3598" spans="1:3" x14ac:dyDescent="0.15">
      <c r="A3598">
        <v>21420</v>
      </c>
      <c r="B3598" t="s">
        <v>7181</v>
      </c>
      <c r="C3598" t="s">
        <v>7182</v>
      </c>
    </row>
    <row r="3599" spans="1:3" x14ac:dyDescent="0.15">
      <c r="A3599">
        <v>21419</v>
      </c>
      <c r="B3599" t="s">
        <v>7183</v>
      </c>
      <c r="C3599" t="s">
        <v>7184</v>
      </c>
    </row>
    <row r="3600" spans="1:3" x14ac:dyDescent="0.15">
      <c r="A3600">
        <v>21418</v>
      </c>
      <c r="B3600" t="s">
        <v>7185</v>
      </c>
      <c r="C3600" t="s">
        <v>7186</v>
      </c>
    </row>
    <row r="3601" spans="1:3" x14ac:dyDescent="0.15">
      <c r="A3601">
        <v>21417</v>
      </c>
      <c r="B3601" t="s">
        <v>7187</v>
      </c>
      <c r="C3601" t="s">
        <v>7188</v>
      </c>
    </row>
    <row r="3602" spans="1:3" x14ac:dyDescent="0.15">
      <c r="A3602">
        <v>21416</v>
      </c>
      <c r="B3602" t="s">
        <v>7189</v>
      </c>
      <c r="C3602" t="s">
        <v>7190</v>
      </c>
    </row>
    <row r="3603" spans="1:3" x14ac:dyDescent="0.15">
      <c r="A3603">
        <v>21415</v>
      </c>
      <c r="B3603" t="s">
        <v>7191</v>
      </c>
      <c r="C3603" t="s">
        <v>7192</v>
      </c>
    </row>
    <row r="3604" spans="1:3" x14ac:dyDescent="0.15">
      <c r="A3604">
        <v>21414</v>
      </c>
      <c r="B3604" t="s">
        <v>7193</v>
      </c>
      <c r="C3604" t="s">
        <v>7194</v>
      </c>
    </row>
    <row r="3605" spans="1:3" x14ac:dyDescent="0.15">
      <c r="A3605">
        <v>21413</v>
      </c>
      <c r="B3605" t="s">
        <v>7195</v>
      </c>
      <c r="C3605" t="s">
        <v>7196</v>
      </c>
    </row>
    <row r="3606" spans="1:3" x14ac:dyDescent="0.15">
      <c r="A3606">
        <v>21412</v>
      </c>
      <c r="B3606" t="s">
        <v>7197</v>
      </c>
      <c r="C3606" t="s">
        <v>7198</v>
      </c>
    </row>
    <row r="3607" spans="1:3" x14ac:dyDescent="0.15">
      <c r="A3607">
        <v>21411</v>
      </c>
      <c r="B3607" t="s">
        <v>7199</v>
      </c>
      <c r="C3607" t="s">
        <v>7200</v>
      </c>
    </row>
    <row r="3608" spans="1:3" x14ac:dyDescent="0.15">
      <c r="A3608">
        <v>21410</v>
      </c>
      <c r="B3608" t="s">
        <v>7201</v>
      </c>
      <c r="C3608" t="s">
        <v>7202</v>
      </c>
    </row>
    <row r="3609" spans="1:3" x14ac:dyDescent="0.15">
      <c r="A3609">
        <v>21409</v>
      </c>
      <c r="B3609" t="s">
        <v>7203</v>
      </c>
      <c r="C3609" t="s">
        <v>7204</v>
      </c>
    </row>
    <row r="3610" spans="1:3" x14ac:dyDescent="0.15">
      <c r="A3610">
        <v>21408</v>
      </c>
      <c r="B3610" t="s">
        <v>7205</v>
      </c>
      <c r="C3610" t="s">
        <v>7206</v>
      </c>
    </row>
    <row r="3611" spans="1:3" x14ac:dyDescent="0.15">
      <c r="A3611">
        <v>21407</v>
      </c>
      <c r="B3611" t="s">
        <v>7207</v>
      </c>
      <c r="C3611" t="s">
        <v>7208</v>
      </c>
    </row>
    <row r="3612" spans="1:3" x14ac:dyDescent="0.15">
      <c r="A3612">
        <v>21406</v>
      </c>
      <c r="B3612" t="s">
        <v>7209</v>
      </c>
      <c r="C3612" t="s">
        <v>7210</v>
      </c>
    </row>
    <row r="3613" spans="1:3" x14ac:dyDescent="0.15">
      <c r="A3613">
        <v>21405</v>
      </c>
      <c r="B3613" t="s">
        <v>7211</v>
      </c>
      <c r="C3613" t="s">
        <v>7212</v>
      </c>
    </row>
    <row r="3614" spans="1:3" x14ac:dyDescent="0.15">
      <c r="A3614">
        <v>21404</v>
      </c>
      <c r="B3614" t="s">
        <v>7213</v>
      </c>
      <c r="C3614" t="s">
        <v>7214</v>
      </c>
    </row>
    <row r="3615" spans="1:3" x14ac:dyDescent="0.15">
      <c r="A3615">
        <v>21403</v>
      </c>
      <c r="B3615" t="s">
        <v>7215</v>
      </c>
      <c r="C3615" t="s">
        <v>7216</v>
      </c>
    </row>
    <row r="3616" spans="1:3" x14ac:dyDescent="0.15">
      <c r="A3616">
        <v>21402</v>
      </c>
      <c r="B3616" t="s">
        <v>7217</v>
      </c>
      <c r="C3616" t="s">
        <v>7218</v>
      </c>
    </row>
    <row r="3617" spans="1:3" x14ac:dyDescent="0.15">
      <c r="A3617">
        <v>21401</v>
      </c>
      <c r="B3617" t="s">
        <v>7219</v>
      </c>
      <c r="C3617" t="s">
        <v>7220</v>
      </c>
    </row>
    <row r="3618" spans="1:3" x14ac:dyDescent="0.15">
      <c r="A3618">
        <v>21400</v>
      </c>
      <c r="B3618" t="s">
        <v>7221</v>
      </c>
      <c r="C3618" t="s">
        <v>7222</v>
      </c>
    </row>
    <row r="3619" spans="1:3" x14ac:dyDescent="0.15">
      <c r="A3619">
        <v>21399</v>
      </c>
      <c r="B3619" t="s">
        <v>7223</v>
      </c>
      <c r="C3619" t="s">
        <v>7224</v>
      </c>
    </row>
    <row r="3620" spans="1:3" x14ac:dyDescent="0.15">
      <c r="A3620">
        <v>21398</v>
      </c>
      <c r="B3620" t="s">
        <v>7225</v>
      </c>
      <c r="C3620" t="s">
        <v>7226</v>
      </c>
    </row>
    <row r="3621" spans="1:3" x14ac:dyDescent="0.15">
      <c r="A3621">
        <v>21397</v>
      </c>
      <c r="B3621" t="s">
        <v>7227</v>
      </c>
      <c r="C3621" t="s">
        <v>7228</v>
      </c>
    </row>
    <row r="3622" spans="1:3" x14ac:dyDescent="0.15">
      <c r="A3622">
        <v>21396</v>
      </c>
      <c r="B3622" t="s">
        <v>7229</v>
      </c>
      <c r="C3622" t="s">
        <v>7230</v>
      </c>
    </row>
    <row r="3623" spans="1:3" x14ac:dyDescent="0.15">
      <c r="A3623">
        <v>21395</v>
      </c>
      <c r="B3623" t="s">
        <v>7231</v>
      </c>
      <c r="C3623" t="s">
        <v>7232</v>
      </c>
    </row>
    <row r="3624" spans="1:3" x14ac:dyDescent="0.15">
      <c r="A3624">
        <v>21394</v>
      </c>
      <c r="B3624" t="s">
        <v>7233</v>
      </c>
      <c r="C3624" t="s">
        <v>7234</v>
      </c>
    </row>
    <row r="3625" spans="1:3" x14ac:dyDescent="0.15">
      <c r="A3625">
        <v>21393</v>
      </c>
      <c r="B3625" t="s">
        <v>7235</v>
      </c>
      <c r="C3625" t="s">
        <v>7236</v>
      </c>
    </row>
    <row r="3626" spans="1:3" x14ac:dyDescent="0.15">
      <c r="A3626">
        <v>21392</v>
      </c>
      <c r="B3626" t="s">
        <v>7237</v>
      </c>
      <c r="C3626" t="s">
        <v>7238</v>
      </c>
    </row>
    <row r="3627" spans="1:3" x14ac:dyDescent="0.15">
      <c r="A3627">
        <v>21391</v>
      </c>
      <c r="B3627" t="s">
        <v>7239</v>
      </c>
      <c r="C3627" t="s">
        <v>7240</v>
      </c>
    </row>
    <row r="3628" spans="1:3" x14ac:dyDescent="0.15">
      <c r="A3628">
        <v>21390</v>
      </c>
      <c r="B3628" t="s">
        <v>7241</v>
      </c>
      <c r="C3628" t="s">
        <v>7242</v>
      </c>
    </row>
    <row r="3629" spans="1:3" x14ac:dyDescent="0.15">
      <c r="A3629">
        <v>21389</v>
      </c>
      <c r="B3629" t="s">
        <v>7243</v>
      </c>
      <c r="C3629" t="s">
        <v>7244</v>
      </c>
    </row>
    <row r="3630" spans="1:3" x14ac:dyDescent="0.15">
      <c r="A3630">
        <v>21388</v>
      </c>
      <c r="B3630" t="s">
        <v>7245</v>
      </c>
      <c r="C3630" t="s">
        <v>7246</v>
      </c>
    </row>
    <row r="3631" spans="1:3" x14ac:dyDescent="0.15">
      <c r="A3631">
        <v>21387</v>
      </c>
      <c r="B3631" t="s">
        <v>7247</v>
      </c>
      <c r="C3631" t="s">
        <v>7248</v>
      </c>
    </row>
    <row r="3632" spans="1:3" x14ac:dyDescent="0.15">
      <c r="A3632">
        <v>21386</v>
      </c>
      <c r="B3632" t="s">
        <v>7249</v>
      </c>
      <c r="C3632" t="s">
        <v>7250</v>
      </c>
    </row>
    <row r="3633" spans="1:3" x14ac:dyDescent="0.15">
      <c r="A3633">
        <v>21385</v>
      </c>
      <c r="B3633" t="s">
        <v>7251</v>
      </c>
      <c r="C3633" t="s">
        <v>7252</v>
      </c>
    </row>
    <row r="3634" spans="1:3" x14ac:dyDescent="0.15">
      <c r="A3634">
        <v>21384</v>
      </c>
      <c r="B3634" t="s">
        <v>7253</v>
      </c>
      <c r="C3634" t="s">
        <v>7254</v>
      </c>
    </row>
    <row r="3635" spans="1:3" x14ac:dyDescent="0.15">
      <c r="A3635">
        <v>21383</v>
      </c>
      <c r="B3635" t="s">
        <v>7255</v>
      </c>
      <c r="C3635" t="s">
        <v>7256</v>
      </c>
    </row>
    <row r="3636" spans="1:3" x14ac:dyDescent="0.15">
      <c r="A3636">
        <v>21382</v>
      </c>
      <c r="B3636" t="s">
        <v>7257</v>
      </c>
      <c r="C3636" t="s">
        <v>7258</v>
      </c>
    </row>
    <row r="3637" spans="1:3" x14ac:dyDescent="0.15">
      <c r="A3637">
        <v>21381</v>
      </c>
      <c r="B3637" t="s">
        <v>7259</v>
      </c>
      <c r="C3637" t="s">
        <v>7260</v>
      </c>
    </row>
    <row r="3638" spans="1:3" x14ac:dyDescent="0.15">
      <c r="A3638">
        <v>21380</v>
      </c>
      <c r="B3638" t="s">
        <v>7261</v>
      </c>
      <c r="C3638" t="s">
        <v>7262</v>
      </c>
    </row>
    <row r="3639" spans="1:3" x14ac:dyDescent="0.15">
      <c r="A3639">
        <v>21379</v>
      </c>
      <c r="B3639" t="s">
        <v>7263</v>
      </c>
      <c r="C3639" t="s">
        <v>7264</v>
      </c>
    </row>
    <row r="3640" spans="1:3" x14ac:dyDescent="0.15">
      <c r="A3640">
        <v>21378</v>
      </c>
      <c r="B3640" t="s">
        <v>7265</v>
      </c>
      <c r="C3640" t="s">
        <v>7266</v>
      </c>
    </row>
    <row r="3641" spans="1:3" x14ac:dyDescent="0.15">
      <c r="A3641">
        <v>21377</v>
      </c>
      <c r="B3641" t="s">
        <v>7267</v>
      </c>
      <c r="C3641" t="s">
        <v>7268</v>
      </c>
    </row>
    <row r="3642" spans="1:3" x14ac:dyDescent="0.15">
      <c r="A3642">
        <v>21376</v>
      </c>
      <c r="B3642" t="s">
        <v>7269</v>
      </c>
      <c r="C3642" t="s">
        <v>7270</v>
      </c>
    </row>
    <row r="3643" spans="1:3" x14ac:dyDescent="0.15">
      <c r="A3643">
        <v>21375</v>
      </c>
      <c r="B3643" t="s">
        <v>7271</v>
      </c>
      <c r="C3643" t="s">
        <v>7272</v>
      </c>
    </row>
    <row r="3644" spans="1:3" x14ac:dyDescent="0.15">
      <c r="A3644">
        <v>21374</v>
      </c>
      <c r="B3644" t="s">
        <v>7273</v>
      </c>
      <c r="C3644" t="s">
        <v>7274</v>
      </c>
    </row>
    <row r="3645" spans="1:3" x14ac:dyDescent="0.15">
      <c r="A3645">
        <v>21373</v>
      </c>
      <c r="B3645" t="s">
        <v>7275</v>
      </c>
      <c r="C3645" t="s">
        <v>7276</v>
      </c>
    </row>
    <row r="3646" spans="1:3" x14ac:dyDescent="0.15">
      <c r="A3646">
        <v>21372</v>
      </c>
      <c r="B3646" t="s">
        <v>7277</v>
      </c>
      <c r="C3646" t="s">
        <v>7278</v>
      </c>
    </row>
    <row r="3647" spans="1:3" x14ac:dyDescent="0.15">
      <c r="A3647">
        <v>21371</v>
      </c>
      <c r="B3647" t="s">
        <v>7279</v>
      </c>
      <c r="C3647" t="s">
        <v>7280</v>
      </c>
    </row>
    <row r="3648" spans="1:3" x14ac:dyDescent="0.15">
      <c r="A3648">
        <v>21370</v>
      </c>
      <c r="B3648" t="s">
        <v>7281</v>
      </c>
      <c r="C3648" t="s">
        <v>7282</v>
      </c>
    </row>
    <row r="3649" spans="1:3" x14ac:dyDescent="0.15">
      <c r="A3649">
        <v>21369</v>
      </c>
      <c r="B3649" t="s">
        <v>7283</v>
      </c>
      <c r="C3649" t="s">
        <v>7284</v>
      </c>
    </row>
    <row r="3650" spans="1:3" x14ac:dyDescent="0.15">
      <c r="A3650">
        <v>21368</v>
      </c>
      <c r="B3650" t="s">
        <v>7285</v>
      </c>
      <c r="C3650" t="s">
        <v>7286</v>
      </c>
    </row>
    <row r="3651" spans="1:3" x14ac:dyDescent="0.15">
      <c r="A3651">
        <v>21367</v>
      </c>
      <c r="B3651" t="s">
        <v>7287</v>
      </c>
      <c r="C3651" t="s">
        <v>7288</v>
      </c>
    </row>
    <row r="3652" spans="1:3" x14ac:dyDescent="0.15">
      <c r="A3652">
        <v>21366</v>
      </c>
      <c r="B3652" t="s">
        <v>7289</v>
      </c>
      <c r="C3652" t="s">
        <v>7290</v>
      </c>
    </row>
    <row r="3653" spans="1:3" x14ac:dyDescent="0.15">
      <c r="A3653">
        <v>21365</v>
      </c>
      <c r="B3653" t="s">
        <v>7291</v>
      </c>
      <c r="C3653" t="s">
        <v>7292</v>
      </c>
    </row>
    <row r="3654" spans="1:3" x14ac:dyDescent="0.15">
      <c r="A3654">
        <v>21364</v>
      </c>
      <c r="B3654" t="s">
        <v>7293</v>
      </c>
      <c r="C3654" t="s">
        <v>7294</v>
      </c>
    </row>
    <row r="3655" spans="1:3" x14ac:dyDescent="0.15">
      <c r="A3655">
        <v>21363</v>
      </c>
      <c r="B3655" t="s">
        <v>7295</v>
      </c>
      <c r="C3655" t="s">
        <v>7296</v>
      </c>
    </row>
    <row r="3656" spans="1:3" x14ac:dyDescent="0.15">
      <c r="A3656">
        <v>21362</v>
      </c>
      <c r="B3656" t="s">
        <v>7297</v>
      </c>
      <c r="C3656" t="s">
        <v>7298</v>
      </c>
    </row>
    <row r="3657" spans="1:3" x14ac:dyDescent="0.15">
      <c r="A3657">
        <v>21361</v>
      </c>
      <c r="B3657" t="s">
        <v>7299</v>
      </c>
      <c r="C3657" t="s">
        <v>7300</v>
      </c>
    </row>
    <row r="3658" spans="1:3" x14ac:dyDescent="0.15">
      <c r="A3658">
        <v>21360</v>
      </c>
      <c r="B3658" t="s">
        <v>7301</v>
      </c>
      <c r="C3658" t="s">
        <v>7302</v>
      </c>
    </row>
    <row r="3659" spans="1:3" x14ac:dyDescent="0.15">
      <c r="A3659">
        <v>21359</v>
      </c>
      <c r="B3659" t="s">
        <v>7303</v>
      </c>
      <c r="C3659" t="s">
        <v>7304</v>
      </c>
    </row>
    <row r="3660" spans="1:3" x14ac:dyDescent="0.15">
      <c r="A3660">
        <v>21358</v>
      </c>
      <c r="B3660" t="s">
        <v>7305</v>
      </c>
      <c r="C3660" t="s">
        <v>7306</v>
      </c>
    </row>
    <row r="3661" spans="1:3" x14ac:dyDescent="0.15">
      <c r="A3661">
        <v>21357</v>
      </c>
      <c r="B3661" t="s">
        <v>7307</v>
      </c>
      <c r="C3661" t="s">
        <v>7308</v>
      </c>
    </row>
    <row r="3662" spans="1:3" x14ac:dyDescent="0.15">
      <c r="A3662">
        <v>21356</v>
      </c>
      <c r="B3662" t="s">
        <v>7309</v>
      </c>
      <c r="C3662" t="s">
        <v>7310</v>
      </c>
    </row>
    <row r="3663" spans="1:3" x14ac:dyDescent="0.15">
      <c r="A3663">
        <v>21355</v>
      </c>
      <c r="B3663" t="s">
        <v>7311</v>
      </c>
      <c r="C3663" t="s">
        <v>7312</v>
      </c>
    </row>
    <row r="3664" spans="1:3" x14ac:dyDescent="0.15">
      <c r="A3664">
        <v>21354</v>
      </c>
      <c r="B3664" t="s">
        <v>7313</v>
      </c>
      <c r="C3664" t="s">
        <v>7314</v>
      </c>
    </row>
    <row r="3665" spans="1:3" x14ac:dyDescent="0.15">
      <c r="A3665">
        <v>21353</v>
      </c>
      <c r="B3665" t="s">
        <v>7315</v>
      </c>
      <c r="C3665" t="s">
        <v>7316</v>
      </c>
    </row>
    <row r="3666" spans="1:3" x14ac:dyDescent="0.15">
      <c r="A3666">
        <v>21352</v>
      </c>
      <c r="B3666" t="s">
        <v>7317</v>
      </c>
      <c r="C3666" t="s">
        <v>7318</v>
      </c>
    </row>
    <row r="3667" spans="1:3" x14ac:dyDescent="0.15">
      <c r="A3667">
        <v>21351</v>
      </c>
      <c r="B3667" t="s">
        <v>7319</v>
      </c>
      <c r="C3667" t="s">
        <v>7320</v>
      </c>
    </row>
    <row r="3668" spans="1:3" x14ac:dyDescent="0.15">
      <c r="A3668">
        <v>21350</v>
      </c>
      <c r="B3668" t="s">
        <v>7321</v>
      </c>
      <c r="C3668" t="s">
        <v>7322</v>
      </c>
    </row>
    <row r="3669" spans="1:3" x14ac:dyDescent="0.15">
      <c r="A3669">
        <v>21349</v>
      </c>
      <c r="B3669" t="s">
        <v>7323</v>
      </c>
      <c r="C3669" t="s">
        <v>7324</v>
      </c>
    </row>
    <row r="3670" spans="1:3" x14ac:dyDescent="0.15">
      <c r="A3670">
        <v>21348</v>
      </c>
      <c r="B3670" t="s">
        <v>7325</v>
      </c>
      <c r="C3670" t="s">
        <v>7326</v>
      </c>
    </row>
    <row r="3671" spans="1:3" x14ac:dyDescent="0.15">
      <c r="A3671">
        <v>21347</v>
      </c>
      <c r="B3671" t="s">
        <v>7327</v>
      </c>
      <c r="C3671" t="s">
        <v>7328</v>
      </c>
    </row>
    <row r="3672" spans="1:3" x14ac:dyDescent="0.15">
      <c r="A3672">
        <v>21346</v>
      </c>
      <c r="B3672" t="s">
        <v>7329</v>
      </c>
      <c r="C3672" t="s">
        <v>7330</v>
      </c>
    </row>
    <row r="3673" spans="1:3" x14ac:dyDescent="0.15">
      <c r="A3673">
        <v>21345</v>
      </c>
      <c r="B3673" t="s">
        <v>7331</v>
      </c>
      <c r="C3673" t="s">
        <v>7332</v>
      </c>
    </row>
    <row r="3674" spans="1:3" x14ac:dyDescent="0.15">
      <c r="A3674">
        <v>21344</v>
      </c>
      <c r="B3674" t="s">
        <v>7333</v>
      </c>
      <c r="C3674" t="s">
        <v>7334</v>
      </c>
    </row>
    <row r="3675" spans="1:3" x14ac:dyDescent="0.15">
      <c r="A3675">
        <v>21343</v>
      </c>
      <c r="B3675" t="s">
        <v>7335</v>
      </c>
      <c r="C3675" t="s">
        <v>7336</v>
      </c>
    </row>
    <row r="3676" spans="1:3" x14ac:dyDescent="0.15">
      <c r="A3676">
        <v>21342</v>
      </c>
      <c r="B3676" t="s">
        <v>7337</v>
      </c>
      <c r="C3676" t="s">
        <v>7338</v>
      </c>
    </row>
    <row r="3677" spans="1:3" x14ac:dyDescent="0.15">
      <c r="A3677">
        <v>21341</v>
      </c>
      <c r="B3677" t="s">
        <v>7339</v>
      </c>
      <c r="C3677" t="s">
        <v>7340</v>
      </c>
    </row>
    <row r="3678" spans="1:3" x14ac:dyDescent="0.15">
      <c r="A3678">
        <v>21340</v>
      </c>
      <c r="B3678" t="s">
        <v>7341</v>
      </c>
      <c r="C3678" t="s">
        <v>7342</v>
      </c>
    </row>
    <row r="3679" spans="1:3" x14ac:dyDescent="0.15">
      <c r="A3679">
        <v>21339</v>
      </c>
      <c r="B3679" t="s">
        <v>7343</v>
      </c>
      <c r="C3679" t="s">
        <v>7344</v>
      </c>
    </row>
    <row r="3680" spans="1:3" x14ac:dyDescent="0.15">
      <c r="A3680">
        <v>21338</v>
      </c>
      <c r="B3680" t="s">
        <v>7345</v>
      </c>
      <c r="C3680" t="s">
        <v>7346</v>
      </c>
    </row>
    <row r="3681" spans="1:3" x14ac:dyDescent="0.15">
      <c r="A3681">
        <v>21337</v>
      </c>
      <c r="B3681" t="s">
        <v>7347</v>
      </c>
      <c r="C3681" t="s">
        <v>7348</v>
      </c>
    </row>
    <row r="3682" spans="1:3" x14ac:dyDescent="0.15">
      <c r="A3682">
        <v>21336</v>
      </c>
      <c r="B3682" t="s">
        <v>7349</v>
      </c>
      <c r="C3682" t="s">
        <v>7350</v>
      </c>
    </row>
    <row r="3683" spans="1:3" x14ac:dyDescent="0.15">
      <c r="A3683">
        <v>21335</v>
      </c>
      <c r="B3683" t="s">
        <v>7351</v>
      </c>
      <c r="C3683" t="s">
        <v>7352</v>
      </c>
    </row>
    <row r="3684" spans="1:3" x14ac:dyDescent="0.15">
      <c r="A3684">
        <v>21334</v>
      </c>
      <c r="B3684" t="s">
        <v>7353</v>
      </c>
      <c r="C3684" t="s">
        <v>7354</v>
      </c>
    </row>
    <row r="3685" spans="1:3" x14ac:dyDescent="0.15">
      <c r="A3685">
        <v>21333</v>
      </c>
      <c r="B3685" t="s">
        <v>7355</v>
      </c>
      <c r="C3685" t="s">
        <v>7356</v>
      </c>
    </row>
    <row r="3686" spans="1:3" x14ac:dyDescent="0.15">
      <c r="A3686">
        <v>21332</v>
      </c>
      <c r="B3686" t="s">
        <v>7357</v>
      </c>
      <c r="C3686" t="s">
        <v>7358</v>
      </c>
    </row>
    <row r="3687" spans="1:3" x14ac:dyDescent="0.15">
      <c r="A3687">
        <v>21331</v>
      </c>
      <c r="B3687" t="s">
        <v>7359</v>
      </c>
      <c r="C3687" t="s">
        <v>7360</v>
      </c>
    </row>
    <row r="3688" spans="1:3" x14ac:dyDescent="0.15">
      <c r="A3688">
        <v>21330</v>
      </c>
      <c r="B3688" t="s">
        <v>7361</v>
      </c>
      <c r="C3688" t="s">
        <v>7362</v>
      </c>
    </row>
    <row r="3689" spans="1:3" x14ac:dyDescent="0.15">
      <c r="A3689">
        <v>21329</v>
      </c>
      <c r="B3689" t="s">
        <v>7363</v>
      </c>
      <c r="C3689" t="s">
        <v>7364</v>
      </c>
    </row>
    <row r="3690" spans="1:3" x14ac:dyDescent="0.15">
      <c r="A3690">
        <v>21328</v>
      </c>
      <c r="B3690" t="s">
        <v>7365</v>
      </c>
      <c r="C3690" t="s">
        <v>7366</v>
      </c>
    </row>
    <row r="3691" spans="1:3" x14ac:dyDescent="0.15">
      <c r="A3691">
        <v>21327</v>
      </c>
      <c r="B3691" t="s">
        <v>7367</v>
      </c>
      <c r="C3691" t="s">
        <v>7368</v>
      </c>
    </row>
    <row r="3692" spans="1:3" x14ac:dyDescent="0.15">
      <c r="A3692">
        <v>21326</v>
      </c>
      <c r="B3692" t="s">
        <v>7369</v>
      </c>
      <c r="C3692" t="s">
        <v>7370</v>
      </c>
    </row>
    <row r="3693" spans="1:3" x14ac:dyDescent="0.15">
      <c r="A3693">
        <v>21325</v>
      </c>
      <c r="B3693" t="s">
        <v>7371</v>
      </c>
      <c r="C3693" t="s">
        <v>7372</v>
      </c>
    </row>
    <row r="3694" spans="1:3" x14ac:dyDescent="0.15">
      <c r="A3694">
        <v>21324</v>
      </c>
      <c r="B3694" t="s">
        <v>7373</v>
      </c>
      <c r="C3694" t="s">
        <v>7374</v>
      </c>
    </row>
    <row r="3695" spans="1:3" x14ac:dyDescent="0.15">
      <c r="A3695">
        <v>21322</v>
      </c>
      <c r="B3695" t="s">
        <v>7375</v>
      </c>
      <c r="C3695" t="s">
        <v>7376</v>
      </c>
    </row>
    <row r="3696" spans="1:3" x14ac:dyDescent="0.15">
      <c r="A3696">
        <v>21321</v>
      </c>
      <c r="B3696" t="s">
        <v>7377</v>
      </c>
      <c r="C3696" t="s">
        <v>7378</v>
      </c>
    </row>
    <row r="3697" spans="1:3" x14ac:dyDescent="0.15">
      <c r="A3697">
        <v>21320</v>
      </c>
      <c r="B3697" t="s">
        <v>7379</v>
      </c>
      <c r="C3697" t="s">
        <v>7380</v>
      </c>
    </row>
    <row r="3698" spans="1:3" x14ac:dyDescent="0.15">
      <c r="A3698">
        <v>21319</v>
      </c>
      <c r="B3698" t="s">
        <v>7381</v>
      </c>
      <c r="C3698" t="s">
        <v>7382</v>
      </c>
    </row>
    <row r="3699" spans="1:3" x14ac:dyDescent="0.15">
      <c r="A3699">
        <v>21318</v>
      </c>
      <c r="B3699" t="s">
        <v>7383</v>
      </c>
      <c r="C3699" t="s">
        <v>7384</v>
      </c>
    </row>
    <row r="3700" spans="1:3" x14ac:dyDescent="0.15">
      <c r="A3700">
        <v>21317</v>
      </c>
      <c r="B3700" t="s">
        <v>7385</v>
      </c>
      <c r="C3700" t="s">
        <v>7386</v>
      </c>
    </row>
    <row r="3701" spans="1:3" x14ac:dyDescent="0.15">
      <c r="A3701">
        <v>21316</v>
      </c>
      <c r="B3701" t="s">
        <v>7387</v>
      </c>
      <c r="C3701" t="s">
        <v>7388</v>
      </c>
    </row>
    <row r="3702" spans="1:3" x14ac:dyDescent="0.15">
      <c r="A3702">
        <v>21315</v>
      </c>
      <c r="B3702" t="s">
        <v>7389</v>
      </c>
      <c r="C3702" t="s">
        <v>7390</v>
      </c>
    </row>
    <row r="3703" spans="1:3" x14ac:dyDescent="0.15">
      <c r="A3703">
        <v>21314</v>
      </c>
      <c r="B3703" t="s">
        <v>7391</v>
      </c>
      <c r="C3703" t="s">
        <v>7392</v>
      </c>
    </row>
    <row r="3704" spans="1:3" x14ac:dyDescent="0.15">
      <c r="A3704">
        <v>21313</v>
      </c>
      <c r="B3704" t="s">
        <v>7393</v>
      </c>
      <c r="C3704" t="s">
        <v>7394</v>
      </c>
    </row>
    <row r="3705" spans="1:3" x14ac:dyDescent="0.15">
      <c r="A3705">
        <v>21312</v>
      </c>
      <c r="B3705" t="s">
        <v>7395</v>
      </c>
      <c r="C3705" t="s">
        <v>7396</v>
      </c>
    </row>
    <row r="3706" spans="1:3" x14ac:dyDescent="0.15">
      <c r="A3706">
        <v>21311</v>
      </c>
      <c r="B3706" t="s">
        <v>7397</v>
      </c>
      <c r="C3706" t="s">
        <v>7398</v>
      </c>
    </row>
    <row r="3707" spans="1:3" x14ac:dyDescent="0.15">
      <c r="A3707">
        <v>21310</v>
      </c>
      <c r="B3707" t="s">
        <v>7399</v>
      </c>
      <c r="C3707" t="s">
        <v>7400</v>
      </c>
    </row>
    <row r="3708" spans="1:3" x14ac:dyDescent="0.15">
      <c r="A3708">
        <v>21309</v>
      </c>
      <c r="B3708" t="s">
        <v>7401</v>
      </c>
      <c r="C3708" t="s">
        <v>7402</v>
      </c>
    </row>
    <row r="3709" spans="1:3" x14ac:dyDescent="0.15">
      <c r="A3709">
        <v>21308</v>
      </c>
      <c r="B3709" t="s">
        <v>7403</v>
      </c>
      <c r="C3709" t="s">
        <v>7404</v>
      </c>
    </row>
    <row r="3710" spans="1:3" x14ac:dyDescent="0.15">
      <c r="A3710">
        <v>21307</v>
      </c>
      <c r="B3710" t="s">
        <v>7405</v>
      </c>
      <c r="C3710" t="s">
        <v>7406</v>
      </c>
    </row>
    <row r="3711" spans="1:3" x14ac:dyDescent="0.15">
      <c r="A3711">
        <v>21306</v>
      </c>
      <c r="B3711" t="s">
        <v>7407</v>
      </c>
      <c r="C3711" t="s">
        <v>7408</v>
      </c>
    </row>
    <row r="3712" spans="1:3" x14ac:dyDescent="0.15">
      <c r="A3712">
        <v>21305</v>
      </c>
      <c r="B3712" t="s">
        <v>7409</v>
      </c>
      <c r="C3712" t="s">
        <v>7410</v>
      </c>
    </row>
    <row r="3713" spans="1:3" x14ac:dyDescent="0.15">
      <c r="A3713">
        <v>21304</v>
      </c>
      <c r="B3713" t="s">
        <v>7411</v>
      </c>
      <c r="C3713" t="s">
        <v>7412</v>
      </c>
    </row>
    <row r="3714" spans="1:3" x14ac:dyDescent="0.15">
      <c r="A3714">
        <v>21303</v>
      </c>
      <c r="B3714" t="s">
        <v>7413</v>
      </c>
      <c r="C3714" t="s">
        <v>7414</v>
      </c>
    </row>
    <row r="3715" spans="1:3" x14ac:dyDescent="0.15">
      <c r="A3715">
        <v>21302</v>
      </c>
      <c r="B3715" t="s">
        <v>7415</v>
      </c>
      <c r="C3715" t="s">
        <v>7416</v>
      </c>
    </row>
    <row r="3716" spans="1:3" x14ac:dyDescent="0.15">
      <c r="A3716">
        <v>21301</v>
      </c>
      <c r="B3716" t="s">
        <v>7417</v>
      </c>
      <c r="C3716" t="s">
        <v>7418</v>
      </c>
    </row>
    <row r="3717" spans="1:3" x14ac:dyDescent="0.15">
      <c r="A3717">
        <v>21300</v>
      </c>
      <c r="B3717" t="s">
        <v>7419</v>
      </c>
      <c r="C3717" t="s">
        <v>7420</v>
      </c>
    </row>
    <row r="3718" spans="1:3" x14ac:dyDescent="0.15">
      <c r="A3718">
        <v>21299</v>
      </c>
      <c r="B3718" t="s">
        <v>7421</v>
      </c>
      <c r="C3718" t="s">
        <v>491</v>
      </c>
    </row>
    <row r="3719" spans="1:3" x14ac:dyDescent="0.15">
      <c r="A3719">
        <v>21298</v>
      </c>
      <c r="B3719" t="s">
        <v>7422</v>
      </c>
      <c r="C3719" t="s">
        <v>7423</v>
      </c>
    </row>
    <row r="3720" spans="1:3" x14ac:dyDescent="0.15">
      <c r="A3720">
        <v>21297</v>
      </c>
      <c r="B3720" t="s">
        <v>7424</v>
      </c>
      <c r="C3720" t="s">
        <v>7425</v>
      </c>
    </row>
    <row r="3721" spans="1:3" x14ac:dyDescent="0.15">
      <c r="A3721">
        <v>21296</v>
      </c>
      <c r="B3721" t="s">
        <v>7426</v>
      </c>
      <c r="C3721" t="s">
        <v>7427</v>
      </c>
    </row>
    <row r="3722" spans="1:3" x14ac:dyDescent="0.15">
      <c r="A3722">
        <v>21295</v>
      </c>
      <c r="B3722" t="s">
        <v>7428</v>
      </c>
      <c r="C3722" t="s">
        <v>7429</v>
      </c>
    </row>
    <row r="3723" spans="1:3" x14ac:dyDescent="0.15">
      <c r="A3723">
        <v>21294</v>
      </c>
      <c r="B3723" t="s">
        <v>7430</v>
      </c>
      <c r="C3723" t="s">
        <v>7431</v>
      </c>
    </row>
    <row r="3724" spans="1:3" x14ac:dyDescent="0.15">
      <c r="A3724">
        <v>21293</v>
      </c>
      <c r="B3724" t="s">
        <v>7432</v>
      </c>
      <c r="C3724" t="s">
        <v>7433</v>
      </c>
    </row>
    <row r="3725" spans="1:3" x14ac:dyDescent="0.15">
      <c r="A3725">
        <v>21292</v>
      </c>
      <c r="B3725" t="s">
        <v>7434</v>
      </c>
      <c r="C3725" t="s">
        <v>7435</v>
      </c>
    </row>
    <row r="3726" spans="1:3" x14ac:dyDescent="0.15">
      <c r="A3726">
        <v>21291</v>
      </c>
      <c r="B3726" t="s">
        <v>7436</v>
      </c>
      <c r="C3726" t="s">
        <v>7437</v>
      </c>
    </row>
    <row r="3727" spans="1:3" x14ac:dyDescent="0.15">
      <c r="A3727">
        <v>21290</v>
      </c>
      <c r="B3727" t="s">
        <v>7438</v>
      </c>
      <c r="C3727" t="s">
        <v>7439</v>
      </c>
    </row>
    <row r="3728" spans="1:3" x14ac:dyDescent="0.15">
      <c r="A3728">
        <v>21289</v>
      </c>
      <c r="B3728" t="s">
        <v>7440</v>
      </c>
      <c r="C3728" t="s">
        <v>7441</v>
      </c>
    </row>
    <row r="3729" spans="1:3" x14ac:dyDescent="0.15">
      <c r="A3729">
        <v>21288</v>
      </c>
      <c r="B3729" t="s">
        <v>7442</v>
      </c>
      <c r="C3729" t="s">
        <v>7443</v>
      </c>
    </row>
    <row r="3730" spans="1:3" x14ac:dyDescent="0.15">
      <c r="A3730">
        <v>21287</v>
      </c>
      <c r="B3730" t="s">
        <v>7444</v>
      </c>
      <c r="C3730" t="s">
        <v>7445</v>
      </c>
    </row>
    <row r="3731" spans="1:3" x14ac:dyDescent="0.15">
      <c r="A3731">
        <v>21286</v>
      </c>
      <c r="B3731" t="s">
        <v>7446</v>
      </c>
      <c r="C3731" t="s">
        <v>7447</v>
      </c>
    </row>
    <row r="3732" spans="1:3" x14ac:dyDescent="0.15">
      <c r="A3732">
        <v>21285</v>
      </c>
      <c r="B3732" t="s">
        <v>7448</v>
      </c>
      <c r="C3732" t="s">
        <v>7449</v>
      </c>
    </row>
    <row r="3733" spans="1:3" x14ac:dyDescent="0.15">
      <c r="A3733">
        <v>21284</v>
      </c>
      <c r="B3733" t="s">
        <v>7450</v>
      </c>
      <c r="C3733" t="s">
        <v>7451</v>
      </c>
    </row>
    <row r="3734" spans="1:3" x14ac:dyDescent="0.15">
      <c r="A3734">
        <v>21283</v>
      </c>
      <c r="B3734" t="s">
        <v>7452</v>
      </c>
      <c r="C3734" t="s">
        <v>7453</v>
      </c>
    </row>
    <row r="3735" spans="1:3" x14ac:dyDescent="0.15">
      <c r="A3735">
        <v>21282</v>
      </c>
      <c r="B3735" t="s">
        <v>7454</v>
      </c>
      <c r="C3735" t="s">
        <v>7455</v>
      </c>
    </row>
    <row r="3736" spans="1:3" x14ac:dyDescent="0.15">
      <c r="A3736">
        <v>21281</v>
      </c>
      <c r="B3736" t="s">
        <v>7456</v>
      </c>
      <c r="C3736" t="s">
        <v>7457</v>
      </c>
    </row>
    <row r="3737" spans="1:3" x14ac:dyDescent="0.15">
      <c r="A3737">
        <v>21280</v>
      </c>
      <c r="B3737" t="s">
        <v>7458</v>
      </c>
      <c r="C3737" t="s">
        <v>7459</v>
      </c>
    </row>
    <row r="3738" spans="1:3" x14ac:dyDescent="0.15">
      <c r="A3738">
        <v>21279</v>
      </c>
      <c r="B3738" t="s">
        <v>7460</v>
      </c>
      <c r="C3738" t="s">
        <v>7461</v>
      </c>
    </row>
    <row r="3739" spans="1:3" x14ac:dyDescent="0.15">
      <c r="A3739">
        <v>21278</v>
      </c>
      <c r="B3739" t="s">
        <v>7462</v>
      </c>
      <c r="C3739" t="s">
        <v>7463</v>
      </c>
    </row>
    <row r="3740" spans="1:3" x14ac:dyDescent="0.15">
      <c r="A3740">
        <v>21277</v>
      </c>
      <c r="B3740" t="s">
        <v>7464</v>
      </c>
      <c r="C3740" t="s">
        <v>7465</v>
      </c>
    </row>
    <row r="3741" spans="1:3" x14ac:dyDescent="0.15">
      <c r="A3741">
        <v>21276</v>
      </c>
      <c r="B3741" t="s">
        <v>7466</v>
      </c>
      <c r="C3741" t="s">
        <v>7467</v>
      </c>
    </row>
    <row r="3742" spans="1:3" x14ac:dyDescent="0.15">
      <c r="A3742">
        <v>21275</v>
      </c>
      <c r="B3742" t="s">
        <v>7468</v>
      </c>
      <c r="C3742" t="s">
        <v>7469</v>
      </c>
    </row>
    <row r="3743" spans="1:3" x14ac:dyDescent="0.15">
      <c r="A3743">
        <v>21274</v>
      </c>
      <c r="B3743" t="s">
        <v>7470</v>
      </c>
      <c r="C3743" t="s">
        <v>7471</v>
      </c>
    </row>
    <row r="3744" spans="1:3" x14ac:dyDescent="0.15">
      <c r="A3744">
        <v>21273</v>
      </c>
      <c r="B3744" t="s">
        <v>7472</v>
      </c>
      <c r="C3744" t="s">
        <v>7473</v>
      </c>
    </row>
    <row r="3745" spans="1:3" x14ac:dyDescent="0.15">
      <c r="A3745">
        <v>21272</v>
      </c>
      <c r="B3745" t="s">
        <v>7474</v>
      </c>
      <c r="C3745" t="s">
        <v>7475</v>
      </c>
    </row>
    <row r="3746" spans="1:3" x14ac:dyDescent="0.15">
      <c r="A3746">
        <v>21271</v>
      </c>
      <c r="B3746" t="s">
        <v>7476</v>
      </c>
      <c r="C3746" t="s">
        <v>7477</v>
      </c>
    </row>
    <row r="3747" spans="1:3" x14ac:dyDescent="0.15">
      <c r="A3747">
        <v>21270</v>
      </c>
      <c r="B3747" t="s">
        <v>7478</v>
      </c>
      <c r="C3747" t="s">
        <v>7479</v>
      </c>
    </row>
    <row r="3748" spans="1:3" x14ac:dyDescent="0.15">
      <c r="A3748">
        <v>21269</v>
      </c>
      <c r="B3748" t="s">
        <v>7480</v>
      </c>
      <c r="C3748" t="s">
        <v>7481</v>
      </c>
    </row>
    <row r="3749" spans="1:3" x14ac:dyDescent="0.15">
      <c r="A3749">
        <v>21268</v>
      </c>
      <c r="B3749" t="s">
        <v>7482</v>
      </c>
      <c r="C3749" t="s">
        <v>7483</v>
      </c>
    </row>
    <row r="3750" spans="1:3" x14ac:dyDescent="0.15">
      <c r="A3750">
        <v>21267</v>
      </c>
      <c r="B3750" t="s">
        <v>7484</v>
      </c>
      <c r="C3750" t="s">
        <v>7485</v>
      </c>
    </row>
    <row r="3751" spans="1:3" x14ac:dyDescent="0.15">
      <c r="A3751">
        <v>21266</v>
      </c>
      <c r="B3751" t="s">
        <v>7486</v>
      </c>
      <c r="C3751" t="s">
        <v>7487</v>
      </c>
    </row>
    <row r="3752" spans="1:3" x14ac:dyDescent="0.15">
      <c r="A3752">
        <v>21265</v>
      </c>
      <c r="B3752" t="s">
        <v>7488</v>
      </c>
      <c r="C3752" t="s">
        <v>7489</v>
      </c>
    </row>
    <row r="3753" spans="1:3" x14ac:dyDescent="0.15">
      <c r="A3753">
        <v>21264</v>
      </c>
      <c r="B3753" t="s">
        <v>7490</v>
      </c>
      <c r="C3753" t="s">
        <v>7491</v>
      </c>
    </row>
    <row r="3754" spans="1:3" x14ac:dyDescent="0.15">
      <c r="A3754">
        <v>21263</v>
      </c>
      <c r="B3754" t="s">
        <v>7492</v>
      </c>
      <c r="C3754" t="s">
        <v>7493</v>
      </c>
    </row>
    <row r="3755" spans="1:3" x14ac:dyDescent="0.15">
      <c r="A3755">
        <v>21262</v>
      </c>
      <c r="B3755" t="s">
        <v>7494</v>
      </c>
      <c r="C3755" t="s">
        <v>7495</v>
      </c>
    </row>
    <row r="3756" spans="1:3" x14ac:dyDescent="0.15">
      <c r="A3756">
        <v>21261</v>
      </c>
      <c r="B3756" t="s">
        <v>7496</v>
      </c>
      <c r="C3756" t="s">
        <v>7497</v>
      </c>
    </row>
    <row r="3757" spans="1:3" x14ac:dyDescent="0.15">
      <c r="A3757">
        <v>21260</v>
      </c>
      <c r="B3757" t="s">
        <v>7498</v>
      </c>
      <c r="C3757" t="s">
        <v>7499</v>
      </c>
    </row>
    <row r="3758" spans="1:3" x14ac:dyDescent="0.15">
      <c r="A3758">
        <v>21259</v>
      </c>
      <c r="B3758" t="s">
        <v>7500</v>
      </c>
      <c r="C3758" t="s">
        <v>7501</v>
      </c>
    </row>
    <row r="3759" spans="1:3" x14ac:dyDescent="0.15">
      <c r="A3759">
        <v>21258</v>
      </c>
      <c r="B3759" t="s">
        <v>7502</v>
      </c>
      <c r="C3759" t="s">
        <v>7503</v>
      </c>
    </row>
    <row r="3760" spans="1:3" x14ac:dyDescent="0.15">
      <c r="A3760">
        <v>21257</v>
      </c>
      <c r="B3760" t="s">
        <v>7504</v>
      </c>
      <c r="C3760" t="s">
        <v>7505</v>
      </c>
    </row>
    <row r="3761" spans="1:3" x14ac:dyDescent="0.15">
      <c r="A3761">
        <v>21256</v>
      </c>
      <c r="B3761" t="s">
        <v>7506</v>
      </c>
      <c r="C3761" t="s">
        <v>7507</v>
      </c>
    </row>
    <row r="3762" spans="1:3" x14ac:dyDescent="0.15">
      <c r="A3762">
        <v>21255</v>
      </c>
      <c r="B3762" t="s">
        <v>7508</v>
      </c>
      <c r="C3762" t="s">
        <v>7509</v>
      </c>
    </row>
    <row r="3763" spans="1:3" x14ac:dyDescent="0.15">
      <c r="A3763">
        <v>21254</v>
      </c>
      <c r="B3763" t="s">
        <v>7510</v>
      </c>
      <c r="C3763" t="s">
        <v>7511</v>
      </c>
    </row>
    <row r="3764" spans="1:3" x14ac:dyDescent="0.15">
      <c r="A3764">
        <v>21253</v>
      </c>
      <c r="B3764" t="s">
        <v>7512</v>
      </c>
      <c r="C3764" t="s">
        <v>7513</v>
      </c>
    </row>
    <row r="3765" spans="1:3" x14ac:dyDescent="0.15">
      <c r="A3765">
        <v>21252</v>
      </c>
      <c r="B3765" t="s">
        <v>7514</v>
      </c>
      <c r="C3765" t="s">
        <v>7515</v>
      </c>
    </row>
    <row r="3766" spans="1:3" x14ac:dyDescent="0.15">
      <c r="A3766">
        <v>21251</v>
      </c>
      <c r="B3766" t="s">
        <v>7516</v>
      </c>
      <c r="C3766" t="s">
        <v>7517</v>
      </c>
    </row>
    <row r="3767" spans="1:3" x14ac:dyDescent="0.15">
      <c r="A3767">
        <v>21250</v>
      </c>
      <c r="B3767" t="s">
        <v>7518</v>
      </c>
      <c r="C3767" t="s">
        <v>7519</v>
      </c>
    </row>
    <row r="3768" spans="1:3" x14ac:dyDescent="0.15">
      <c r="A3768">
        <v>21249</v>
      </c>
      <c r="B3768" t="s">
        <v>7520</v>
      </c>
      <c r="C3768" t="s">
        <v>7521</v>
      </c>
    </row>
    <row r="3769" spans="1:3" x14ac:dyDescent="0.15">
      <c r="A3769">
        <v>21248</v>
      </c>
      <c r="B3769" t="s">
        <v>7522</v>
      </c>
      <c r="C3769" t="s">
        <v>7523</v>
      </c>
    </row>
    <row r="3770" spans="1:3" x14ac:dyDescent="0.15">
      <c r="A3770">
        <v>21247</v>
      </c>
      <c r="B3770" t="s">
        <v>7524</v>
      </c>
      <c r="C3770" t="s">
        <v>7525</v>
      </c>
    </row>
    <row r="3771" spans="1:3" x14ac:dyDescent="0.15">
      <c r="A3771">
        <v>21246</v>
      </c>
      <c r="B3771" t="s">
        <v>7526</v>
      </c>
      <c r="C3771" t="s">
        <v>7527</v>
      </c>
    </row>
    <row r="3772" spans="1:3" x14ac:dyDescent="0.15">
      <c r="A3772">
        <v>21245</v>
      </c>
      <c r="B3772" t="s">
        <v>7528</v>
      </c>
      <c r="C3772" t="s">
        <v>7529</v>
      </c>
    </row>
    <row r="3773" spans="1:3" x14ac:dyDescent="0.15">
      <c r="A3773">
        <v>21244</v>
      </c>
      <c r="B3773" t="s">
        <v>7530</v>
      </c>
      <c r="C3773" t="s">
        <v>7531</v>
      </c>
    </row>
    <row r="3774" spans="1:3" x14ac:dyDescent="0.15">
      <c r="A3774">
        <v>21243</v>
      </c>
      <c r="B3774" t="s">
        <v>7532</v>
      </c>
      <c r="C3774" t="s">
        <v>7533</v>
      </c>
    </row>
    <row r="3775" spans="1:3" x14ac:dyDescent="0.15">
      <c r="A3775">
        <v>21242</v>
      </c>
      <c r="B3775" t="s">
        <v>7534</v>
      </c>
      <c r="C3775" t="s">
        <v>7535</v>
      </c>
    </row>
    <row r="3776" spans="1:3" x14ac:dyDescent="0.15">
      <c r="A3776">
        <v>21241</v>
      </c>
      <c r="B3776" t="s">
        <v>7536</v>
      </c>
      <c r="C3776" t="s">
        <v>7537</v>
      </c>
    </row>
    <row r="3777" spans="1:3" x14ac:dyDescent="0.15">
      <c r="A3777">
        <v>21240</v>
      </c>
      <c r="B3777" t="s">
        <v>7538</v>
      </c>
      <c r="C3777" t="s">
        <v>7539</v>
      </c>
    </row>
    <row r="3778" spans="1:3" x14ac:dyDescent="0.15">
      <c r="A3778">
        <v>21239</v>
      </c>
      <c r="B3778" t="s">
        <v>7540</v>
      </c>
      <c r="C3778" t="s">
        <v>7541</v>
      </c>
    </row>
    <row r="3779" spans="1:3" x14ac:dyDescent="0.15">
      <c r="A3779">
        <v>21238</v>
      </c>
      <c r="B3779" t="s">
        <v>7542</v>
      </c>
      <c r="C3779" t="s">
        <v>7543</v>
      </c>
    </row>
    <row r="3780" spans="1:3" x14ac:dyDescent="0.15">
      <c r="A3780">
        <v>21237</v>
      </c>
      <c r="B3780" t="s">
        <v>7544</v>
      </c>
      <c r="C3780" t="s">
        <v>7545</v>
      </c>
    </row>
    <row r="3781" spans="1:3" x14ac:dyDescent="0.15">
      <c r="A3781">
        <v>21236</v>
      </c>
      <c r="B3781" t="s">
        <v>7546</v>
      </c>
      <c r="C3781" t="s">
        <v>7547</v>
      </c>
    </row>
    <row r="3782" spans="1:3" x14ac:dyDescent="0.15">
      <c r="A3782">
        <v>21235</v>
      </c>
      <c r="B3782" t="s">
        <v>7548</v>
      </c>
      <c r="C3782" t="s">
        <v>7549</v>
      </c>
    </row>
    <row r="3783" spans="1:3" x14ac:dyDescent="0.15">
      <c r="A3783">
        <v>21234</v>
      </c>
      <c r="B3783" t="s">
        <v>7550</v>
      </c>
      <c r="C3783" t="s">
        <v>7551</v>
      </c>
    </row>
    <row r="3784" spans="1:3" x14ac:dyDescent="0.15">
      <c r="A3784">
        <v>21233</v>
      </c>
      <c r="B3784" t="s">
        <v>7552</v>
      </c>
      <c r="C3784" t="s">
        <v>7553</v>
      </c>
    </row>
    <row r="3785" spans="1:3" x14ac:dyDescent="0.15">
      <c r="A3785">
        <v>21232</v>
      </c>
      <c r="B3785" t="s">
        <v>7554</v>
      </c>
      <c r="C3785" t="s">
        <v>7555</v>
      </c>
    </row>
    <row r="3786" spans="1:3" x14ac:dyDescent="0.15">
      <c r="A3786">
        <v>21231</v>
      </c>
      <c r="B3786" t="s">
        <v>7556</v>
      </c>
      <c r="C3786" t="s">
        <v>7557</v>
      </c>
    </row>
    <row r="3787" spans="1:3" x14ac:dyDescent="0.15">
      <c r="A3787">
        <v>21230</v>
      </c>
      <c r="B3787" t="s">
        <v>7558</v>
      </c>
      <c r="C3787" t="s">
        <v>7559</v>
      </c>
    </row>
    <row r="3788" spans="1:3" x14ac:dyDescent="0.15">
      <c r="A3788">
        <v>21229</v>
      </c>
      <c r="B3788" t="s">
        <v>7560</v>
      </c>
      <c r="C3788" t="s">
        <v>7561</v>
      </c>
    </row>
    <row r="3789" spans="1:3" x14ac:dyDescent="0.15">
      <c r="A3789">
        <v>21228</v>
      </c>
      <c r="B3789" t="s">
        <v>7562</v>
      </c>
      <c r="C3789" t="s">
        <v>7563</v>
      </c>
    </row>
    <row r="3790" spans="1:3" x14ac:dyDescent="0.15">
      <c r="A3790">
        <v>21227</v>
      </c>
      <c r="B3790" t="s">
        <v>7564</v>
      </c>
      <c r="C3790" t="s">
        <v>7565</v>
      </c>
    </row>
    <row r="3791" spans="1:3" x14ac:dyDescent="0.15">
      <c r="A3791">
        <v>21226</v>
      </c>
      <c r="B3791" t="s">
        <v>7566</v>
      </c>
      <c r="C3791" t="s">
        <v>7567</v>
      </c>
    </row>
    <row r="3792" spans="1:3" x14ac:dyDescent="0.15">
      <c r="A3792">
        <v>21225</v>
      </c>
      <c r="B3792" t="s">
        <v>7568</v>
      </c>
      <c r="C3792" t="s">
        <v>7569</v>
      </c>
    </row>
    <row r="3793" spans="1:3" x14ac:dyDescent="0.15">
      <c r="A3793">
        <v>21224</v>
      </c>
      <c r="B3793" t="s">
        <v>7570</v>
      </c>
      <c r="C3793" t="s">
        <v>7571</v>
      </c>
    </row>
    <row r="3794" spans="1:3" x14ac:dyDescent="0.15">
      <c r="A3794">
        <v>21223</v>
      </c>
      <c r="B3794" t="s">
        <v>7572</v>
      </c>
      <c r="C3794" t="s">
        <v>7573</v>
      </c>
    </row>
    <row r="3795" spans="1:3" x14ac:dyDescent="0.15">
      <c r="A3795">
        <v>21222</v>
      </c>
      <c r="B3795" t="s">
        <v>7574</v>
      </c>
      <c r="C3795" t="s">
        <v>7575</v>
      </c>
    </row>
    <row r="3796" spans="1:3" x14ac:dyDescent="0.15">
      <c r="A3796">
        <v>21221</v>
      </c>
      <c r="B3796" t="s">
        <v>7576</v>
      </c>
      <c r="C3796" t="s">
        <v>7577</v>
      </c>
    </row>
    <row r="3797" spans="1:3" x14ac:dyDescent="0.15">
      <c r="A3797">
        <v>21220</v>
      </c>
      <c r="B3797" t="s">
        <v>7578</v>
      </c>
      <c r="C3797" t="s">
        <v>7579</v>
      </c>
    </row>
    <row r="3798" spans="1:3" x14ac:dyDescent="0.15">
      <c r="A3798">
        <v>21219</v>
      </c>
      <c r="B3798" t="s">
        <v>7580</v>
      </c>
      <c r="C3798" t="s">
        <v>7581</v>
      </c>
    </row>
    <row r="3799" spans="1:3" x14ac:dyDescent="0.15">
      <c r="A3799">
        <v>21218</v>
      </c>
      <c r="B3799" t="s">
        <v>7582</v>
      </c>
      <c r="C3799" t="s">
        <v>7583</v>
      </c>
    </row>
    <row r="3800" spans="1:3" x14ac:dyDescent="0.15">
      <c r="A3800">
        <v>21217</v>
      </c>
      <c r="B3800" t="s">
        <v>7584</v>
      </c>
      <c r="C3800" t="s">
        <v>7585</v>
      </c>
    </row>
    <row r="3801" spans="1:3" x14ac:dyDescent="0.15">
      <c r="A3801">
        <v>21216</v>
      </c>
      <c r="B3801" t="s">
        <v>7586</v>
      </c>
      <c r="C3801" t="s">
        <v>7587</v>
      </c>
    </row>
    <row r="3802" spans="1:3" x14ac:dyDescent="0.15">
      <c r="A3802">
        <v>21215</v>
      </c>
      <c r="B3802" t="s">
        <v>7588</v>
      </c>
      <c r="C3802" t="s">
        <v>7589</v>
      </c>
    </row>
    <row r="3803" spans="1:3" x14ac:dyDescent="0.15">
      <c r="A3803">
        <v>21214</v>
      </c>
      <c r="B3803" t="s">
        <v>7590</v>
      </c>
      <c r="C3803" t="s">
        <v>7591</v>
      </c>
    </row>
    <row r="3804" spans="1:3" x14ac:dyDescent="0.15">
      <c r="A3804">
        <v>21213</v>
      </c>
      <c r="B3804" t="s">
        <v>7592</v>
      </c>
      <c r="C3804" t="s">
        <v>7593</v>
      </c>
    </row>
    <row r="3805" spans="1:3" x14ac:dyDescent="0.15">
      <c r="A3805">
        <v>21212</v>
      </c>
      <c r="B3805" t="s">
        <v>7594</v>
      </c>
      <c r="C3805" t="s">
        <v>7595</v>
      </c>
    </row>
    <row r="3806" spans="1:3" x14ac:dyDescent="0.15">
      <c r="A3806">
        <v>21211</v>
      </c>
      <c r="B3806" t="s">
        <v>7596</v>
      </c>
      <c r="C3806" t="s">
        <v>7597</v>
      </c>
    </row>
    <row r="3807" spans="1:3" x14ac:dyDescent="0.15">
      <c r="A3807">
        <v>21210</v>
      </c>
      <c r="B3807" t="s">
        <v>7598</v>
      </c>
      <c r="C3807" t="s">
        <v>7599</v>
      </c>
    </row>
    <row r="3808" spans="1:3" x14ac:dyDescent="0.15">
      <c r="A3808">
        <v>21209</v>
      </c>
      <c r="B3808" t="s">
        <v>7600</v>
      </c>
      <c r="C3808" t="s">
        <v>7601</v>
      </c>
    </row>
    <row r="3809" spans="1:3" x14ac:dyDescent="0.15">
      <c r="A3809">
        <v>21208</v>
      </c>
      <c r="B3809" t="s">
        <v>7602</v>
      </c>
      <c r="C3809" t="s">
        <v>7603</v>
      </c>
    </row>
    <row r="3810" spans="1:3" x14ac:dyDescent="0.15">
      <c r="A3810">
        <v>21207</v>
      </c>
      <c r="B3810" t="s">
        <v>7604</v>
      </c>
      <c r="C3810" t="s">
        <v>7605</v>
      </c>
    </row>
    <row r="3811" spans="1:3" x14ac:dyDescent="0.15">
      <c r="A3811">
        <v>21206</v>
      </c>
      <c r="B3811" t="s">
        <v>7606</v>
      </c>
      <c r="C3811" t="s">
        <v>7607</v>
      </c>
    </row>
    <row r="3812" spans="1:3" x14ac:dyDescent="0.15">
      <c r="A3812">
        <v>21205</v>
      </c>
      <c r="B3812" t="s">
        <v>7608</v>
      </c>
      <c r="C3812" t="s">
        <v>7609</v>
      </c>
    </row>
    <row r="3813" spans="1:3" x14ac:dyDescent="0.15">
      <c r="A3813">
        <v>21204</v>
      </c>
      <c r="B3813" t="s">
        <v>7610</v>
      </c>
      <c r="C3813" t="s">
        <v>7611</v>
      </c>
    </row>
    <row r="3814" spans="1:3" x14ac:dyDescent="0.15">
      <c r="A3814">
        <v>21203</v>
      </c>
      <c r="B3814" t="s">
        <v>7612</v>
      </c>
      <c r="C3814" t="s">
        <v>7613</v>
      </c>
    </row>
    <row r="3815" spans="1:3" x14ac:dyDescent="0.15">
      <c r="A3815">
        <v>21202</v>
      </c>
      <c r="B3815" t="s">
        <v>7614</v>
      </c>
      <c r="C3815" t="s">
        <v>7615</v>
      </c>
    </row>
    <row r="3816" spans="1:3" x14ac:dyDescent="0.15">
      <c r="A3816">
        <v>21201</v>
      </c>
      <c r="B3816" t="s">
        <v>7616</v>
      </c>
      <c r="C3816" t="s">
        <v>7617</v>
      </c>
    </row>
    <row r="3817" spans="1:3" x14ac:dyDescent="0.15">
      <c r="A3817">
        <v>21200</v>
      </c>
      <c r="B3817" t="s">
        <v>7618</v>
      </c>
      <c r="C3817" t="s">
        <v>7619</v>
      </c>
    </row>
    <row r="3818" spans="1:3" x14ac:dyDescent="0.15">
      <c r="A3818">
        <v>21199</v>
      </c>
      <c r="B3818" t="s">
        <v>7620</v>
      </c>
      <c r="C3818" t="s">
        <v>7621</v>
      </c>
    </row>
    <row r="3819" spans="1:3" x14ac:dyDescent="0.15">
      <c r="A3819">
        <v>21198</v>
      </c>
      <c r="B3819" t="s">
        <v>7622</v>
      </c>
      <c r="C3819" t="s">
        <v>7623</v>
      </c>
    </row>
    <row r="3820" spans="1:3" x14ac:dyDescent="0.15">
      <c r="A3820">
        <v>21197</v>
      </c>
      <c r="B3820" t="s">
        <v>7624</v>
      </c>
      <c r="C3820" t="s">
        <v>7625</v>
      </c>
    </row>
    <row r="3821" spans="1:3" x14ac:dyDescent="0.15">
      <c r="A3821">
        <v>21196</v>
      </c>
      <c r="B3821" t="s">
        <v>7626</v>
      </c>
      <c r="C3821" t="s">
        <v>7627</v>
      </c>
    </row>
    <row r="3822" spans="1:3" x14ac:dyDescent="0.15">
      <c r="A3822">
        <v>21195</v>
      </c>
      <c r="B3822" t="s">
        <v>7628</v>
      </c>
      <c r="C3822" t="s">
        <v>7629</v>
      </c>
    </row>
    <row r="3823" spans="1:3" x14ac:dyDescent="0.15">
      <c r="A3823">
        <v>21194</v>
      </c>
      <c r="B3823" t="s">
        <v>7630</v>
      </c>
      <c r="C3823" t="s">
        <v>7631</v>
      </c>
    </row>
    <row r="3824" spans="1:3" x14ac:dyDescent="0.15">
      <c r="A3824">
        <v>21193</v>
      </c>
      <c r="B3824" t="s">
        <v>7632</v>
      </c>
      <c r="C3824" t="s">
        <v>7633</v>
      </c>
    </row>
    <row r="3825" spans="1:3" x14ac:dyDescent="0.15">
      <c r="A3825">
        <v>21192</v>
      </c>
      <c r="B3825" t="s">
        <v>7634</v>
      </c>
      <c r="C3825" t="s">
        <v>7635</v>
      </c>
    </row>
    <row r="3826" spans="1:3" x14ac:dyDescent="0.15">
      <c r="A3826">
        <v>21191</v>
      </c>
      <c r="B3826" t="s">
        <v>7636</v>
      </c>
      <c r="C3826" t="s">
        <v>7637</v>
      </c>
    </row>
    <row r="3827" spans="1:3" x14ac:dyDescent="0.15">
      <c r="A3827">
        <v>21190</v>
      </c>
      <c r="B3827" t="s">
        <v>7638</v>
      </c>
      <c r="C3827" t="s">
        <v>7639</v>
      </c>
    </row>
    <row r="3828" spans="1:3" x14ac:dyDescent="0.15">
      <c r="A3828">
        <v>21189</v>
      </c>
      <c r="B3828" t="s">
        <v>7640</v>
      </c>
      <c r="C3828" t="s">
        <v>7641</v>
      </c>
    </row>
    <row r="3829" spans="1:3" x14ac:dyDescent="0.15">
      <c r="A3829">
        <v>21188</v>
      </c>
      <c r="B3829" t="s">
        <v>7642</v>
      </c>
      <c r="C3829" t="s">
        <v>7643</v>
      </c>
    </row>
    <row r="3830" spans="1:3" x14ac:dyDescent="0.15">
      <c r="A3830">
        <v>21187</v>
      </c>
      <c r="B3830" t="s">
        <v>7644</v>
      </c>
      <c r="C3830" t="s">
        <v>7645</v>
      </c>
    </row>
    <row r="3831" spans="1:3" x14ac:dyDescent="0.15">
      <c r="A3831">
        <v>21186</v>
      </c>
      <c r="B3831" t="s">
        <v>7646</v>
      </c>
      <c r="C3831" t="s">
        <v>7647</v>
      </c>
    </row>
    <row r="3832" spans="1:3" x14ac:dyDescent="0.15">
      <c r="A3832">
        <v>21185</v>
      </c>
      <c r="B3832" t="s">
        <v>7648</v>
      </c>
      <c r="C3832" t="s">
        <v>7649</v>
      </c>
    </row>
    <row r="3833" spans="1:3" x14ac:dyDescent="0.15">
      <c r="A3833">
        <v>21184</v>
      </c>
      <c r="B3833" t="s">
        <v>7650</v>
      </c>
      <c r="C3833" t="s">
        <v>7651</v>
      </c>
    </row>
    <row r="3834" spans="1:3" x14ac:dyDescent="0.15">
      <c r="A3834">
        <v>21183</v>
      </c>
      <c r="B3834" t="s">
        <v>7652</v>
      </c>
      <c r="C3834" t="s">
        <v>7653</v>
      </c>
    </row>
    <row r="3835" spans="1:3" x14ac:dyDescent="0.15">
      <c r="A3835">
        <v>21182</v>
      </c>
      <c r="B3835" t="s">
        <v>7654</v>
      </c>
      <c r="C3835" t="s">
        <v>7655</v>
      </c>
    </row>
    <row r="3836" spans="1:3" x14ac:dyDescent="0.15">
      <c r="A3836">
        <v>21181</v>
      </c>
      <c r="B3836" t="s">
        <v>7656</v>
      </c>
      <c r="C3836" t="s">
        <v>7657</v>
      </c>
    </row>
    <row r="3837" spans="1:3" x14ac:dyDescent="0.15">
      <c r="A3837">
        <v>21180</v>
      </c>
      <c r="B3837" t="s">
        <v>7658</v>
      </c>
      <c r="C3837" t="s">
        <v>7659</v>
      </c>
    </row>
    <row r="3838" spans="1:3" x14ac:dyDescent="0.15">
      <c r="A3838">
        <v>21179</v>
      </c>
      <c r="B3838" t="s">
        <v>7660</v>
      </c>
      <c r="C3838" t="s">
        <v>7661</v>
      </c>
    </row>
    <row r="3839" spans="1:3" x14ac:dyDescent="0.15">
      <c r="A3839">
        <v>21178</v>
      </c>
      <c r="B3839" t="s">
        <v>7662</v>
      </c>
      <c r="C3839" t="s">
        <v>7663</v>
      </c>
    </row>
    <row r="3840" spans="1:3" x14ac:dyDescent="0.15">
      <c r="A3840">
        <v>21177</v>
      </c>
      <c r="B3840" t="s">
        <v>7664</v>
      </c>
      <c r="C3840" t="s">
        <v>7665</v>
      </c>
    </row>
    <row r="3841" spans="1:3" x14ac:dyDescent="0.15">
      <c r="A3841">
        <v>21176</v>
      </c>
      <c r="B3841" t="s">
        <v>7666</v>
      </c>
      <c r="C3841" t="s">
        <v>7667</v>
      </c>
    </row>
    <row r="3842" spans="1:3" x14ac:dyDescent="0.15">
      <c r="A3842">
        <v>21175</v>
      </c>
      <c r="B3842" t="s">
        <v>7668</v>
      </c>
      <c r="C3842" t="s">
        <v>7669</v>
      </c>
    </row>
    <row r="3843" spans="1:3" x14ac:dyDescent="0.15">
      <c r="A3843">
        <v>21174</v>
      </c>
      <c r="B3843" t="s">
        <v>7670</v>
      </c>
      <c r="C3843" t="s">
        <v>7671</v>
      </c>
    </row>
    <row r="3844" spans="1:3" x14ac:dyDescent="0.15">
      <c r="A3844">
        <v>21173</v>
      </c>
      <c r="B3844" t="s">
        <v>7672</v>
      </c>
      <c r="C3844" t="s">
        <v>7673</v>
      </c>
    </row>
    <row r="3845" spans="1:3" x14ac:dyDescent="0.15">
      <c r="A3845">
        <v>21172</v>
      </c>
      <c r="B3845" t="s">
        <v>7674</v>
      </c>
      <c r="C3845" t="s">
        <v>7675</v>
      </c>
    </row>
    <row r="3846" spans="1:3" x14ac:dyDescent="0.15">
      <c r="A3846">
        <v>21171</v>
      </c>
      <c r="B3846" t="s">
        <v>7676</v>
      </c>
      <c r="C3846" t="s">
        <v>7677</v>
      </c>
    </row>
    <row r="3847" spans="1:3" x14ac:dyDescent="0.15">
      <c r="A3847">
        <v>21170</v>
      </c>
      <c r="B3847" t="s">
        <v>7678</v>
      </c>
      <c r="C3847" t="s">
        <v>7679</v>
      </c>
    </row>
    <row r="3848" spans="1:3" x14ac:dyDescent="0.15">
      <c r="A3848">
        <v>21169</v>
      </c>
      <c r="B3848" t="s">
        <v>7680</v>
      </c>
      <c r="C3848" t="s">
        <v>7681</v>
      </c>
    </row>
    <row r="3849" spans="1:3" x14ac:dyDescent="0.15">
      <c r="A3849">
        <v>21168</v>
      </c>
      <c r="B3849" t="s">
        <v>7682</v>
      </c>
      <c r="C3849" t="s">
        <v>7683</v>
      </c>
    </row>
    <row r="3850" spans="1:3" x14ac:dyDescent="0.15">
      <c r="A3850">
        <v>21167</v>
      </c>
      <c r="B3850" t="s">
        <v>7684</v>
      </c>
      <c r="C3850" t="s">
        <v>7685</v>
      </c>
    </row>
    <row r="3851" spans="1:3" x14ac:dyDescent="0.15">
      <c r="A3851">
        <v>21166</v>
      </c>
      <c r="B3851" t="s">
        <v>7686</v>
      </c>
      <c r="C3851" t="s">
        <v>7687</v>
      </c>
    </row>
    <row r="3852" spans="1:3" x14ac:dyDescent="0.15">
      <c r="A3852">
        <v>21165</v>
      </c>
      <c r="B3852" t="s">
        <v>7688</v>
      </c>
      <c r="C3852" t="s">
        <v>7689</v>
      </c>
    </row>
    <row r="3853" spans="1:3" x14ac:dyDescent="0.15">
      <c r="A3853">
        <v>21164</v>
      </c>
      <c r="B3853" t="s">
        <v>7690</v>
      </c>
      <c r="C3853" t="s">
        <v>7691</v>
      </c>
    </row>
    <row r="3854" spans="1:3" x14ac:dyDescent="0.15">
      <c r="A3854">
        <v>21163</v>
      </c>
      <c r="B3854" t="s">
        <v>7692</v>
      </c>
      <c r="C3854" t="s">
        <v>7693</v>
      </c>
    </row>
    <row r="3855" spans="1:3" x14ac:dyDescent="0.15">
      <c r="A3855">
        <v>21162</v>
      </c>
      <c r="B3855" t="s">
        <v>7694</v>
      </c>
      <c r="C3855" t="s">
        <v>7695</v>
      </c>
    </row>
    <row r="3856" spans="1:3" x14ac:dyDescent="0.15">
      <c r="A3856">
        <v>21161</v>
      </c>
      <c r="B3856" t="s">
        <v>7696</v>
      </c>
      <c r="C3856" t="s">
        <v>7697</v>
      </c>
    </row>
    <row r="3857" spans="1:3" x14ac:dyDescent="0.15">
      <c r="A3857">
        <v>21160</v>
      </c>
      <c r="B3857" t="s">
        <v>7698</v>
      </c>
      <c r="C3857" t="s">
        <v>7699</v>
      </c>
    </row>
    <row r="3858" spans="1:3" x14ac:dyDescent="0.15">
      <c r="A3858">
        <v>21159</v>
      </c>
      <c r="B3858" t="s">
        <v>7700</v>
      </c>
      <c r="C3858" t="s">
        <v>7701</v>
      </c>
    </row>
    <row r="3859" spans="1:3" x14ac:dyDescent="0.15">
      <c r="A3859">
        <v>21158</v>
      </c>
      <c r="B3859" t="s">
        <v>7702</v>
      </c>
      <c r="C3859" t="s">
        <v>7703</v>
      </c>
    </row>
    <row r="3860" spans="1:3" x14ac:dyDescent="0.15">
      <c r="A3860">
        <v>21157</v>
      </c>
      <c r="B3860" t="s">
        <v>7704</v>
      </c>
      <c r="C3860" t="s">
        <v>7705</v>
      </c>
    </row>
    <row r="3861" spans="1:3" x14ac:dyDescent="0.15">
      <c r="A3861">
        <v>21156</v>
      </c>
      <c r="B3861" t="s">
        <v>7706</v>
      </c>
      <c r="C3861" t="s">
        <v>7707</v>
      </c>
    </row>
    <row r="3862" spans="1:3" x14ac:dyDescent="0.15">
      <c r="A3862">
        <v>21155</v>
      </c>
      <c r="B3862" t="s">
        <v>7708</v>
      </c>
      <c r="C3862" t="s">
        <v>7709</v>
      </c>
    </row>
    <row r="3863" spans="1:3" x14ac:dyDescent="0.15">
      <c r="A3863">
        <v>21154</v>
      </c>
      <c r="B3863" t="s">
        <v>7710</v>
      </c>
      <c r="C3863" t="s">
        <v>7711</v>
      </c>
    </row>
    <row r="3864" spans="1:3" x14ac:dyDescent="0.15">
      <c r="A3864">
        <v>21153</v>
      </c>
      <c r="B3864" t="s">
        <v>7712</v>
      </c>
      <c r="C3864" t="s">
        <v>7713</v>
      </c>
    </row>
    <row r="3865" spans="1:3" x14ac:dyDescent="0.15">
      <c r="A3865">
        <v>21152</v>
      </c>
      <c r="B3865" t="s">
        <v>7714</v>
      </c>
      <c r="C3865" t="s">
        <v>7715</v>
      </c>
    </row>
    <row r="3866" spans="1:3" x14ac:dyDescent="0.15">
      <c r="A3866">
        <v>21151</v>
      </c>
      <c r="B3866" t="s">
        <v>7716</v>
      </c>
      <c r="C3866" t="s">
        <v>7717</v>
      </c>
    </row>
    <row r="3867" spans="1:3" x14ac:dyDescent="0.15">
      <c r="A3867">
        <v>21150</v>
      </c>
      <c r="B3867" t="s">
        <v>7718</v>
      </c>
      <c r="C3867" t="s">
        <v>7719</v>
      </c>
    </row>
    <row r="3868" spans="1:3" x14ac:dyDescent="0.15">
      <c r="A3868">
        <v>21149</v>
      </c>
      <c r="B3868" t="s">
        <v>7720</v>
      </c>
      <c r="C3868" t="s">
        <v>7721</v>
      </c>
    </row>
    <row r="3869" spans="1:3" x14ac:dyDescent="0.15">
      <c r="A3869">
        <v>21148</v>
      </c>
      <c r="B3869" t="s">
        <v>7722</v>
      </c>
      <c r="C3869" t="s">
        <v>7723</v>
      </c>
    </row>
    <row r="3870" spans="1:3" x14ac:dyDescent="0.15">
      <c r="A3870">
        <v>21147</v>
      </c>
      <c r="B3870" t="s">
        <v>7724</v>
      </c>
      <c r="C3870" t="s">
        <v>7725</v>
      </c>
    </row>
    <row r="3871" spans="1:3" x14ac:dyDescent="0.15">
      <c r="A3871">
        <v>21146</v>
      </c>
      <c r="B3871" t="s">
        <v>7726</v>
      </c>
      <c r="C3871" t="s">
        <v>491</v>
      </c>
    </row>
    <row r="3872" spans="1:3" x14ac:dyDescent="0.15">
      <c r="A3872">
        <v>21145</v>
      </c>
      <c r="B3872" t="s">
        <v>7727</v>
      </c>
      <c r="C3872" t="s">
        <v>7728</v>
      </c>
    </row>
    <row r="3873" spans="1:3" x14ac:dyDescent="0.15">
      <c r="A3873">
        <v>21144</v>
      </c>
      <c r="B3873" t="s">
        <v>7729</v>
      </c>
      <c r="C3873" t="s">
        <v>7730</v>
      </c>
    </row>
    <row r="3874" spans="1:3" x14ac:dyDescent="0.15">
      <c r="A3874">
        <v>21143</v>
      </c>
      <c r="B3874" t="s">
        <v>7731</v>
      </c>
      <c r="C3874" t="s">
        <v>7732</v>
      </c>
    </row>
    <row r="3875" spans="1:3" x14ac:dyDescent="0.15">
      <c r="A3875">
        <v>21142</v>
      </c>
      <c r="B3875" t="s">
        <v>7733</v>
      </c>
      <c r="C3875" t="s">
        <v>7734</v>
      </c>
    </row>
    <row r="3876" spans="1:3" x14ac:dyDescent="0.15">
      <c r="A3876">
        <v>21141</v>
      </c>
      <c r="B3876" t="s">
        <v>7735</v>
      </c>
      <c r="C3876" t="s">
        <v>7736</v>
      </c>
    </row>
    <row r="3877" spans="1:3" x14ac:dyDescent="0.15">
      <c r="A3877">
        <v>21140</v>
      </c>
      <c r="B3877" t="s">
        <v>7737</v>
      </c>
      <c r="C3877" t="s">
        <v>7738</v>
      </c>
    </row>
    <row r="3878" spans="1:3" x14ac:dyDescent="0.15">
      <c r="A3878">
        <v>21139</v>
      </c>
      <c r="B3878" t="s">
        <v>7739</v>
      </c>
      <c r="C3878" t="s">
        <v>7740</v>
      </c>
    </row>
    <row r="3879" spans="1:3" x14ac:dyDescent="0.15">
      <c r="A3879">
        <v>21138</v>
      </c>
      <c r="B3879" t="s">
        <v>7741</v>
      </c>
      <c r="C3879" t="s">
        <v>7742</v>
      </c>
    </row>
    <row r="3880" spans="1:3" x14ac:dyDescent="0.15">
      <c r="A3880">
        <v>21137</v>
      </c>
      <c r="B3880" t="s">
        <v>7743</v>
      </c>
      <c r="C3880" t="s">
        <v>7744</v>
      </c>
    </row>
    <row r="3881" spans="1:3" x14ac:dyDescent="0.15">
      <c r="A3881">
        <v>21136</v>
      </c>
      <c r="B3881" t="s">
        <v>7745</v>
      </c>
      <c r="C3881" t="s">
        <v>7746</v>
      </c>
    </row>
    <row r="3882" spans="1:3" x14ac:dyDescent="0.15">
      <c r="A3882">
        <v>21135</v>
      </c>
      <c r="B3882" t="s">
        <v>7747</v>
      </c>
      <c r="C3882" t="s">
        <v>7748</v>
      </c>
    </row>
    <row r="3883" spans="1:3" x14ac:dyDescent="0.15">
      <c r="A3883">
        <v>21134</v>
      </c>
      <c r="B3883" t="s">
        <v>7749</v>
      </c>
      <c r="C3883" t="s">
        <v>7750</v>
      </c>
    </row>
    <row r="3884" spans="1:3" x14ac:dyDescent="0.15">
      <c r="A3884">
        <v>21133</v>
      </c>
      <c r="B3884" t="s">
        <v>7751</v>
      </c>
      <c r="C3884" t="s">
        <v>7752</v>
      </c>
    </row>
    <row r="3885" spans="1:3" x14ac:dyDescent="0.15">
      <c r="A3885">
        <v>21132</v>
      </c>
      <c r="B3885" t="s">
        <v>7753</v>
      </c>
      <c r="C3885" t="s">
        <v>7754</v>
      </c>
    </row>
    <row r="3886" spans="1:3" x14ac:dyDescent="0.15">
      <c r="A3886">
        <v>21131</v>
      </c>
      <c r="B3886" t="s">
        <v>7755</v>
      </c>
      <c r="C3886" t="s">
        <v>7756</v>
      </c>
    </row>
    <row r="3887" spans="1:3" x14ac:dyDescent="0.15">
      <c r="A3887">
        <v>21130</v>
      </c>
      <c r="B3887" t="s">
        <v>7757</v>
      </c>
      <c r="C3887" t="s">
        <v>7758</v>
      </c>
    </row>
    <row r="3888" spans="1:3" x14ac:dyDescent="0.15">
      <c r="A3888">
        <v>21129</v>
      </c>
      <c r="B3888" t="s">
        <v>7759</v>
      </c>
      <c r="C3888" t="s">
        <v>7760</v>
      </c>
    </row>
    <row r="3889" spans="1:3" x14ac:dyDescent="0.15">
      <c r="A3889">
        <v>21128</v>
      </c>
      <c r="B3889" t="s">
        <v>7761</v>
      </c>
      <c r="C3889" t="s">
        <v>7762</v>
      </c>
    </row>
    <row r="3890" spans="1:3" x14ac:dyDescent="0.15">
      <c r="A3890">
        <v>21127</v>
      </c>
      <c r="B3890" t="s">
        <v>7763</v>
      </c>
      <c r="C3890" t="s">
        <v>7764</v>
      </c>
    </row>
    <row r="3891" spans="1:3" x14ac:dyDescent="0.15">
      <c r="A3891">
        <v>21126</v>
      </c>
      <c r="B3891" t="s">
        <v>7765</v>
      </c>
      <c r="C3891" t="s">
        <v>7766</v>
      </c>
    </row>
    <row r="3892" spans="1:3" x14ac:dyDescent="0.15">
      <c r="A3892">
        <v>21125</v>
      </c>
      <c r="B3892" t="s">
        <v>7767</v>
      </c>
      <c r="C3892" t="s">
        <v>7768</v>
      </c>
    </row>
    <row r="3893" spans="1:3" x14ac:dyDescent="0.15">
      <c r="A3893">
        <v>21124</v>
      </c>
      <c r="B3893" t="s">
        <v>7769</v>
      </c>
      <c r="C3893" t="s">
        <v>7770</v>
      </c>
    </row>
    <row r="3894" spans="1:3" x14ac:dyDescent="0.15">
      <c r="A3894">
        <v>21123</v>
      </c>
      <c r="B3894" t="s">
        <v>7771</v>
      </c>
      <c r="C3894" t="s">
        <v>7772</v>
      </c>
    </row>
    <row r="3895" spans="1:3" x14ac:dyDescent="0.15">
      <c r="A3895">
        <v>21122</v>
      </c>
      <c r="B3895" t="s">
        <v>7773</v>
      </c>
      <c r="C3895" t="s">
        <v>7774</v>
      </c>
    </row>
    <row r="3896" spans="1:3" x14ac:dyDescent="0.15">
      <c r="A3896">
        <v>21121</v>
      </c>
      <c r="B3896" t="s">
        <v>7775</v>
      </c>
      <c r="C3896" t="s">
        <v>7776</v>
      </c>
    </row>
    <row r="3897" spans="1:3" x14ac:dyDescent="0.15">
      <c r="A3897">
        <v>21120</v>
      </c>
      <c r="B3897" t="s">
        <v>7777</v>
      </c>
      <c r="C3897" t="s">
        <v>7778</v>
      </c>
    </row>
    <row r="3898" spans="1:3" x14ac:dyDescent="0.15">
      <c r="A3898">
        <v>21119</v>
      </c>
      <c r="B3898" t="s">
        <v>7779</v>
      </c>
      <c r="C3898" t="s">
        <v>7780</v>
      </c>
    </row>
    <row r="3899" spans="1:3" x14ac:dyDescent="0.15">
      <c r="A3899">
        <v>21118</v>
      </c>
      <c r="B3899" t="s">
        <v>7781</v>
      </c>
      <c r="C3899" t="s">
        <v>7782</v>
      </c>
    </row>
    <row r="3900" spans="1:3" x14ac:dyDescent="0.15">
      <c r="A3900">
        <v>21117</v>
      </c>
      <c r="B3900" t="s">
        <v>7783</v>
      </c>
      <c r="C3900" t="s">
        <v>7784</v>
      </c>
    </row>
    <row r="3901" spans="1:3" x14ac:dyDescent="0.15">
      <c r="A3901">
        <v>21116</v>
      </c>
      <c r="B3901" t="s">
        <v>7785</v>
      </c>
      <c r="C3901" t="s">
        <v>7786</v>
      </c>
    </row>
    <row r="3902" spans="1:3" x14ac:dyDescent="0.15">
      <c r="A3902">
        <v>21115</v>
      </c>
      <c r="B3902" t="s">
        <v>7787</v>
      </c>
      <c r="C3902" t="s">
        <v>7788</v>
      </c>
    </row>
    <row r="3903" spans="1:3" x14ac:dyDescent="0.15">
      <c r="A3903">
        <v>21114</v>
      </c>
      <c r="B3903" t="s">
        <v>7789</v>
      </c>
      <c r="C3903" t="s">
        <v>7790</v>
      </c>
    </row>
    <row r="3904" spans="1:3" x14ac:dyDescent="0.15">
      <c r="A3904">
        <v>21113</v>
      </c>
      <c r="B3904" t="s">
        <v>7791</v>
      </c>
      <c r="C3904" t="s">
        <v>7792</v>
      </c>
    </row>
    <row r="3905" spans="1:3" x14ac:dyDescent="0.15">
      <c r="A3905">
        <v>21112</v>
      </c>
      <c r="B3905" t="s">
        <v>7793</v>
      </c>
      <c r="C3905" t="s">
        <v>7794</v>
      </c>
    </row>
    <row r="3906" spans="1:3" x14ac:dyDescent="0.15">
      <c r="A3906">
        <v>21111</v>
      </c>
      <c r="B3906" t="s">
        <v>7795</v>
      </c>
      <c r="C3906" t="s">
        <v>7796</v>
      </c>
    </row>
    <row r="3907" spans="1:3" x14ac:dyDescent="0.15">
      <c r="A3907">
        <v>21110</v>
      </c>
      <c r="B3907" t="s">
        <v>7797</v>
      </c>
      <c r="C3907" t="s">
        <v>7798</v>
      </c>
    </row>
    <row r="3908" spans="1:3" x14ac:dyDescent="0.15">
      <c r="A3908">
        <v>21109</v>
      </c>
      <c r="B3908" t="s">
        <v>7799</v>
      </c>
      <c r="C3908" t="s">
        <v>7800</v>
      </c>
    </row>
    <row r="3909" spans="1:3" x14ac:dyDescent="0.15">
      <c r="A3909">
        <v>21108</v>
      </c>
      <c r="B3909" t="s">
        <v>7801</v>
      </c>
      <c r="C3909" t="s">
        <v>7802</v>
      </c>
    </row>
    <row r="3910" spans="1:3" x14ac:dyDescent="0.15">
      <c r="A3910">
        <v>21107</v>
      </c>
      <c r="B3910" t="s">
        <v>7803</v>
      </c>
      <c r="C3910" t="s">
        <v>7804</v>
      </c>
    </row>
    <row r="3911" spans="1:3" x14ac:dyDescent="0.15">
      <c r="A3911">
        <v>21106</v>
      </c>
      <c r="B3911" t="s">
        <v>7805</v>
      </c>
      <c r="C3911" t="s">
        <v>7806</v>
      </c>
    </row>
    <row r="3912" spans="1:3" x14ac:dyDescent="0.15">
      <c r="A3912">
        <v>21105</v>
      </c>
      <c r="B3912" t="s">
        <v>7807</v>
      </c>
      <c r="C3912" t="s">
        <v>7808</v>
      </c>
    </row>
    <row r="3913" spans="1:3" x14ac:dyDescent="0.15">
      <c r="A3913">
        <v>21104</v>
      </c>
      <c r="B3913" t="s">
        <v>7809</v>
      </c>
      <c r="C3913" t="s">
        <v>7810</v>
      </c>
    </row>
    <row r="3914" spans="1:3" x14ac:dyDescent="0.15">
      <c r="A3914">
        <v>21103</v>
      </c>
      <c r="B3914" t="s">
        <v>7811</v>
      </c>
      <c r="C3914" t="s">
        <v>7812</v>
      </c>
    </row>
    <row r="3915" spans="1:3" x14ac:dyDescent="0.15">
      <c r="A3915">
        <v>21102</v>
      </c>
      <c r="B3915" t="s">
        <v>7813</v>
      </c>
      <c r="C3915" t="s">
        <v>7814</v>
      </c>
    </row>
    <row r="3916" spans="1:3" x14ac:dyDescent="0.15">
      <c r="A3916">
        <v>21101</v>
      </c>
      <c r="B3916" t="s">
        <v>7815</v>
      </c>
      <c r="C3916" t="s">
        <v>7816</v>
      </c>
    </row>
    <row r="3917" spans="1:3" x14ac:dyDescent="0.15">
      <c r="A3917">
        <v>21100</v>
      </c>
      <c r="B3917" t="s">
        <v>7817</v>
      </c>
      <c r="C3917" t="s">
        <v>7818</v>
      </c>
    </row>
    <row r="3918" spans="1:3" x14ac:dyDescent="0.15">
      <c r="A3918">
        <v>21099</v>
      </c>
      <c r="B3918" t="s">
        <v>7819</v>
      </c>
      <c r="C3918" t="s">
        <v>7820</v>
      </c>
    </row>
    <row r="3919" spans="1:3" x14ac:dyDescent="0.15">
      <c r="A3919">
        <v>21098</v>
      </c>
      <c r="B3919" t="s">
        <v>7821</v>
      </c>
      <c r="C3919" t="s">
        <v>7822</v>
      </c>
    </row>
    <row r="3920" spans="1:3" x14ac:dyDescent="0.15">
      <c r="A3920">
        <v>21097</v>
      </c>
      <c r="B3920" t="s">
        <v>7823</v>
      </c>
      <c r="C3920" t="s">
        <v>7824</v>
      </c>
    </row>
    <row r="3921" spans="1:3" x14ac:dyDescent="0.15">
      <c r="A3921">
        <v>21096</v>
      </c>
      <c r="B3921" t="s">
        <v>7825</v>
      </c>
      <c r="C3921" t="s">
        <v>7826</v>
      </c>
    </row>
    <row r="3922" spans="1:3" x14ac:dyDescent="0.15">
      <c r="A3922">
        <v>21095</v>
      </c>
      <c r="B3922" t="s">
        <v>7827</v>
      </c>
      <c r="C3922" t="s">
        <v>7828</v>
      </c>
    </row>
    <row r="3923" spans="1:3" x14ac:dyDescent="0.15">
      <c r="A3923">
        <v>21094</v>
      </c>
      <c r="B3923" t="s">
        <v>7829</v>
      </c>
      <c r="C3923" t="s">
        <v>7830</v>
      </c>
    </row>
    <row r="3924" spans="1:3" x14ac:dyDescent="0.15">
      <c r="A3924">
        <v>21093</v>
      </c>
      <c r="B3924" t="s">
        <v>7831</v>
      </c>
      <c r="C3924" t="s">
        <v>7832</v>
      </c>
    </row>
    <row r="3925" spans="1:3" x14ac:dyDescent="0.15">
      <c r="A3925">
        <v>21092</v>
      </c>
      <c r="B3925" t="s">
        <v>7833</v>
      </c>
      <c r="C3925" t="s">
        <v>7834</v>
      </c>
    </row>
    <row r="3926" spans="1:3" x14ac:dyDescent="0.15">
      <c r="A3926">
        <v>21091</v>
      </c>
      <c r="B3926" t="s">
        <v>7835</v>
      </c>
      <c r="C3926" t="s">
        <v>7836</v>
      </c>
    </row>
    <row r="3927" spans="1:3" x14ac:dyDescent="0.15">
      <c r="A3927">
        <v>21090</v>
      </c>
      <c r="B3927" t="s">
        <v>7837</v>
      </c>
      <c r="C3927" t="s">
        <v>7838</v>
      </c>
    </row>
    <row r="3928" spans="1:3" x14ac:dyDescent="0.15">
      <c r="A3928">
        <v>21089</v>
      </c>
      <c r="B3928" t="s">
        <v>7839</v>
      </c>
      <c r="C3928" t="s">
        <v>7840</v>
      </c>
    </row>
    <row r="3929" spans="1:3" x14ac:dyDescent="0.15">
      <c r="A3929">
        <v>21088</v>
      </c>
      <c r="B3929" t="s">
        <v>7841</v>
      </c>
      <c r="C3929" t="s">
        <v>7842</v>
      </c>
    </row>
    <row r="3930" spans="1:3" x14ac:dyDescent="0.15">
      <c r="A3930">
        <v>21087</v>
      </c>
      <c r="B3930" t="s">
        <v>7843</v>
      </c>
      <c r="C3930" t="s">
        <v>7844</v>
      </c>
    </row>
    <row r="3931" spans="1:3" x14ac:dyDescent="0.15">
      <c r="A3931">
        <v>21086</v>
      </c>
      <c r="B3931" t="s">
        <v>7845</v>
      </c>
      <c r="C3931" t="s">
        <v>7846</v>
      </c>
    </row>
    <row r="3932" spans="1:3" x14ac:dyDescent="0.15">
      <c r="A3932">
        <v>21085</v>
      </c>
      <c r="B3932" t="s">
        <v>7847</v>
      </c>
      <c r="C3932" t="s">
        <v>7848</v>
      </c>
    </row>
    <row r="3933" spans="1:3" x14ac:dyDescent="0.15">
      <c r="A3933">
        <v>21084</v>
      </c>
      <c r="B3933" t="s">
        <v>7849</v>
      </c>
      <c r="C3933" t="s">
        <v>7850</v>
      </c>
    </row>
    <row r="3934" spans="1:3" x14ac:dyDescent="0.15">
      <c r="A3934">
        <v>21083</v>
      </c>
      <c r="B3934" t="s">
        <v>7851</v>
      </c>
      <c r="C3934" t="s">
        <v>7852</v>
      </c>
    </row>
    <row r="3935" spans="1:3" x14ac:dyDescent="0.15">
      <c r="A3935">
        <v>21082</v>
      </c>
      <c r="B3935" t="s">
        <v>7853</v>
      </c>
      <c r="C3935" t="s">
        <v>7854</v>
      </c>
    </row>
    <row r="3936" spans="1:3" x14ac:dyDescent="0.15">
      <c r="A3936">
        <v>21081</v>
      </c>
      <c r="B3936" t="s">
        <v>7855</v>
      </c>
      <c r="C3936" t="s">
        <v>7856</v>
      </c>
    </row>
    <row r="3937" spans="1:3" x14ac:dyDescent="0.15">
      <c r="A3937">
        <v>21080</v>
      </c>
      <c r="B3937" t="s">
        <v>7857</v>
      </c>
      <c r="C3937" t="s">
        <v>7858</v>
      </c>
    </row>
    <row r="3938" spans="1:3" x14ac:dyDescent="0.15">
      <c r="A3938">
        <v>21079</v>
      </c>
      <c r="B3938" t="s">
        <v>7859</v>
      </c>
      <c r="C3938" t="s">
        <v>7860</v>
      </c>
    </row>
    <row r="3939" spans="1:3" x14ac:dyDescent="0.15">
      <c r="A3939">
        <v>21078</v>
      </c>
      <c r="B3939" t="s">
        <v>7861</v>
      </c>
      <c r="C3939" t="s">
        <v>7862</v>
      </c>
    </row>
    <row r="3940" spans="1:3" x14ac:dyDescent="0.15">
      <c r="A3940">
        <v>21077</v>
      </c>
      <c r="B3940" t="s">
        <v>7863</v>
      </c>
      <c r="C3940" t="s">
        <v>7864</v>
      </c>
    </row>
    <row r="3941" spans="1:3" x14ac:dyDescent="0.15">
      <c r="A3941">
        <v>21076</v>
      </c>
      <c r="B3941" t="s">
        <v>7865</v>
      </c>
      <c r="C3941" t="s">
        <v>7866</v>
      </c>
    </row>
    <row r="3942" spans="1:3" x14ac:dyDescent="0.15">
      <c r="A3942">
        <v>21075</v>
      </c>
      <c r="B3942" t="s">
        <v>7867</v>
      </c>
      <c r="C3942" t="s">
        <v>7868</v>
      </c>
    </row>
    <row r="3943" spans="1:3" x14ac:dyDescent="0.15">
      <c r="A3943">
        <v>21074</v>
      </c>
      <c r="B3943" t="s">
        <v>7869</v>
      </c>
      <c r="C3943" t="s">
        <v>7870</v>
      </c>
    </row>
    <row r="3944" spans="1:3" x14ac:dyDescent="0.15">
      <c r="A3944">
        <v>21073</v>
      </c>
      <c r="B3944" t="s">
        <v>7871</v>
      </c>
      <c r="C3944" t="s">
        <v>7872</v>
      </c>
    </row>
    <row r="3945" spans="1:3" x14ac:dyDescent="0.15">
      <c r="A3945">
        <v>21072</v>
      </c>
      <c r="B3945" t="s">
        <v>7873</v>
      </c>
      <c r="C3945" t="s">
        <v>7874</v>
      </c>
    </row>
    <row r="3946" spans="1:3" x14ac:dyDescent="0.15">
      <c r="A3946">
        <v>21071</v>
      </c>
      <c r="B3946" t="s">
        <v>7875</v>
      </c>
      <c r="C3946" t="s">
        <v>7876</v>
      </c>
    </row>
    <row r="3947" spans="1:3" x14ac:dyDescent="0.15">
      <c r="A3947">
        <v>21070</v>
      </c>
      <c r="B3947" t="s">
        <v>7877</v>
      </c>
      <c r="C3947" t="s">
        <v>7878</v>
      </c>
    </row>
    <row r="3948" spans="1:3" x14ac:dyDescent="0.15">
      <c r="A3948">
        <v>21069</v>
      </c>
      <c r="B3948" t="s">
        <v>7879</v>
      </c>
      <c r="C3948" t="s">
        <v>7880</v>
      </c>
    </row>
    <row r="3949" spans="1:3" x14ac:dyDescent="0.15">
      <c r="A3949">
        <v>21068</v>
      </c>
      <c r="B3949" t="s">
        <v>7881</v>
      </c>
      <c r="C3949" t="s">
        <v>7882</v>
      </c>
    </row>
    <row r="3950" spans="1:3" x14ac:dyDescent="0.15">
      <c r="A3950">
        <v>21067</v>
      </c>
      <c r="B3950" t="s">
        <v>7883</v>
      </c>
      <c r="C3950" t="s">
        <v>7884</v>
      </c>
    </row>
    <row r="3951" spans="1:3" x14ac:dyDescent="0.15">
      <c r="A3951">
        <v>21066</v>
      </c>
      <c r="B3951" t="s">
        <v>7885</v>
      </c>
      <c r="C3951" t="s">
        <v>7886</v>
      </c>
    </row>
    <row r="3952" spans="1:3" x14ac:dyDescent="0.15">
      <c r="A3952">
        <v>21065</v>
      </c>
      <c r="B3952" t="s">
        <v>7887</v>
      </c>
      <c r="C3952" t="s">
        <v>7888</v>
      </c>
    </row>
    <row r="3953" spans="1:3" x14ac:dyDescent="0.15">
      <c r="A3953">
        <v>21064</v>
      </c>
      <c r="B3953" t="s">
        <v>7889</v>
      </c>
      <c r="C3953" t="s">
        <v>7890</v>
      </c>
    </row>
    <row r="3954" spans="1:3" x14ac:dyDescent="0.15">
      <c r="A3954">
        <v>21063</v>
      </c>
      <c r="B3954" t="s">
        <v>7891</v>
      </c>
      <c r="C3954" t="s">
        <v>7892</v>
      </c>
    </row>
    <row r="3955" spans="1:3" x14ac:dyDescent="0.15">
      <c r="A3955">
        <v>21062</v>
      </c>
      <c r="B3955" t="s">
        <v>7893</v>
      </c>
      <c r="C3955" t="s">
        <v>7894</v>
      </c>
    </row>
    <row r="3956" spans="1:3" x14ac:dyDescent="0.15">
      <c r="A3956">
        <v>21061</v>
      </c>
      <c r="B3956" t="s">
        <v>7895</v>
      </c>
      <c r="C3956" t="s">
        <v>7896</v>
      </c>
    </row>
    <row r="3957" spans="1:3" x14ac:dyDescent="0.15">
      <c r="A3957">
        <v>21060</v>
      </c>
      <c r="B3957" t="s">
        <v>7897</v>
      </c>
      <c r="C3957" t="s">
        <v>7898</v>
      </c>
    </row>
    <row r="3958" spans="1:3" x14ac:dyDescent="0.15">
      <c r="A3958">
        <v>21059</v>
      </c>
      <c r="B3958" t="s">
        <v>7899</v>
      </c>
      <c r="C3958" t="s">
        <v>7900</v>
      </c>
    </row>
    <row r="3959" spans="1:3" x14ac:dyDescent="0.15">
      <c r="A3959">
        <v>21058</v>
      </c>
      <c r="B3959" t="s">
        <v>7901</v>
      </c>
      <c r="C3959" t="s">
        <v>7902</v>
      </c>
    </row>
    <row r="3960" spans="1:3" x14ac:dyDescent="0.15">
      <c r="A3960">
        <v>21057</v>
      </c>
      <c r="B3960" t="s">
        <v>7903</v>
      </c>
      <c r="C3960" t="s">
        <v>7904</v>
      </c>
    </row>
    <row r="3961" spans="1:3" x14ac:dyDescent="0.15">
      <c r="A3961">
        <v>21056</v>
      </c>
      <c r="B3961" t="s">
        <v>7905</v>
      </c>
      <c r="C3961" t="s">
        <v>7906</v>
      </c>
    </row>
    <row r="3962" spans="1:3" x14ac:dyDescent="0.15">
      <c r="A3962">
        <v>21055</v>
      </c>
      <c r="B3962" t="s">
        <v>7907</v>
      </c>
      <c r="C3962" t="s">
        <v>7908</v>
      </c>
    </row>
    <row r="3963" spans="1:3" x14ac:dyDescent="0.15">
      <c r="A3963">
        <v>21054</v>
      </c>
      <c r="B3963" t="s">
        <v>7909</v>
      </c>
      <c r="C3963" t="s">
        <v>7910</v>
      </c>
    </row>
    <row r="3964" spans="1:3" x14ac:dyDescent="0.15">
      <c r="A3964">
        <v>21053</v>
      </c>
      <c r="B3964" t="s">
        <v>7911</v>
      </c>
      <c r="C3964" t="s">
        <v>7912</v>
      </c>
    </row>
    <row r="3965" spans="1:3" x14ac:dyDescent="0.15">
      <c r="A3965">
        <v>21052</v>
      </c>
      <c r="B3965" t="s">
        <v>7913</v>
      </c>
      <c r="C3965" t="s">
        <v>7914</v>
      </c>
    </row>
    <row r="3966" spans="1:3" x14ac:dyDescent="0.15">
      <c r="A3966">
        <v>21051</v>
      </c>
      <c r="B3966" t="s">
        <v>7915</v>
      </c>
      <c r="C3966" t="s">
        <v>7916</v>
      </c>
    </row>
    <row r="3967" spans="1:3" x14ac:dyDescent="0.15">
      <c r="A3967">
        <v>21050</v>
      </c>
      <c r="B3967" t="s">
        <v>7917</v>
      </c>
      <c r="C3967" t="s">
        <v>7918</v>
      </c>
    </row>
    <row r="3968" spans="1:3" x14ac:dyDescent="0.15">
      <c r="A3968">
        <v>21049</v>
      </c>
      <c r="B3968" t="s">
        <v>7919</v>
      </c>
      <c r="C3968" t="s">
        <v>7920</v>
      </c>
    </row>
    <row r="3969" spans="1:3" x14ac:dyDescent="0.15">
      <c r="A3969">
        <v>21048</v>
      </c>
      <c r="B3969" t="s">
        <v>7921</v>
      </c>
      <c r="C3969" t="s">
        <v>7922</v>
      </c>
    </row>
    <row r="3970" spans="1:3" x14ac:dyDescent="0.15">
      <c r="A3970">
        <v>21047</v>
      </c>
      <c r="B3970" t="s">
        <v>7923</v>
      </c>
      <c r="C3970" t="s">
        <v>7924</v>
      </c>
    </row>
    <row r="3971" spans="1:3" x14ac:dyDescent="0.15">
      <c r="A3971">
        <v>21046</v>
      </c>
      <c r="B3971" t="s">
        <v>7925</v>
      </c>
      <c r="C3971" t="s">
        <v>7926</v>
      </c>
    </row>
    <row r="3972" spans="1:3" x14ac:dyDescent="0.15">
      <c r="A3972">
        <v>21045</v>
      </c>
      <c r="B3972" t="s">
        <v>7927</v>
      </c>
      <c r="C3972" t="s">
        <v>7928</v>
      </c>
    </row>
    <row r="3973" spans="1:3" x14ac:dyDescent="0.15">
      <c r="A3973">
        <v>21044</v>
      </c>
      <c r="B3973" t="s">
        <v>7929</v>
      </c>
      <c r="C3973" t="s">
        <v>7930</v>
      </c>
    </row>
    <row r="3974" spans="1:3" x14ac:dyDescent="0.15">
      <c r="A3974">
        <v>21043</v>
      </c>
      <c r="B3974" t="s">
        <v>7931</v>
      </c>
      <c r="C3974" t="s">
        <v>7932</v>
      </c>
    </row>
    <row r="3975" spans="1:3" x14ac:dyDescent="0.15">
      <c r="A3975">
        <v>21041</v>
      </c>
      <c r="B3975" t="s">
        <v>7933</v>
      </c>
      <c r="C3975" t="s">
        <v>7934</v>
      </c>
    </row>
    <row r="3976" spans="1:3" x14ac:dyDescent="0.15">
      <c r="A3976">
        <v>21040</v>
      </c>
      <c r="B3976" t="s">
        <v>7935</v>
      </c>
      <c r="C3976" t="s">
        <v>7936</v>
      </c>
    </row>
    <row r="3977" spans="1:3" x14ac:dyDescent="0.15">
      <c r="A3977">
        <v>21039</v>
      </c>
      <c r="B3977" t="s">
        <v>7937</v>
      </c>
      <c r="C3977" t="s">
        <v>7938</v>
      </c>
    </row>
    <row r="3978" spans="1:3" x14ac:dyDescent="0.15">
      <c r="A3978">
        <v>21038</v>
      </c>
      <c r="B3978" t="s">
        <v>7939</v>
      </c>
      <c r="C3978" t="s">
        <v>7940</v>
      </c>
    </row>
    <row r="3979" spans="1:3" x14ac:dyDescent="0.15">
      <c r="A3979">
        <v>21037</v>
      </c>
      <c r="B3979" t="s">
        <v>7941</v>
      </c>
      <c r="C3979" t="s">
        <v>7942</v>
      </c>
    </row>
    <row r="3980" spans="1:3" x14ac:dyDescent="0.15">
      <c r="A3980">
        <v>21036</v>
      </c>
      <c r="B3980" t="s">
        <v>7943</v>
      </c>
      <c r="C3980" t="s">
        <v>7944</v>
      </c>
    </row>
    <row r="3981" spans="1:3" x14ac:dyDescent="0.15">
      <c r="A3981">
        <v>21035</v>
      </c>
      <c r="B3981" t="s">
        <v>7945</v>
      </c>
      <c r="C3981" t="s">
        <v>7946</v>
      </c>
    </row>
    <row r="3982" spans="1:3" x14ac:dyDescent="0.15">
      <c r="A3982">
        <v>21034</v>
      </c>
      <c r="B3982" t="s">
        <v>7947</v>
      </c>
      <c r="C3982" t="s">
        <v>7948</v>
      </c>
    </row>
    <row r="3983" spans="1:3" x14ac:dyDescent="0.15">
      <c r="A3983">
        <v>21033</v>
      </c>
      <c r="B3983" t="s">
        <v>7949</v>
      </c>
      <c r="C3983" t="s">
        <v>7950</v>
      </c>
    </row>
    <row r="3984" spans="1:3" x14ac:dyDescent="0.15">
      <c r="A3984">
        <v>21032</v>
      </c>
      <c r="B3984" t="s">
        <v>7951</v>
      </c>
      <c r="C3984" t="s">
        <v>7952</v>
      </c>
    </row>
    <row r="3985" spans="1:3" x14ac:dyDescent="0.15">
      <c r="A3985">
        <v>21031</v>
      </c>
      <c r="B3985" t="s">
        <v>7953</v>
      </c>
      <c r="C3985" t="s">
        <v>7954</v>
      </c>
    </row>
    <row r="3986" spans="1:3" x14ac:dyDescent="0.15">
      <c r="A3986">
        <v>21030</v>
      </c>
      <c r="B3986" t="s">
        <v>7955</v>
      </c>
      <c r="C3986" t="s">
        <v>7956</v>
      </c>
    </row>
    <row r="3987" spans="1:3" x14ac:dyDescent="0.15">
      <c r="A3987">
        <v>21029</v>
      </c>
      <c r="B3987" t="s">
        <v>7957</v>
      </c>
      <c r="C3987" t="s">
        <v>7958</v>
      </c>
    </row>
    <row r="3988" spans="1:3" x14ac:dyDescent="0.15">
      <c r="A3988">
        <v>21028</v>
      </c>
      <c r="B3988" t="s">
        <v>7959</v>
      </c>
      <c r="C3988" t="s">
        <v>7960</v>
      </c>
    </row>
    <row r="3989" spans="1:3" x14ac:dyDescent="0.15">
      <c r="A3989">
        <v>21027</v>
      </c>
      <c r="B3989" t="s">
        <v>7961</v>
      </c>
      <c r="C3989" t="s">
        <v>7962</v>
      </c>
    </row>
    <row r="3990" spans="1:3" x14ac:dyDescent="0.15">
      <c r="A3990">
        <v>21026</v>
      </c>
      <c r="B3990" t="s">
        <v>7963</v>
      </c>
      <c r="C3990" t="s">
        <v>7964</v>
      </c>
    </row>
    <row r="3991" spans="1:3" x14ac:dyDescent="0.15">
      <c r="A3991">
        <v>21025</v>
      </c>
      <c r="B3991" t="s">
        <v>7965</v>
      </c>
      <c r="C3991" t="s">
        <v>7966</v>
      </c>
    </row>
    <row r="3992" spans="1:3" x14ac:dyDescent="0.15">
      <c r="A3992">
        <v>21024</v>
      </c>
      <c r="B3992" t="s">
        <v>7967</v>
      </c>
      <c r="C3992" t="s">
        <v>7968</v>
      </c>
    </row>
    <row r="3993" spans="1:3" x14ac:dyDescent="0.15">
      <c r="A3993">
        <v>21023</v>
      </c>
      <c r="B3993" t="s">
        <v>7969</v>
      </c>
      <c r="C3993" t="s">
        <v>7970</v>
      </c>
    </row>
    <row r="3994" spans="1:3" x14ac:dyDescent="0.15">
      <c r="A3994">
        <v>21022</v>
      </c>
      <c r="B3994" t="s">
        <v>7971</v>
      </c>
      <c r="C3994" t="s">
        <v>7972</v>
      </c>
    </row>
    <row r="3995" spans="1:3" x14ac:dyDescent="0.15">
      <c r="A3995">
        <v>21021</v>
      </c>
      <c r="B3995" t="s">
        <v>7973</v>
      </c>
      <c r="C3995" t="s">
        <v>7974</v>
      </c>
    </row>
    <row r="3996" spans="1:3" x14ac:dyDescent="0.15">
      <c r="A3996">
        <v>21020</v>
      </c>
      <c r="B3996" t="s">
        <v>7975</v>
      </c>
      <c r="C3996" t="s">
        <v>7976</v>
      </c>
    </row>
    <row r="3997" spans="1:3" x14ac:dyDescent="0.15">
      <c r="A3997">
        <v>21019</v>
      </c>
      <c r="B3997" t="s">
        <v>7977</v>
      </c>
      <c r="C3997" t="s">
        <v>7978</v>
      </c>
    </row>
    <row r="3998" spans="1:3" x14ac:dyDescent="0.15">
      <c r="A3998">
        <v>21018</v>
      </c>
      <c r="B3998" t="s">
        <v>7979</v>
      </c>
      <c r="C3998" t="s">
        <v>7980</v>
      </c>
    </row>
    <row r="3999" spans="1:3" x14ac:dyDescent="0.15">
      <c r="A3999">
        <v>21017</v>
      </c>
      <c r="B3999" t="s">
        <v>7981</v>
      </c>
      <c r="C3999" t="s">
        <v>7982</v>
      </c>
    </row>
    <row r="4000" spans="1:3" x14ac:dyDescent="0.15">
      <c r="A4000">
        <v>21016</v>
      </c>
      <c r="B4000" t="s">
        <v>7983</v>
      </c>
      <c r="C4000" t="s">
        <v>7984</v>
      </c>
    </row>
    <row r="4001" spans="1:3" x14ac:dyDescent="0.15">
      <c r="A4001">
        <v>21015</v>
      </c>
      <c r="B4001" t="s">
        <v>7985</v>
      </c>
      <c r="C4001" t="s">
        <v>7986</v>
      </c>
    </row>
    <row r="4002" spans="1:3" x14ac:dyDescent="0.15">
      <c r="A4002">
        <v>21014</v>
      </c>
      <c r="B4002" t="s">
        <v>7987</v>
      </c>
      <c r="C4002" t="s">
        <v>7988</v>
      </c>
    </row>
    <row r="4003" spans="1:3" x14ac:dyDescent="0.15">
      <c r="A4003">
        <v>21013</v>
      </c>
      <c r="B4003" t="s">
        <v>7989</v>
      </c>
      <c r="C4003" t="s">
        <v>7990</v>
      </c>
    </row>
    <row r="4004" spans="1:3" x14ac:dyDescent="0.15">
      <c r="A4004">
        <v>21012</v>
      </c>
      <c r="B4004" t="s">
        <v>7991</v>
      </c>
      <c r="C4004" t="s">
        <v>7992</v>
      </c>
    </row>
    <row r="4005" spans="1:3" x14ac:dyDescent="0.15">
      <c r="A4005">
        <v>21011</v>
      </c>
      <c r="B4005" t="s">
        <v>7993</v>
      </c>
      <c r="C4005" t="s">
        <v>7994</v>
      </c>
    </row>
    <row r="4006" spans="1:3" x14ac:dyDescent="0.15">
      <c r="A4006">
        <v>21010</v>
      </c>
      <c r="B4006" t="s">
        <v>7995</v>
      </c>
      <c r="C4006" t="s">
        <v>7996</v>
      </c>
    </row>
    <row r="4007" spans="1:3" x14ac:dyDescent="0.15">
      <c r="A4007">
        <v>21009</v>
      </c>
      <c r="B4007" t="s">
        <v>7997</v>
      </c>
      <c r="C4007" t="s">
        <v>7998</v>
      </c>
    </row>
    <row r="4008" spans="1:3" x14ac:dyDescent="0.15">
      <c r="A4008">
        <v>21008</v>
      </c>
      <c r="B4008" t="s">
        <v>7999</v>
      </c>
      <c r="C4008" t="s">
        <v>8000</v>
      </c>
    </row>
    <row r="4009" spans="1:3" x14ac:dyDescent="0.15">
      <c r="A4009">
        <v>21007</v>
      </c>
      <c r="B4009" t="s">
        <v>8001</v>
      </c>
      <c r="C4009" t="s">
        <v>8002</v>
      </c>
    </row>
    <row r="4010" spans="1:3" x14ac:dyDescent="0.15">
      <c r="A4010">
        <v>21006</v>
      </c>
      <c r="B4010" t="s">
        <v>8003</v>
      </c>
      <c r="C4010" t="s">
        <v>8004</v>
      </c>
    </row>
    <row r="4011" spans="1:3" x14ac:dyDescent="0.15">
      <c r="A4011">
        <v>21005</v>
      </c>
      <c r="B4011" t="s">
        <v>8005</v>
      </c>
      <c r="C4011" t="s">
        <v>8006</v>
      </c>
    </row>
    <row r="4012" spans="1:3" x14ac:dyDescent="0.15">
      <c r="A4012">
        <v>21004</v>
      </c>
      <c r="B4012" t="s">
        <v>8007</v>
      </c>
      <c r="C4012" t="s">
        <v>8008</v>
      </c>
    </row>
    <row r="4013" spans="1:3" x14ac:dyDescent="0.15">
      <c r="A4013">
        <v>21003</v>
      </c>
      <c r="B4013" t="s">
        <v>8009</v>
      </c>
      <c r="C4013" t="s">
        <v>8010</v>
      </c>
    </row>
    <row r="4014" spans="1:3" x14ac:dyDescent="0.15">
      <c r="A4014">
        <v>21002</v>
      </c>
      <c r="B4014" t="s">
        <v>8011</v>
      </c>
      <c r="C4014" t="s">
        <v>8012</v>
      </c>
    </row>
    <row r="4015" spans="1:3" x14ac:dyDescent="0.15">
      <c r="A4015">
        <v>21001</v>
      </c>
      <c r="B4015" t="s">
        <v>8013</v>
      </c>
      <c r="C4015" t="s">
        <v>8014</v>
      </c>
    </row>
    <row r="4016" spans="1:3" x14ac:dyDescent="0.15">
      <c r="A4016">
        <v>21000</v>
      </c>
      <c r="B4016" t="s">
        <v>8015</v>
      </c>
      <c r="C4016" t="s">
        <v>8016</v>
      </c>
    </row>
    <row r="4017" spans="1:3" x14ac:dyDescent="0.15">
      <c r="A4017">
        <v>20999</v>
      </c>
      <c r="B4017" t="s">
        <v>8017</v>
      </c>
      <c r="C4017" t="s">
        <v>8018</v>
      </c>
    </row>
    <row r="4018" spans="1:3" x14ac:dyDescent="0.15">
      <c r="A4018">
        <v>20998</v>
      </c>
      <c r="B4018" t="s">
        <v>8019</v>
      </c>
      <c r="C4018" t="s">
        <v>8020</v>
      </c>
    </row>
    <row r="4019" spans="1:3" x14ac:dyDescent="0.15">
      <c r="A4019">
        <v>20997</v>
      </c>
      <c r="B4019" t="s">
        <v>8021</v>
      </c>
      <c r="C4019" t="s">
        <v>8022</v>
      </c>
    </row>
    <row r="4020" spans="1:3" x14ac:dyDescent="0.15">
      <c r="A4020">
        <v>20996</v>
      </c>
      <c r="B4020" t="s">
        <v>8023</v>
      </c>
      <c r="C4020" t="s">
        <v>8024</v>
      </c>
    </row>
    <row r="4021" spans="1:3" x14ac:dyDescent="0.15">
      <c r="A4021">
        <v>20995</v>
      </c>
      <c r="B4021" t="s">
        <v>8025</v>
      </c>
      <c r="C4021" t="s">
        <v>8026</v>
      </c>
    </row>
    <row r="4022" spans="1:3" x14ac:dyDescent="0.15">
      <c r="A4022">
        <v>20994</v>
      </c>
      <c r="B4022" t="s">
        <v>8027</v>
      </c>
      <c r="C4022" t="s">
        <v>8028</v>
      </c>
    </row>
    <row r="4023" spans="1:3" x14ac:dyDescent="0.15">
      <c r="A4023">
        <v>20993</v>
      </c>
      <c r="B4023" t="s">
        <v>8029</v>
      </c>
      <c r="C4023" t="s">
        <v>8030</v>
      </c>
    </row>
    <row r="4024" spans="1:3" x14ac:dyDescent="0.15">
      <c r="A4024">
        <v>20992</v>
      </c>
      <c r="B4024" t="s">
        <v>8031</v>
      </c>
      <c r="C4024" t="s">
        <v>8032</v>
      </c>
    </row>
    <row r="4025" spans="1:3" x14ac:dyDescent="0.15">
      <c r="A4025">
        <v>20991</v>
      </c>
      <c r="B4025" t="s">
        <v>8033</v>
      </c>
      <c r="C4025" t="s">
        <v>8034</v>
      </c>
    </row>
    <row r="4026" spans="1:3" x14ac:dyDescent="0.15">
      <c r="A4026">
        <v>20990</v>
      </c>
      <c r="B4026" t="s">
        <v>8035</v>
      </c>
      <c r="C4026" t="s">
        <v>8036</v>
      </c>
    </row>
    <row r="4027" spans="1:3" x14ac:dyDescent="0.15">
      <c r="A4027">
        <v>20989</v>
      </c>
      <c r="B4027" t="s">
        <v>8037</v>
      </c>
      <c r="C4027" t="s">
        <v>8038</v>
      </c>
    </row>
    <row r="4028" spans="1:3" x14ac:dyDescent="0.15">
      <c r="A4028">
        <v>20988</v>
      </c>
      <c r="B4028" t="s">
        <v>8039</v>
      </c>
      <c r="C4028" t="s">
        <v>8040</v>
      </c>
    </row>
    <row r="4029" spans="1:3" x14ac:dyDescent="0.15">
      <c r="A4029">
        <v>20987</v>
      </c>
      <c r="B4029" t="s">
        <v>8041</v>
      </c>
      <c r="C4029" t="s">
        <v>8042</v>
      </c>
    </row>
    <row r="4030" spans="1:3" x14ac:dyDescent="0.15">
      <c r="A4030">
        <v>20986</v>
      </c>
      <c r="B4030" t="s">
        <v>8043</v>
      </c>
      <c r="C4030" t="s">
        <v>8044</v>
      </c>
    </row>
    <row r="4031" spans="1:3" x14ac:dyDescent="0.15">
      <c r="A4031">
        <v>20985</v>
      </c>
      <c r="B4031" t="s">
        <v>8045</v>
      </c>
      <c r="C4031" t="s">
        <v>8046</v>
      </c>
    </row>
    <row r="4032" spans="1:3" x14ac:dyDescent="0.15">
      <c r="A4032">
        <v>20984</v>
      </c>
      <c r="B4032" t="s">
        <v>8047</v>
      </c>
      <c r="C4032" t="s">
        <v>8048</v>
      </c>
    </row>
    <row r="4033" spans="1:3" x14ac:dyDescent="0.15">
      <c r="A4033">
        <v>20983</v>
      </c>
      <c r="B4033" t="s">
        <v>8049</v>
      </c>
      <c r="C4033" t="s">
        <v>8050</v>
      </c>
    </row>
    <row r="4034" spans="1:3" x14ac:dyDescent="0.15">
      <c r="A4034">
        <v>20982</v>
      </c>
      <c r="B4034" t="s">
        <v>8051</v>
      </c>
      <c r="C4034" t="s">
        <v>8052</v>
      </c>
    </row>
    <row r="4035" spans="1:3" x14ac:dyDescent="0.15">
      <c r="A4035">
        <v>20981</v>
      </c>
      <c r="B4035" t="s">
        <v>8053</v>
      </c>
      <c r="C4035" t="s">
        <v>8054</v>
      </c>
    </row>
    <row r="4036" spans="1:3" x14ac:dyDescent="0.15">
      <c r="A4036">
        <v>20980</v>
      </c>
      <c r="B4036" t="s">
        <v>8055</v>
      </c>
      <c r="C4036" t="s">
        <v>8056</v>
      </c>
    </row>
    <row r="4037" spans="1:3" x14ac:dyDescent="0.15">
      <c r="A4037">
        <v>20979</v>
      </c>
      <c r="B4037" t="s">
        <v>8057</v>
      </c>
      <c r="C4037" t="s">
        <v>8058</v>
      </c>
    </row>
    <row r="4038" spans="1:3" x14ac:dyDescent="0.15">
      <c r="A4038">
        <v>20978</v>
      </c>
      <c r="B4038" t="s">
        <v>8059</v>
      </c>
      <c r="C4038" t="s">
        <v>8060</v>
      </c>
    </row>
    <row r="4039" spans="1:3" x14ac:dyDescent="0.15">
      <c r="A4039">
        <v>20977</v>
      </c>
      <c r="B4039" t="s">
        <v>8061</v>
      </c>
      <c r="C4039" t="s">
        <v>8062</v>
      </c>
    </row>
    <row r="4040" spans="1:3" x14ac:dyDescent="0.15">
      <c r="A4040">
        <v>20976</v>
      </c>
      <c r="B4040" t="s">
        <v>8063</v>
      </c>
      <c r="C4040" t="s">
        <v>8064</v>
      </c>
    </row>
    <row r="4041" spans="1:3" x14ac:dyDescent="0.15">
      <c r="A4041">
        <v>20975</v>
      </c>
      <c r="B4041" t="s">
        <v>8065</v>
      </c>
      <c r="C4041" t="s">
        <v>8066</v>
      </c>
    </row>
    <row r="4042" spans="1:3" x14ac:dyDescent="0.15">
      <c r="A4042">
        <v>20974</v>
      </c>
      <c r="B4042" t="s">
        <v>8067</v>
      </c>
      <c r="C4042" t="s">
        <v>8068</v>
      </c>
    </row>
    <row r="4043" spans="1:3" x14ac:dyDescent="0.15">
      <c r="A4043">
        <v>20973</v>
      </c>
      <c r="B4043" t="s">
        <v>8069</v>
      </c>
      <c r="C4043" t="s">
        <v>8070</v>
      </c>
    </row>
    <row r="4044" spans="1:3" x14ac:dyDescent="0.15">
      <c r="A4044">
        <v>20972</v>
      </c>
      <c r="B4044" t="s">
        <v>8071</v>
      </c>
      <c r="C4044" t="s">
        <v>8072</v>
      </c>
    </row>
    <row r="4045" spans="1:3" x14ac:dyDescent="0.15">
      <c r="A4045">
        <v>20971</v>
      </c>
      <c r="B4045" t="s">
        <v>8073</v>
      </c>
      <c r="C4045" t="s">
        <v>8074</v>
      </c>
    </row>
    <row r="4046" spans="1:3" x14ac:dyDescent="0.15">
      <c r="A4046">
        <v>20970</v>
      </c>
      <c r="B4046" t="s">
        <v>8075</v>
      </c>
      <c r="C4046" t="s">
        <v>8076</v>
      </c>
    </row>
    <row r="4047" spans="1:3" x14ac:dyDescent="0.15">
      <c r="A4047">
        <v>20969</v>
      </c>
      <c r="B4047" t="s">
        <v>8077</v>
      </c>
      <c r="C4047" t="s">
        <v>8078</v>
      </c>
    </row>
    <row r="4048" spans="1:3" x14ac:dyDescent="0.15">
      <c r="A4048">
        <v>20968</v>
      </c>
      <c r="B4048" t="s">
        <v>8079</v>
      </c>
      <c r="C4048" t="s">
        <v>8080</v>
      </c>
    </row>
    <row r="4049" spans="1:3" x14ac:dyDescent="0.15">
      <c r="A4049">
        <v>20967</v>
      </c>
      <c r="B4049" t="s">
        <v>8081</v>
      </c>
      <c r="C4049" t="s">
        <v>8082</v>
      </c>
    </row>
    <row r="4050" spans="1:3" x14ac:dyDescent="0.15">
      <c r="A4050">
        <v>20966</v>
      </c>
      <c r="B4050" t="s">
        <v>8083</v>
      </c>
      <c r="C4050" t="s">
        <v>8084</v>
      </c>
    </row>
    <row r="4051" spans="1:3" x14ac:dyDescent="0.15">
      <c r="A4051">
        <v>20965</v>
      </c>
      <c r="B4051" t="s">
        <v>8085</v>
      </c>
      <c r="C4051" t="s">
        <v>8086</v>
      </c>
    </row>
    <row r="4052" spans="1:3" x14ac:dyDescent="0.15">
      <c r="A4052">
        <v>20964</v>
      </c>
      <c r="B4052" t="s">
        <v>8087</v>
      </c>
      <c r="C4052" t="s">
        <v>8088</v>
      </c>
    </row>
    <row r="4053" spans="1:3" x14ac:dyDescent="0.15">
      <c r="A4053">
        <v>20963</v>
      </c>
      <c r="B4053" t="s">
        <v>8089</v>
      </c>
      <c r="C4053" t="s">
        <v>8090</v>
      </c>
    </row>
    <row r="4054" spans="1:3" x14ac:dyDescent="0.15">
      <c r="A4054">
        <v>20962</v>
      </c>
      <c r="B4054" t="s">
        <v>8091</v>
      </c>
      <c r="C4054" t="s">
        <v>8092</v>
      </c>
    </row>
    <row r="4055" spans="1:3" x14ac:dyDescent="0.15">
      <c r="A4055">
        <v>20961</v>
      </c>
      <c r="B4055" t="s">
        <v>8093</v>
      </c>
      <c r="C4055" t="s">
        <v>8094</v>
      </c>
    </row>
    <row r="4056" spans="1:3" x14ac:dyDescent="0.15">
      <c r="A4056">
        <v>20960</v>
      </c>
      <c r="B4056" t="s">
        <v>8095</v>
      </c>
      <c r="C4056" t="s">
        <v>8096</v>
      </c>
    </row>
    <row r="4057" spans="1:3" x14ac:dyDescent="0.15">
      <c r="A4057">
        <v>20959</v>
      </c>
      <c r="B4057" t="s">
        <v>8097</v>
      </c>
      <c r="C4057" t="s">
        <v>8098</v>
      </c>
    </row>
    <row r="4058" spans="1:3" x14ac:dyDescent="0.15">
      <c r="A4058">
        <v>20958</v>
      </c>
      <c r="B4058" t="s">
        <v>8099</v>
      </c>
      <c r="C4058" t="s">
        <v>8100</v>
      </c>
    </row>
    <row r="4059" spans="1:3" x14ac:dyDescent="0.15">
      <c r="A4059">
        <v>20957</v>
      </c>
      <c r="B4059" t="s">
        <v>8101</v>
      </c>
      <c r="C4059" t="s">
        <v>8102</v>
      </c>
    </row>
    <row r="4060" spans="1:3" x14ac:dyDescent="0.15">
      <c r="A4060">
        <v>20956</v>
      </c>
      <c r="B4060" t="s">
        <v>8103</v>
      </c>
      <c r="C4060" t="s">
        <v>8104</v>
      </c>
    </row>
    <row r="4061" spans="1:3" x14ac:dyDescent="0.15">
      <c r="A4061">
        <v>20955</v>
      </c>
      <c r="B4061" t="s">
        <v>2296</v>
      </c>
      <c r="C4061" t="s">
        <v>8105</v>
      </c>
    </row>
    <row r="4062" spans="1:3" x14ac:dyDescent="0.15">
      <c r="A4062">
        <v>20954</v>
      </c>
      <c r="B4062" t="s">
        <v>8106</v>
      </c>
      <c r="C4062" t="s">
        <v>8107</v>
      </c>
    </row>
    <row r="4063" spans="1:3" x14ac:dyDescent="0.15">
      <c r="A4063">
        <v>20953</v>
      </c>
      <c r="B4063" t="s">
        <v>8108</v>
      </c>
      <c r="C4063" t="s">
        <v>8109</v>
      </c>
    </row>
    <row r="4064" spans="1:3" x14ac:dyDescent="0.15">
      <c r="A4064">
        <v>20952</v>
      </c>
      <c r="B4064" t="s">
        <v>8110</v>
      </c>
      <c r="C4064" t="s">
        <v>8111</v>
      </c>
    </row>
    <row r="4065" spans="1:3" x14ac:dyDescent="0.15">
      <c r="A4065">
        <v>20951</v>
      </c>
      <c r="B4065" t="s">
        <v>8112</v>
      </c>
      <c r="C4065" t="s">
        <v>8113</v>
      </c>
    </row>
    <row r="4066" spans="1:3" x14ac:dyDescent="0.15">
      <c r="A4066">
        <v>20950</v>
      </c>
      <c r="B4066" t="s">
        <v>8114</v>
      </c>
      <c r="C4066" t="s">
        <v>8115</v>
      </c>
    </row>
    <row r="4067" spans="1:3" x14ac:dyDescent="0.15">
      <c r="A4067">
        <v>20949</v>
      </c>
      <c r="B4067" t="s">
        <v>8116</v>
      </c>
      <c r="C4067" t="s">
        <v>8117</v>
      </c>
    </row>
    <row r="4068" spans="1:3" x14ac:dyDescent="0.15">
      <c r="A4068">
        <v>20948</v>
      </c>
      <c r="B4068" t="s">
        <v>8118</v>
      </c>
      <c r="C4068" t="s">
        <v>8119</v>
      </c>
    </row>
    <row r="4069" spans="1:3" x14ac:dyDescent="0.15">
      <c r="A4069">
        <v>20947</v>
      </c>
      <c r="B4069" t="s">
        <v>8120</v>
      </c>
      <c r="C4069" t="s">
        <v>8121</v>
      </c>
    </row>
    <row r="4070" spans="1:3" x14ac:dyDescent="0.15">
      <c r="A4070">
        <v>20946</v>
      </c>
      <c r="B4070" t="s">
        <v>8122</v>
      </c>
      <c r="C4070" t="s">
        <v>8123</v>
      </c>
    </row>
    <row r="4071" spans="1:3" x14ac:dyDescent="0.15">
      <c r="A4071">
        <v>20945</v>
      </c>
      <c r="B4071" t="s">
        <v>8124</v>
      </c>
      <c r="C4071" t="s">
        <v>8125</v>
      </c>
    </row>
    <row r="4072" spans="1:3" x14ac:dyDescent="0.15">
      <c r="A4072">
        <v>20944</v>
      </c>
      <c r="B4072" t="s">
        <v>8126</v>
      </c>
      <c r="C4072" t="s">
        <v>8127</v>
      </c>
    </row>
    <row r="4073" spans="1:3" x14ac:dyDescent="0.15">
      <c r="A4073">
        <v>20943</v>
      </c>
      <c r="B4073" t="s">
        <v>8128</v>
      </c>
      <c r="C4073" t="s">
        <v>8129</v>
      </c>
    </row>
    <row r="4074" spans="1:3" x14ac:dyDescent="0.15">
      <c r="A4074">
        <v>20942</v>
      </c>
      <c r="B4074" t="s">
        <v>8130</v>
      </c>
      <c r="C4074" t="s">
        <v>8131</v>
      </c>
    </row>
    <row r="4075" spans="1:3" x14ac:dyDescent="0.15">
      <c r="A4075">
        <v>20941</v>
      </c>
      <c r="B4075" t="s">
        <v>8132</v>
      </c>
      <c r="C4075" t="s">
        <v>8133</v>
      </c>
    </row>
    <row r="4076" spans="1:3" x14ac:dyDescent="0.15">
      <c r="A4076">
        <v>20940</v>
      </c>
      <c r="B4076" t="s">
        <v>8134</v>
      </c>
      <c r="C4076" t="s">
        <v>8135</v>
      </c>
    </row>
    <row r="4077" spans="1:3" x14ac:dyDescent="0.15">
      <c r="A4077">
        <v>20939</v>
      </c>
      <c r="B4077" t="s">
        <v>8136</v>
      </c>
      <c r="C4077" t="s">
        <v>8137</v>
      </c>
    </row>
    <row r="4078" spans="1:3" x14ac:dyDescent="0.15">
      <c r="A4078">
        <v>20938</v>
      </c>
      <c r="B4078" t="s">
        <v>8138</v>
      </c>
      <c r="C4078" t="s">
        <v>8139</v>
      </c>
    </row>
    <row r="4079" spans="1:3" x14ac:dyDescent="0.15">
      <c r="A4079">
        <v>20937</v>
      </c>
      <c r="B4079" t="s">
        <v>8140</v>
      </c>
      <c r="C4079" t="s">
        <v>8141</v>
      </c>
    </row>
    <row r="4080" spans="1:3" x14ac:dyDescent="0.15">
      <c r="A4080">
        <v>20936</v>
      </c>
      <c r="B4080" t="s">
        <v>8142</v>
      </c>
      <c r="C4080" t="s">
        <v>8143</v>
      </c>
    </row>
    <row r="4081" spans="1:3" x14ac:dyDescent="0.15">
      <c r="A4081">
        <v>20935</v>
      </c>
      <c r="B4081" t="s">
        <v>8144</v>
      </c>
      <c r="C4081" t="s">
        <v>8145</v>
      </c>
    </row>
    <row r="4082" spans="1:3" x14ac:dyDescent="0.15">
      <c r="A4082">
        <v>20934</v>
      </c>
      <c r="B4082" t="s">
        <v>8146</v>
      </c>
      <c r="C4082" t="s">
        <v>8147</v>
      </c>
    </row>
    <row r="4083" spans="1:3" x14ac:dyDescent="0.15">
      <c r="A4083">
        <v>20933</v>
      </c>
      <c r="B4083" t="s">
        <v>8148</v>
      </c>
      <c r="C4083" t="s">
        <v>8149</v>
      </c>
    </row>
    <row r="4084" spans="1:3" x14ac:dyDescent="0.15">
      <c r="A4084">
        <v>20932</v>
      </c>
      <c r="B4084" t="s">
        <v>8150</v>
      </c>
      <c r="C4084" t="s">
        <v>8151</v>
      </c>
    </row>
    <row r="4085" spans="1:3" x14ac:dyDescent="0.15">
      <c r="A4085">
        <v>20931</v>
      </c>
      <c r="B4085" t="s">
        <v>8152</v>
      </c>
      <c r="C4085" t="s">
        <v>8153</v>
      </c>
    </row>
    <row r="4086" spans="1:3" x14ac:dyDescent="0.15">
      <c r="A4086">
        <v>20930</v>
      </c>
      <c r="B4086" t="s">
        <v>8154</v>
      </c>
      <c r="C4086" t="s">
        <v>8155</v>
      </c>
    </row>
    <row r="4087" spans="1:3" x14ac:dyDescent="0.15">
      <c r="A4087">
        <v>20929</v>
      </c>
      <c r="B4087" t="s">
        <v>8156</v>
      </c>
      <c r="C4087" t="s">
        <v>8157</v>
      </c>
    </row>
    <row r="4088" spans="1:3" x14ac:dyDescent="0.15">
      <c r="A4088">
        <v>20928</v>
      </c>
      <c r="B4088" t="s">
        <v>8158</v>
      </c>
      <c r="C4088" t="s">
        <v>8159</v>
      </c>
    </row>
    <row r="4089" spans="1:3" x14ac:dyDescent="0.15">
      <c r="A4089">
        <v>20927</v>
      </c>
      <c r="B4089" t="s">
        <v>8160</v>
      </c>
      <c r="C4089" t="s">
        <v>8161</v>
      </c>
    </row>
    <row r="4090" spans="1:3" x14ac:dyDescent="0.15">
      <c r="A4090">
        <v>20926</v>
      </c>
      <c r="B4090" t="s">
        <v>8162</v>
      </c>
      <c r="C4090" t="s">
        <v>8163</v>
      </c>
    </row>
    <row r="4091" spans="1:3" x14ac:dyDescent="0.15">
      <c r="A4091">
        <v>20925</v>
      </c>
      <c r="B4091" t="s">
        <v>8164</v>
      </c>
      <c r="C4091" t="s">
        <v>8165</v>
      </c>
    </row>
    <row r="4092" spans="1:3" x14ac:dyDescent="0.15">
      <c r="A4092">
        <v>20924</v>
      </c>
      <c r="B4092" t="s">
        <v>8166</v>
      </c>
      <c r="C4092" t="s">
        <v>8167</v>
      </c>
    </row>
    <row r="4093" spans="1:3" x14ac:dyDescent="0.15">
      <c r="A4093">
        <v>20923</v>
      </c>
      <c r="B4093" t="s">
        <v>8168</v>
      </c>
      <c r="C4093" t="s">
        <v>8169</v>
      </c>
    </row>
    <row r="4094" spans="1:3" x14ac:dyDescent="0.15">
      <c r="A4094">
        <v>20922</v>
      </c>
      <c r="B4094" t="s">
        <v>8170</v>
      </c>
      <c r="C4094" t="s">
        <v>8171</v>
      </c>
    </row>
    <row r="4095" spans="1:3" x14ac:dyDescent="0.15">
      <c r="A4095">
        <v>20921</v>
      </c>
      <c r="B4095" t="s">
        <v>8172</v>
      </c>
      <c r="C4095" t="s">
        <v>8173</v>
      </c>
    </row>
    <row r="4096" spans="1:3" x14ac:dyDescent="0.15">
      <c r="A4096">
        <v>20920</v>
      </c>
      <c r="B4096" t="s">
        <v>8174</v>
      </c>
      <c r="C4096" t="s">
        <v>8175</v>
      </c>
    </row>
    <row r="4097" spans="1:3" x14ac:dyDescent="0.15">
      <c r="A4097">
        <v>20919</v>
      </c>
      <c r="B4097" t="s">
        <v>8176</v>
      </c>
      <c r="C4097" t="s">
        <v>8177</v>
      </c>
    </row>
    <row r="4098" spans="1:3" x14ac:dyDescent="0.15">
      <c r="A4098">
        <v>20918</v>
      </c>
      <c r="B4098" t="s">
        <v>8178</v>
      </c>
      <c r="C4098" t="s">
        <v>8179</v>
      </c>
    </row>
    <row r="4099" spans="1:3" x14ac:dyDescent="0.15">
      <c r="A4099">
        <v>20917</v>
      </c>
      <c r="B4099" t="s">
        <v>8180</v>
      </c>
      <c r="C4099" t="s">
        <v>8181</v>
      </c>
    </row>
    <row r="4100" spans="1:3" x14ac:dyDescent="0.15">
      <c r="A4100">
        <v>20916</v>
      </c>
      <c r="B4100" t="s">
        <v>8182</v>
      </c>
      <c r="C4100" t="s">
        <v>8183</v>
      </c>
    </row>
    <row r="4101" spans="1:3" x14ac:dyDescent="0.15">
      <c r="A4101">
        <v>20915</v>
      </c>
      <c r="B4101" t="s">
        <v>8184</v>
      </c>
      <c r="C4101" t="s">
        <v>8185</v>
      </c>
    </row>
    <row r="4102" spans="1:3" x14ac:dyDescent="0.15">
      <c r="A4102">
        <v>20914</v>
      </c>
      <c r="B4102" t="s">
        <v>8186</v>
      </c>
      <c r="C4102" t="s">
        <v>8187</v>
      </c>
    </row>
    <row r="4103" spans="1:3" x14ac:dyDescent="0.15">
      <c r="A4103">
        <v>20913</v>
      </c>
      <c r="B4103" t="s">
        <v>8188</v>
      </c>
      <c r="C4103" t="s">
        <v>8189</v>
      </c>
    </row>
    <row r="4104" spans="1:3" x14ac:dyDescent="0.15">
      <c r="A4104">
        <v>20912</v>
      </c>
      <c r="B4104" t="s">
        <v>8190</v>
      </c>
      <c r="C4104" t="s">
        <v>8191</v>
      </c>
    </row>
    <row r="4105" spans="1:3" x14ac:dyDescent="0.15">
      <c r="A4105">
        <v>20911</v>
      </c>
      <c r="B4105" t="s">
        <v>8192</v>
      </c>
      <c r="C4105" t="s">
        <v>8193</v>
      </c>
    </row>
    <row r="4106" spans="1:3" x14ac:dyDescent="0.15">
      <c r="A4106">
        <v>20910</v>
      </c>
      <c r="B4106" t="s">
        <v>8194</v>
      </c>
      <c r="C4106" t="s">
        <v>8195</v>
      </c>
    </row>
    <row r="4107" spans="1:3" x14ac:dyDescent="0.15">
      <c r="A4107">
        <v>20909</v>
      </c>
      <c r="B4107" t="s">
        <v>8196</v>
      </c>
      <c r="C4107" t="s">
        <v>8197</v>
      </c>
    </row>
    <row r="4108" spans="1:3" x14ac:dyDescent="0.15">
      <c r="A4108">
        <v>20908</v>
      </c>
      <c r="B4108" t="s">
        <v>8198</v>
      </c>
      <c r="C4108" t="s">
        <v>8199</v>
      </c>
    </row>
    <row r="4109" spans="1:3" x14ac:dyDescent="0.15">
      <c r="A4109">
        <v>20907</v>
      </c>
      <c r="B4109" t="s">
        <v>8200</v>
      </c>
      <c r="C4109" t="s">
        <v>8201</v>
      </c>
    </row>
    <row r="4110" spans="1:3" x14ac:dyDescent="0.15">
      <c r="A4110">
        <v>20906</v>
      </c>
      <c r="B4110" t="s">
        <v>8202</v>
      </c>
      <c r="C4110" t="s">
        <v>8203</v>
      </c>
    </row>
    <row r="4111" spans="1:3" x14ac:dyDescent="0.15">
      <c r="A4111">
        <v>20905</v>
      </c>
      <c r="B4111" t="s">
        <v>8204</v>
      </c>
      <c r="C4111" t="s">
        <v>8205</v>
      </c>
    </row>
    <row r="4112" spans="1:3" x14ac:dyDescent="0.15">
      <c r="A4112">
        <v>20904</v>
      </c>
      <c r="B4112" t="s">
        <v>8206</v>
      </c>
      <c r="C4112" t="s">
        <v>8207</v>
      </c>
    </row>
    <row r="4113" spans="1:3" x14ac:dyDescent="0.15">
      <c r="A4113">
        <v>20903</v>
      </c>
      <c r="B4113" t="s">
        <v>8208</v>
      </c>
      <c r="C4113" t="s">
        <v>8209</v>
      </c>
    </row>
    <row r="4114" spans="1:3" x14ac:dyDescent="0.15">
      <c r="A4114">
        <v>20902</v>
      </c>
      <c r="B4114" t="s">
        <v>8210</v>
      </c>
      <c r="C4114" t="s">
        <v>8211</v>
      </c>
    </row>
    <row r="4115" spans="1:3" x14ac:dyDescent="0.15">
      <c r="A4115">
        <v>20901</v>
      </c>
      <c r="B4115" t="s">
        <v>8212</v>
      </c>
      <c r="C4115" t="s">
        <v>8213</v>
      </c>
    </row>
    <row r="4116" spans="1:3" x14ac:dyDescent="0.15">
      <c r="A4116">
        <v>20900</v>
      </c>
      <c r="B4116" t="s">
        <v>8214</v>
      </c>
      <c r="C4116" t="s">
        <v>8215</v>
      </c>
    </row>
    <row r="4117" spans="1:3" x14ac:dyDescent="0.15">
      <c r="A4117">
        <v>20899</v>
      </c>
      <c r="B4117" t="s">
        <v>8216</v>
      </c>
      <c r="C4117" t="s">
        <v>8217</v>
      </c>
    </row>
    <row r="4118" spans="1:3" x14ac:dyDescent="0.15">
      <c r="A4118">
        <v>20898</v>
      </c>
      <c r="B4118" t="s">
        <v>8218</v>
      </c>
      <c r="C4118" t="s">
        <v>8219</v>
      </c>
    </row>
    <row r="4119" spans="1:3" x14ac:dyDescent="0.15">
      <c r="A4119">
        <v>20897</v>
      </c>
      <c r="B4119" t="s">
        <v>8220</v>
      </c>
      <c r="C4119" t="s">
        <v>8221</v>
      </c>
    </row>
    <row r="4120" spans="1:3" x14ac:dyDescent="0.15">
      <c r="A4120">
        <v>20896</v>
      </c>
      <c r="B4120" t="s">
        <v>8222</v>
      </c>
      <c r="C4120" t="s">
        <v>8223</v>
      </c>
    </row>
    <row r="4121" spans="1:3" x14ac:dyDescent="0.15">
      <c r="A4121">
        <v>20895</v>
      </c>
      <c r="B4121" t="s">
        <v>8224</v>
      </c>
      <c r="C4121" t="s">
        <v>8225</v>
      </c>
    </row>
    <row r="4122" spans="1:3" x14ac:dyDescent="0.15">
      <c r="A4122">
        <v>20894</v>
      </c>
      <c r="B4122" t="s">
        <v>8226</v>
      </c>
      <c r="C4122" t="s">
        <v>8227</v>
      </c>
    </row>
    <row r="4123" spans="1:3" x14ac:dyDescent="0.15">
      <c r="A4123">
        <v>20893</v>
      </c>
      <c r="B4123" t="s">
        <v>8228</v>
      </c>
      <c r="C4123" t="s">
        <v>8229</v>
      </c>
    </row>
    <row r="4124" spans="1:3" x14ac:dyDescent="0.15">
      <c r="A4124">
        <v>20892</v>
      </c>
      <c r="B4124" t="s">
        <v>8230</v>
      </c>
      <c r="C4124" t="s">
        <v>8231</v>
      </c>
    </row>
    <row r="4125" spans="1:3" x14ac:dyDescent="0.15">
      <c r="A4125">
        <v>20891</v>
      </c>
      <c r="B4125" t="s">
        <v>8232</v>
      </c>
      <c r="C4125" t="s">
        <v>8233</v>
      </c>
    </row>
    <row r="4126" spans="1:3" x14ac:dyDescent="0.15">
      <c r="A4126">
        <v>20890</v>
      </c>
      <c r="B4126" t="s">
        <v>8234</v>
      </c>
      <c r="C4126" t="s">
        <v>8235</v>
      </c>
    </row>
    <row r="4127" spans="1:3" x14ac:dyDescent="0.15">
      <c r="A4127">
        <v>20889</v>
      </c>
      <c r="B4127" t="s">
        <v>8236</v>
      </c>
      <c r="C4127" t="s">
        <v>8237</v>
      </c>
    </row>
    <row r="4128" spans="1:3" x14ac:dyDescent="0.15">
      <c r="A4128">
        <v>20888</v>
      </c>
      <c r="B4128" t="s">
        <v>8238</v>
      </c>
      <c r="C4128" t="s">
        <v>8239</v>
      </c>
    </row>
    <row r="4129" spans="1:3" x14ac:dyDescent="0.15">
      <c r="A4129">
        <v>20887</v>
      </c>
      <c r="B4129" t="s">
        <v>8240</v>
      </c>
      <c r="C4129" t="s">
        <v>8241</v>
      </c>
    </row>
    <row r="4130" spans="1:3" x14ac:dyDescent="0.15">
      <c r="A4130">
        <v>20886</v>
      </c>
      <c r="B4130" t="s">
        <v>8242</v>
      </c>
      <c r="C4130" t="s">
        <v>8243</v>
      </c>
    </row>
    <row r="4131" spans="1:3" x14ac:dyDescent="0.15">
      <c r="A4131">
        <v>20885</v>
      </c>
      <c r="B4131" t="s">
        <v>8244</v>
      </c>
      <c r="C4131" t="s">
        <v>8245</v>
      </c>
    </row>
    <row r="4132" spans="1:3" x14ac:dyDescent="0.15">
      <c r="A4132">
        <v>20884</v>
      </c>
      <c r="B4132" t="s">
        <v>8246</v>
      </c>
      <c r="C4132" t="s">
        <v>8247</v>
      </c>
    </row>
    <row r="4133" spans="1:3" x14ac:dyDescent="0.15">
      <c r="A4133">
        <v>20883</v>
      </c>
      <c r="B4133" t="s">
        <v>8248</v>
      </c>
      <c r="C4133" t="s">
        <v>8249</v>
      </c>
    </row>
    <row r="4134" spans="1:3" x14ac:dyDescent="0.15">
      <c r="A4134">
        <v>20882</v>
      </c>
      <c r="B4134" t="s">
        <v>8250</v>
      </c>
      <c r="C4134" t="s">
        <v>8251</v>
      </c>
    </row>
    <row r="4135" spans="1:3" x14ac:dyDescent="0.15">
      <c r="A4135">
        <v>20881</v>
      </c>
      <c r="B4135" t="s">
        <v>8252</v>
      </c>
      <c r="C4135" t="s">
        <v>8253</v>
      </c>
    </row>
    <row r="4136" spans="1:3" x14ac:dyDescent="0.15">
      <c r="A4136">
        <v>20880</v>
      </c>
      <c r="B4136" t="s">
        <v>8254</v>
      </c>
      <c r="C4136" t="s">
        <v>8255</v>
      </c>
    </row>
    <row r="4137" spans="1:3" x14ac:dyDescent="0.15">
      <c r="A4137">
        <v>20879</v>
      </c>
      <c r="B4137" t="s">
        <v>8256</v>
      </c>
      <c r="C4137" t="s">
        <v>8257</v>
      </c>
    </row>
    <row r="4138" spans="1:3" x14ac:dyDescent="0.15">
      <c r="A4138">
        <v>20878</v>
      </c>
      <c r="B4138" t="s">
        <v>8258</v>
      </c>
      <c r="C4138" t="s">
        <v>8259</v>
      </c>
    </row>
    <row r="4139" spans="1:3" x14ac:dyDescent="0.15">
      <c r="A4139">
        <v>20877</v>
      </c>
      <c r="B4139" t="s">
        <v>8260</v>
      </c>
      <c r="C4139" t="s">
        <v>8261</v>
      </c>
    </row>
    <row r="4140" spans="1:3" x14ac:dyDescent="0.15">
      <c r="A4140">
        <v>20876</v>
      </c>
      <c r="B4140" t="s">
        <v>8262</v>
      </c>
      <c r="C4140" t="s">
        <v>8263</v>
      </c>
    </row>
    <row r="4141" spans="1:3" x14ac:dyDescent="0.15">
      <c r="A4141">
        <v>20875</v>
      </c>
      <c r="B4141" t="s">
        <v>8264</v>
      </c>
      <c r="C4141" t="s">
        <v>8265</v>
      </c>
    </row>
    <row r="4142" spans="1:3" x14ac:dyDescent="0.15">
      <c r="A4142">
        <v>20874</v>
      </c>
      <c r="B4142" t="s">
        <v>8266</v>
      </c>
      <c r="C4142" t="s">
        <v>8267</v>
      </c>
    </row>
    <row r="4143" spans="1:3" x14ac:dyDescent="0.15">
      <c r="A4143">
        <v>20873</v>
      </c>
      <c r="B4143" t="s">
        <v>8268</v>
      </c>
      <c r="C4143" t="s">
        <v>8269</v>
      </c>
    </row>
    <row r="4144" spans="1:3" x14ac:dyDescent="0.15">
      <c r="A4144">
        <v>20872</v>
      </c>
      <c r="B4144" t="s">
        <v>8270</v>
      </c>
      <c r="C4144" t="s">
        <v>8271</v>
      </c>
    </row>
    <row r="4145" spans="1:3" x14ac:dyDescent="0.15">
      <c r="A4145">
        <v>20871</v>
      </c>
      <c r="B4145" t="s">
        <v>8272</v>
      </c>
      <c r="C4145" t="s">
        <v>8273</v>
      </c>
    </row>
    <row r="4146" spans="1:3" x14ac:dyDescent="0.15">
      <c r="A4146">
        <v>20870</v>
      </c>
      <c r="B4146" t="s">
        <v>8274</v>
      </c>
      <c r="C4146" t="s">
        <v>8275</v>
      </c>
    </row>
    <row r="4147" spans="1:3" x14ac:dyDescent="0.15">
      <c r="A4147">
        <v>20869</v>
      </c>
      <c r="B4147" t="s">
        <v>8276</v>
      </c>
      <c r="C4147" t="s">
        <v>8277</v>
      </c>
    </row>
    <row r="4148" spans="1:3" x14ac:dyDescent="0.15">
      <c r="A4148">
        <v>20868</v>
      </c>
      <c r="B4148" t="s">
        <v>8278</v>
      </c>
      <c r="C4148" t="s">
        <v>8279</v>
      </c>
    </row>
    <row r="4149" spans="1:3" x14ac:dyDescent="0.15">
      <c r="A4149">
        <v>20867</v>
      </c>
      <c r="B4149" t="s">
        <v>8280</v>
      </c>
      <c r="C4149" t="s">
        <v>8281</v>
      </c>
    </row>
    <row r="4150" spans="1:3" x14ac:dyDescent="0.15">
      <c r="A4150">
        <v>20866</v>
      </c>
      <c r="B4150" t="s">
        <v>8282</v>
      </c>
      <c r="C4150" t="s">
        <v>8283</v>
      </c>
    </row>
    <row r="4151" spans="1:3" x14ac:dyDescent="0.15">
      <c r="A4151">
        <v>20865</v>
      </c>
      <c r="B4151" t="s">
        <v>8284</v>
      </c>
      <c r="C4151" t="s">
        <v>8285</v>
      </c>
    </row>
    <row r="4152" spans="1:3" x14ac:dyDescent="0.15">
      <c r="A4152">
        <v>20864</v>
      </c>
      <c r="B4152" t="s">
        <v>8286</v>
      </c>
      <c r="C4152" t="s">
        <v>8287</v>
      </c>
    </row>
    <row r="4153" spans="1:3" x14ac:dyDescent="0.15">
      <c r="A4153">
        <v>20863</v>
      </c>
      <c r="B4153" t="s">
        <v>8288</v>
      </c>
      <c r="C4153" t="s">
        <v>8289</v>
      </c>
    </row>
    <row r="4154" spans="1:3" x14ac:dyDescent="0.15">
      <c r="A4154">
        <v>20862</v>
      </c>
      <c r="B4154" t="s">
        <v>8290</v>
      </c>
      <c r="C4154" t="s">
        <v>8291</v>
      </c>
    </row>
    <row r="4155" spans="1:3" x14ac:dyDescent="0.15">
      <c r="A4155">
        <v>20861</v>
      </c>
      <c r="B4155" t="s">
        <v>8292</v>
      </c>
      <c r="C4155" t="s">
        <v>8293</v>
      </c>
    </row>
    <row r="4156" spans="1:3" x14ac:dyDescent="0.15">
      <c r="A4156">
        <v>20860</v>
      </c>
      <c r="B4156" t="s">
        <v>8294</v>
      </c>
      <c r="C4156" t="s">
        <v>8295</v>
      </c>
    </row>
    <row r="4157" spans="1:3" x14ac:dyDescent="0.15">
      <c r="A4157">
        <v>20859</v>
      </c>
      <c r="B4157" t="s">
        <v>8296</v>
      </c>
      <c r="C4157" t="s">
        <v>8297</v>
      </c>
    </row>
    <row r="4158" spans="1:3" x14ac:dyDescent="0.15">
      <c r="A4158">
        <v>20858</v>
      </c>
      <c r="B4158" t="s">
        <v>8298</v>
      </c>
      <c r="C4158" t="s">
        <v>8299</v>
      </c>
    </row>
    <row r="4159" spans="1:3" x14ac:dyDescent="0.15">
      <c r="A4159">
        <v>20857</v>
      </c>
      <c r="B4159" t="s">
        <v>8300</v>
      </c>
      <c r="C4159" t="s">
        <v>8301</v>
      </c>
    </row>
    <row r="4160" spans="1:3" x14ac:dyDescent="0.15">
      <c r="A4160">
        <v>20856</v>
      </c>
      <c r="B4160" t="s">
        <v>8302</v>
      </c>
      <c r="C4160" t="s">
        <v>8303</v>
      </c>
    </row>
    <row r="4161" spans="1:3" x14ac:dyDescent="0.15">
      <c r="A4161">
        <v>20855</v>
      </c>
      <c r="B4161" t="s">
        <v>8304</v>
      </c>
      <c r="C4161" t="s">
        <v>8305</v>
      </c>
    </row>
    <row r="4162" spans="1:3" x14ac:dyDescent="0.15">
      <c r="A4162">
        <v>20854</v>
      </c>
      <c r="B4162" t="s">
        <v>8306</v>
      </c>
      <c r="C4162" t="s">
        <v>8307</v>
      </c>
    </row>
    <row r="4163" spans="1:3" x14ac:dyDescent="0.15">
      <c r="A4163">
        <v>20853</v>
      </c>
      <c r="B4163" t="s">
        <v>8308</v>
      </c>
      <c r="C4163" t="s">
        <v>8309</v>
      </c>
    </row>
    <row r="4164" spans="1:3" x14ac:dyDescent="0.15">
      <c r="A4164">
        <v>20852</v>
      </c>
      <c r="B4164" t="s">
        <v>8310</v>
      </c>
      <c r="C4164" t="s">
        <v>8311</v>
      </c>
    </row>
    <row r="4165" spans="1:3" x14ac:dyDescent="0.15">
      <c r="A4165">
        <v>20851</v>
      </c>
      <c r="B4165" t="s">
        <v>8312</v>
      </c>
      <c r="C4165" t="s">
        <v>8313</v>
      </c>
    </row>
    <row r="4166" spans="1:3" x14ac:dyDescent="0.15">
      <c r="A4166">
        <v>20850</v>
      </c>
      <c r="B4166" t="s">
        <v>8314</v>
      </c>
      <c r="C4166" t="s">
        <v>8315</v>
      </c>
    </row>
    <row r="4167" spans="1:3" x14ac:dyDescent="0.15">
      <c r="A4167">
        <v>20848</v>
      </c>
      <c r="B4167" t="s">
        <v>8316</v>
      </c>
      <c r="C4167" t="s">
        <v>8317</v>
      </c>
    </row>
    <row r="4168" spans="1:3" x14ac:dyDescent="0.15">
      <c r="A4168">
        <v>20847</v>
      </c>
      <c r="B4168" t="s">
        <v>8318</v>
      </c>
      <c r="C4168" t="s">
        <v>8319</v>
      </c>
    </row>
    <row r="4169" spans="1:3" x14ac:dyDescent="0.15">
      <c r="A4169">
        <v>20846</v>
      </c>
      <c r="B4169" t="s">
        <v>8320</v>
      </c>
      <c r="C4169" t="s">
        <v>8321</v>
      </c>
    </row>
    <row r="4170" spans="1:3" x14ac:dyDescent="0.15">
      <c r="A4170">
        <v>20845</v>
      </c>
      <c r="B4170" t="s">
        <v>8322</v>
      </c>
      <c r="C4170" t="s">
        <v>8323</v>
      </c>
    </row>
    <row r="4171" spans="1:3" x14ac:dyDescent="0.15">
      <c r="A4171">
        <v>20844</v>
      </c>
      <c r="B4171" t="s">
        <v>8324</v>
      </c>
      <c r="C4171" t="s">
        <v>8325</v>
      </c>
    </row>
    <row r="4172" spans="1:3" x14ac:dyDescent="0.15">
      <c r="A4172">
        <v>20843</v>
      </c>
      <c r="B4172" t="s">
        <v>8326</v>
      </c>
      <c r="C4172" t="s">
        <v>8327</v>
      </c>
    </row>
    <row r="4173" spans="1:3" x14ac:dyDescent="0.15">
      <c r="A4173">
        <v>20842</v>
      </c>
      <c r="B4173" t="s">
        <v>8328</v>
      </c>
      <c r="C4173" t="s">
        <v>8329</v>
      </c>
    </row>
    <row r="4174" spans="1:3" x14ac:dyDescent="0.15">
      <c r="A4174">
        <v>20841</v>
      </c>
      <c r="B4174" t="s">
        <v>8330</v>
      </c>
      <c r="C4174" t="s">
        <v>8331</v>
      </c>
    </row>
    <row r="4175" spans="1:3" x14ac:dyDescent="0.15">
      <c r="A4175">
        <v>20840</v>
      </c>
      <c r="B4175" t="s">
        <v>8332</v>
      </c>
      <c r="C4175" t="s">
        <v>8333</v>
      </c>
    </row>
    <row r="4176" spans="1:3" x14ac:dyDescent="0.15">
      <c r="A4176">
        <v>20839</v>
      </c>
      <c r="B4176" t="s">
        <v>8334</v>
      </c>
      <c r="C4176" t="s">
        <v>8335</v>
      </c>
    </row>
    <row r="4177" spans="1:3" x14ac:dyDescent="0.15">
      <c r="A4177">
        <v>20838</v>
      </c>
      <c r="B4177" t="s">
        <v>8336</v>
      </c>
      <c r="C4177" t="s">
        <v>8337</v>
      </c>
    </row>
    <row r="4178" spans="1:3" x14ac:dyDescent="0.15">
      <c r="A4178">
        <v>20837</v>
      </c>
      <c r="B4178" t="s">
        <v>8338</v>
      </c>
      <c r="C4178" t="s">
        <v>8339</v>
      </c>
    </row>
    <row r="4179" spans="1:3" x14ac:dyDescent="0.15">
      <c r="A4179">
        <v>20836</v>
      </c>
      <c r="B4179" t="s">
        <v>8340</v>
      </c>
      <c r="C4179" t="s">
        <v>8341</v>
      </c>
    </row>
    <row r="4180" spans="1:3" x14ac:dyDescent="0.15">
      <c r="A4180">
        <v>20835</v>
      </c>
      <c r="B4180" t="s">
        <v>8342</v>
      </c>
      <c r="C4180" t="s">
        <v>8343</v>
      </c>
    </row>
    <row r="4181" spans="1:3" x14ac:dyDescent="0.15">
      <c r="A4181">
        <v>20834</v>
      </c>
      <c r="B4181" t="s">
        <v>8344</v>
      </c>
      <c r="C4181" t="s">
        <v>8345</v>
      </c>
    </row>
    <row r="4182" spans="1:3" x14ac:dyDescent="0.15">
      <c r="A4182">
        <v>20833</v>
      </c>
      <c r="B4182" t="s">
        <v>8346</v>
      </c>
      <c r="C4182" t="s">
        <v>8347</v>
      </c>
    </row>
    <row r="4183" spans="1:3" x14ac:dyDescent="0.15">
      <c r="A4183">
        <v>20832</v>
      </c>
      <c r="B4183" t="s">
        <v>8348</v>
      </c>
      <c r="C4183" t="s">
        <v>8349</v>
      </c>
    </row>
    <row r="4184" spans="1:3" x14ac:dyDescent="0.15">
      <c r="A4184">
        <v>20831</v>
      </c>
      <c r="B4184" t="s">
        <v>8350</v>
      </c>
      <c r="C4184" t="s">
        <v>8351</v>
      </c>
    </row>
    <row r="4185" spans="1:3" x14ac:dyDescent="0.15">
      <c r="A4185">
        <v>20830</v>
      </c>
      <c r="B4185" t="s">
        <v>8352</v>
      </c>
      <c r="C4185" t="s">
        <v>8353</v>
      </c>
    </row>
    <row r="4186" spans="1:3" x14ac:dyDescent="0.15">
      <c r="A4186">
        <v>20829</v>
      </c>
      <c r="B4186" t="s">
        <v>8354</v>
      </c>
      <c r="C4186" t="s">
        <v>8355</v>
      </c>
    </row>
    <row r="4187" spans="1:3" x14ac:dyDescent="0.15">
      <c r="A4187">
        <v>20828</v>
      </c>
      <c r="B4187" t="s">
        <v>8356</v>
      </c>
      <c r="C4187" t="s">
        <v>8357</v>
      </c>
    </row>
    <row r="4188" spans="1:3" x14ac:dyDescent="0.15">
      <c r="A4188">
        <v>20827</v>
      </c>
      <c r="B4188" t="s">
        <v>8358</v>
      </c>
      <c r="C4188" t="s">
        <v>8359</v>
      </c>
    </row>
    <row r="4189" spans="1:3" x14ac:dyDescent="0.15">
      <c r="A4189">
        <v>20826</v>
      </c>
      <c r="B4189" t="s">
        <v>8360</v>
      </c>
      <c r="C4189" t="s">
        <v>8361</v>
      </c>
    </row>
    <row r="4190" spans="1:3" x14ac:dyDescent="0.15">
      <c r="A4190">
        <v>20825</v>
      </c>
      <c r="B4190" t="s">
        <v>8362</v>
      </c>
      <c r="C4190" t="s">
        <v>8363</v>
      </c>
    </row>
    <row r="4191" spans="1:3" x14ac:dyDescent="0.15">
      <c r="A4191">
        <v>20824</v>
      </c>
      <c r="B4191" t="s">
        <v>8364</v>
      </c>
      <c r="C4191" t="s">
        <v>8365</v>
      </c>
    </row>
    <row r="4192" spans="1:3" x14ac:dyDescent="0.15">
      <c r="A4192">
        <v>20823</v>
      </c>
      <c r="B4192" t="s">
        <v>8366</v>
      </c>
      <c r="C4192" t="s">
        <v>8367</v>
      </c>
    </row>
    <row r="4193" spans="1:3" x14ac:dyDescent="0.15">
      <c r="A4193">
        <v>20822</v>
      </c>
      <c r="B4193" t="s">
        <v>8368</v>
      </c>
      <c r="C4193" t="s">
        <v>8369</v>
      </c>
    </row>
    <row r="4194" spans="1:3" x14ac:dyDescent="0.15">
      <c r="A4194">
        <v>20821</v>
      </c>
      <c r="B4194" t="s">
        <v>8370</v>
      </c>
      <c r="C4194" t="s">
        <v>8371</v>
      </c>
    </row>
    <row r="4195" spans="1:3" x14ac:dyDescent="0.15">
      <c r="A4195">
        <v>20820</v>
      </c>
      <c r="B4195" t="s">
        <v>8372</v>
      </c>
      <c r="C4195" t="s">
        <v>8373</v>
      </c>
    </row>
    <row r="4196" spans="1:3" x14ac:dyDescent="0.15">
      <c r="A4196">
        <v>20819</v>
      </c>
      <c r="B4196" t="s">
        <v>8374</v>
      </c>
      <c r="C4196" t="s">
        <v>8375</v>
      </c>
    </row>
    <row r="4197" spans="1:3" x14ac:dyDescent="0.15">
      <c r="A4197">
        <v>20818</v>
      </c>
      <c r="B4197" t="s">
        <v>8376</v>
      </c>
      <c r="C4197" t="s">
        <v>8377</v>
      </c>
    </row>
    <row r="4198" spans="1:3" x14ac:dyDescent="0.15">
      <c r="A4198">
        <v>20817</v>
      </c>
      <c r="B4198" t="s">
        <v>8378</v>
      </c>
      <c r="C4198" t="s">
        <v>8379</v>
      </c>
    </row>
    <row r="4199" spans="1:3" x14ac:dyDescent="0.15">
      <c r="A4199">
        <v>20816</v>
      </c>
      <c r="B4199" t="s">
        <v>8380</v>
      </c>
      <c r="C4199" t="s">
        <v>8381</v>
      </c>
    </row>
    <row r="4200" spans="1:3" x14ac:dyDescent="0.15">
      <c r="A4200">
        <v>20815</v>
      </c>
      <c r="B4200" t="s">
        <v>8382</v>
      </c>
      <c r="C4200" t="s">
        <v>8383</v>
      </c>
    </row>
    <row r="4201" spans="1:3" x14ac:dyDescent="0.15">
      <c r="A4201">
        <v>20814</v>
      </c>
      <c r="B4201" t="s">
        <v>8384</v>
      </c>
      <c r="C4201" t="s">
        <v>8385</v>
      </c>
    </row>
    <row r="4202" spans="1:3" x14ac:dyDescent="0.15">
      <c r="A4202">
        <v>20813</v>
      </c>
      <c r="B4202" t="s">
        <v>8386</v>
      </c>
      <c r="C4202" t="s">
        <v>8387</v>
      </c>
    </row>
    <row r="4203" spans="1:3" x14ac:dyDescent="0.15">
      <c r="A4203">
        <v>20812</v>
      </c>
      <c r="B4203" t="s">
        <v>8388</v>
      </c>
      <c r="C4203" t="s">
        <v>8389</v>
      </c>
    </row>
    <row r="4204" spans="1:3" x14ac:dyDescent="0.15">
      <c r="A4204">
        <v>20811</v>
      </c>
      <c r="B4204" t="s">
        <v>8390</v>
      </c>
      <c r="C4204" t="s">
        <v>8391</v>
      </c>
    </row>
    <row r="4205" spans="1:3" x14ac:dyDescent="0.15">
      <c r="A4205">
        <v>20810</v>
      </c>
      <c r="B4205" t="s">
        <v>8392</v>
      </c>
      <c r="C4205" t="s">
        <v>8393</v>
      </c>
    </row>
    <row r="4206" spans="1:3" x14ac:dyDescent="0.15">
      <c r="A4206">
        <v>20809</v>
      </c>
      <c r="B4206" t="s">
        <v>8394</v>
      </c>
      <c r="C4206" t="s">
        <v>8395</v>
      </c>
    </row>
    <row r="4207" spans="1:3" x14ac:dyDescent="0.15">
      <c r="A4207">
        <v>20808</v>
      </c>
      <c r="B4207" t="s">
        <v>8396</v>
      </c>
      <c r="C4207" t="s">
        <v>8397</v>
      </c>
    </row>
    <row r="4208" spans="1:3" x14ac:dyDescent="0.15">
      <c r="A4208">
        <v>20807</v>
      </c>
      <c r="B4208" t="s">
        <v>8398</v>
      </c>
      <c r="C4208" t="s">
        <v>8399</v>
      </c>
    </row>
    <row r="4209" spans="1:3" x14ac:dyDescent="0.15">
      <c r="A4209">
        <v>20806</v>
      </c>
      <c r="B4209" t="s">
        <v>8400</v>
      </c>
      <c r="C4209" t="s">
        <v>8401</v>
      </c>
    </row>
    <row r="4210" spans="1:3" x14ac:dyDescent="0.15">
      <c r="A4210">
        <v>20805</v>
      </c>
      <c r="B4210" t="s">
        <v>8402</v>
      </c>
      <c r="C4210" t="s">
        <v>8403</v>
      </c>
    </row>
    <row r="4211" spans="1:3" x14ac:dyDescent="0.15">
      <c r="A4211">
        <v>20804</v>
      </c>
      <c r="B4211" t="s">
        <v>8404</v>
      </c>
      <c r="C4211" t="s">
        <v>8405</v>
      </c>
    </row>
    <row r="4212" spans="1:3" x14ac:dyDescent="0.15">
      <c r="A4212">
        <v>20803</v>
      </c>
      <c r="B4212" t="s">
        <v>8406</v>
      </c>
      <c r="C4212" t="s">
        <v>8407</v>
      </c>
    </row>
    <row r="4213" spans="1:3" x14ac:dyDescent="0.15">
      <c r="A4213">
        <v>20802</v>
      </c>
      <c r="B4213" t="s">
        <v>8408</v>
      </c>
      <c r="C4213" t="s">
        <v>8409</v>
      </c>
    </row>
    <row r="4214" spans="1:3" x14ac:dyDescent="0.15">
      <c r="A4214">
        <v>20801</v>
      </c>
      <c r="B4214" t="s">
        <v>8410</v>
      </c>
      <c r="C4214" t="s">
        <v>8411</v>
      </c>
    </row>
    <row r="4215" spans="1:3" x14ac:dyDescent="0.15">
      <c r="A4215">
        <v>20800</v>
      </c>
      <c r="B4215" t="s">
        <v>8412</v>
      </c>
      <c r="C4215" t="s">
        <v>8413</v>
      </c>
    </row>
    <row r="4216" spans="1:3" x14ac:dyDescent="0.15">
      <c r="A4216">
        <v>20799</v>
      </c>
      <c r="B4216" t="s">
        <v>8414</v>
      </c>
      <c r="C4216" t="s">
        <v>8415</v>
      </c>
    </row>
    <row r="4217" spans="1:3" x14ac:dyDescent="0.15">
      <c r="A4217">
        <v>20798</v>
      </c>
      <c r="B4217" t="s">
        <v>8416</v>
      </c>
      <c r="C4217" t="s">
        <v>8417</v>
      </c>
    </row>
    <row r="4218" spans="1:3" x14ac:dyDescent="0.15">
      <c r="A4218">
        <v>20797</v>
      </c>
      <c r="B4218" t="s">
        <v>8418</v>
      </c>
      <c r="C4218" t="s">
        <v>8419</v>
      </c>
    </row>
    <row r="4219" spans="1:3" x14ac:dyDescent="0.15">
      <c r="A4219">
        <v>20796</v>
      </c>
      <c r="B4219" t="s">
        <v>8420</v>
      </c>
      <c r="C4219" t="s">
        <v>8421</v>
      </c>
    </row>
    <row r="4220" spans="1:3" x14ac:dyDescent="0.15">
      <c r="A4220">
        <v>20795</v>
      </c>
      <c r="B4220" t="s">
        <v>8422</v>
      </c>
      <c r="C4220" t="s">
        <v>8423</v>
      </c>
    </row>
    <row r="4221" spans="1:3" x14ac:dyDescent="0.15">
      <c r="A4221">
        <v>20794</v>
      </c>
      <c r="B4221" t="s">
        <v>8424</v>
      </c>
      <c r="C4221" t="s">
        <v>8425</v>
      </c>
    </row>
    <row r="4222" spans="1:3" x14ac:dyDescent="0.15">
      <c r="A4222">
        <v>20793</v>
      </c>
      <c r="B4222" t="s">
        <v>8426</v>
      </c>
      <c r="C4222" t="s">
        <v>8427</v>
      </c>
    </row>
    <row r="4223" spans="1:3" x14ac:dyDescent="0.15">
      <c r="A4223">
        <v>20792</v>
      </c>
      <c r="B4223" t="s">
        <v>8428</v>
      </c>
      <c r="C4223" t="s">
        <v>8429</v>
      </c>
    </row>
    <row r="4224" spans="1:3" x14ac:dyDescent="0.15">
      <c r="A4224">
        <v>20791</v>
      </c>
      <c r="B4224" t="s">
        <v>8430</v>
      </c>
      <c r="C4224" t="s">
        <v>8431</v>
      </c>
    </row>
    <row r="4225" spans="1:3" x14ac:dyDescent="0.15">
      <c r="A4225">
        <v>20790</v>
      </c>
      <c r="B4225" t="s">
        <v>8432</v>
      </c>
      <c r="C4225" t="s">
        <v>8433</v>
      </c>
    </row>
    <row r="4226" spans="1:3" x14ac:dyDescent="0.15">
      <c r="A4226">
        <v>20789</v>
      </c>
      <c r="B4226" t="s">
        <v>8434</v>
      </c>
      <c r="C4226" t="s">
        <v>8435</v>
      </c>
    </row>
    <row r="4227" spans="1:3" x14ac:dyDescent="0.15">
      <c r="A4227">
        <v>20788</v>
      </c>
      <c r="B4227" t="s">
        <v>8436</v>
      </c>
      <c r="C4227" t="s">
        <v>8437</v>
      </c>
    </row>
    <row r="4228" spans="1:3" x14ac:dyDescent="0.15">
      <c r="A4228">
        <v>20787</v>
      </c>
      <c r="B4228" t="s">
        <v>8438</v>
      </c>
      <c r="C4228" t="s">
        <v>8439</v>
      </c>
    </row>
    <row r="4229" spans="1:3" x14ac:dyDescent="0.15">
      <c r="A4229">
        <v>20786</v>
      </c>
      <c r="B4229" t="s">
        <v>8440</v>
      </c>
      <c r="C4229" t="s">
        <v>8441</v>
      </c>
    </row>
    <row r="4230" spans="1:3" x14ac:dyDescent="0.15">
      <c r="A4230">
        <v>20785</v>
      </c>
      <c r="B4230" t="s">
        <v>8442</v>
      </c>
      <c r="C4230" t="s">
        <v>8443</v>
      </c>
    </row>
    <row r="4231" spans="1:3" x14ac:dyDescent="0.15">
      <c r="A4231">
        <v>20784</v>
      </c>
      <c r="B4231" t="s">
        <v>8444</v>
      </c>
      <c r="C4231" t="s">
        <v>8445</v>
      </c>
    </row>
    <row r="4232" spans="1:3" x14ac:dyDescent="0.15">
      <c r="A4232">
        <v>20783</v>
      </c>
      <c r="B4232" t="s">
        <v>8446</v>
      </c>
      <c r="C4232" t="s">
        <v>8447</v>
      </c>
    </row>
    <row r="4233" spans="1:3" x14ac:dyDescent="0.15">
      <c r="A4233">
        <v>20782</v>
      </c>
      <c r="B4233" t="s">
        <v>8448</v>
      </c>
      <c r="C4233" t="s">
        <v>8449</v>
      </c>
    </row>
    <row r="4234" spans="1:3" x14ac:dyDescent="0.15">
      <c r="A4234">
        <v>20781</v>
      </c>
      <c r="B4234" t="s">
        <v>8450</v>
      </c>
      <c r="C4234" t="s">
        <v>8451</v>
      </c>
    </row>
    <row r="4235" spans="1:3" x14ac:dyDescent="0.15">
      <c r="A4235">
        <v>20780</v>
      </c>
      <c r="B4235" t="s">
        <v>8452</v>
      </c>
      <c r="C4235" t="s">
        <v>8453</v>
      </c>
    </row>
    <row r="4236" spans="1:3" x14ac:dyDescent="0.15">
      <c r="A4236">
        <v>20779</v>
      </c>
      <c r="B4236" t="s">
        <v>8454</v>
      </c>
      <c r="C4236" t="s">
        <v>8455</v>
      </c>
    </row>
    <row r="4237" spans="1:3" x14ac:dyDescent="0.15">
      <c r="A4237">
        <v>20778</v>
      </c>
      <c r="B4237" t="s">
        <v>8456</v>
      </c>
      <c r="C4237" t="s">
        <v>8457</v>
      </c>
    </row>
    <row r="4238" spans="1:3" x14ac:dyDescent="0.15">
      <c r="A4238">
        <v>20777</v>
      </c>
      <c r="B4238" t="s">
        <v>8458</v>
      </c>
      <c r="C4238" t="s">
        <v>8459</v>
      </c>
    </row>
    <row r="4239" spans="1:3" x14ac:dyDescent="0.15">
      <c r="A4239">
        <v>20776</v>
      </c>
      <c r="B4239" t="s">
        <v>8460</v>
      </c>
      <c r="C4239" t="s">
        <v>8461</v>
      </c>
    </row>
    <row r="4240" spans="1:3" x14ac:dyDescent="0.15">
      <c r="A4240">
        <v>20775</v>
      </c>
      <c r="B4240" t="s">
        <v>8462</v>
      </c>
      <c r="C4240" t="s">
        <v>8463</v>
      </c>
    </row>
    <row r="4241" spans="1:3" x14ac:dyDescent="0.15">
      <c r="A4241">
        <v>20774</v>
      </c>
      <c r="B4241" t="s">
        <v>8464</v>
      </c>
      <c r="C4241" t="s">
        <v>8465</v>
      </c>
    </row>
    <row r="4242" spans="1:3" x14ac:dyDescent="0.15">
      <c r="A4242">
        <v>20773</v>
      </c>
      <c r="B4242" t="s">
        <v>8466</v>
      </c>
      <c r="C4242" t="s">
        <v>8467</v>
      </c>
    </row>
    <row r="4243" spans="1:3" x14ac:dyDescent="0.15">
      <c r="A4243">
        <v>20772</v>
      </c>
      <c r="B4243" t="s">
        <v>8468</v>
      </c>
      <c r="C4243" t="s">
        <v>8469</v>
      </c>
    </row>
    <row r="4244" spans="1:3" x14ac:dyDescent="0.15">
      <c r="A4244">
        <v>20771</v>
      </c>
      <c r="B4244" t="s">
        <v>8470</v>
      </c>
      <c r="C4244" t="s">
        <v>8471</v>
      </c>
    </row>
    <row r="4245" spans="1:3" x14ac:dyDescent="0.15">
      <c r="A4245">
        <v>20770</v>
      </c>
      <c r="B4245" t="s">
        <v>8472</v>
      </c>
      <c r="C4245" t="s">
        <v>8473</v>
      </c>
    </row>
    <row r="4246" spans="1:3" x14ac:dyDescent="0.15">
      <c r="A4246">
        <v>20769</v>
      </c>
      <c r="B4246" t="s">
        <v>8474</v>
      </c>
      <c r="C4246" t="s">
        <v>8475</v>
      </c>
    </row>
    <row r="4247" spans="1:3" x14ac:dyDescent="0.15">
      <c r="A4247">
        <v>20768</v>
      </c>
      <c r="B4247" t="s">
        <v>8476</v>
      </c>
      <c r="C4247" t="s">
        <v>8477</v>
      </c>
    </row>
    <row r="4248" spans="1:3" x14ac:dyDescent="0.15">
      <c r="A4248">
        <v>20767</v>
      </c>
      <c r="B4248" t="s">
        <v>8478</v>
      </c>
      <c r="C4248" t="s">
        <v>8479</v>
      </c>
    </row>
    <row r="4249" spans="1:3" x14ac:dyDescent="0.15">
      <c r="A4249">
        <v>20766</v>
      </c>
      <c r="B4249" t="s">
        <v>8480</v>
      </c>
      <c r="C4249" t="s">
        <v>8481</v>
      </c>
    </row>
    <row r="4250" spans="1:3" x14ac:dyDescent="0.15">
      <c r="A4250">
        <v>20765</v>
      </c>
      <c r="B4250" t="s">
        <v>8482</v>
      </c>
      <c r="C4250" t="s">
        <v>8483</v>
      </c>
    </row>
    <row r="4251" spans="1:3" x14ac:dyDescent="0.15">
      <c r="A4251">
        <v>20764</v>
      </c>
      <c r="B4251" t="s">
        <v>8484</v>
      </c>
      <c r="C4251" t="s">
        <v>8485</v>
      </c>
    </row>
    <row r="4252" spans="1:3" x14ac:dyDescent="0.15">
      <c r="A4252">
        <v>20763</v>
      </c>
      <c r="B4252" t="s">
        <v>8486</v>
      </c>
      <c r="C4252" t="s">
        <v>8487</v>
      </c>
    </row>
    <row r="4253" spans="1:3" x14ac:dyDescent="0.15">
      <c r="A4253">
        <v>20762</v>
      </c>
      <c r="B4253" t="s">
        <v>8488</v>
      </c>
      <c r="C4253" t="s">
        <v>8489</v>
      </c>
    </row>
    <row r="4254" spans="1:3" x14ac:dyDescent="0.15">
      <c r="A4254">
        <v>20761</v>
      </c>
      <c r="B4254" t="s">
        <v>8490</v>
      </c>
      <c r="C4254" t="s">
        <v>8491</v>
      </c>
    </row>
    <row r="4255" spans="1:3" x14ac:dyDescent="0.15">
      <c r="A4255">
        <v>20760</v>
      </c>
      <c r="B4255" t="s">
        <v>8492</v>
      </c>
      <c r="C4255" t="s">
        <v>8493</v>
      </c>
    </row>
    <row r="4256" spans="1:3" x14ac:dyDescent="0.15">
      <c r="A4256">
        <v>20759</v>
      </c>
      <c r="B4256" t="s">
        <v>8494</v>
      </c>
      <c r="C4256" t="s">
        <v>8495</v>
      </c>
    </row>
    <row r="4257" spans="1:3" x14ac:dyDescent="0.15">
      <c r="A4257">
        <v>20758</v>
      </c>
      <c r="B4257" t="s">
        <v>8496</v>
      </c>
      <c r="C4257" t="s">
        <v>8497</v>
      </c>
    </row>
    <row r="4258" spans="1:3" x14ac:dyDescent="0.15">
      <c r="A4258">
        <v>20757</v>
      </c>
      <c r="B4258" t="s">
        <v>8498</v>
      </c>
      <c r="C4258" t="s">
        <v>8499</v>
      </c>
    </row>
    <row r="4259" spans="1:3" x14ac:dyDescent="0.15">
      <c r="A4259">
        <v>20756</v>
      </c>
      <c r="B4259" t="s">
        <v>8500</v>
      </c>
      <c r="C4259" t="s">
        <v>8501</v>
      </c>
    </row>
    <row r="4260" spans="1:3" x14ac:dyDescent="0.15">
      <c r="A4260">
        <v>20755</v>
      </c>
      <c r="B4260" t="s">
        <v>8502</v>
      </c>
      <c r="C4260" t="s">
        <v>8503</v>
      </c>
    </row>
    <row r="4261" spans="1:3" x14ac:dyDescent="0.15">
      <c r="A4261">
        <v>20754</v>
      </c>
      <c r="B4261" t="s">
        <v>8504</v>
      </c>
      <c r="C4261" t="s">
        <v>8505</v>
      </c>
    </row>
    <row r="4262" spans="1:3" x14ac:dyDescent="0.15">
      <c r="A4262">
        <v>20753</v>
      </c>
      <c r="B4262" t="s">
        <v>8506</v>
      </c>
      <c r="C4262" t="s">
        <v>8507</v>
      </c>
    </row>
    <row r="4263" spans="1:3" x14ac:dyDescent="0.15">
      <c r="A4263">
        <v>20752</v>
      </c>
      <c r="B4263" t="s">
        <v>8508</v>
      </c>
      <c r="C4263" t="s">
        <v>8509</v>
      </c>
    </row>
    <row r="4264" spans="1:3" x14ac:dyDescent="0.15">
      <c r="A4264">
        <v>20751</v>
      </c>
      <c r="B4264" t="s">
        <v>8510</v>
      </c>
      <c r="C4264" t="s">
        <v>8511</v>
      </c>
    </row>
    <row r="4265" spans="1:3" x14ac:dyDescent="0.15">
      <c r="A4265">
        <v>20750</v>
      </c>
      <c r="B4265" t="s">
        <v>8512</v>
      </c>
      <c r="C4265" t="s">
        <v>8513</v>
      </c>
    </row>
    <row r="4266" spans="1:3" x14ac:dyDescent="0.15">
      <c r="A4266">
        <v>20749</v>
      </c>
      <c r="B4266" t="s">
        <v>8514</v>
      </c>
      <c r="C4266" t="s">
        <v>8515</v>
      </c>
    </row>
    <row r="4267" spans="1:3" x14ac:dyDescent="0.15">
      <c r="A4267">
        <v>20748</v>
      </c>
      <c r="B4267" t="s">
        <v>8516</v>
      </c>
      <c r="C4267" t="s">
        <v>8517</v>
      </c>
    </row>
    <row r="4268" spans="1:3" x14ac:dyDescent="0.15">
      <c r="A4268">
        <v>20747</v>
      </c>
      <c r="B4268" t="s">
        <v>8518</v>
      </c>
      <c r="C4268" t="s">
        <v>8519</v>
      </c>
    </row>
    <row r="4269" spans="1:3" x14ac:dyDescent="0.15">
      <c r="A4269">
        <v>20746</v>
      </c>
      <c r="B4269" t="s">
        <v>8520</v>
      </c>
      <c r="C4269" t="s">
        <v>8521</v>
      </c>
    </row>
    <row r="4270" spans="1:3" x14ac:dyDescent="0.15">
      <c r="A4270">
        <v>20745</v>
      </c>
      <c r="B4270" t="s">
        <v>8522</v>
      </c>
      <c r="C4270" t="s">
        <v>8523</v>
      </c>
    </row>
    <row r="4271" spans="1:3" x14ac:dyDescent="0.15">
      <c r="A4271">
        <v>20744</v>
      </c>
      <c r="B4271" t="s">
        <v>8524</v>
      </c>
      <c r="C4271" t="s">
        <v>8525</v>
      </c>
    </row>
    <row r="4272" spans="1:3" x14ac:dyDescent="0.15">
      <c r="A4272">
        <v>20743</v>
      </c>
      <c r="B4272" t="s">
        <v>8526</v>
      </c>
      <c r="C4272" t="s">
        <v>8527</v>
      </c>
    </row>
    <row r="4273" spans="1:3" x14ac:dyDescent="0.15">
      <c r="A4273">
        <v>20742</v>
      </c>
      <c r="B4273" t="s">
        <v>8528</v>
      </c>
      <c r="C4273" t="s">
        <v>8529</v>
      </c>
    </row>
    <row r="4274" spans="1:3" x14ac:dyDescent="0.15">
      <c r="A4274">
        <v>20741</v>
      </c>
      <c r="B4274" t="s">
        <v>8530</v>
      </c>
      <c r="C4274" t="s">
        <v>8531</v>
      </c>
    </row>
    <row r="4275" spans="1:3" x14ac:dyDescent="0.15">
      <c r="A4275">
        <v>20740</v>
      </c>
      <c r="B4275" t="s">
        <v>8532</v>
      </c>
      <c r="C4275" t="s">
        <v>8533</v>
      </c>
    </row>
    <row r="4276" spans="1:3" x14ac:dyDescent="0.15">
      <c r="A4276">
        <v>20739</v>
      </c>
      <c r="B4276" t="s">
        <v>8534</v>
      </c>
      <c r="C4276" t="s">
        <v>8535</v>
      </c>
    </row>
    <row r="4277" spans="1:3" x14ac:dyDescent="0.15">
      <c r="A4277">
        <v>20738</v>
      </c>
      <c r="B4277" t="s">
        <v>8536</v>
      </c>
      <c r="C4277" t="s">
        <v>8537</v>
      </c>
    </row>
    <row r="4278" spans="1:3" x14ac:dyDescent="0.15">
      <c r="A4278">
        <v>20737</v>
      </c>
      <c r="B4278" t="s">
        <v>8538</v>
      </c>
      <c r="C4278" t="s">
        <v>8539</v>
      </c>
    </row>
    <row r="4279" spans="1:3" x14ac:dyDescent="0.15">
      <c r="A4279">
        <v>20736</v>
      </c>
      <c r="B4279" t="s">
        <v>8540</v>
      </c>
      <c r="C4279" t="s">
        <v>8541</v>
      </c>
    </row>
    <row r="4280" spans="1:3" x14ac:dyDescent="0.15">
      <c r="A4280">
        <v>20735</v>
      </c>
      <c r="B4280" t="s">
        <v>8542</v>
      </c>
      <c r="C4280" t="s">
        <v>8543</v>
      </c>
    </row>
    <row r="4281" spans="1:3" x14ac:dyDescent="0.15">
      <c r="A4281">
        <v>20734</v>
      </c>
      <c r="B4281" t="s">
        <v>8544</v>
      </c>
      <c r="C4281" t="s">
        <v>8545</v>
      </c>
    </row>
    <row r="4282" spans="1:3" x14ac:dyDescent="0.15">
      <c r="A4282">
        <v>20733</v>
      </c>
      <c r="B4282" t="s">
        <v>8546</v>
      </c>
      <c r="C4282" t="s">
        <v>8547</v>
      </c>
    </row>
    <row r="4283" spans="1:3" x14ac:dyDescent="0.15">
      <c r="A4283">
        <v>20732</v>
      </c>
      <c r="B4283" t="s">
        <v>8548</v>
      </c>
      <c r="C4283" t="s">
        <v>8549</v>
      </c>
    </row>
    <row r="4284" spans="1:3" x14ac:dyDescent="0.15">
      <c r="A4284">
        <v>20731</v>
      </c>
      <c r="B4284" t="s">
        <v>8550</v>
      </c>
      <c r="C4284" t="s">
        <v>8551</v>
      </c>
    </row>
    <row r="4285" spans="1:3" x14ac:dyDescent="0.15">
      <c r="A4285">
        <v>20730</v>
      </c>
      <c r="B4285" t="s">
        <v>8552</v>
      </c>
      <c r="C4285" t="s">
        <v>8553</v>
      </c>
    </row>
    <row r="4286" spans="1:3" x14ac:dyDescent="0.15">
      <c r="A4286">
        <v>20729</v>
      </c>
      <c r="B4286" t="s">
        <v>8554</v>
      </c>
      <c r="C4286" t="s">
        <v>8555</v>
      </c>
    </row>
    <row r="4287" spans="1:3" x14ac:dyDescent="0.15">
      <c r="A4287">
        <v>20728</v>
      </c>
      <c r="B4287" t="s">
        <v>8556</v>
      </c>
      <c r="C4287" t="s">
        <v>8557</v>
      </c>
    </row>
    <row r="4288" spans="1:3" x14ac:dyDescent="0.15">
      <c r="A4288">
        <v>20727</v>
      </c>
      <c r="B4288" t="s">
        <v>8558</v>
      </c>
      <c r="C4288" t="s">
        <v>8559</v>
      </c>
    </row>
    <row r="4289" spans="1:3" x14ac:dyDescent="0.15">
      <c r="A4289">
        <v>20726</v>
      </c>
      <c r="B4289" t="s">
        <v>8560</v>
      </c>
      <c r="C4289" t="s">
        <v>8561</v>
      </c>
    </row>
    <row r="4290" spans="1:3" x14ac:dyDescent="0.15">
      <c r="A4290">
        <v>20725</v>
      </c>
      <c r="B4290" t="s">
        <v>8562</v>
      </c>
      <c r="C4290" t="s">
        <v>8563</v>
      </c>
    </row>
    <row r="4291" spans="1:3" x14ac:dyDescent="0.15">
      <c r="A4291">
        <v>20724</v>
      </c>
      <c r="B4291" t="s">
        <v>8564</v>
      </c>
      <c r="C4291" t="s">
        <v>8565</v>
      </c>
    </row>
    <row r="4292" spans="1:3" x14ac:dyDescent="0.15">
      <c r="A4292">
        <v>20723</v>
      </c>
      <c r="B4292" t="s">
        <v>8566</v>
      </c>
      <c r="C4292" t="s">
        <v>8567</v>
      </c>
    </row>
    <row r="4293" spans="1:3" x14ac:dyDescent="0.15">
      <c r="A4293">
        <v>20722</v>
      </c>
      <c r="B4293" t="s">
        <v>8568</v>
      </c>
      <c r="C4293" t="s">
        <v>8569</v>
      </c>
    </row>
    <row r="4294" spans="1:3" x14ac:dyDescent="0.15">
      <c r="A4294">
        <v>20721</v>
      </c>
      <c r="B4294" t="s">
        <v>8570</v>
      </c>
      <c r="C4294" t="s">
        <v>8571</v>
      </c>
    </row>
    <row r="4295" spans="1:3" x14ac:dyDescent="0.15">
      <c r="A4295">
        <v>20720</v>
      </c>
      <c r="B4295" t="s">
        <v>8572</v>
      </c>
      <c r="C4295" t="s">
        <v>8573</v>
      </c>
    </row>
    <row r="4296" spans="1:3" x14ac:dyDescent="0.15">
      <c r="A4296">
        <v>20719</v>
      </c>
      <c r="B4296" t="s">
        <v>8574</v>
      </c>
      <c r="C4296" t="s">
        <v>8575</v>
      </c>
    </row>
    <row r="4297" spans="1:3" x14ac:dyDescent="0.15">
      <c r="A4297">
        <v>20718</v>
      </c>
      <c r="B4297" t="s">
        <v>8576</v>
      </c>
      <c r="C4297" t="s">
        <v>8577</v>
      </c>
    </row>
    <row r="4298" spans="1:3" x14ac:dyDescent="0.15">
      <c r="A4298">
        <v>20716</v>
      </c>
      <c r="B4298" t="s">
        <v>8578</v>
      </c>
      <c r="C4298" t="s">
        <v>8579</v>
      </c>
    </row>
    <row r="4299" spans="1:3" x14ac:dyDescent="0.15">
      <c r="A4299">
        <v>20715</v>
      </c>
      <c r="B4299" t="s">
        <v>8580</v>
      </c>
      <c r="C4299" t="s">
        <v>8581</v>
      </c>
    </row>
    <row r="4300" spans="1:3" x14ac:dyDescent="0.15">
      <c r="A4300">
        <v>20714</v>
      </c>
      <c r="B4300" t="s">
        <v>8582</v>
      </c>
      <c r="C4300" t="s">
        <v>8583</v>
      </c>
    </row>
    <row r="4301" spans="1:3" x14ac:dyDescent="0.15">
      <c r="A4301">
        <v>20713</v>
      </c>
      <c r="B4301" t="s">
        <v>8584</v>
      </c>
      <c r="C4301" t="s">
        <v>8585</v>
      </c>
    </row>
    <row r="4302" spans="1:3" x14ac:dyDescent="0.15">
      <c r="A4302">
        <v>20712</v>
      </c>
      <c r="B4302" t="s">
        <v>8586</v>
      </c>
      <c r="C4302" t="s">
        <v>8587</v>
      </c>
    </row>
    <row r="4303" spans="1:3" x14ac:dyDescent="0.15">
      <c r="A4303">
        <v>20711</v>
      </c>
      <c r="B4303" t="s">
        <v>8588</v>
      </c>
      <c r="C4303" t="s">
        <v>8589</v>
      </c>
    </row>
    <row r="4304" spans="1:3" x14ac:dyDescent="0.15">
      <c r="A4304">
        <v>20710</v>
      </c>
      <c r="B4304" t="s">
        <v>8590</v>
      </c>
      <c r="C4304" t="s">
        <v>8591</v>
      </c>
    </row>
    <row r="4305" spans="1:3" x14ac:dyDescent="0.15">
      <c r="A4305">
        <v>20709</v>
      </c>
      <c r="B4305" t="s">
        <v>8592</v>
      </c>
      <c r="C4305" t="s">
        <v>8593</v>
      </c>
    </row>
    <row r="4306" spans="1:3" x14ac:dyDescent="0.15">
      <c r="A4306">
        <v>20708</v>
      </c>
      <c r="B4306" t="s">
        <v>8594</v>
      </c>
      <c r="C4306" t="s">
        <v>8595</v>
      </c>
    </row>
    <row r="4307" spans="1:3" x14ac:dyDescent="0.15">
      <c r="A4307">
        <v>20707</v>
      </c>
      <c r="B4307" t="s">
        <v>8596</v>
      </c>
      <c r="C4307" t="s">
        <v>8597</v>
      </c>
    </row>
    <row r="4308" spans="1:3" x14ac:dyDescent="0.15">
      <c r="A4308">
        <v>20706</v>
      </c>
      <c r="B4308" t="s">
        <v>8598</v>
      </c>
      <c r="C4308" t="s">
        <v>8599</v>
      </c>
    </row>
    <row r="4309" spans="1:3" x14ac:dyDescent="0.15">
      <c r="A4309">
        <v>20705</v>
      </c>
      <c r="B4309" t="s">
        <v>8600</v>
      </c>
      <c r="C4309" t="s">
        <v>8601</v>
      </c>
    </row>
    <row r="4310" spans="1:3" x14ac:dyDescent="0.15">
      <c r="A4310">
        <v>20704</v>
      </c>
      <c r="B4310" t="s">
        <v>8602</v>
      </c>
      <c r="C4310" t="s">
        <v>8603</v>
      </c>
    </row>
    <row r="4311" spans="1:3" x14ac:dyDescent="0.15">
      <c r="A4311">
        <v>20703</v>
      </c>
      <c r="B4311" t="s">
        <v>8604</v>
      </c>
      <c r="C4311" t="s">
        <v>8605</v>
      </c>
    </row>
    <row r="4312" spans="1:3" x14ac:dyDescent="0.15">
      <c r="A4312">
        <v>20702</v>
      </c>
      <c r="B4312" t="s">
        <v>8606</v>
      </c>
      <c r="C4312" t="s">
        <v>8607</v>
      </c>
    </row>
    <row r="4313" spans="1:3" x14ac:dyDescent="0.15">
      <c r="A4313">
        <v>20701</v>
      </c>
      <c r="B4313" t="s">
        <v>8608</v>
      </c>
      <c r="C4313" t="s">
        <v>8609</v>
      </c>
    </row>
    <row r="4314" spans="1:3" x14ac:dyDescent="0.15">
      <c r="A4314">
        <v>20700</v>
      </c>
      <c r="B4314" t="s">
        <v>8610</v>
      </c>
      <c r="C4314" t="s">
        <v>8611</v>
      </c>
    </row>
    <row r="4315" spans="1:3" x14ac:dyDescent="0.15">
      <c r="A4315">
        <v>20699</v>
      </c>
      <c r="B4315" t="s">
        <v>8612</v>
      </c>
      <c r="C4315" t="s">
        <v>8613</v>
      </c>
    </row>
    <row r="4316" spans="1:3" x14ac:dyDescent="0.15">
      <c r="A4316">
        <v>20698</v>
      </c>
      <c r="B4316" t="s">
        <v>8614</v>
      </c>
      <c r="C4316" t="s">
        <v>8615</v>
      </c>
    </row>
    <row r="4317" spans="1:3" x14ac:dyDescent="0.15">
      <c r="A4317">
        <v>20697</v>
      </c>
      <c r="B4317" t="s">
        <v>8616</v>
      </c>
      <c r="C4317" t="s">
        <v>8617</v>
      </c>
    </row>
    <row r="4318" spans="1:3" x14ac:dyDescent="0.15">
      <c r="A4318">
        <v>20696</v>
      </c>
      <c r="B4318" t="s">
        <v>8618</v>
      </c>
      <c r="C4318" t="s">
        <v>8619</v>
      </c>
    </row>
    <row r="4319" spans="1:3" x14ac:dyDescent="0.15">
      <c r="A4319">
        <v>20695</v>
      </c>
      <c r="B4319" t="s">
        <v>8620</v>
      </c>
      <c r="C4319" t="s">
        <v>8621</v>
      </c>
    </row>
    <row r="4320" spans="1:3" x14ac:dyDescent="0.15">
      <c r="A4320">
        <v>20694</v>
      </c>
      <c r="B4320" t="s">
        <v>8622</v>
      </c>
      <c r="C4320" t="s">
        <v>8623</v>
      </c>
    </row>
    <row r="4321" spans="1:3" x14ac:dyDescent="0.15">
      <c r="A4321">
        <v>20693</v>
      </c>
      <c r="B4321" t="s">
        <v>8624</v>
      </c>
      <c r="C4321" t="s">
        <v>8625</v>
      </c>
    </row>
    <row r="4322" spans="1:3" x14ac:dyDescent="0.15">
      <c r="A4322">
        <v>20692</v>
      </c>
      <c r="B4322" t="s">
        <v>8626</v>
      </c>
      <c r="C4322" t="s">
        <v>8627</v>
      </c>
    </row>
    <row r="4323" spans="1:3" x14ac:dyDescent="0.15">
      <c r="A4323">
        <v>20691</v>
      </c>
      <c r="B4323" t="s">
        <v>8628</v>
      </c>
      <c r="C4323" t="s">
        <v>8629</v>
      </c>
    </row>
    <row r="4324" spans="1:3" x14ac:dyDescent="0.15">
      <c r="A4324">
        <v>20690</v>
      </c>
      <c r="B4324" t="s">
        <v>8630</v>
      </c>
      <c r="C4324" t="s">
        <v>8631</v>
      </c>
    </row>
    <row r="4325" spans="1:3" x14ac:dyDescent="0.15">
      <c r="A4325">
        <v>20689</v>
      </c>
      <c r="B4325" t="s">
        <v>8632</v>
      </c>
      <c r="C4325" t="s">
        <v>8633</v>
      </c>
    </row>
    <row r="4326" spans="1:3" x14ac:dyDescent="0.15">
      <c r="A4326">
        <v>20688</v>
      </c>
      <c r="B4326" t="s">
        <v>8634</v>
      </c>
      <c r="C4326" t="s">
        <v>8635</v>
      </c>
    </row>
    <row r="4327" spans="1:3" x14ac:dyDescent="0.15">
      <c r="A4327">
        <v>20687</v>
      </c>
      <c r="B4327" t="s">
        <v>8636</v>
      </c>
      <c r="C4327" t="s">
        <v>8637</v>
      </c>
    </row>
    <row r="4328" spans="1:3" x14ac:dyDescent="0.15">
      <c r="A4328">
        <v>20686</v>
      </c>
      <c r="B4328" t="s">
        <v>8638</v>
      </c>
      <c r="C4328" t="s">
        <v>8639</v>
      </c>
    </row>
    <row r="4329" spans="1:3" x14ac:dyDescent="0.15">
      <c r="A4329">
        <v>20685</v>
      </c>
      <c r="B4329" t="s">
        <v>8640</v>
      </c>
      <c r="C4329" t="s">
        <v>8641</v>
      </c>
    </row>
    <row r="4330" spans="1:3" x14ac:dyDescent="0.15">
      <c r="A4330">
        <v>20684</v>
      </c>
      <c r="B4330" t="s">
        <v>8642</v>
      </c>
      <c r="C4330" t="s">
        <v>8643</v>
      </c>
    </row>
    <row r="4331" spans="1:3" x14ac:dyDescent="0.15">
      <c r="A4331">
        <v>20683</v>
      </c>
      <c r="B4331" t="s">
        <v>8644</v>
      </c>
      <c r="C4331" t="s">
        <v>8645</v>
      </c>
    </row>
    <row r="4332" spans="1:3" x14ac:dyDescent="0.15">
      <c r="A4332">
        <v>20682</v>
      </c>
      <c r="B4332" t="s">
        <v>8646</v>
      </c>
      <c r="C4332" t="s">
        <v>8647</v>
      </c>
    </row>
    <row r="4333" spans="1:3" x14ac:dyDescent="0.15">
      <c r="A4333">
        <v>20681</v>
      </c>
      <c r="B4333" t="s">
        <v>8648</v>
      </c>
      <c r="C4333" t="s">
        <v>8649</v>
      </c>
    </row>
    <row r="4334" spans="1:3" x14ac:dyDescent="0.15">
      <c r="A4334">
        <v>20680</v>
      </c>
      <c r="B4334" t="s">
        <v>8650</v>
      </c>
      <c r="C4334" t="s">
        <v>8651</v>
      </c>
    </row>
    <row r="4335" spans="1:3" x14ac:dyDescent="0.15">
      <c r="A4335">
        <v>20679</v>
      </c>
      <c r="B4335" t="s">
        <v>8652</v>
      </c>
      <c r="C4335" t="s">
        <v>8653</v>
      </c>
    </row>
    <row r="4336" spans="1:3" x14ac:dyDescent="0.15">
      <c r="A4336">
        <v>20678</v>
      </c>
      <c r="B4336" t="s">
        <v>8654</v>
      </c>
      <c r="C4336" t="s">
        <v>8655</v>
      </c>
    </row>
    <row r="4337" spans="1:3" x14ac:dyDescent="0.15">
      <c r="A4337">
        <v>20677</v>
      </c>
      <c r="B4337" t="s">
        <v>8656</v>
      </c>
      <c r="C4337" t="s">
        <v>8657</v>
      </c>
    </row>
    <row r="4338" spans="1:3" x14ac:dyDescent="0.15">
      <c r="A4338">
        <v>20676</v>
      </c>
      <c r="B4338" t="s">
        <v>8658</v>
      </c>
      <c r="C4338" t="s">
        <v>8659</v>
      </c>
    </row>
    <row r="4339" spans="1:3" x14ac:dyDescent="0.15">
      <c r="A4339">
        <v>20675</v>
      </c>
      <c r="B4339" t="s">
        <v>8660</v>
      </c>
      <c r="C4339" t="s">
        <v>8661</v>
      </c>
    </row>
    <row r="4340" spans="1:3" x14ac:dyDescent="0.15">
      <c r="A4340">
        <v>20674</v>
      </c>
      <c r="B4340" t="s">
        <v>8662</v>
      </c>
      <c r="C4340" t="s">
        <v>8663</v>
      </c>
    </row>
    <row r="4341" spans="1:3" x14ac:dyDescent="0.15">
      <c r="A4341">
        <v>20673</v>
      </c>
      <c r="B4341" t="s">
        <v>8664</v>
      </c>
      <c r="C4341" t="s">
        <v>8665</v>
      </c>
    </row>
    <row r="4342" spans="1:3" x14ac:dyDescent="0.15">
      <c r="A4342">
        <v>20672</v>
      </c>
      <c r="B4342" t="s">
        <v>8666</v>
      </c>
      <c r="C4342" t="s">
        <v>8667</v>
      </c>
    </row>
    <row r="4343" spans="1:3" x14ac:dyDescent="0.15">
      <c r="A4343">
        <v>20671</v>
      </c>
      <c r="B4343" t="s">
        <v>8668</v>
      </c>
      <c r="C4343" t="s">
        <v>8669</v>
      </c>
    </row>
    <row r="4344" spans="1:3" x14ac:dyDescent="0.15">
      <c r="A4344">
        <v>20670</v>
      </c>
      <c r="B4344" t="s">
        <v>8670</v>
      </c>
      <c r="C4344" t="s">
        <v>8671</v>
      </c>
    </row>
    <row r="4345" spans="1:3" x14ac:dyDescent="0.15">
      <c r="A4345">
        <v>20669</v>
      </c>
      <c r="B4345" t="s">
        <v>8672</v>
      </c>
      <c r="C4345" t="s">
        <v>8673</v>
      </c>
    </row>
    <row r="4346" spans="1:3" x14ac:dyDescent="0.15">
      <c r="A4346">
        <v>20668</v>
      </c>
      <c r="B4346" t="s">
        <v>8674</v>
      </c>
      <c r="C4346" t="s">
        <v>8675</v>
      </c>
    </row>
    <row r="4347" spans="1:3" x14ac:dyDescent="0.15">
      <c r="A4347">
        <v>20667</v>
      </c>
      <c r="B4347" t="s">
        <v>8676</v>
      </c>
      <c r="C4347" t="s">
        <v>8677</v>
      </c>
    </row>
    <row r="4348" spans="1:3" x14ac:dyDescent="0.15">
      <c r="A4348">
        <v>20666</v>
      </c>
      <c r="B4348" t="s">
        <v>8678</v>
      </c>
      <c r="C4348" t="s">
        <v>8679</v>
      </c>
    </row>
    <row r="4349" spans="1:3" x14ac:dyDescent="0.15">
      <c r="A4349">
        <v>20665</v>
      </c>
      <c r="B4349" t="s">
        <v>8680</v>
      </c>
      <c r="C4349" t="s">
        <v>8681</v>
      </c>
    </row>
    <row r="4350" spans="1:3" x14ac:dyDescent="0.15">
      <c r="A4350">
        <v>20664</v>
      </c>
      <c r="B4350" t="s">
        <v>8682</v>
      </c>
      <c r="C4350" t="s">
        <v>8683</v>
      </c>
    </row>
    <row r="4351" spans="1:3" x14ac:dyDescent="0.15">
      <c r="A4351">
        <v>20663</v>
      </c>
      <c r="B4351" t="s">
        <v>8684</v>
      </c>
      <c r="C4351" t="s">
        <v>8685</v>
      </c>
    </row>
    <row r="4352" spans="1:3" x14ac:dyDescent="0.15">
      <c r="A4352">
        <v>20662</v>
      </c>
      <c r="B4352" t="s">
        <v>8686</v>
      </c>
      <c r="C4352" t="s">
        <v>8687</v>
      </c>
    </row>
    <row r="4353" spans="1:3" x14ac:dyDescent="0.15">
      <c r="A4353">
        <v>20661</v>
      </c>
      <c r="B4353" t="s">
        <v>8688</v>
      </c>
      <c r="C4353" t="s">
        <v>8689</v>
      </c>
    </row>
    <row r="4354" spans="1:3" x14ac:dyDescent="0.15">
      <c r="A4354">
        <v>20660</v>
      </c>
      <c r="B4354" t="s">
        <v>8690</v>
      </c>
      <c r="C4354" t="s">
        <v>8691</v>
      </c>
    </row>
    <row r="4355" spans="1:3" x14ac:dyDescent="0.15">
      <c r="A4355">
        <v>20659</v>
      </c>
      <c r="B4355" t="s">
        <v>8692</v>
      </c>
      <c r="C4355" t="s">
        <v>8693</v>
      </c>
    </row>
    <row r="4356" spans="1:3" x14ac:dyDescent="0.15">
      <c r="A4356">
        <v>20658</v>
      </c>
      <c r="B4356" t="s">
        <v>8694</v>
      </c>
      <c r="C4356" t="s">
        <v>8695</v>
      </c>
    </row>
    <row r="4357" spans="1:3" x14ac:dyDescent="0.15">
      <c r="A4357">
        <v>20657</v>
      </c>
      <c r="B4357" t="s">
        <v>8696</v>
      </c>
      <c r="C4357" t="s">
        <v>8697</v>
      </c>
    </row>
    <row r="4358" spans="1:3" x14ac:dyDescent="0.15">
      <c r="A4358">
        <v>20656</v>
      </c>
      <c r="B4358" t="s">
        <v>8698</v>
      </c>
      <c r="C4358" t="s">
        <v>8699</v>
      </c>
    </row>
    <row r="4359" spans="1:3" x14ac:dyDescent="0.15">
      <c r="A4359">
        <v>20655</v>
      </c>
      <c r="B4359" t="s">
        <v>8700</v>
      </c>
      <c r="C4359" t="s">
        <v>8701</v>
      </c>
    </row>
    <row r="4360" spans="1:3" x14ac:dyDescent="0.15">
      <c r="A4360">
        <v>20654</v>
      </c>
      <c r="B4360" t="s">
        <v>8702</v>
      </c>
      <c r="C4360" t="s">
        <v>8703</v>
      </c>
    </row>
    <row r="4361" spans="1:3" x14ac:dyDescent="0.15">
      <c r="A4361">
        <v>20653</v>
      </c>
      <c r="B4361" t="s">
        <v>8704</v>
      </c>
      <c r="C4361" t="s">
        <v>8705</v>
      </c>
    </row>
    <row r="4362" spans="1:3" x14ac:dyDescent="0.15">
      <c r="A4362">
        <v>20652</v>
      </c>
      <c r="B4362" t="s">
        <v>8706</v>
      </c>
      <c r="C4362" t="s">
        <v>8707</v>
      </c>
    </row>
    <row r="4363" spans="1:3" x14ac:dyDescent="0.15">
      <c r="A4363">
        <v>20651</v>
      </c>
      <c r="B4363" t="s">
        <v>8708</v>
      </c>
      <c r="C4363" t="s">
        <v>8709</v>
      </c>
    </row>
    <row r="4364" spans="1:3" x14ac:dyDescent="0.15">
      <c r="A4364">
        <v>20650</v>
      </c>
      <c r="B4364" t="s">
        <v>8710</v>
      </c>
      <c r="C4364" t="s">
        <v>8711</v>
      </c>
    </row>
    <row r="4365" spans="1:3" x14ac:dyDescent="0.15">
      <c r="A4365">
        <v>20649</v>
      </c>
      <c r="B4365" t="s">
        <v>8712</v>
      </c>
      <c r="C4365" t="s">
        <v>8713</v>
      </c>
    </row>
    <row r="4366" spans="1:3" x14ac:dyDescent="0.15">
      <c r="A4366">
        <v>20648</v>
      </c>
      <c r="B4366" t="s">
        <v>8714</v>
      </c>
      <c r="C4366" t="s">
        <v>8715</v>
      </c>
    </row>
    <row r="4367" spans="1:3" x14ac:dyDescent="0.15">
      <c r="A4367">
        <v>20647</v>
      </c>
      <c r="B4367" t="s">
        <v>8716</v>
      </c>
      <c r="C4367" t="s">
        <v>8717</v>
      </c>
    </row>
    <row r="4368" spans="1:3" x14ac:dyDescent="0.15">
      <c r="A4368">
        <v>20646</v>
      </c>
      <c r="B4368" t="s">
        <v>8718</v>
      </c>
      <c r="C4368" t="s">
        <v>8719</v>
      </c>
    </row>
    <row r="4369" spans="1:3" x14ac:dyDescent="0.15">
      <c r="A4369">
        <v>20645</v>
      </c>
      <c r="B4369" t="s">
        <v>8720</v>
      </c>
      <c r="C4369" t="s">
        <v>8721</v>
      </c>
    </row>
    <row r="4370" spans="1:3" x14ac:dyDescent="0.15">
      <c r="A4370">
        <v>20644</v>
      </c>
      <c r="B4370" t="s">
        <v>8722</v>
      </c>
      <c r="C4370" t="s">
        <v>8723</v>
      </c>
    </row>
    <row r="4371" spans="1:3" x14ac:dyDescent="0.15">
      <c r="A4371">
        <v>20643</v>
      </c>
      <c r="B4371" t="s">
        <v>8724</v>
      </c>
      <c r="C4371" t="s">
        <v>8725</v>
      </c>
    </row>
    <row r="4372" spans="1:3" x14ac:dyDescent="0.15">
      <c r="A4372">
        <v>20642</v>
      </c>
      <c r="B4372" t="s">
        <v>8726</v>
      </c>
      <c r="C4372" t="s">
        <v>8727</v>
      </c>
    </row>
    <row r="4373" spans="1:3" x14ac:dyDescent="0.15">
      <c r="A4373">
        <v>20641</v>
      </c>
      <c r="B4373" t="s">
        <v>8728</v>
      </c>
      <c r="C4373" t="s">
        <v>8729</v>
      </c>
    </row>
    <row r="4374" spans="1:3" x14ac:dyDescent="0.15">
      <c r="A4374">
        <v>20640</v>
      </c>
      <c r="B4374" t="s">
        <v>8730</v>
      </c>
      <c r="C4374" t="s">
        <v>8731</v>
      </c>
    </row>
    <row r="4375" spans="1:3" x14ac:dyDescent="0.15">
      <c r="A4375">
        <v>20639</v>
      </c>
      <c r="B4375" t="s">
        <v>8732</v>
      </c>
      <c r="C4375" t="s">
        <v>8733</v>
      </c>
    </row>
    <row r="4376" spans="1:3" x14ac:dyDescent="0.15">
      <c r="A4376">
        <v>20638</v>
      </c>
      <c r="B4376" t="s">
        <v>8734</v>
      </c>
      <c r="C4376" t="s">
        <v>8735</v>
      </c>
    </row>
    <row r="4377" spans="1:3" x14ac:dyDescent="0.15">
      <c r="A4377">
        <v>20637</v>
      </c>
      <c r="B4377" t="s">
        <v>8736</v>
      </c>
      <c r="C4377" t="s">
        <v>8737</v>
      </c>
    </row>
    <row r="4378" spans="1:3" x14ac:dyDescent="0.15">
      <c r="A4378">
        <v>20636</v>
      </c>
      <c r="B4378" t="s">
        <v>8738</v>
      </c>
      <c r="C4378" t="s">
        <v>8739</v>
      </c>
    </row>
    <row r="4379" spans="1:3" x14ac:dyDescent="0.15">
      <c r="A4379">
        <v>20635</v>
      </c>
      <c r="B4379" t="s">
        <v>8740</v>
      </c>
      <c r="C4379" t="s">
        <v>8741</v>
      </c>
    </row>
    <row r="4380" spans="1:3" x14ac:dyDescent="0.15">
      <c r="A4380">
        <v>20634</v>
      </c>
      <c r="B4380" t="s">
        <v>8742</v>
      </c>
      <c r="C4380" t="s">
        <v>8743</v>
      </c>
    </row>
    <row r="4381" spans="1:3" x14ac:dyDescent="0.15">
      <c r="A4381">
        <v>20633</v>
      </c>
      <c r="B4381" t="s">
        <v>8744</v>
      </c>
      <c r="C4381" t="s">
        <v>8745</v>
      </c>
    </row>
    <row r="4382" spans="1:3" x14ac:dyDescent="0.15">
      <c r="A4382">
        <v>20632</v>
      </c>
      <c r="B4382" t="s">
        <v>8746</v>
      </c>
      <c r="C4382" t="s">
        <v>8747</v>
      </c>
    </row>
    <row r="4383" spans="1:3" x14ac:dyDescent="0.15">
      <c r="A4383">
        <v>20631</v>
      </c>
      <c r="B4383" t="s">
        <v>8748</v>
      </c>
      <c r="C4383" t="s">
        <v>8749</v>
      </c>
    </row>
    <row r="4384" spans="1:3" x14ac:dyDescent="0.15">
      <c r="A4384">
        <v>20630</v>
      </c>
      <c r="B4384" t="s">
        <v>8750</v>
      </c>
      <c r="C4384" t="s">
        <v>8751</v>
      </c>
    </row>
    <row r="4385" spans="1:3" x14ac:dyDescent="0.15">
      <c r="A4385">
        <v>20629</v>
      </c>
      <c r="B4385" t="s">
        <v>8752</v>
      </c>
      <c r="C4385" t="s">
        <v>8753</v>
      </c>
    </row>
    <row r="4386" spans="1:3" x14ac:dyDescent="0.15">
      <c r="A4386">
        <v>20628</v>
      </c>
      <c r="B4386" t="s">
        <v>8754</v>
      </c>
      <c r="C4386" t="s">
        <v>8755</v>
      </c>
    </row>
    <row r="4387" spans="1:3" x14ac:dyDescent="0.15">
      <c r="A4387">
        <v>20627</v>
      </c>
      <c r="B4387" t="s">
        <v>8756</v>
      </c>
      <c r="C4387" t="s">
        <v>8757</v>
      </c>
    </row>
    <row r="4388" spans="1:3" x14ac:dyDescent="0.15">
      <c r="A4388">
        <v>20626</v>
      </c>
      <c r="B4388" t="s">
        <v>8758</v>
      </c>
      <c r="C4388" t="s">
        <v>8759</v>
      </c>
    </row>
    <row r="4389" spans="1:3" x14ac:dyDescent="0.15">
      <c r="A4389">
        <v>20625</v>
      </c>
      <c r="B4389" t="s">
        <v>8760</v>
      </c>
      <c r="C4389" t="s">
        <v>8761</v>
      </c>
    </row>
    <row r="4390" spans="1:3" x14ac:dyDescent="0.15">
      <c r="A4390">
        <v>20624</v>
      </c>
      <c r="B4390" t="s">
        <v>8762</v>
      </c>
      <c r="C4390" t="s">
        <v>8763</v>
      </c>
    </row>
    <row r="4391" spans="1:3" x14ac:dyDescent="0.15">
      <c r="A4391">
        <v>20623</v>
      </c>
      <c r="B4391" t="s">
        <v>8764</v>
      </c>
      <c r="C4391" t="s">
        <v>8765</v>
      </c>
    </row>
    <row r="4392" spans="1:3" x14ac:dyDescent="0.15">
      <c r="A4392">
        <v>20622</v>
      </c>
      <c r="B4392" t="s">
        <v>8766</v>
      </c>
      <c r="C4392" t="s">
        <v>8767</v>
      </c>
    </row>
    <row r="4393" spans="1:3" x14ac:dyDescent="0.15">
      <c r="A4393">
        <v>20621</v>
      </c>
      <c r="B4393" t="s">
        <v>8768</v>
      </c>
      <c r="C4393" t="s">
        <v>8769</v>
      </c>
    </row>
    <row r="4394" spans="1:3" x14ac:dyDescent="0.15">
      <c r="A4394">
        <v>20620</v>
      </c>
      <c r="B4394" t="s">
        <v>8770</v>
      </c>
      <c r="C4394" t="s">
        <v>8771</v>
      </c>
    </row>
    <row r="4395" spans="1:3" x14ac:dyDescent="0.15">
      <c r="A4395">
        <v>20619</v>
      </c>
      <c r="B4395" t="s">
        <v>8772</v>
      </c>
      <c r="C4395" t="s">
        <v>8773</v>
      </c>
    </row>
    <row r="4396" spans="1:3" x14ac:dyDescent="0.15">
      <c r="A4396">
        <v>20618</v>
      </c>
      <c r="B4396" t="s">
        <v>8774</v>
      </c>
      <c r="C4396" t="s">
        <v>8775</v>
      </c>
    </row>
    <row r="4397" spans="1:3" x14ac:dyDescent="0.15">
      <c r="A4397">
        <v>20617</v>
      </c>
      <c r="B4397" t="s">
        <v>8776</v>
      </c>
      <c r="C4397" t="s">
        <v>8777</v>
      </c>
    </row>
    <row r="4398" spans="1:3" x14ac:dyDescent="0.15">
      <c r="A4398">
        <v>20616</v>
      </c>
      <c r="B4398" t="s">
        <v>8778</v>
      </c>
      <c r="C4398" t="s">
        <v>8779</v>
      </c>
    </row>
    <row r="4399" spans="1:3" x14ac:dyDescent="0.15">
      <c r="A4399">
        <v>20615</v>
      </c>
      <c r="B4399" t="s">
        <v>8780</v>
      </c>
      <c r="C4399" t="s">
        <v>8781</v>
      </c>
    </row>
    <row r="4400" spans="1:3" x14ac:dyDescent="0.15">
      <c r="A4400">
        <v>20614</v>
      </c>
      <c r="B4400" t="s">
        <v>8782</v>
      </c>
      <c r="C4400" t="s">
        <v>8783</v>
      </c>
    </row>
    <row r="4401" spans="1:3" x14ac:dyDescent="0.15">
      <c r="A4401">
        <v>20613</v>
      </c>
      <c r="B4401" t="s">
        <v>8784</v>
      </c>
      <c r="C4401" t="s">
        <v>8785</v>
      </c>
    </row>
    <row r="4402" spans="1:3" x14ac:dyDescent="0.15">
      <c r="A4402">
        <v>20612</v>
      </c>
      <c r="B4402" t="s">
        <v>8786</v>
      </c>
      <c r="C4402" t="s">
        <v>8787</v>
      </c>
    </row>
    <row r="4403" spans="1:3" x14ac:dyDescent="0.15">
      <c r="A4403">
        <v>20611</v>
      </c>
      <c r="B4403" t="s">
        <v>8788</v>
      </c>
      <c r="C4403" t="s">
        <v>8789</v>
      </c>
    </row>
    <row r="4404" spans="1:3" x14ac:dyDescent="0.15">
      <c r="A4404">
        <v>20610</v>
      </c>
      <c r="B4404" t="s">
        <v>8790</v>
      </c>
      <c r="C4404" t="s">
        <v>8791</v>
      </c>
    </row>
    <row r="4405" spans="1:3" x14ac:dyDescent="0.15">
      <c r="A4405">
        <v>20609</v>
      </c>
      <c r="B4405" t="s">
        <v>8792</v>
      </c>
      <c r="C4405" t="s">
        <v>8793</v>
      </c>
    </row>
    <row r="4406" spans="1:3" x14ac:dyDescent="0.15">
      <c r="A4406">
        <v>20608</v>
      </c>
      <c r="B4406" t="s">
        <v>8794</v>
      </c>
      <c r="C4406" t="s">
        <v>8795</v>
      </c>
    </row>
    <row r="4407" spans="1:3" x14ac:dyDescent="0.15">
      <c r="A4407">
        <v>20607</v>
      </c>
      <c r="B4407" t="s">
        <v>8796</v>
      </c>
      <c r="C4407" t="s">
        <v>8797</v>
      </c>
    </row>
    <row r="4408" spans="1:3" x14ac:dyDescent="0.15">
      <c r="A4408">
        <v>20606</v>
      </c>
      <c r="B4408" t="s">
        <v>8798</v>
      </c>
      <c r="C4408" t="s">
        <v>8799</v>
      </c>
    </row>
    <row r="4409" spans="1:3" x14ac:dyDescent="0.15">
      <c r="A4409">
        <v>20605</v>
      </c>
      <c r="B4409" t="s">
        <v>8800</v>
      </c>
      <c r="C4409" t="s">
        <v>8801</v>
      </c>
    </row>
    <row r="4410" spans="1:3" x14ac:dyDescent="0.15">
      <c r="A4410">
        <v>20604</v>
      </c>
      <c r="B4410" t="s">
        <v>8802</v>
      </c>
      <c r="C4410" t="s">
        <v>8803</v>
      </c>
    </row>
    <row r="4411" spans="1:3" x14ac:dyDescent="0.15">
      <c r="A4411">
        <v>20603</v>
      </c>
      <c r="B4411" t="s">
        <v>8804</v>
      </c>
      <c r="C4411" t="s">
        <v>8805</v>
      </c>
    </row>
    <row r="4412" spans="1:3" x14ac:dyDescent="0.15">
      <c r="A4412">
        <v>20602</v>
      </c>
      <c r="B4412" t="s">
        <v>8806</v>
      </c>
      <c r="C4412" t="s">
        <v>8807</v>
      </c>
    </row>
    <row r="4413" spans="1:3" x14ac:dyDescent="0.15">
      <c r="A4413">
        <v>20601</v>
      </c>
      <c r="B4413" t="s">
        <v>8808</v>
      </c>
      <c r="C4413" t="s">
        <v>8809</v>
      </c>
    </row>
    <row r="4414" spans="1:3" x14ac:dyDescent="0.15">
      <c r="A4414">
        <v>20600</v>
      </c>
      <c r="B4414" t="s">
        <v>8810</v>
      </c>
      <c r="C4414" t="s">
        <v>8811</v>
      </c>
    </row>
    <row r="4415" spans="1:3" x14ac:dyDescent="0.15">
      <c r="A4415">
        <v>20599</v>
      </c>
      <c r="B4415" t="s">
        <v>8812</v>
      </c>
      <c r="C4415" t="s">
        <v>8813</v>
      </c>
    </row>
    <row r="4416" spans="1:3" x14ac:dyDescent="0.15">
      <c r="A4416">
        <v>20598</v>
      </c>
      <c r="B4416" t="s">
        <v>8814</v>
      </c>
      <c r="C4416" t="s">
        <v>8815</v>
      </c>
    </row>
    <row r="4417" spans="1:3" x14ac:dyDescent="0.15">
      <c r="A4417">
        <v>20597</v>
      </c>
      <c r="B4417" t="s">
        <v>8816</v>
      </c>
      <c r="C4417" t="s">
        <v>8817</v>
      </c>
    </row>
    <row r="4418" spans="1:3" x14ac:dyDescent="0.15">
      <c r="A4418">
        <v>20596</v>
      </c>
      <c r="B4418" t="s">
        <v>8818</v>
      </c>
      <c r="C4418" t="s">
        <v>8819</v>
      </c>
    </row>
    <row r="4419" spans="1:3" x14ac:dyDescent="0.15">
      <c r="A4419">
        <v>20595</v>
      </c>
      <c r="B4419" t="s">
        <v>8820</v>
      </c>
      <c r="C4419" t="s">
        <v>8821</v>
      </c>
    </row>
    <row r="4420" spans="1:3" x14ac:dyDescent="0.15">
      <c r="A4420">
        <v>20594</v>
      </c>
      <c r="B4420" t="s">
        <v>8822</v>
      </c>
      <c r="C4420" t="s">
        <v>8823</v>
      </c>
    </row>
    <row r="4421" spans="1:3" x14ac:dyDescent="0.15">
      <c r="A4421">
        <v>20593</v>
      </c>
      <c r="B4421" t="s">
        <v>8824</v>
      </c>
      <c r="C4421" t="s">
        <v>8825</v>
      </c>
    </row>
    <row r="4422" spans="1:3" x14ac:dyDescent="0.15">
      <c r="A4422">
        <v>20592</v>
      </c>
      <c r="B4422" t="s">
        <v>8826</v>
      </c>
      <c r="C4422" t="s">
        <v>8827</v>
      </c>
    </row>
    <row r="4423" spans="1:3" x14ac:dyDescent="0.15">
      <c r="A4423">
        <v>20591</v>
      </c>
      <c r="B4423" t="s">
        <v>8828</v>
      </c>
      <c r="C4423" t="s">
        <v>8829</v>
      </c>
    </row>
    <row r="4424" spans="1:3" x14ac:dyDescent="0.15">
      <c r="A4424">
        <v>20590</v>
      </c>
      <c r="B4424" t="s">
        <v>8830</v>
      </c>
      <c r="C4424" t="s">
        <v>8831</v>
      </c>
    </row>
    <row r="4425" spans="1:3" x14ac:dyDescent="0.15">
      <c r="A4425">
        <v>20589</v>
      </c>
      <c r="B4425" t="s">
        <v>8832</v>
      </c>
      <c r="C4425" t="s">
        <v>8833</v>
      </c>
    </row>
    <row r="4426" spans="1:3" x14ac:dyDescent="0.15">
      <c r="A4426">
        <v>20588</v>
      </c>
      <c r="B4426" t="s">
        <v>8834</v>
      </c>
      <c r="C4426" t="s">
        <v>8835</v>
      </c>
    </row>
    <row r="4427" spans="1:3" x14ac:dyDescent="0.15">
      <c r="A4427">
        <v>20587</v>
      </c>
      <c r="B4427" t="s">
        <v>8836</v>
      </c>
      <c r="C4427" t="s">
        <v>8837</v>
      </c>
    </row>
    <row r="4428" spans="1:3" x14ac:dyDescent="0.15">
      <c r="A4428">
        <v>20586</v>
      </c>
      <c r="B4428" t="s">
        <v>8838</v>
      </c>
      <c r="C4428" t="s">
        <v>8839</v>
      </c>
    </row>
    <row r="4429" spans="1:3" x14ac:dyDescent="0.15">
      <c r="A4429">
        <v>20585</v>
      </c>
      <c r="B4429" t="s">
        <v>8840</v>
      </c>
      <c r="C4429" t="s">
        <v>8841</v>
      </c>
    </row>
    <row r="4430" spans="1:3" x14ac:dyDescent="0.15">
      <c r="A4430">
        <v>20584</v>
      </c>
      <c r="B4430" t="s">
        <v>8842</v>
      </c>
      <c r="C4430" t="s">
        <v>8843</v>
      </c>
    </row>
    <row r="4431" spans="1:3" x14ac:dyDescent="0.15">
      <c r="A4431">
        <v>20583</v>
      </c>
      <c r="B4431" t="s">
        <v>8844</v>
      </c>
      <c r="C4431" t="s">
        <v>8845</v>
      </c>
    </row>
    <row r="4432" spans="1:3" x14ac:dyDescent="0.15">
      <c r="A4432">
        <v>20582</v>
      </c>
      <c r="B4432" t="s">
        <v>8846</v>
      </c>
      <c r="C4432" t="s">
        <v>8847</v>
      </c>
    </row>
    <row r="4433" spans="1:3" x14ac:dyDescent="0.15">
      <c r="A4433">
        <v>20581</v>
      </c>
      <c r="B4433" t="s">
        <v>8848</v>
      </c>
      <c r="C4433" t="s">
        <v>8849</v>
      </c>
    </row>
    <row r="4434" spans="1:3" x14ac:dyDescent="0.15">
      <c r="A4434">
        <v>20580</v>
      </c>
      <c r="B4434" t="s">
        <v>8850</v>
      </c>
      <c r="C4434" t="s">
        <v>8851</v>
      </c>
    </row>
    <row r="4435" spans="1:3" x14ac:dyDescent="0.15">
      <c r="A4435">
        <v>20579</v>
      </c>
      <c r="B4435" t="s">
        <v>8852</v>
      </c>
      <c r="C4435" t="s">
        <v>8853</v>
      </c>
    </row>
    <row r="4436" spans="1:3" x14ac:dyDescent="0.15">
      <c r="A4436">
        <v>20578</v>
      </c>
      <c r="B4436" t="s">
        <v>8854</v>
      </c>
      <c r="C4436" t="s">
        <v>8855</v>
      </c>
    </row>
    <row r="4437" spans="1:3" x14ac:dyDescent="0.15">
      <c r="A4437">
        <v>20577</v>
      </c>
      <c r="B4437" t="s">
        <v>8856</v>
      </c>
      <c r="C4437" t="s">
        <v>8857</v>
      </c>
    </row>
    <row r="4438" spans="1:3" x14ac:dyDescent="0.15">
      <c r="A4438">
        <v>20576</v>
      </c>
      <c r="B4438" t="s">
        <v>8858</v>
      </c>
      <c r="C4438" t="s">
        <v>8859</v>
      </c>
    </row>
    <row r="4439" spans="1:3" x14ac:dyDescent="0.15">
      <c r="A4439">
        <v>20575</v>
      </c>
      <c r="B4439" t="s">
        <v>8860</v>
      </c>
      <c r="C4439" t="s">
        <v>8861</v>
      </c>
    </row>
    <row r="4440" spans="1:3" x14ac:dyDescent="0.15">
      <c r="A4440">
        <v>20574</v>
      </c>
      <c r="B4440" t="s">
        <v>8862</v>
      </c>
      <c r="C4440" t="s">
        <v>8863</v>
      </c>
    </row>
    <row r="4441" spans="1:3" x14ac:dyDescent="0.15">
      <c r="A4441">
        <v>20573</v>
      </c>
      <c r="B4441" t="s">
        <v>8864</v>
      </c>
      <c r="C4441" t="s">
        <v>8865</v>
      </c>
    </row>
    <row r="4442" spans="1:3" x14ac:dyDescent="0.15">
      <c r="A4442">
        <v>20572</v>
      </c>
      <c r="B4442" t="s">
        <v>8866</v>
      </c>
      <c r="C4442" t="s">
        <v>8867</v>
      </c>
    </row>
    <row r="4443" spans="1:3" x14ac:dyDescent="0.15">
      <c r="A4443">
        <v>20571</v>
      </c>
      <c r="B4443" t="s">
        <v>8868</v>
      </c>
      <c r="C4443" t="s">
        <v>8869</v>
      </c>
    </row>
    <row r="4444" spans="1:3" x14ac:dyDescent="0.15">
      <c r="A4444">
        <v>20570</v>
      </c>
      <c r="B4444" t="s">
        <v>8870</v>
      </c>
      <c r="C4444" t="s">
        <v>8871</v>
      </c>
    </row>
    <row r="4445" spans="1:3" x14ac:dyDescent="0.15">
      <c r="A4445">
        <v>20569</v>
      </c>
      <c r="B4445" t="s">
        <v>8872</v>
      </c>
      <c r="C4445" t="s">
        <v>8873</v>
      </c>
    </row>
    <row r="4446" spans="1:3" x14ac:dyDescent="0.15">
      <c r="A4446">
        <v>20568</v>
      </c>
      <c r="B4446" t="s">
        <v>8874</v>
      </c>
      <c r="C4446" t="s">
        <v>8875</v>
      </c>
    </row>
    <row r="4447" spans="1:3" x14ac:dyDescent="0.15">
      <c r="A4447">
        <v>20567</v>
      </c>
      <c r="B4447" t="s">
        <v>8876</v>
      </c>
      <c r="C4447" t="s">
        <v>8877</v>
      </c>
    </row>
    <row r="4448" spans="1:3" x14ac:dyDescent="0.15">
      <c r="A4448">
        <v>20566</v>
      </c>
      <c r="B4448" t="s">
        <v>8878</v>
      </c>
      <c r="C4448" t="s">
        <v>8879</v>
      </c>
    </row>
    <row r="4449" spans="1:3" x14ac:dyDescent="0.15">
      <c r="A4449">
        <v>20565</v>
      </c>
      <c r="B4449" t="s">
        <v>8880</v>
      </c>
      <c r="C4449" t="s">
        <v>8881</v>
      </c>
    </row>
    <row r="4450" spans="1:3" x14ac:dyDescent="0.15">
      <c r="A4450">
        <v>20564</v>
      </c>
      <c r="B4450" t="s">
        <v>8882</v>
      </c>
      <c r="C4450" t="s">
        <v>8883</v>
      </c>
    </row>
    <row r="4451" spans="1:3" x14ac:dyDescent="0.15">
      <c r="A4451">
        <v>20563</v>
      </c>
      <c r="B4451" t="s">
        <v>8884</v>
      </c>
      <c r="C4451" t="s">
        <v>8885</v>
      </c>
    </row>
    <row r="4452" spans="1:3" x14ac:dyDescent="0.15">
      <c r="A4452">
        <v>20562</v>
      </c>
      <c r="B4452" t="s">
        <v>8886</v>
      </c>
      <c r="C4452" t="s">
        <v>8887</v>
      </c>
    </row>
    <row r="4453" spans="1:3" x14ac:dyDescent="0.15">
      <c r="A4453">
        <v>20561</v>
      </c>
      <c r="B4453" t="s">
        <v>8888</v>
      </c>
      <c r="C4453" t="s">
        <v>8889</v>
      </c>
    </row>
    <row r="4454" spans="1:3" x14ac:dyDescent="0.15">
      <c r="A4454">
        <v>20560</v>
      </c>
      <c r="B4454" t="s">
        <v>8890</v>
      </c>
      <c r="C4454" t="s">
        <v>8891</v>
      </c>
    </row>
    <row r="4455" spans="1:3" x14ac:dyDescent="0.15">
      <c r="A4455">
        <v>20559</v>
      </c>
      <c r="B4455" t="s">
        <v>8892</v>
      </c>
      <c r="C4455" t="s">
        <v>8893</v>
      </c>
    </row>
    <row r="4456" spans="1:3" x14ac:dyDescent="0.15">
      <c r="A4456">
        <v>20558</v>
      </c>
      <c r="B4456" t="s">
        <v>8894</v>
      </c>
      <c r="C4456" t="s">
        <v>8895</v>
      </c>
    </row>
    <row r="4457" spans="1:3" x14ac:dyDescent="0.15">
      <c r="A4457">
        <v>20557</v>
      </c>
      <c r="B4457" t="s">
        <v>8896</v>
      </c>
      <c r="C4457" t="s">
        <v>8897</v>
      </c>
    </row>
    <row r="4458" spans="1:3" x14ac:dyDescent="0.15">
      <c r="A4458">
        <v>20556</v>
      </c>
      <c r="B4458" t="s">
        <v>8898</v>
      </c>
      <c r="C4458" t="s">
        <v>8899</v>
      </c>
    </row>
    <row r="4459" spans="1:3" x14ac:dyDescent="0.15">
      <c r="A4459">
        <v>20555</v>
      </c>
      <c r="B4459" t="s">
        <v>8900</v>
      </c>
      <c r="C4459" t="s">
        <v>8901</v>
      </c>
    </row>
    <row r="4460" spans="1:3" x14ac:dyDescent="0.15">
      <c r="A4460">
        <v>20554</v>
      </c>
      <c r="B4460" t="s">
        <v>8902</v>
      </c>
      <c r="C4460" t="s">
        <v>8903</v>
      </c>
    </row>
    <row r="4461" spans="1:3" x14ac:dyDescent="0.15">
      <c r="A4461">
        <v>20553</v>
      </c>
      <c r="B4461" t="s">
        <v>8904</v>
      </c>
      <c r="C4461" t="s">
        <v>8905</v>
      </c>
    </row>
    <row r="4462" spans="1:3" x14ac:dyDescent="0.15">
      <c r="A4462">
        <v>20552</v>
      </c>
      <c r="B4462" t="s">
        <v>8906</v>
      </c>
      <c r="C4462" t="s">
        <v>8907</v>
      </c>
    </row>
    <row r="4463" spans="1:3" x14ac:dyDescent="0.15">
      <c r="A4463">
        <v>20551</v>
      </c>
      <c r="B4463" t="s">
        <v>8908</v>
      </c>
      <c r="C4463" t="s">
        <v>8909</v>
      </c>
    </row>
    <row r="4464" spans="1:3" x14ac:dyDescent="0.15">
      <c r="A4464">
        <v>20550</v>
      </c>
      <c r="B4464" t="s">
        <v>8910</v>
      </c>
      <c r="C4464" t="s">
        <v>8911</v>
      </c>
    </row>
    <row r="4465" spans="1:3" x14ac:dyDescent="0.15">
      <c r="A4465">
        <v>20549</v>
      </c>
      <c r="B4465" t="s">
        <v>8912</v>
      </c>
      <c r="C4465" t="s">
        <v>8913</v>
      </c>
    </row>
    <row r="4466" spans="1:3" x14ac:dyDescent="0.15">
      <c r="A4466">
        <v>20548</v>
      </c>
      <c r="B4466" t="s">
        <v>8914</v>
      </c>
      <c r="C4466" t="s">
        <v>8915</v>
      </c>
    </row>
    <row r="4467" spans="1:3" x14ac:dyDescent="0.15">
      <c r="A4467">
        <v>20547</v>
      </c>
      <c r="B4467" t="s">
        <v>8916</v>
      </c>
      <c r="C4467" t="s">
        <v>8917</v>
      </c>
    </row>
    <row r="4468" spans="1:3" x14ac:dyDescent="0.15">
      <c r="A4468">
        <v>20546</v>
      </c>
      <c r="B4468" t="s">
        <v>8918</v>
      </c>
      <c r="C4468" t="s">
        <v>8919</v>
      </c>
    </row>
    <row r="4469" spans="1:3" x14ac:dyDescent="0.15">
      <c r="A4469">
        <v>20545</v>
      </c>
      <c r="B4469" t="s">
        <v>8920</v>
      </c>
      <c r="C4469" t="s">
        <v>8921</v>
      </c>
    </row>
    <row r="4470" spans="1:3" x14ac:dyDescent="0.15">
      <c r="A4470">
        <v>20544</v>
      </c>
      <c r="B4470" t="s">
        <v>8922</v>
      </c>
      <c r="C4470" t="s">
        <v>8923</v>
      </c>
    </row>
    <row r="4471" spans="1:3" x14ac:dyDescent="0.15">
      <c r="A4471">
        <v>20543</v>
      </c>
      <c r="B4471" t="s">
        <v>8924</v>
      </c>
      <c r="C4471" t="s">
        <v>8925</v>
      </c>
    </row>
    <row r="4472" spans="1:3" x14ac:dyDescent="0.15">
      <c r="A4472">
        <v>20542</v>
      </c>
      <c r="B4472" t="s">
        <v>8926</v>
      </c>
      <c r="C4472" t="s">
        <v>8927</v>
      </c>
    </row>
    <row r="4473" spans="1:3" x14ac:dyDescent="0.15">
      <c r="A4473">
        <v>20541</v>
      </c>
      <c r="B4473" t="s">
        <v>8928</v>
      </c>
      <c r="C4473" t="s">
        <v>8929</v>
      </c>
    </row>
    <row r="4474" spans="1:3" x14ac:dyDescent="0.15">
      <c r="A4474">
        <v>20540</v>
      </c>
      <c r="B4474" t="s">
        <v>8930</v>
      </c>
      <c r="C4474" t="s">
        <v>8931</v>
      </c>
    </row>
    <row r="4475" spans="1:3" x14ac:dyDescent="0.15">
      <c r="A4475">
        <v>20539</v>
      </c>
      <c r="B4475" t="s">
        <v>8932</v>
      </c>
      <c r="C4475" t="s">
        <v>8933</v>
      </c>
    </row>
    <row r="4476" spans="1:3" x14ac:dyDescent="0.15">
      <c r="A4476">
        <v>20538</v>
      </c>
      <c r="B4476" t="s">
        <v>8934</v>
      </c>
      <c r="C4476" t="s">
        <v>8935</v>
      </c>
    </row>
    <row r="4477" spans="1:3" x14ac:dyDescent="0.15">
      <c r="A4477">
        <v>20537</v>
      </c>
      <c r="B4477" t="s">
        <v>8936</v>
      </c>
      <c r="C4477" t="s">
        <v>8937</v>
      </c>
    </row>
    <row r="4478" spans="1:3" x14ac:dyDescent="0.15">
      <c r="A4478">
        <v>20536</v>
      </c>
      <c r="B4478" t="s">
        <v>8938</v>
      </c>
      <c r="C4478" t="s">
        <v>8939</v>
      </c>
    </row>
    <row r="4479" spans="1:3" x14ac:dyDescent="0.15">
      <c r="A4479">
        <v>20535</v>
      </c>
      <c r="B4479" t="s">
        <v>8940</v>
      </c>
      <c r="C4479" t="s">
        <v>8941</v>
      </c>
    </row>
    <row r="4480" spans="1:3" x14ac:dyDescent="0.15">
      <c r="A4480">
        <v>20534</v>
      </c>
      <c r="B4480" t="s">
        <v>8942</v>
      </c>
      <c r="C4480" t="s">
        <v>8943</v>
      </c>
    </row>
    <row r="4481" spans="1:3" x14ac:dyDescent="0.15">
      <c r="A4481">
        <v>20533</v>
      </c>
      <c r="B4481" t="s">
        <v>8944</v>
      </c>
      <c r="C4481" t="s">
        <v>8945</v>
      </c>
    </row>
    <row r="4482" spans="1:3" x14ac:dyDescent="0.15">
      <c r="A4482">
        <v>20532</v>
      </c>
      <c r="B4482" t="s">
        <v>8946</v>
      </c>
      <c r="C4482" t="s">
        <v>8947</v>
      </c>
    </row>
    <row r="4483" spans="1:3" x14ac:dyDescent="0.15">
      <c r="A4483">
        <v>20531</v>
      </c>
      <c r="B4483" t="s">
        <v>8948</v>
      </c>
      <c r="C4483" t="s">
        <v>8949</v>
      </c>
    </row>
    <row r="4484" spans="1:3" x14ac:dyDescent="0.15">
      <c r="A4484">
        <v>20530</v>
      </c>
      <c r="B4484" t="s">
        <v>8950</v>
      </c>
      <c r="C4484" t="s">
        <v>8951</v>
      </c>
    </row>
    <row r="4485" spans="1:3" x14ac:dyDescent="0.15">
      <c r="A4485">
        <v>20529</v>
      </c>
      <c r="B4485" t="s">
        <v>8952</v>
      </c>
      <c r="C4485" t="s">
        <v>8953</v>
      </c>
    </row>
    <row r="4486" spans="1:3" x14ac:dyDescent="0.15">
      <c r="A4486">
        <v>20528</v>
      </c>
      <c r="B4486" t="s">
        <v>8954</v>
      </c>
      <c r="C4486" t="s">
        <v>8955</v>
      </c>
    </row>
    <row r="4487" spans="1:3" x14ac:dyDescent="0.15">
      <c r="A4487">
        <v>20527</v>
      </c>
      <c r="B4487" t="s">
        <v>8956</v>
      </c>
      <c r="C4487" t="s">
        <v>8957</v>
      </c>
    </row>
    <row r="4488" spans="1:3" x14ac:dyDescent="0.15">
      <c r="A4488">
        <v>20526</v>
      </c>
      <c r="B4488" t="s">
        <v>8958</v>
      </c>
      <c r="C4488" t="s">
        <v>8959</v>
      </c>
    </row>
    <row r="4489" spans="1:3" x14ac:dyDescent="0.15">
      <c r="A4489">
        <v>20525</v>
      </c>
      <c r="B4489" t="s">
        <v>8960</v>
      </c>
      <c r="C4489" t="s">
        <v>8961</v>
      </c>
    </row>
    <row r="4490" spans="1:3" x14ac:dyDescent="0.15">
      <c r="A4490">
        <v>20524</v>
      </c>
      <c r="B4490" t="s">
        <v>8962</v>
      </c>
      <c r="C4490" t="s">
        <v>8963</v>
      </c>
    </row>
    <row r="4491" spans="1:3" x14ac:dyDescent="0.15">
      <c r="A4491">
        <v>20523</v>
      </c>
      <c r="B4491" t="s">
        <v>8964</v>
      </c>
      <c r="C4491" t="s">
        <v>8965</v>
      </c>
    </row>
    <row r="4492" spans="1:3" x14ac:dyDescent="0.15">
      <c r="A4492">
        <v>20522</v>
      </c>
      <c r="B4492" t="s">
        <v>8966</v>
      </c>
      <c r="C4492" t="s">
        <v>8967</v>
      </c>
    </row>
    <row r="4493" spans="1:3" x14ac:dyDescent="0.15">
      <c r="A4493">
        <v>20521</v>
      </c>
      <c r="B4493" t="s">
        <v>8968</v>
      </c>
      <c r="C4493" t="s">
        <v>8969</v>
      </c>
    </row>
    <row r="4494" spans="1:3" x14ac:dyDescent="0.15">
      <c r="A4494">
        <v>20520</v>
      </c>
      <c r="B4494" t="s">
        <v>8970</v>
      </c>
      <c r="C4494" t="s">
        <v>8971</v>
      </c>
    </row>
    <row r="4495" spans="1:3" x14ac:dyDescent="0.15">
      <c r="A4495">
        <v>20519</v>
      </c>
      <c r="B4495" t="s">
        <v>8972</v>
      </c>
      <c r="C4495" t="s">
        <v>8973</v>
      </c>
    </row>
    <row r="4496" spans="1:3" x14ac:dyDescent="0.15">
      <c r="A4496">
        <v>20518</v>
      </c>
      <c r="B4496" t="s">
        <v>8974</v>
      </c>
      <c r="C4496" t="s">
        <v>8975</v>
      </c>
    </row>
    <row r="4497" spans="1:3" x14ac:dyDescent="0.15">
      <c r="A4497">
        <v>20517</v>
      </c>
      <c r="B4497" t="s">
        <v>8976</v>
      </c>
      <c r="C4497" t="s">
        <v>8977</v>
      </c>
    </row>
    <row r="4498" spans="1:3" x14ac:dyDescent="0.15">
      <c r="A4498">
        <v>20516</v>
      </c>
      <c r="B4498" t="s">
        <v>8978</v>
      </c>
      <c r="C4498" t="s">
        <v>8979</v>
      </c>
    </row>
    <row r="4499" spans="1:3" x14ac:dyDescent="0.15">
      <c r="A4499">
        <v>20515</v>
      </c>
      <c r="B4499" t="s">
        <v>8980</v>
      </c>
      <c r="C4499" t="s">
        <v>8981</v>
      </c>
    </row>
    <row r="4500" spans="1:3" x14ac:dyDescent="0.15">
      <c r="A4500">
        <v>20514</v>
      </c>
      <c r="B4500" t="s">
        <v>8982</v>
      </c>
      <c r="C4500" t="s">
        <v>8983</v>
      </c>
    </row>
    <row r="4501" spans="1:3" x14ac:dyDescent="0.15">
      <c r="A4501">
        <v>20513</v>
      </c>
      <c r="B4501" t="s">
        <v>8984</v>
      </c>
      <c r="C4501" t="s">
        <v>8985</v>
      </c>
    </row>
    <row r="4502" spans="1:3" x14ac:dyDescent="0.15">
      <c r="A4502">
        <v>20512</v>
      </c>
      <c r="B4502" t="s">
        <v>8986</v>
      </c>
      <c r="C4502" t="s">
        <v>8987</v>
      </c>
    </row>
    <row r="4503" spans="1:3" x14ac:dyDescent="0.15">
      <c r="A4503">
        <v>20511</v>
      </c>
      <c r="B4503" t="s">
        <v>8988</v>
      </c>
      <c r="C4503" t="s">
        <v>8989</v>
      </c>
    </row>
    <row r="4504" spans="1:3" x14ac:dyDescent="0.15">
      <c r="A4504">
        <v>20510</v>
      </c>
      <c r="B4504" t="s">
        <v>8990</v>
      </c>
      <c r="C4504" t="s">
        <v>8991</v>
      </c>
    </row>
    <row r="4505" spans="1:3" x14ac:dyDescent="0.15">
      <c r="A4505">
        <v>20509</v>
      </c>
      <c r="B4505" t="s">
        <v>8992</v>
      </c>
      <c r="C4505" t="s">
        <v>8993</v>
      </c>
    </row>
    <row r="4506" spans="1:3" x14ac:dyDescent="0.15">
      <c r="A4506">
        <v>20508</v>
      </c>
      <c r="B4506" t="s">
        <v>8994</v>
      </c>
      <c r="C4506" t="s">
        <v>8995</v>
      </c>
    </row>
    <row r="4507" spans="1:3" x14ac:dyDescent="0.15">
      <c r="A4507">
        <v>20507</v>
      </c>
      <c r="B4507" t="s">
        <v>8996</v>
      </c>
      <c r="C4507" t="s">
        <v>8997</v>
      </c>
    </row>
    <row r="4508" spans="1:3" x14ac:dyDescent="0.15">
      <c r="A4508">
        <v>20506</v>
      </c>
      <c r="B4508" t="s">
        <v>8998</v>
      </c>
      <c r="C4508" t="s">
        <v>8999</v>
      </c>
    </row>
    <row r="4509" spans="1:3" x14ac:dyDescent="0.15">
      <c r="A4509">
        <v>20505</v>
      </c>
      <c r="B4509" t="s">
        <v>9000</v>
      </c>
      <c r="C4509" t="s">
        <v>9001</v>
      </c>
    </row>
    <row r="4510" spans="1:3" x14ac:dyDescent="0.15">
      <c r="A4510">
        <v>20504</v>
      </c>
      <c r="B4510" t="s">
        <v>9002</v>
      </c>
      <c r="C4510" t="s">
        <v>9003</v>
      </c>
    </row>
    <row r="4511" spans="1:3" x14ac:dyDescent="0.15">
      <c r="A4511">
        <v>20503</v>
      </c>
      <c r="B4511" t="s">
        <v>9004</v>
      </c>
      <c r="C4511" t="s">
        <v>9005</v>
      </c>
    </row>
    <row r="4512" spans="1:3" x14ac:dyDescent="0.15">
      <c r="A4512">
        <v>20502</v>
      </c>
      <c r="B4512" t="s">
        <v>9006</v>
      </c>
      <c r="C4512" t="s">
        <v>9007</v>
      </c>
    </row>
    <row r="4513" spans="1:3" x14ac:dyDescent="0.15">
      <c r="A4513">
        <v>20501</v>
      </c>
      <c r="B4513" t="s">
        <v>9008</v>
      </c>
      <c r="C4513" t="s">
        <v>9009</v>
      </c>
    </row>
    <row r="4514" spans="1:3" x14ac:dyDescent="0.15">
      <c r="A4514">
        <v>20500</v>
      </c>
      <c r="B4514" t="s">
        <v>9010</v>
      </c>
      <c r="C4514" t="s">
        <v>9011</v>
      </c>
    </row>
    <row r="4515" spans="1:3" x14ac:dyDescent="0.15">
      <c r="A4515">
        <v>20499</v>
      </c>
      <c r="B4515" t="s">
        <v>9012</v>
      </c>
      <c r="C4515" t="s">
        <v>9013</v>
      </c>
    </row>
    <row r="4516" spans="1:3" x14ac:dyDescent="0.15">
      <c r="A4516">
        <v>20498</v>
      </c>
      <c r="B4516" t="s">
        <v>9014</v>
      </c>
      <c r="C4516" t="s">
        <v>9015</v>
      </c>
    </row>
    <row r="4517" spans="1:3" x14ac:dyDescent="0.15">
      <c r="A4517">
        <v>20497</v>
      </c>
      <c r="B4517" t="s">
        <v>9016</v>
      </c>
      <c r="C4517" t="s">
        <v>9017</v>
      </c>
    </row>
    <row r="4518" spans="1:3" x14ac:dyDescent="0.15">
      <c r="A4518">
        <v>20496</v>
      </c>
      <c r="B4518" t="s">
        <v>9018</v>
      </c>
      <c r="C4518" t="s">
        <v>9019</v>
      </c>
    </row>
    <row r="4519" spans="1:3" x14ac:dyDescent="0.15">
      <c r="A4519">
        <v>20495</v>
      </c>
      <c r="B4519" t="s">
        <v>9020</v>
      </c>
      <c r="C4519" t="s">
        <v>9021</v>
      </c>
    </row>
    <row r="4520" spans="1:3" x14ac:dyDescent="0.15">
      <c r="A4520">
        <v>20494</v>
      </c>
      <c r="B4520" t="s">
        <v>9022</v>
      </c>
      <c r="C4520" t="s">
        <v>9023</v>
      </c>
    </row>
    <row r="4521" spans="1:3" x14ac:dyDescent="0.15">
      <c r="A4521">
        <v>20493</v>
      </c>
      <c r="B4521" t="s">
        <v>9024</v>
      </c>
      <c r="C4521" t="s">
        <v>9025</v>
      </c>
    </row>
    <row r="4522" spans="1:3" x14ac:dyDescent="0.15">
      <c r="A4522">
        <v>20492</v>
      </c>
      <c r="B4522" t="s">
        <v>9026</v>
      </c>
      <c r="C4522" t="s">
        <v>9027</v>
      </c>
    </row>
    <row r="4523" spans="1:3" x14ac:dyDescent="0.15">
      <c r="A4523">
        <v>20491</v>
      </c>
      <c r="B4523" t="s">
        <v>9028</v>
      </c>
      <c r="C4523" t="s">
        <v>9029</v>
      </c>
    </row>
    <row r="4524" spans="1:3" x14ac:dyDescent="0.15">
      <c r="A4524">
        <v>20490</v>
      </c>
      <c r="B4524" t="s">
        <v>9030</v>
      </c>
      <c r="C4524" t="s">
        <v>9031</v>
      </c>
    </row>
    <row r="4525" spans="1:3" x14ac:dyDescent="0.15">
      <c r="A4525">
        <v>20489</v>
      </c>
      <c r="B4525" t="s">
        <v>9032</v>
      </c>
      <c r="C4525" t="s">
        <v>9033</v>
      </c>
    </row>
    <row r="4526" spans="1:3" x14ac:dyDescent="0.15">
      <c r="A4526">
        <v>20488</v>
      </c>
      <c r="B4526" t="s">
        <v>9034</v>
      </c>
      <c r="C4526" t="s">
        <v>9035</v>
      </c>
    </row>
    <row r="4527" spans="1:3" x14ac:dyDescent="0.15">
      <c r="A4527">
        <v>20487</v>
      </c>
      <c r="B4527" t="s">
        <v>9036</v>
      </c>
      <c r="C4527" t="s">
        <v>9037</v>
      </c>
    </row>
    <row r="4528" spans="1:3" x14ac:dyDescent="0.15">
      <c r="A4528">
        <v>20486</v>
      </c>
      <c r="B4528" t="s">
        <v>9038</v>
      </c>
      <c r="C4528" t="s">
        <v>9039</v>
      </c>
    </row>
    <row r="4529" spans="1:3" x14ac:dyDescent="0.15">
      <c r="A4529">
        <v>20485</v>
      </c>
      <c r="B4529" t="s">
        <v>9040</v>
      </c>
      <c r="C4529" t="s">
        <v>9041</v>
      </c>
    </row>
    <row r="4530" spans="1:3" x14ac:dyDescent="0.15">
      <c r="A4530">
        <v>20484</v>
      </c>
      <c r="B4530" t="s">
        <v>9042</v>
      </c>
      <c r="C4530" t="s">
        <v>9043</v>
      </c>
    </row>
    <row r="4531" spans="1:3" x14ac:dyDescent="0.15">
      <c r="A4531">
        <v>20483</v>
      </c>
      <c r="B4531" t="s">
        <v>9044</v>
      </c>
      <c r="C4531" t="s">
        <v>9045</v>
      </c>
    </row>
    <row r="4532" spans="1:3" x14ac:dyDescent="0.15">
      <c r="A4532">
        <v>20482</v>
      </c>
      <c r="B4532" t="s">
        <v>9046</v>
      </c>
      <c r="C4532" t="s">
        <v>9047</v>
      </c>
    </row>
    <row r="4533" spans="1:3" x14ac:dyDescent="0.15">
      <c r="A4533">
        <v>20481</v>
      </c>
      <c r="B4533" t="s">
        <v>9048</v>
      </c>
      <c r="C4533" t="s">
        <v>9049</v>
      </c>
    </row>
    <row r="4534" spans="1:3" x14ac:dyDescent="0.15">
      <c r="A4534">
        <v>20480</v>
      </c>
      <c r="B4534" t="s">
        <v>9050</v>
      </c>
      <c r="C4534" t="s">
        <v>9051</v>
      </c>
    </row>
    <row r="4535" spans="1:3" x14ac:dyDescent="0.15">
      <c r="A4535">
        <v>20479</v>
      </c>
      <c r="B4535" t="s">
        <v>9052</v>
      </c>
      <c r="C4535" t="s">
        <v>9053</v>
      </c>
    </row>
    <row r="4536" spans="1:3" x14ac:dyDescent="0.15">
      <c r="A4536">
        <v>20478</v>
      </c>
      <c r="B4536" t="s">
        <v>9054</v>
      </c>
      <c r="C4536" t="s">
        <v>9055</v>
      </c>
    </row>
    <row r="4537" spans="1:3" x14ac:dyDescent="0.15">
      <c r="A4537">
        <v>20477</v>
      </c>
      <c r="B4537" t="s">
        <v>9056</v>
      </c>
      <c r="C4537" t="s">
        <v>9057</v>
      </c>
    </row>
    <row r="4538" spans="1:3" x14ac:dyDescent="0.15">
      <c r="A4538">
        <v>20476</v>
      </c>
      <c r="B4538" t="s">
        <v>9058</v>
      </c>
      <c r="C4538" t="s">
        <v>9059</v>
      </c>
    </row>
    <row r="4539" spans="1:3" x14ac:dyDescent="0.15">
      <c r="A4539">
        <v>20475</v>
      </c>
      <c r="B4539" t="s">
        <v>9060</v>
      </c>
      <c r="C4539" t="s">
        <v>9061</v>
      </c>
    </row>
    <row r="4540" spans="1:3" x14ac:dyDescent="0.15">
      <c r="A4540">
        <v>20474</v>
      </c>
      <c r="B4540" t="s">
        <v>9062</v>
      </c>
      <c r="C4540" t="s">
        <v>9063</v>
      </c>
    </row>
    <row r="4541" spans="1:3" x14ac:dyDescent="0.15">
      <c r="A4541">
        <v>20473</v>
      </c>
      <c r="B4541" t="s">
        <v>9064</v>
      </c>
      <c r="C4541" t="s">
        <v>9065</v>
      </c>
    </row>
    <row r="4542" spans="1:3" x14ac:dyDescent="0.15">
      <c r="A4542">
        <v>20472</v>
      </c>
      <c r="B4542" t="s">
        <v>9066</v>
      </c>
      <c r="C4542" t="s">
        <v>9067</v>
      </c>
    </row>
    <row r="4543" spans="1:3" x14ac:dyDescent="0.15">
      <c r="A4543">
        <v>20471</v>
      </c>
      <c r="B4543" t="s">
        <v>9068</v>
      </c>
      <c r="C4543" t="s">
        <v>9069</v>
      </c>
    </row>
    <row r="4544" spans="1:3" x14ac:dyDescent="0.15">
      <c r="A4544">
        <v>20470</v>
      </c>
      <c r="B4544" t="s">
        <v>9070</v>
      </c>
      <c r="C4544" t="s">
        <v>9071</v>
      </c>
    </row>
    <row r="4545" spans="1:3" x14ac:dyDescent="0.15">
      <c r="A4545">
        <v>20469</v>
      </c>
      <c r="B4545" t="s">
        <v>9072</v>
      </c>
      <c r="C4545" t="s">
        <v>9073</v>
      </c>
    </row>
    <row r="4546" spans="1:3" x14ac:dyDescent="0.15">
      <c r="A4546">
        <v>20468</v>
      </c>
      <c r="B4546" t="s">
        <v>9074</v>
      </c>
      <c r="C4546" t="s">
        <v>9075</v>
      </c>
    </row>
    <row r="4547" spans="1:3" x14ac:dyDescent="0.15">
      <c r="A4547">
        <v>20467</v>
      </c>
      <c r="B4547" t="s">
        <v>9076</v>
      </c>
      <c r="C4547" t="s">
        <v>9077</v>
      </c>
    </row>
    <row r="4548" spans="1:3" x14ac:dyDescent="0.15">
      <c r="A4548">
        <v>20466</v>
      </c>
      <c r="B4548" t="s">
        <v>9078</v>
      </c>
      <c r="C4548" t="s">
        <v>9079</v>
      </c>
    </row>
    <row r="4549" spans="1:3" x14ac:dyDescent="0.15">
      <c r="A4549">
        <v>20465</v>
      </c>
      <c r="B4549" t="s">
        <v>9080</v>
      </c>
      <c r="C4549" t="s">
        <v>9081</v>
      </c>
    </row>
    <row r="4550" spans="1:3" x14ac:dyDescent="0.15">
      <c r="A4550">
        <v>20464</v>
      </c>
      <c r="B4550" t="s">
        <v>9082</v>
      </c>
      <c r="C4550" t="s">
        <v>9083</v>
      </c>
    </row>
    <row r="4551" spans="1:3" x14ac:dyDescent="0.15">
      <c r="A4551">
        <v>20463</v>
      </c>
      <c r="B4551" t="s">
        <v>9084</v>
      </c>
      <c r="C4551" t="s">
        <v>9085</v>
      </c>
    </row>
    <row r="4552" spans="1:3" x14ac:dyDescent="0.15">
      <c r="A4552">
        <v>20462</v>
      </c>
      <c r="B4552" t="s">
        <v>9086</v>
      </c>
      <c r="C4552" t="s">
        <v>9087</v>
      </c>
    </row>
    <row r="4553" spans="1:3" x14ac:dyDescent="0.15">
      <c r="A4553">
        <v>20461</v>
      </c>
      <c r="B4553" t="s">
        <v>9088</v>
      </c>
      <c r="C4553" t="s">
        <v>9089</v>
      </c>
    </row>
    <row r="4554" spans="1:3" x14ac:dyDescent="0.15">
      <c r="A4554">
        <v>20460</v>
      </c>
      <c r="B4554" t="s">
        <v>9090</v>
      </c>
      <c r="C4554" t="s">
        <v>9091</v>
      </c>
    </row>
    <row r="4555" spans="1:3" x14ac:dyDescent="0.15">
      <c r="A4555">
        <v>20459</v>
      </c>
      <c r="B4555" t="s">
        <v>9092</v>
      </c>
      <c r="C4555" t="s">
        <v>9093</v>
      </c>
    </row>
    <row r="4556" spans="1:3" x14ac:dyDescent="0.15">
      <c r="A4556">
        <v>20458</v>
      </c>
      <c r="B4556" t="s">
        <v>9094</v>
      </c>
      <c r="C4556" t="s">
        <v>9095</v>
      </c>
    </row>
    <row r="4557" spans="1:3" x14ac:dyDescent="0.15">
      <c r="A4557">
        <v>20457</v>
      </c>
      <c r="B4557" t="s">
        <v>9096</v>
      </c>
      <c r="C4557" t="s">
        <v>9097</v>
      </c>
    </row>
    <row r="4558" spans="1:3" x14ac:dyDescent="0.15">
      <c r="A4558">
        <v>20456</v>
      </c>
      <c r="B4558" t="s">
        <v>9098</v>
      </c>
      <c r="C4558" t="s">
        <v>9099</v>
      </c>
    </row>
    <row r="4559" spans="1:3" x14ac:dyDescent="0.15">
      <c r="A4559">
        <v>20455</v>
      </c>
      <c r="B4559" t="s">
        <v>9100</v>
      </c>
      <c r="C4559" t="s">
        <v>9101</v>
      </c>
    </row>
    <row r="4560" spans="1:3" x14ac:dyDescent="0.15">
      <c r="A4560">
        <v>20454</v>
      </c>
      <c r="B4560" t="s">
        <v>9102</v>
      </c>
      <c r="C4560" t="s">
        <v>9103</v>
      </c>
    </row>
    <row r="4561" spans="1:3" x14ac:dyDescent="0.15">
      <c r="A4561">
        <v>20453</v>
      </c>
      <c r="B4561" t="s">
        <v>9104</v>
      </c>
      <c r="C4561" t="s">
        <v>9105</v>
      </c>
    </row>
    <row r="4562" spans="1:3" x14ac:dyDescent="0.15">
      <c r="A4562">
        <v>20452</v>
      </c>
      <c r="B4562" t="s">
        <v>9106</v>
      </c>
      <c r="C4562" t="s">
        <v>9107</v>
      </c>
    </row>
    <row r="4563" spans="1:3" x14ac:dyDescent="0.15">
      <c r="A4563">
        <v>20451</v>
      </c>
      <c r="B4563" t="s">
        <v>9108</v>
      </c>
      <c r="C4563" t="s">
        <v>9109</v>
      </c>
    </row>
    <row r="4564" spans="1:3" x14ac:dyDescent="0.15">
      <c r="A4564">
        <v>20450</v>
      </c>
      <c r="B4564" t="s">
        <v>9110</v>
      </c>
      <c r="C4564" t="s">
        <v>9111</v>
      </c>
    </row>
    <row r="4565" spans="1:3" x14ac:dyDescent="0.15">
      <c r="A4565">
        <v>20449</v>
      </c>
      <c r="B4565" t="s">
        <v>9112</v>
      </c>
      <c r="C4565" t="s">
        <v>9113</v>
      </c>
    </row>
    <row r="4566" spans="1:3" x14ac:dyDescent="0.15">
      <c r="A4566">
        <v>20448</v>
      </c>
      <c r="B4566" t="s">
        <v>9114</v>
      </c>
      <c r="C4566" t="s">
        <v>9115</v>
      </c>
    </row>
    <row r="4567" spans="1:3" x14ac:dyDescent="0.15">
      <c r="A4567">
        <v>20447</v>
      </c>
      <c r="B4567" t="s">
        <v>9116</v>
      </c>
      <c r="C4567" t="s">
        <v>9117</v>
      </c>
    </row>
    <row r="4568" spans="1:3" x14ac:dyDescent="0.15">
      <c r="A4568">
        <v>20446</v>
      </c>
      <c r="B4568" t="s">
        <v>9118</v>
      </c>
      <c r="C4568" t="s">
        <v>9119</v>
      </c>
    </row>
    <row r="4569" spans="1:3" x14ac:dyDescent="0.15">
      <c r="A4569">
        <v>20445</v>
      </c>
      <c r="B4569" t="s">
        <v>9120</v>
      </c>
      <c r="C4569" t="s">
        <v>9121</v>
      </c>
    </row>
    <row r="4570" spans="1:3" x14ac:dyDescent="0.15">
      <c r="A4570">
        <v>20444</v>
      </c>
      <c r="B4570" t="s">
        <v>9122</v>
      </c>
      <c r="C4570" t="s">
        <v>9123</v>
      </c>
    </row>
    <row r="4571" spans="1:3" x14ac:dyDescent="0.15">
      <c r="A4571">
        <v>20443</v>
      </c>
      <c r="B4571" t="s">
        <v>9124</v>
      </c>
      <c r="C4571" t="s">
        <v>9125</v>
      </c>
    </row>
    <row r="4572" spans="1:3" x14ac:dyDescent="0.15">
      <c r="A4572">
        <v>20442</v>
      </c>
      <c r="B4572" t="s">
        <v>9126</v>
      </c>
      <c r="C4572" t="s">
        <v>9127</v>
      </c>
    </row>
    <row r="4573" spans="1:3" x14ac:dyDescent="0.15">
      <c r="A4573">
        <v>20441</v>
      </c>
      <c r="B4573" t="s">
        <v>9128</v>
      </c>
      <c r="C4573" t="s">
        <v>9129</v>
      </c>
    </row>
    <row r="4574" spans="1:3" x14ac:dyDescent="0.15">
      <c r="A4574">
        <v>20440</v>
      </c>
      <c r="B4574" t="s">
        <v>9130</v>
      </c>
      <c r="C4574" t="s">
        <v>9131</v>
      </c>
    </row>
    <row r="4575" spans="1:3" x14ac:dyDescent="0.15">
      <c r="A4575">
        <v>20439</v>
      </c>
      <c r="B4575" t="s">
        <v>9132</v>
      </c>
      <c r="C4575" t="s">
        <v>9133</v>
      </c>
    </row>
    <row r="4576" spans="1:3" x14ac:dyDescent="0.15">
      <c r="A4576">
        <v>20438</v>
      </c>
      <c r="B4576" t="s">
        <v>9134</v>
      </c>
      <c r="C4576" t="s">
        <v>9135</v>
      </c>
    </row>
    <row r="4577" spans="1:3" x14ac:dyDescent="0.15">
      <c r="A4577">
        <v>20437</v>
      </c>
      <c r="B4577" t="s">
        <v>9136</v>
      </c>
      <c r="C4577" t="s">
        <v>9137</v>
      </c>
    </row>
    <row r="4578" spans="1:3" x14ac:dyDescent="0.15">
      <c r="A4578">
        <v>20436</v>
      </c>
      <c r="B4578" t="s">
        <v>9138</v>
      </c>
      <c r="C4578" t="s">
        <v>9139</v>
      </c>
    </row>
    <row r="4579" spans="1:3" x14ac:dyDescent="0.15">
      <c r="A4579">
        <v>20435</v>
      </c>
      <c r="B4579" t="s">
        <v>9140</v>
      </c>
      <c r="C4579" t="s">
        <v>9141</v>
      </c>
    </row>
    <row r="4580" spans="1:3" x14ac:dyDescent="0.15">
      <c r="A4580">
        <v>20434</v>
      </c>
      <c r="B4580" t="s">
        <v>9142</v>
      </c>
      <c r="C4580" t="s">
        <v>9143</v>
      </c>
    </row>
    <row r="4581" spans="1:3" x14ac:dyDescent="0.15">
      <c r="A4581">
        <v>20433</v>
      </c>
      <c r="B4581" t="s">
        <v>9144</v>
      </c>
      <c r="C4581" t="s">
        <v>9145</v>
      </c>
    </row>
    <row r="4582" spans="1:3" x14ac:dyDescent="0.15">
      <c r="A4582">
        <v>20432</v>
      </c>
      <c r="B4582" t="s">
        <v>9146</v>
      </c>
      <c r="C4582" t="s">
        <v>9147</v>
      </c>
    </row>
    <row r="4583" spans="1:3" x14ac:dyDescent="0.15">
      <c r="A4583">
        <v>20431</v>
      </c>
      <c r="B4583" t="s">
        <v>9148</v>
      </c>
      <c r="C4583" t="s">
        <v>9149</v>
      </c>
    </row>
    <row r="4584" spans="1:3" x14ac:dyDescent="0.15">
      <c r="A4584">
        <v>20430</v>
      </c>
      <c r="B4584" t="s">
        <v>9150</v>
      </c>
      <c r="C4584" t="s">
        <v>9151</v>
      </c>
    </row>
    <row r="4585" spans="1:3" x14ac:dyDescent="0.15">
      <c r="A4585">
        <v>20429</v>
      </c>
      <c r="B4585" t="s">
        <v>9152</v>
      </c>
      <c r="C4585" t="s">
        <v>9153</v>
      </c>
    </row>
    <row r="4586" spans="1:3" x14ac:dyDescent="0.15">
      <c r="A4586">
        <v>20428</v>
      </c>
      <c r="B4586" t="s">
        <v>9154</v>
      </c>
      <c r="C4586" t="s">
        <v>9155</v>
      </c>
    </row>
    <row r="4587" spans="1:3" x14ac:dyDescent="0.15">
      <c r="A4587">
        <v>20427</v>
      </c>
      <c r="B4587" t="s">
        <v>9156</v>
      </c>
      <c r="C4587" t="s">
        <v>9157</v>
      </c>
    </row>
    <row r="4588" spans="1:3" x14ac:dyDescent="0.15">
      <c r="A4588">
        <v>20426</v>
      </c>
      <c r="B4588" t="s">
        <v>9158</v>
      </c>
      <c r="C4588" t="s">
        <v>9159</v>
      </c>
    </row>
    <row r="4589" spans="1:3" x14ac:dyDescent="0.15">
      <c r="A4589">
        <v>20425</v>
      </c>
      <c r="B4589" t="s">
        <v>9160</v>
      </c>
      <c r="C4589" t="s">
        <v>9161</v>
      </c>
    </row>
    <row r="4590" spans="1:3" x14ac:dyDescent="0.15">
      <c r="A4590">
        <v>20424</v>
      </c>
      <c r="B4590" t="s">
        <v>9162</v>
      </c>
      <c r="C4590" t="s">
        <v>9163</v>
      </c>
    </row>
    <row r="4591" spans="1:3" x14ac:dyDescent="0.15">
      <c r="A4591">
        <v>20423</v>
      </c>
      <c r="B4591" t="s">
        <v>9164</v>
      </c>
      <c r="C4591" t="s">
        <v>9165</v>
      </c>
    </row>
    <row r="4592" spans="1:3" x14ac:dyDescent="0.15">
      <c r="A4592">
        <v>20422</v>
      </c>
      <c r="B4592" t="s">
        <v>9166</v>
      </c>
      <c r="C4592" t="s">
        <v>9167</v>
      </c>
    </row>
    <row r="4593" spans="1:3" x14ac:dyDescent="0.15">
      <c r="A4593">
        <v>20421</v>
      </c>
      <c r="B4593" t="s">
        <v>9168</v>
      </c>
      <c r="C4593" t="s">
        <v>9169</v>
      </c>
    </row>
    <row r="4594" spans="1:3" x14ac:dyDescent="0.15">
      <c r="A4594">
        <v>20420</v>
      </c>
      <c r="B4594" t="s">
        <v>9170</v>
      </c>
      <c r="C4594" t="s">
        <v>9171</v>
      </c>
    </row>
    <row r="4595" spans="1:3" x14ac:dyDescent="0.15">
      <c r="A4595">
        <v>20419</v>
      </c>
      <c r="B4595" t="s">
        <v>9172</v>
      </c>
      <c r="C4595" t="s">
        <v>9173</v>
      </c>
    </row>
    <row r="4596" spans="1:3" x14ac:dyDescent="0.15">
      <c r="A4596">
        <v>20418</v>
      </c>
      <c r="B4596" t="s">
        <v>9174</v>
      </c>
      <c r="C4596" t="s">
        <v>9175</v>
      </c>
    </row>
    <row r="4597" spans="1:3" x14ac:dyDescent="0.15">
      <c r="A4597">
        <v>20417</v>
      </c>
      <c r="B4597" t="s">
        <v>9176</v>
      </c>
      <c r="C4597" t="s">
        <v>9177</v>
      </c>
    </row>
    <row r="4598" spans="1:3" x14ac:dyDescent="0.15">
      <c r="A4598">
        <v>20416</v>
      </c>
      <c r="B4598" t="s">
        <v>9178</v>
      </c>
      <c r="C4598" t="s">
        <v>9179</v>
      </c>
    </row>
    <row r="4599" spans="1:3" x14ac:dyDescent="0.15">
      <c r="A4599">
        <v>20415</v>
      </c>
      <c r="B4599" t="s">
        <v>9180</v>
      </c>
      <c r="C4599" t="s">
        <v>9181</v>
      </c>
    </row>
    <row r="4600" spans="1:3" x14ac:dyDescent="0.15">
      <c r="A4600">
        <v>20414</v>
      </c>
      <c r="B4600" t="s">
        <v>9182</v>
      </c>
      <c r="C4600" t="s">
        <v>9183</v>
      </c>
    </row>
    <row r="4601" spans="1:3" x14ac:dyDescent="0.15">
      <c r="A4601">
        <v>20413</v>
      </c>
      <c r="B4601" t="s">
        <v>9184</v>
      </c>
      <c r="C4601" t="s">
        <v>9185</v>
      </c>
    </row>
    <row r="4602" spans="1:3" x14ac:dyDescent="0.15">
      <c r="A4602">
        <v>20412</v>
      </c>
      <c r="B4602" t="s">
        <v>9186</v>
      </c>
      <c r="C4602" t="s">
        <v>9187</v>
      </c>
    </row>
    <row r="4603" spans="1:3" x14ac:dyDescent="0.15">
      <c r="A4603">
        <v>20411</v>
      </c>
      <c r="B4603" t="s">
        <v>9188</v>
      </c>
      <c r="C4603" t="s">
        <v>9189</v>
      </c>
    </row>
    <row r="4604" spans="1:3" x14ac:dyDescent="0.15">
      <c r="A4604">
        <v>20410</v>
      </c>
      <c r="B4604" t="s">
        <v>9190</v>
      </c>
      <c r="C4604" t="s">
        <v>9191</v>
      </c>
    </row>
    <row r="4605" spans="1:3" x14ac:dyDescent="0.15">
      <c r="A4605">
        <v>20409</v>
      </c>
      <c r="B4605" t="s">
        <v>9192</v>
      </c>
      <c r="C4605" t="s">
        <v>9193</v>
      </c>
    </row>
    <row r="4606" spans="1:3" x14ac:dyDescent="0.15">
      <c r="A4606">
        <v>20408</v>
      </c>
      <c r="B4606" t="s">
        <v>9194</v>
      </c>
      <c r="C4606" t="s">
        <v>9195</v>
      </c>
    </row>
    <row r="4607" spans="1:3" x14ac:dyDescent="0.15">
      <c r="A4607">
        <v>20407</v>
      </c>
      <c r="B4607" t="s">
        <v>9196</v>
      </c>
      <c r="C4607" t="s">
        <v>9197</v>
      </c>
    </row>
    <row r="4608" spans="1:3" x14ac:dyDescent="0.15">
      <c r="A4608">
        <v>20406</v>
      </c>
      <c r="B4608" t="s">
        <v>9198</v>
      </c>
      <c r="C4608" t="s">
        <v>9199</v>
      </c>
    </row>
    <row r="4609" spans="1:3" x14ac:dyDescent="0.15">
      <c r="A4609">
        <v>20405</v>
      </c>
      <c r="B4609" t="s">
        <v>9200</v>
      </c>
      <c r="C4609" t="s">
        <v>9201</v>
      </c>
    </row>
    <row r="4610" spans="1:3" x14ac:dyDescent="0.15">
      <c r="A4610">
        <v>20404</v>
      </c>
      <c r="B4610" t="s">
        <v>9202</v>
      </c>
      <c r="C4610" t="s">
        <v>9203</v>
      </c>
    </row>
    <row r="4611" spans="1:3" x14ac:dyDescent="0.15">
      <c r="A4611">
        <v>20403</v>
      </c>
      <c r="B4611" t="s">
        <v>9204</v>
      </c>
      <c r="C4611" t="s">
        <v>9205</v>
      </c>
    </row>
    <row r="4612" spans="1:3" x14ac:dyDescent="0.15">
      <c r="A4612">
        <v>20402</v>
      </c>
      <c r="B4612" t="s">
        <v>9206</v>
      </c>
      <c r="C4612" t="s">
        <v>9207</v>
      </c>
    </row>
    <row r="4613" spans="1:3" x14ac:dyDescent="0.15">
      <c r="A4613">
        <v>20401</v>
      </c>
      <c r="B4613" t="s">
        <v>9208</v>
      </c>
      <c r="C4613" t="s">
        <v>9209</v>
      </c>
    </row>
    <row r="4614" spans="1:3" x14ac:dyDescent="0.15">
      <c r="A4614">
        <v>20400</v>
      </c>
      <c r="B4614" t="s">
        <v>9210</v>
      </c>
      <c r="C4614" t="s">
        <v>9211</v>
      </c>
    </row>
    <row r="4615" spans="1:3" x14ac:dyDescent="0.15">
      <c r="A4615">
        <v>20399</v>
      </c>
      <c r="B4615" t="s">
        <v>9212</v>
      </c>
      <c r="C4615" t="s">
        <v>9213</v>
      </c>
    </row>
    <row r="4616" spans="1:3" x14ac:dyDescent="0.15">
      <c r="A4616">
        <v>20398</v>
      </c>
      <c r="B4616" t="s">
        <v>9214</v>
      </c>
      <c r="C4616" t="s">
        <v>9215</v>
      </c>
    </row>
    <row r="4617" spans="1:3" x14ac:dyDescent="0.15">
      <c r="A4617">
        <v>20397</v>
      </c>
      <c r="B4617" t="s">
        <v>9216</v>
      </c>
      <c r="C4617" t="s">
        <v>9217</v>
      </c>
    </row>
    <row r="4618" spans="1:3" x14ac:dyDescent="0.15">
      <c r="A4618">
        <v>20396</v>
      </c>
      <c r="B4618" t="s">
        <v>9218</v>
      </c>
      <c r="C4618" t="s">
        <v>9219</v>
      </c>
    </row>
    <row r="4619" spans="1:3" x14ac:dyDescent="0.15">
      <c r="A4619">
        <v>20395</v>
      </c>
      <c r="B4619" t="s">
        <v>9220</v>
      </c>
      <c r="C4619" t="s">
        <v>9221</v>
      </c>
    </row>
    <row r="4620" spans="1:3" x14ac:dyDescent="0.15">
      <c r="A4620">
        <v>20394</v>
      </c>
      <c r="B4620" t="s">
        <v>9222</v>
      </c>
      <c r="C4620" t="s">
        <v>9223</v>
      </c>
    </row>
    <row r="4621" spans="1:3" x14ac:dyDescent="0.15">
      <c r="A4621">
        <v>20393</v>
      </c>
      <c r="B4621" t="s">
        <v>9224</v>
      </c>
      <c r="C4621" t="s">
        <v>9225</v>
      </c>
    </row>
    <row r="4622" spans="1:3" x14ac:dyDescent="0.15">
      <c r="A4622">
        <v>20392</v>
      </c>
      <c r="B4622" t="s">
        <v>9226</v>
      </c>
      <c r="C4622" t="s">
        <v>9227</v>
      </c>
    </row>
    <row r="4623" spans="1:3" x14ac:dyDescent="0.15">
      <c r="A4623">
        <v>20391</v>
      </c>
      <c r="B4623" t="s">
        <v>9228</v>
      </c>
      <c r="C4623" t="s">
        <v>9229</v>
      </c>
    </row>
    <row r="4624" spans="1:3" x14ac:dyDescent="0.15">
      <c r="A4624">
        <v>20390</v>
      </c>
      <c r="B4624" t="s">
        <v>9230</v>
      </c>
      <c r="C4624" t="s">
        <v>9231</v>
      </c>
    </row>
    <row r="4625" spans="1:3" x14ac:dyDescent="0.15">
      <c r="A4625">
        <v>20389</v>
      </c>
      <c r="B4625" t="s">
        <v>9232</v>
      </c>
      <c r="C4625" t="s">
        <v>9233</v>
      </c>
    </row>
    <row r="4626" spans="1:3" x14ac:dyDescent="0.15">
      <c r="A4626">
        <v>20388</v>
      </c>
      <c r="B4626" t="s">
        <v>9234</v>
      </c>
      <c r="C4626" t="s">
        <v>9235</v>
      </c>
    </row>
    <row r="4627" spans="1:3" x14ac:dyDescent="0.15">
      <c r="A4627">
        <v>20387</v>
      </c>
      <c r="B4627" t="s">
        <v>9236</v>
      </c>
      <c r="C4627" t="s">
        <v>9237</v>
      </c>
    </row>
    <row r="4628" spans="1:3" x14ac:dyDescent="0.15">
      <c r="A4628">
        <v>20386</v>
      </c>
      <c r="B4628" t="s">
        <v>9238</v>
      </c>
      <c r="C4628" t="s">
        <v>9239</v>
      </c>
    </row>
    <row r="4629" spans="1:3" x14ac:dyDescent="0.15">
      <c r="A4629">
        <v>20385</v>
      </c>
      <c r="B4629" t="s">
        <v>9240</v>
      </c>
      <c r="C4629" t="s">
        <v>9241</v>
      </c>
    </row>
    <row r="4630" spans="1:3" x14ac:dyDescent="0.15">
      <c r="A4630">
        <v>20384</v>
      </c>
      <c r="B4630" t="s">
        <v>9242</v>
      </c>
      <c r="C4630" t="s">
        <v>9243</v>
      </c>
    </row>
    <row r="4631" spans="1:3" x14ac:dyDescent="0.15">
      <c r="A4631">
        <v>20383</v>
      </c>
      <c r="B4631" t="s">
        <v>9244</v>
      </c>
      <c r="C4631" t="s">
        <v>9245</v>
      </c>
    </row>
    <row r="4632" spans="1:3" x14ac:dyDescent="0.15">
      <c r="A4632">
        <v>20382</v>
      </c>
      <c r="B4632" t="s">
        <v>9246</v>
      </c>
      <c r="C4632" t="s">
        <v>9247</v>
      </c>
    </row>
    <row r="4633" spans="1:3" x14ac:dyDescent="0.15">
      <c r="A4633">
        <v>20381</v>
      </c>
      <c r="B4633" t="s">
        <v>9248</v>
      </c>
      <c r="C4633" t="s">
        <v>9249</v>
      </c>
    </row>
    <row r="4634" spans="1:3" x14ac:dyDescent="0.15">
      <c r="A4634">
        <v>20380</v>
      </c>
      <c r="B4634" t="s">
        <v>9250</v>
      </c>
      <c r="C4634" t="s">
        <v>9251</v>
      </c>
    </row>
    <row r="4635" spans="1:3" x14ac:dyDescent="0.15">
      <c r="A4635">
        <v>20379</v>
      </c>
      <c r="B4635" t="s">
        <v>9252</v>
      </c>
      <c r="C4635" t="s">
        <v>9253</v>
      </c>
    </row>
    <row r="4636" spans="1:3" x14ac:dyDescent="0.15">
      <c r="A4636">
        <v>20378</v>
      </c>
      <c r="B4636" t="s">
        <v>9254</v>
      </c>
      <c r="C4636" t="s">
        <v>9255</v>
      </c>
    </row>
    <row r="4637" spans="1:3" x14ac:dyDescent="0.15">
      <c r="A4637">
        <v>20377</v>
      </c>
      <c r="B4637" t="s">
        <v>9256</v>
      </c>
      <c r="C4637" t="s">
        <v>9257</v>
      </c>
    </row>
    <row r="4638" spans="1:3" x14ac:dyDescent="0.15">
      <c r="A4638">
        <v>20376</v>
      </c>
      <c r="B4638" t="s">
        <v>9258</v>
      </c>
      <c r="C4638" t="s">
        <v>9259</v>
      </c>
    </row>
    <row r="4639" spans="1:3" x14ac:dyDescent="0.15">
      <c r="A4639">
        <v>20375</v>
      </c>
      <c r="B4639" t="s">
        <v>9260</v>
      </c>
      <c r="C4639" t="s">
        <v>9261</v>
      </c>
    </row>
    <row r="4640" spans="1:3" x14ac:dyDescent="0.15">
      <c r="A4640">
        <v>20374</v>
      </c>
      <c r="B4640" t="s">
        <v>9262</v>
      </c>
      <c r="C4640" t="s">
        <v>9263</v>
      </c>
    </row>
    <row r="4641" spans="1:3" x14ac:dyDescent="0.15">
      <c r="A4641">
        <v>20373</v>
      </c>
      <c r="B4641" t="s">
        <v>9264</v>
      </c>
      <c r="C4641" t="s">
        <v>9265</v>
      </c>
    </row>
    <row r="4642" spans="1:3" x14ac:dyDescent="0.15">
      <c r="A4642">
        <v>20372</v>
      </c>
      <c r="B4642" t="s">
        <v>9266</v>
      </c>
      <c r="C4642" t="s">
        <v>9267</v>
      </c>
    </row>
    <row r="4643" spans="1:3" x14ac:dyDescent="0.15">
      <c r="A4643">
        <v>20371</v>
      </c>
      <c r="B4643" t="s">
        <v>9268</v>
      </c>
      <c r="C4643" t="s">
        <v>9269</v>
      </c>
    </row>
    <row r="4644" spans="1:3" x14ac:dyDescent="0.15">
      <c r="A4644">
        <v>20370</v>
      </c>
      <c r="B4644" t="s">
        <v>9270</v>
      </c>
      <c r="C4644" t="s">
        <v>9271</v>
      </c>
    </row>
    <row r="4645" spans="1:3" x14ac:dyDescent="0.15">
      <c r="A4645">
        <v>20369</v>
      </c>
      <c r="B4645" t="s">
        <v>9272</v>
      </c>
      <c r="C4645" t="s">
        <v>9273</v>
      </c>
    </row>
    <row r="4646" spans="1:3" x14ac:dyDescent="0.15">
      <c r="A4646">
        <v>20368</v>
      </c>
      <c r="B4646" t="s">
        <v>9274</v>
      </c>
      <c r="C4646" t="s">
        <v>9275</v>
      </c>
    </row>
    <row r="4647" spans="1:3" x14ac:dyDescent="0.15">
      <c r="A4647">
        <v>20367</v>
      </c>
      <c r="B4647" t="s">
        <v>9276</v>
      </c>
      <c r="C4647" t="s">
        <v>9277</v>
      </c>
    </row>
    <row r="4648" spans="1:3" x14ac:dyDescent="0.15">
      <c r="A4648">
        <v>20366</v>
      </c>
      <c r="B4648" t="s">
        <v>9278</v>
      </c>
      <c r="C4648" t="s">
        <v>9279</v>
      </c>
    </row>
    <row r="4649" spans="1:3" x14ac:dyDescent="0.15">
      <c r="A4649">
        <v>20365</v>
      </c>
      <c r="B4649" t="s">
        <v>9280</v>
      </c>
      <c r="C4649" t="s">
        <v>9281</v>
      </c>
    </row>
    <row r="4650" spans="1:3" x14ac:dyDescent="0.15">
      <c r="A4650">
        <v>20364</v>
      </c>
      <c r="B4650" t="s">
        <v>9282</v>
      </c>
      <c r="C4650" t="s">
        <v>9283</v>
      </c>
    </row>
    <row r="4651" spans="1:3" x14ac:dyDescent="0.15">
      <c r="A4651">
        <v>20363</v>
      </c>
      <c r="B4651" t="s">
        <v>9284</v>
      </c>
      <c r="C4651" t="s">
        <v>9285</v>
      </c>
    </row>
    <row r="4652" spans="1:3" x14ac:dyDescent="0.15">
      <c r="A4652">
        <v>20362</v>
      </c>
      <c r="B4652" t="s">
        <v>9286</v>
      </c>
      <c r="C4652" t="s">
        <v>9287</v>
      </c>
    </row>
    <row r="4653" spans="1:3" x14ac:dyDescent="0.15">
      <c r="A4653">
        <v>20361</v>
      </c>
      <c r="B4653" t="s">
        <v>9288</v>
      </c>
      <c r="C4653" t="s">
        <v>9289</v>
      </c>
    </row>
    <row r="4654" spans="1:3" x14ac:dyDescent="0.15">
      <c r="A4654">
        <v>20360</v>
      </c>
      <c r="B4654" t="s">
        <v>9290</v>
      </c>
      <c r="C4654" t="s">
        <v>9291</v>
      </c>
    </row>
    <row r="4655" spans="1:3" x14ac:dyDescent="0.15">
      <c r="A4655">
        <v>20359</v>
      </c>
      <c r="B4655" t="s">
        <v>9292</v>
      </c>
      <c r="C4655" t="s">
        <v>9293</v>
      </c>
    </row>
    <row r="4656" spans="1:3" x14ac:dyDescent="0.15">
      <c r="A4656">
        <v>20358</v>
      </c>
      <c r="B4656" t="s">
        <v>9294</v>
      </c>
      <c r="C4656" t="s">
        <v>9295</v>
      </c>
    </row>
    <row r="4657" spans="1:3" x14ac:dyDescent="0.15">
      <c r="A4657">
        <v>20357</v>
      </c>
      <c r="B4657" t="s">
        <v>9296</v>
      </c>
      <c r="C4657" t="s">
        <v>9297</v>
      </c>
    </row>
    <row r="4658" spans="1:3" x14ac:dyDescent="0.15">
      <c r="A4658">
        <v>20356</v>
      </c>
      <c r="B4658" t="s">
        <v>9298</v>
      </c>
      <c r="C4658" t="s">
        <v>9299</v>
      </c>
    </row>
    <row r="4659" spans="1:3" x14ac:dyDescent="0.15">
      <c r="A4659">
        <v>20355</v>
      </c>
      <c r="B4659" t="s">
        <v>9300</v>
      </c>
      <c r="C4659" t="s">
        <v>9301</v>
      </c>
    </row>
    <row r="4660" spans="1:3" x14ac:dyDescent="0.15">
      <c r="A4660">
        <v>20354</v>
      </c>
      <c r="B4660" t="s">
        <v>9302</v>
      </c>
      <c r="C4660" t="s">
        <v>9303</v>
      </c>
    </row>
    <row r="4661" spans="1:3" x14ac:dyDescent="0.15">
      <c r="A4661">
        <v>20353</v>
      </c>
      <c r="B4661" t="s">
        <v>9304</v>
      </c>
      <c r="C4661" t="s">
        <v>9305</v>
      </c>
    </row>
    <row r="4662" spans="1:3" x14ac:dyDescent="0.15">
      <c r="A4662">
        <v>20352</v>
      </c>
      <c r="B4662" t="s">
        <v>9306</v>
      </c>
      <c r="C4662" t="s">
        <v>9307</v>
      </c>
    </row>
    <row r="4663" spans="1:3" x14ac:dyDescent="0.15">
      <c r="A4663">
        <v>20351</v>
      </c>
      <c r="B4663" t="s">
        <v>9308</v>
      </c>
      <c r="C4663" t="s">
        <v>9309</v>
      </c>
    </row>
    <row r="4664" spans="1:3" x14ac:dyDescent="0.15">
      <c r="A4664">
        <v>20350</v>
      </c>
      <c r="B4664" t="s">
        <v>9310</v>
      </c>
      <c r="C4664" t="s">
        <v>9311</v>
      </c>
    </row>
    <row r="4665" spans="1:3" x14ac:dyDescent="0.15">
      <c r="A4665">
        <v>20349</v>
      </c>
      <c r="B4665" t="s">
        <v>9312</v>
      </c>
      <c r="C4665" t="s">
        <v>9313</v>
      </c>
    </row>
    <row r="4666" spans="1:3" x14ac:dyDescent="0.15">
      <c r="A4666">
        <v>20348</v>
      </c>
      <c r="B4666" t="s">
        <v>9314</v>
      </c>
      <c r="C4666" t="s">
        <v>9315</v>
      </c>
    </row>
    <row r="4667" spans="1:3" x14ac:dyDescent="0.15">
      <c r="A4667">
        <v>20347</v>
      </c>
      <c r="B4667" t="s">
        <v>9316</v>
      </c>
      <c r="C4667" t="s">
        <v>9317</v>
      </c>
    </row>
    <row r="4668" spans="1:3" x14ac:dyDescent="0.15">
      <c r="A4668">
        <v>20346</v>
      </c>
      <c r="B4668" t="s">
        <v>9318</v>
      </c>
      <c r="C4668" t="s">
        <v>9319</v>
      </c>
    </row>
    <row r="4669" spans="1:3" x14ac:dyDescent="0.15">
      <c r="A4669">
        <v>20345</v>
      </c>
      <c r="B4669" t="s">
        <v>9320</v>
      </c>
      <c r="C4669" t="s">
        <v>9321</v>
      </c>
    </row>
    <row r="4670" spans="1:3" x14ac:dyDescent="0.15">
      <c r="A4670">
        <v>20344</v>
      </c>
      <c r="B4670" t="s">
        <v>9322</v>
      </c>
      <c r="C4670" t="s">
        <v>9323</v>
      </c>
    </row>
    <row r="4671" spans="1:3" x14ac:dyDescent="0.15">
      <c r="A4671">
        <v>20343</v>
      </c>
      <c r="B4671" t="s">
        <v>9324</v>
      </c>
      <c r="C4671" t="s">
        <v>9325</v>
      </c>
    </row>
    <row r="4672" spans="1:3" x14ac:dyDescent="0.15">
      <c r="A4672">
        <v>20342</v>
      </c>
      <c r="B4672" t="s">
        <v>9326</v>
      </c>
      <c r="C4672" t="s">
        <v>9327</v>
      </c>
    </row>
    <row r="4673" spans="1:3" x14ac:dyDescent="0.15">
      <c r="A4673">
        <v>20341</v>
      </c>
      <c r="B4673" t="s">
        <v>9328</v>
      </c>
      <c r="C4673" t="s">
        <v>9329</v>
      </c>
    </row>
    <row r="4674" spans="1:3" x14ac:dyDescent="0.15">
      <c r="A4674">
        <v>20340</v>
      </c>
      <c r="B4674" t="s">
        <v>9330</v>
      </c>
      <c r="C4674" t="s">
        <v>9331</v>
      </c>
    </row>
    <row r="4675" spans="1:3" x14ac:dyDescent="0.15">
      <c r="A4675">
        <v>20339</v>
      </c>
      <c r="B4675" t="s">
        <v>9332</v>
      </c>
      <c r="C4675" t="s">
        <v>9333</v>
      </c>
    </row>
    <row r="4676" spans="1:3" x14ac:dyDescent="0.15">
      <c r="A4676">
        <v>20338</v>
      </c>
      <c r="B4676" t="s">
        <v>9334</v>
      </c>
      <c r="C4676" t="s">
        <v>9335</v>
      </c>
    </row>
    <row r="4677" spans="1:3" x14ac:dyDescent="0.15">
      <c r="A4677">
        <v>20337</v>
      </c>
      <c r="B4677" t="s">
        <v>9336</v>
      </c>
      <c r="C4677" t="s">
        <v>9337</v>
      </c>
    </row>
    <row r="4678" spans="1:3" x14ac:dyDescent="0.15">
      <c r="A4678">
        <v>20336</v>
      </c>
      <c r="B4678" t="s">
        <v>9338</v>
      </c>
      <c r="C4678" t="s">
        <v>9339</v>
      </c>
    </row>
    <row r="4679" spans="1:3" x14ac:dyDescent="0.15">
      <c r="A4679">
        <v>20335</v>
      </c>
      <c r="B4679" t="s">
        <v>9340</v>
      </c>
      <c r="C4679" t="s">
        <v>9341</v>
      </c>
    </row>
    <row r="4680" spans="1:3" x14ac:dyDescent="0.15">
      <c r="A4680">
        <v>20334</v>
      </c>
      <c r="B4680" t="s">
        <v>9342</v>
      </c>
      <c r="C4680" t="s">
        <v>9343</v>
      </c>
    </row>
    <row r="4681" spans="1:3" x14ac:dyDescent="0.15">
      <c r="A4681">
        <v>20333</v>
      </c>
      <c r="B4681" t="s">
        <v>9344</v>
      </c>
      <c r="C4681" t="s">
        <v>9345</v>
      </c>
    </row>
    <row r="4682" spans="1:3" x14ac:dyDescent="0.15">
      <c r="A4682">
        <v>20332</v>
      </c>
      <c r="B4682" t="s">
        <v>9346</v>
      </c>
      <c r="C4682" t="s">
        <v>9347</v>
      </c>
    </row>
    <row r="4683" spans="1:3" x14ac:dyDescent="0.15">
      <c r="A4683">
        <v>20331</v>
      </c>
      <c r="B4683" t="s">
        <v>9348</v>
      </c>
      <c r="C4683" t="s">
        <v>9349</v>
      </c>
    </row>
    <row r="4684" spans="1:3" x14ac:dyDescent="0.15">
      <c r="A4684">
        <v>20330</v>
      </c>
      <c r="B4684" t="s">
        <v>9350</v>
      </c>
      <c r="C4684" t="s">
        <v>9351</v>
      </c>
    </row>
    <row r="4685" spans="1:3" x14ac:dyDescent="0.15">
      <c r="A4685">
        <v>20329</v>
      </c>
      <c r="B4685" t="s">
        <v>9352</v>
      </c>
      <c r="C4685" t="s">
        <v>9353</v>
      </c>
    </row>
    <row r="4686" spans="1:3" x14ac:dyDescent="0.15">
      <c r="A4686">
        <v>20328</v>
      </c>
      <c r="B4686" t="s">
        <v>9354</v>
      </c>
      <c r="C4686" t="s">
        <v>9355</v>
      </c>
    </row>
    <row r="4687" spans="1:3" x14ac:dyDescent="0.15">
      <c r="A4687">
        <v>20327</v>
      </c>
      <c r="B4687" t="s">
        <v>9356</v>
      </c>
      <c r="C4687" t="s">
        <v>9357</v>
      </c>
    </row>
    <row r="4688" spans="1:3" x14ac:dyDescent="0.15">
      <c r="A4688">
        <v>20326</v>
      </c>
      <c r="B4688" t="s">
        <v>9358</v>
      </c>
      <c r="C4688" t="s">
        <v>9359</v>
      </c>
    </row>
    <row r="4689" spans="1:3" x14ac:dyDescent="0.15">
      <c r="A4689">
        <v>20325</v>
      </c>
      <c r="B4689" t="s">
        <v>9360</v>
      </c>
      <c r="C4689" t="s">
        <v>9361</v>
      </c>
    </row>
    <row r="4690" spans="1:3" x14ac:dyDescent="0.15">
      <c r="A4690">
        <v>20324</v>
      </c>
      <c r="B4690" t="s">
        <v>9362</v>
      </c>
      <c r="C4690" t="s">
        <v>9363</v>
      </c>
    </row>
    <row r="4691" spans="1:3" x14ac:dyDescent="0.15">
      <c r="A4691">
        <v>20323</v>
      </c>
      <c r="B4691" t="s">
        <v>9364</v>
      </c>
      <c r="C4691" t="s">
        <v>9365</v>
      </c>
    </row>
    <row r="4692" spans="1:3" x14ac:dyDescent="0.15">
      <c r="A4692">
        <v>20322</v>
      </c>
      <c r="B4692" t="s">
        <v>9366</v>
      </c>
      <c r="C4692" t="s">
        <v>9367</v>
      </c>
    </row>
    <row r="4693" spans="1:3" x14ac:dyDescent="0.15">
      <c r="A4693">
        <v>20321</v>
      </c>
      <c r="B4693" t="s">
        <v>9368</v>
      </c>
      <c r="C4693" t="s">
        <v>9369</v>
      </c>
    </row>
    <row r="4694" spans="1:3" x14ac:dyDescent="0.15">
      <c r="A4694">
        <v>20320</v>
      </c>
      <c r="B4694" t="s">
        <v>9370</v>
      </c>
      <c r="C4694" t="s">
        <v>9371</v>
      </c>
    </row>
    <row r="4695" spans="1:3" x14ac:dyDescent="0.15">
      <c r="A4695">
        <v>20319</v>
      </c>
      <c r="B4695" t="s">
        <v>9372</v>
      </c>
      <c r="C4695" t="s">
        <v>9373</v>
      </c>
    </row>
    <row r="4696" spans="1:3" x14ac:dyDescent="0.15">
      <c r="A4696">
        <v>20318</v>
      </c>
      <c r="B4696" t="s">
        <v>9374</v>
      </c>
      <c r="C4696" t="s">
        <v>9375</v>
      </c>
    </row>
    <row r="4697" spans="1:3" x14ac:dyDescent="0.15">
      <c r="A4697">
        <v>20317</v>
      </c>
      <c r="B4697" t="s">
        <v>9376</v>
      </c>
      <c r="C4697" t="s">
        <v>9377</v>
      </c>
    </row>
    <row r="4698" spans="1:3" x14ac:dyDescent="0.15">
      <c r="A4698">
        <v>20316</v>
      </c>
      <c r="B4698" t="s">
        <v>9378</v>
      </c>
      <c r="C4698" t="s">
        <v>9379</v>
      </c>
    </row>
    <row r="4699" spans="1:3" x14ac:dyDescent="0.15">
      <c r="A4699">
        <v>20315</v>
      </c>
      <c r="B4699" t="s">
        <v>9380</v>
      </c>
      <c r="C4699" t="s">
        <v>9381</v>
      </c>
    </row>
    <row r="4700" spans="1:3" x14ac:dyDescent="0.15">
      <c r="A4700">
        <v>20314</v>
      </c>
      <c r="B4700" t="s">
        <v>9382</v>
      </c>
      <c r="C4700" t="s">
        <v>9383</v>
      </c>
    </row>
    <row r="4701" spans="1:3" x14ac:dyDescent="0.15">
      <c r="A4701">
        <v>20313</v>
      </c>
      <c r="B4701" t="s">
        <v>9384</v>
      </c>
      <c r="C4701" t="s">
        <v>9385</v>
      </c>
    </row>
    <row r="4702" spans="1:3" x14ac:dyDescent="0.15">
      <c r="A4702">
        <v>20312</v>
      </c>
      <c r="B4702" t="s">
        <v>9386</v>
      </c>
      <c r="C4702" t="s">
        <v>9387</v>
      </c>
    </row>
    <row r="4703" spans="1:3" x14ac:dyDescent="0.15">
      <c r="A4703">
        <v>20311</v>
      </c>
      <c r="B4703" t="s">
        <v>9388</v>
      </c>
      <c r="C4703" t="s">
        <v>9389</v>
      </c>
    </row>
    <row r="4704" spans="1:3" x14ac:dyDescent="0.15">
      <c r="A4704">
        <v>20310</v>
      </c>
      <c r="B4704" t="s">
        <v>9390</v>
      </c>
      <c r="C4704" t="s">
        <v>9391</v>
      </c>
    </row>
    <row r="4705" spans="1:3" x14ac:dyDescent="0.15">
      <c r="A4705">
        <v>20309</v>
      </c>
      <c r="B4705" t="s">
        <v>9392</v>
      </c>
      <c r="C4705" t="s">
        <v>9393</v>
      </c>
    </row>
    <row r="4706" spans="1:3" x14ac:dyDescent="0.15">
      <c r="A4706">
        <v>20308</v>
      </c>
      <c r="B4706" t="s">
        <v>9394</v>
      </c>
      <c r="C4706" t="s">
        <v>9395</v>
      </c>
    </row>
    <row r="4707" spans="1:3" x14ac:dyDescent="0.15">
      <c r="A4707">
        <v>20307</v>
      </c>
      <c r="B4707" t="s">
        <v>9396</v>
      </c>
      <c r="C4707" t="s">
        <v>9397</v>
      </c>
    </row>
    <row r="4708" spans="1:3" x14ac:dyDescent="0.15">
      <c r="A4708">
        <v>20306</v>
      </c>
      <c r="B4708" t="s">
        <v>9398</v>
      </c>
      <c r="C4708" t="s">
        <v>9399</v>
      </c>
    </row>
    <row r="4709" spans="1:3" x14ac:dyDescent="0.15">
      <c r="A4709">
        <v>20305</v>
      </c>
      <c r="B4709" t="s">
        <v>9400</v>
      </c>
      <c r="C4709" t="s">
        <v>9401</v>
      </c>
    </row>
    <row r="4710" spans="1:3" x14ac:dyDescent="0.15">
      <c r="A4710">
        <v>20304</v>
      </c>
      <c r="B4710" t="s">
        <v>9402</v>
      </c>
      <c r="C4710" t="s">
        <v>9403</v>
      </c>
    </row>
    <row r="4711" spans="1:3" x14ac:dyDescent="0.15">
      <c r="A4711">
        <v>20303</v>
      </c>
      <c r="B4711" t="s">
        <v>9404</v>
      </c>
      <c r="C4711" t="s">
        <v>9405</v>
      </c>
    </row>
    <row r="4712" spans="1:3" x14ac:dyDescent="0.15">
      <c r="A4712">
        <v>20302</v>
      </c>
      <c r="B4712" t="s">
        <v>9406</v>
      </c>
      <c r="C4712" t="s">
        <v>9407</v>
      </c>
    </row>
    <row r="4713" spans="1:3" x14ac:dyDescent="0.15">
      <c r="A4713">
        <v>20301</v>
      </c>
      <c r="B4713" t="s">
        <v>9408</v>
      </c>
      <c r="C4713" t="s">
        <v>9409</v>
      </c>
    </row>
    <row r="4714" spans="1:3" x14ac:dyDescent="0.15">
      <c r="A4714">
        <v>20300</v>
      </c>
      <c r="B4714" t="s">
        <v>9410</v>
      </c>
      <c r="C4714" t="s">
        <v>9411</v>
      </c>
    </row>
    <row r="4715" spans="1:3" x14ac:dyDescent="0.15">
      <c r="A4715">
        <v>20299</v>
      </c>
      <c r="B4715" t="s">
        <v>9412</v>
      </c>
      <c r="C4715" t="s">
        <v>9413</v>
      </c>
    </row>
    <row r="4716" spans="1:3" x14ac:dyDescent="0.15">
      <c r="A4716">
        <v>20298</v>
      </c>
      <c r="B4716" t="s">
        <v>9414</v>
      </c>
      <c r="C4716" t="s">
        <v>9415</v>
      </c>
    </row>
    <row r="4717" spans="1:3" x14ac:dyDescent="0.15">
      <c r="A4717">
        <v>20297</v>
      </c>
      <c r="B4717" t="s">
        <v>9416</v>
      </c>
      <c r="C4717" t="s">
        <v>9417</v>
      </c>
    </row>
    <row r="4718" spans="1:3" x14ac:dyDescent="0.15">
      <c r="A4718">
        <v>20296</v>
      </c>
      <c r="B4718" t="s">
        <v>9418</v>
      </c>
      <c r="C4718" t="s">
        <v>9419</v>
      </c>
    </row>
    <row r="4719" spans="1:3" x14ac:dyDescent="0.15">
      <c r="A4719">
        <v>20295</v>
      </c>
      <c r="B4719" t="s">
        <v>9420</v>
      </c>
      <c r="C4719" t="s">
        <v>9421</v>
      </c>
    </row>
    <row r="4720" spans="1:3" x14ac:dyDescent="0.15">
      <c r="A4720">
        <v>20294</v>
      </c>
      <c r="B4720" t="s">
        <v>9422</v>
      </c>
      <c r="C4720" t="s">
        <v>9423</v>
      </c>
    </row>
    <row r="4721" spans="1:3" x14ac:dyDescent="0.15">
      <c r="A4721">
        <v>20293</v>
      </c>
      <c r="B4721" t="s">
        <v>9424</v>
      </c>
      <c r="C4721" t="s">
        <v>9425</v>
      </c>
    </row>
    <row r="4722" spans="1:3" x14ac:dyDescent="0.15">
      <c r="A4722">
        <v>20292</v>
      </c>
      <c r="B4722" t="s">
        <v>9426</v>
      </c>
      <c r="C4722" t="s">
        <v>9427</v>
      </c>
    </row>
    <row r="4723" spans="1:3" x14ac:dyDescent="0.15">
      <c r="A4723">
        <v>20291</v>
      </c>
      <c r="B4723" t="s">
        <v>9428</v>
      </c>
      <c r="C4723" t="s">
        <v>9429</v>
      </c>
    </row>
    <row r="4724" spans="1:3" x14ac:dyDescent="0.15">
      <c r="A4724">
        <v>20290</v>
      </c>
      <c r="B4724" t="s">
        <v>9430</v>
      </c>
      <c r="C4724" t="s">
        <v>9431</v>
      </c>
    </row>
    <row r="4725" spans="1:3" x14ac:dyDescent="0.15">
      <c r="A4725">
        <v>20289</v>
      </c>
      <c r="B4725" t="s">
        <v>9432</v>
      </c>
      <c r="C4725" t="s">
        <v>9433</v>
      </c>
    </row>
    <row r="4726" spans="1:3" x14ac:dyDescent="0.15">
      <c r="A4726">
        <v>20288</v>
      </c>
      <c r="B4726" t="s">
        <v>9434</v>
      </c>
      <c r="C4726" t="s">
        <v>9435</v>
      </c>
    </row>
    <row r="4727" spans="1:3" x14ac:dyDescent="0.15">
      <c r="A4727">
        <v>20287</v>
      </c>
      <c r="B4727" t="s">
        <v>9436</v>
      </c>
      <c r="C4727" t="s">
        <v>9437</v>
      </c>
    </row>
    <row r="4728" spans="1:3" x14ac:dyDescent="0.15">
      <c r="A4728">
        <v>20286</v>
      </c>
      <c r="B4728" t="s">
        <v>9438</v>
      </c>
      <c r="C4728" t="s">
        <v>9439</v>
      </c>
    </row>
    <row r="4729" spans="1:3" x14ac:dyDescent="0.15">
      <c r="A4729">
        <v>20285</v>
      </c>
      <c r="B4729" t="s">
        <v>9440</v>
      </c>
      <c r="C4729" t="s">
        <v>9441</v>
      </c>
    </row>
    <row r="4730" spans="1:3" x14ac:dyDescent="0.15">
      <c r="A4730">
        <v>20284</v>
      </c>
      <c r="B4730" t="s">
        <v>9442</v>
      </c>
      <c r="C4730" t="s">
        <v>9443</v>
      </c>
    </row>
    <row r="4731" spans="1:3" x14ac:dyDescent="0.15">
      <c r="A4731">
        <v>20283</v>
      </c>
      <c r="B4731" t="s">
        <v>9444</v>
      </c>
      <c r="C4731" t="s">
        <v>9445</v>
      </c>
    </row>
    <row r="4732" spans="1:3" x14ac:dyDescent="0.15">
      <c r="A4732">
        <v>20282</v>
      </c>
      <c r="B4732" t="s">
        <v>9446</v>
      </c>
      <c r="C4732" t="s">
        <v>9447</v>
      </c>
    </row>
    <row r="4733" spans="1:3" x14ac:dyDescent="0.15">
      <c r="A4733">
        <v>20281</v>
      </c>
      <c r="B4733" t="s">
        <v>9448</v>
      </c>
      <c r="C4733" t="s">
        <v>9449</v>
      </c>
    </row>
    <row r="4734" spans="1:3" x14ac:dyDescent="0.15">
      <c r="A4734">
        <v>20280</v>
      </c>
      <c r="B4734" t="s">
        <v>9450</v>
      </c>
      <c r="C4734" t="s">
        <v>9451</v>
      </c>
    </row>
    <row r="4735" spans="1:3" x14ac:dyDescent="0.15">
      <c r="A4735">
        <v>20279</v>
      </c>
      <c r="B4735" t="s">
        <v>9452</v>
      </c>
      <c r="C4735" t="s">
        <v>9453</v>
      </c>
    </row>
    <row r="4736" spans="1:3" x14ac:dyDescent="0.15">
      <c r="A4736">
        <v>20278</v>
      </c>
      <c r="B4736" t="s">
        <v>9454</v>
      </c>
      <c r="C4736" t="s">
        <v>9455</v>
      </c>
    </row>
    <row r="4737" spans="1:3" x14ac:dyDescent="0.15">
      <c r="A4737">
        <v>20277</v>
      </c>
      <c r="B4737" t="s">
        <v>9456</v>
      </c>
      <c r="C4737" t="s">
        <v>9457</v>
      </c>
    </row>
    <row r="4738" spans="1:3" x14ac:dyDescent="0.15">
      <c r="A4738">
        <v>20276</v>
      </c>
      <c r="B4738" t="s">
        <v>9458</v>
      </c>
      <c r="C4738" t="s">
        <v>9459</v>
      </c>
    </row>
    <row r="4739" spans="1:3" x14ac:dyDescent="0.15">
      <c r="A4739">
        <v>20275</v>
      </c>
      <c r="B4739" t="s">
        <v>9460</v>
      </c>
      <c r="C4739" t="s">
        <v>9461</v>
      </c>
    </row>
    <row r="4740" spans="1:3" x14ac:dyDescent="0.15">
      <c r="A4740">
        <v>20274</v>
      </c>
      <c r="B4740" t="s">
        <v>9462</v>
      </c>
      <c r="C4740" t="s">
        <v>9463</v>
      </c>
    </row>
    <row r="4741" spans="1:3" x14ac:dyDescent="0.15">
      <c r="A4741">
        <v>20273</v>
      </c>
      <c r="B4741" t="s">
        <v>9464</v>
      </c>
      <c r="C4741" t="s">
        <v>9465</v>
      </c>
    </row>
    <row r="4742" spans="1:3" x14ac:dyDescent="0.15">
      <c r="A4742">
        <v>20272</v>
      </c>
      <c r="B4742" t="s">
        <v>9466</v>
      </c>
      <c r="C4742" t="s">
        <v>9467</v>
      </c>
    </row>
    <row r="4743" spans="1:3" x14ac:dyDescent="0.15">
      <c r="A4743">
        <v>20271</v>
      </c>
      <c r="B4743" t="s">
        <v>9468</v>
      </c>
      <c r="C4743" t="s">
        <v>9469</v>
      </c>
    </row>
    <row r="4744" spans="1:3" x14ac:dyDescent="0.15">
      <c r="A4744">
        <v>20270</v>
      </c>
      <c r="B4744" t="s">
        <v>9470</v>
      </c>
      <c r="C4744" t="s">
        <v>9471</v>
      </c>
    </row>
    <row r="4745" spans="1:3" x14ac:dyDescent="0.15">
      <c r="A4745">
        <v>20269</v>
      </c>
      <c r="B4745" t="s">
        <v>9472</v>
      </c>
      <c r="C4745" t="s">
        <v>9473</v>
      </c>
    </row>
    <row r="4746" spans="1:3" x14ac:dyDescent="0.15">
      <c r="A4746">
        <v>20268</v>
      </c>
      <c r="B4746" t="s">
        <v>9474</v>
      </c>
      <c r="C4746" t="s">
        <v>9475</v>
      </c>
    </row>
    <row r="4747" spans="1:3" x14ac:dyDescent="0.15">
      <c r="A4747">
        <v>20267</v>
      </c>
      <c r="B4747" t="s">
        <v>9476</v>
      </c>
      <c r="C4747" t="s">
        <v>9477</v>
      </c>
    </row>
    <row r="4748" spans="1:3" x14ac:dyDescent="0.15">
      <c r="A4748">
        <v>20266</v>
      </c>
      <c r="B4748" t="s">
        <v>9478</v>
      </c>
      <c r="C4748" t="s">
        <v>9479</v>
      </c>
    </row>
    <row r="4749" spans="1:3" x14ac:dyDescent="0.15">
      <c r="A4749">
        <v>20265</v>
      </c>
      <c r="B4749" t="s">
        <v>9480</v>
      </c>
      <c r="C4749" t="s">
        <v>9481</v>
      </c>
    </row>
    <row r="4750" spans="1:3" x14ac:dyDescent="0.15">
      <c r="A4750">
        <v>20264</v>
      </c>
      <c r="B4750" t="s">
        <v>9482</v>
      </c>
      <c r="C4750" t="s">
        <v>9483</v>
      </c>
    </row>
    <row r="4751" spans="1:3" x14ac:dyDescent="0.15">
      <c r="A4751">
        <v>20263</v>
      </c>
      <c r="B4751" t="s">
        <v>9484</v>
      </c>
      <c r="C4751" t="s">
        <v>9485</v>
      </c>
    </row>
    <row r="4752" spans="1:3" x14ac:dyDescent="0.15">
      <c r="A4752">
        <v>20262</v>
      </c>
      <c r="B4752" t="s">
        <v>9486</v>
      </c>
      <c r="C4752" t="s">
        <v>9487</v>
      </c>
    </row>
    <row r="4753" spans="1:3" x14ac:dyDescent="0.15">
      <c r="A4753">
        <v>20261</v>
      </c>
      <c r="B4753" t="s">
        <v>9488</v>
      </c>
      <c r="C4753" t="s">
        <v>9489</v>
      </c>
    </row>
    <row r="4754" spans="1:3" x14ac:dyDescent="0.15">
      <c r="A4754">
        <v>20260</v>
      </c>
      <c r="B4754" t="s">
        <v>9490</v>
      </c>
      <c r="C4754" t="s">
        <v>9491</v>
      </c>
    </row>
    <row r="4755" spans="1:3" x14ac:dyDescent="0.15">
      <c r="A4755">
        <v>20259</v>
      </c>
      <c r="B4755" t="s">
        <v>9492</v>
      </c>
      <c r="C4755" t="s">
        <v>9493</v>
      </c>
    </row>
    <row r="4756" spans="1:3" x14ac:dyDescent="0.15">
      <c r="A4756">
        <v>20258</v>
      </c>
      <c r="B4756" t="s">
        <v>9494</v>
      </c>
      <c r="C4756" t="s">
        <v>9495</v>
      </c>
    </row>
    <row r="4757" spans="1:3" x14ac:dyDescent="0.15">
      <c r="A4757">
        <v>20257</v>
      </c>
      <c r="B4757" t="s">
        <v>9496</v>
      </c>
      <c r="C4757" t="s">
        <v>9497</v>
      </c>
    </row>
    <row r="4758" spans="1:3" x14ac:dyDescent="0.15">
      <c r="A4758">
        <v>20256</v>
      </c>
      <c r="B4758" t="s">
        <v>9498</v>
      </c>
      <c r="C4758" t="s">
        <v>9499</v>
      </c>
    </row>
    <row r="4759" spans="1:3" x14ac:dyDescent="0.15">
      <c r="A4759">
        <v>20255</v>
      </c>
      <c r="B4759" t="s">
        <v>9500</v>
      </c>
      <c r="C4759" t="s">
        <v>9501</v>
      </c>
    </row>
    <row r="4760" spans="1:3" x14ac:dyDescent="0.15">
      <c r="A4760">
        <v>20254</v>
      </c>
      <c r="B4760" t="s">
        <v>9502</v>
      </c>
      <c r="C4760" t="s">
        <v>9503</v>
      </c>
    </row>
    <row r="4761" spans="1:3" x14ac:dyDescent="0.15">
      <c r="A4761">
        <v>20253</v>
      </c>
      <c r="B4761" t="s">
        <v>9504</v>
      </c>
      <c r="C4761" t="s">
        <v>9505</v>
      </c>
    </row>
    <row r="4762" spans="1:3" x14ac:dyDescent="0.15">
      <c r="A4762">
        <v>20252</v>
      </c>
      <c r="B4762" t="s">
        <v>9506</v>
      </c>
      <c r="C4762" t="s">
        <v>9507</v>
      </c>
    </row>
    <row r="4763" spans="1:3" x14ac:dyDescent="0.15">
      <c r="A4763">
        <v>20251</v>
      </c>
      <c r="B4763" t="s">
        <v>9508</v>
      </c>
      <c r="C4763" t="s">
        <v>9509</v>
      </c>
    </row>
    <row r="4764" spans="1:3" x14ac:dyDescent="0.15">
      <c r="A4764">
        <v>20250</v>
      </c>
      <c r="B4764" t="s">
        <v>9510</v>
      </c>
      <c r="C4764" t="s">
        <v>9511</v>
      </c>
    </row>
    <row r="4765" spans="1:3" x14ac:dyDescent="0.15">
      <c r="A4765">
        <v>20249</v>
      </c>
      <c r="B4765" t="s">
        <v>9512</v>
      </c>
      <c r="C4765" t="s">
        <v>9513</v>
      </c>
    </row>
    <row r="4766" spans="1:3" x14ac:dyDescent="0.15">
      <c r="A4766">
        <v>20248</v>
      </c>
      <c r="B4766" t="s">
        <v>9514</v>
      </c>
      <c r="C4766" t="s">
        <v>9515</v>
      </c>
    </row>
    <row r="4767" spans="1:3" x14ac:dyDescent="0.15">
      <c r="A4767">
        <v>20247</v>
      </c>
      <c r="B4767" t="s">
        <v>9516</v>
      </c>
      <c r="C4767" t="s">
        <v>9517</v>
      </c>
    </row>
    <row r="4768" spans="1:3" x14ac:dyDescent="0.15">
      <c r="A4768">
        <v>20246</v>
      </c>
      <c r="B4768" t="s">
        <v>9518</v>
      </c>
      <c r="C4768" t="s">
        <v>9519</v>
      </c>
    </row>
    <row r="4769" spans="1:3" x14ac:dyDescent="0.15">
      <c r="A4769">
        <v>20245</v>
      </c>
      <c r="B4769" t="s">
        <v>9520</v>
      </c>
      <c r="C4769" t="s">
        <v>9521</v>
      </c>
    </row>
    <row r="4770" spans="1:3" x14ac:dyDescent="0.15">
      <c r="A4770">
        <v>20244</v>
      </c>
      <c r="B4770" t="s">
        <v>9522</v>
      </c>
      <c r="C4770" t="s">
        <v>9523</v>
      </c>
    </row>
    <row r="4771" spans="1:3" x14ac:dyDescent="0.15">
      <c r="A4771">
        <v>20243</v>
      </c>
      <c r="B4771" t="s">
        <v>9524</v>
      </c>
      <c r="C4771" t="s">
        <v>9525</v>
      </c>
    </row>
    <row r="4772" spans="1:3" x14ac:dyDescent="0.15">
      <c r="A4772">
        <v>20242</v>
      </c>
      <c r="B4772" t="s">
        <v>9526</v>
      </c>
      <c r="C4772" t="s">
        <v>9527</v>
      </c>
    </row>
    <row r="4773" spans="1:3" x14ac:dyDescent="0.15">
      <c r="A4773">
        <v>20241</v>
      </c>
      <c r="B4773" t="s">
        <v>9528</v>
      </c>
      <c r="C4773" t="s">
        <v>9529</v>
      </c>
    </row>
    <row r="4774" spans="1:3" x14ac:dyDescent="0.15">
      <c r="A4774">
        <v>20240</v>
      </c>
      <c r="B4774" t="s">
        <v>9530</v>
      </c>
      <c r="C4774" t="s">
        <v>9531</v>
      </c>
    </row>
    <row r="4775" spans="1:3" x14ac:dyDescent="0.15">
      <c r="A4775">
        <v>20239</v>
      </c>
      <c r="B4775" t="s">
        <v>9532</v>
      </c>
      <c r="C4775" t="s">
        <v>9533</v>
      </c>
    </row>
    <row r="4776" spans="1:3" x14ac:dyDescent="0.15">
      <c r="A4776">
        <v>20238</v>
      </c>
      <c r="B4776" t="s">
        <v>9534</v>
      </c>
      <c r="C4776" t="s">
        <v>9535</v>
      </c>
    </row>
    <row r="4777" spans="1:3" x14ac:dyDescent="0.15">
      <c r="A4777">
        <v>20237</v>
      </c>
      <c r="B4777" t="s">
        <v>9536</v>
      </c>
      <c r="C4777" t="s">
        <v>9537</v>
      </c>
    </row>
    <row r="4778" spans="1:3" x14ac:dyDescent="0.15">
      <c r="A4778">
        <v>20236</v>
      </c>
      <c r="B4778" t="s">
        <v>9538</v>
      </c>
      <c r="C4778" t="s">
        <v>9539</v>
      </c>
    </row>
    <row r="4779" spans="1:3" x14ac:dyDescent="0.15">
      <c r="A4779">
        <v>20235</v>
      </c>
      <c r="B4779" t="s">
        <v>9540</v>
      </c>
      <c r="C4779" t="s">
        <v>9541</v>
      </c>
    </row>
    <row r="4780" spans="1:3" x14ac:dyDescent="0.15">
      <c r="A4780">
        <v>20234</v>
      </c>
      <c r="B4780" t="s">
        <v>9542</v>
      </c>
      <c r="C4780" t="s">
        <v>9543</v>
      </c>
    </row>
    <row r="4781" spans="1:3" x14ac:dyDescent="0.15">
      <c r="A4781">
        <v>20233</v>
      </c>
      <c r="B4781" t="s">
        <v>9544</v>
      </c>
      <c r="C4781" t="s">
        <v>9545</v>
      </c>
    </row>
    <row r="4782" spans="1:3" x14ac:dyDescent="0.15">
      <c r="A4782">
        <v>20232</v>
      </c>
      <c r="B4782" t="s">
        <v>9546</v>
      </c>
      <c r="C4782" t="s">
        <v>9547</v>
      </c>
    </row>
    <row r="4783" spans="1:3" x14ac:dyDescent="0.15">
      <c r="A4783">
        <v>20231</v>
      </c>
      <c r="B4783" t="s">
        <v>9548</v>
      </c>
      <c r="C4783" t="s">
        <v>9549</v>
      </c>
    </row>
    <row r="4784" spans="1:3" x14ac:dyDescent="0.15">
      <c r="A4784">
        <v>20230</v>
      </c>
      <c r="B4784" t="s">
        <v>9550</v>
      </c>
      <c r="C4784" t="s">
        <v>9551</v>
      </c>
    </row>
    <row r="4785" spans="1:3" x14ac:dyDescent="0.15">
      <c r="A4785">
        <v>20229</v>
      </c>
      <c r="B4785" t="s">
        <v>9552</v>
      </c>
      <c r="C4785" t="s">
        <v>9553</v>
      </c>
    </row>
    <row r="4786" spans="1:3" x14ac:dyDescent="0.15">
      <c r="A4786">
        <v>20228</v>
      </c>
      <c r="B4786" t="s">
        <v>9554</v>
      </c>
      <c r="C4786" t="s">
        <v>9555</v>
      </c>
    </row>
    <row r="4787" spans="1:3" x14ac:dyDescent="0.15">
      <c r="A4787">
        <v>20227</v>
      </c>
      <c r="B4787" t="s">
        <v>9556</v>
      </c>
      <c r="C4787" t="s">
        <v>9557</v>
      </c>
    </row>
    <row r="4788" spans="1:3" x14ac:dyDescent="0.15">
      <c r="A4788">
        <v>20226</v>
      </c>
      <c r="B4788" t="s">
        <v>9558</v>
      </c>
      <c r="C4788" t="s">
        <v>9559</v>
      </c>
    </row>
    <row r="4789" spans="1:3" x14ac:dyDescent="0.15">
      <c r="A4789">
        <v>20225</v>
      </c>
      <c r="B4789" t="s">
        <v>9560</v>
      </c>
      <c r="C4789" t="s">
        <v>9561</v>
      </c>
    </row>
    <row r="4790" spans="1:3" x14ac:dyDescent="0.15">
      <c r="A4790">
        <v>20224</v>
      </c>
      <c r="B4790" t="s">
        <v>9562</v>
      </c>
      <c r="C4790" t="s">
        <v>9563</v>
      </c>
    </row>
    <row r="4791" spans="1:3" x14ac:dyDescent="0.15">
      <c r="A4791">
        <v>20223</v>
      </c>
      <c r="B4791" t="s">
        <v>9564</v>
      </c>
      <c r="C4791" t="s">
        <v>9565</v>
      </c>
    </row>
    <row r="4792" spans="1:3" x14ac:dyDescent="0.15">
      <c r="A4792">
        <v>20222</v>
      </c>
      <c r="B4792" t="s">
        <v>9566</v>
      </c>
      <c r="C4792" t="s">
        <v>9567</v>
      </c>
    </row>
    <row r="4793" spans="1:3" x14ac:dyDescent="0.15">
      <c r="A4793">
        <v>20221</v>
      </c>
      <c r="B4793" t="s">
        <v>9568</v>
      </c>
      <c r="C4793" t="s">
        <v>1745</v>
      </c>
    </row>
    <row r="4794" spans="1:3" x14ac:dyDescent="0.15">
      <c r="A4794">
        <v>20220</v>
      </c>
      <c r="B4794" t="s">
        <v>9569</v>
      </c>
      <c r="C4794" t="s">
        <v>9570</v>
      </c>
    </row>
    <row r="4795" spans="1:3" x14ac:dyDescent="0.15">
      <c r="A4795">
        <v>20219</v>
      </c>
      <c r="B4795" t="s">
        <v>9571</v>
      </c>
      <c r="C4795" t="s">
        <v>9572</v>
      </c>
    </row>
    <row r="4796" spans="1:3" x14ac:dyDescent="0.15">
      <c r="A4796">
        <v>20218</v>
      </c>
      <c r="B4796" t="s">
        <v>9573</v>
      </c>
      <c r="C4796" t="s">
        <v>9574</v>
      </c>
    </row>
    <row r="4797" spans="1:3" x14ac:dyDescent="0.15">
      <c r="A4797">
        <v>20217</v>
      </c>
      <c r="B4797" t="s">
        <v>9575</v>
      </c>
      <c r="C4797" t="s">
        <v>9576</v>
      </c>
    </row>
    <row r="4798" spans="1:3" x14ac:dyDescent="0.15">
      <c r="A4798">
        <v>20216</v>
      </c>
      <c r="B4798" t="s">
        <v>9577</v>
      </c>
      <c r="C4798" t="s">
        <v>9578</v>
      </c>
    </row>
    <row r="4799" spans="1:3" x14ac:dyDescent="0.15">
      <c r="A4799">
        <v>20215</v>
      </c>
      <c r="B4799" t="s">
        <v>9579</v>
      </c>
      <c r="C4799" t="s">
        <v>9580</v>
      </c>
    </row>
    <row r="4800" spans="1:3" x14ac:dyDescent="0.15">
      <c r="A4800">
        <v>20214</v>
      </c>
      <c r="B4800" t="s">
        <v>9581</v>
      </c>
      <c r="C4800" t="s">
        <v>9582</v>
      </c>
    </row>
    <row r="4801" spans="1:3" x14ac:dyDescent="0.15">
      <c r="A4801">
        <v>20213</v>
      </c>
      <c r="B4801" t="s">
        <v>9583</v>
      </c>
      <c r="C4801" t="s">
        <v>9584</v>
      </c>
    </row>
    <row r="4802" spans="1:3" x14ac:dyDescent="0.15">
      <c r="A4802">
        <v>20212</v>
      </c>
      <c r="B4802" t="s">
        <v>9585</v>
      </c>
      <c r="C4802" t="s">
        <v>9586</v>
      </c>
    </row>
    <row r="4803" spans="1:3" x14ac:dyDescent="0.15">
      <c r="A4803">
        <v>20211</v>
      </c>
      <c r="B4803" t="s">
        <v>9587</v>
      </c>
      <c r="C4803" t="s">
        <v>9588</v>
      </c>
    </row>
    <row r="4804" spans="1:3" x14ac:dyDescent="0.15">
      <c r="A4804">
        <v>20210</v>
      </c>
      <c r="B4804" t="s">
        <v>9589</v>
      </c>
      <c r="C4804" t="s">
        <v>9590</v>
      </c>
    </row>
    <row r="4805" spans="1:3" x14ac:dyDescent="0.15">
      <c r="A4805">
        <v>20209</v>
      </c>
      <c r="B4805" t="s">
        <v>9591</v>
      </c>
      <c r="C4805" t="s">
        <v>9592</v>
      </c>
    </row>
    <row r="4806" spans="1:3" x14ac:dyDescent="0.15">
      <c r="A4806">
        <v>20208</v>
      </c>
      <c r="B4806" t="s">
        <v>9593</v>
      </c>
      <c r="C4806" t="s">
        <v>9594</v>
      </c>
    </row>
    <row r="4807" spans="1:3" x14ac:dyDescent="0.15">
      <c r="A4807">
        <v>20207</v>
      </c>
      <c r="B4807" t="s">
        <v>9595</v>
      </c>
      <c r="C4807" t="s">
        <v>9596</v>
      </c>
    </row>
    <row r="4808" spans="1:3" x14ac:dyDescent="0.15">
      <c r="A4808">
        <v>20206</v>
      </c>
      <c r="B4808" t="s">
        <v>9597</v>
      </c>
      <c r="C4808" t="s">
        <v>9598</v>
      </c>
    </row>
    <row r="4809" spans="1:3" x14ac:dyDescent="0.15">
      <c r="A4809">
        <v>20205</v>
      </c>
      <c r="B4809" t="s">
        <v>9599</v>
      </c>
      <c r="C4809" t="s">
        <v>9600</v>
      </c>
    </row>
    <row r="4810" spans="1:3" x14ac:dyDescent="0.15">
      <c r="A4810">
        <v>20204</v>
      </c>
      <c r="B4810" t="s">
        <v>9601</v>
      </c>
      <c r="C4810" t="s">
        <v>9602</v>
      </c>
    </row>
    <row r="4811" spans="1:3" x14ac:dyDescent="0.15">
      <c r="A4811">
        <v>20203</v>
      </c>
      <c r="B4811" t="s">
        <v>9603</v>
      </c>
      <c r="C4811" t="s">
        <v>9604</v>
      </c>
    </row>
    <row r="4812" spans="1:3" x14ac:dyDescent="0.15">
      <c r="A4812">
        <v>20202</v>
      </c>
      <c r="B4812" t="s">
        <v>9605</v>
      </c>
      <c r="C4812" t="s">
        <v>9606</v>
      </c>
    </row>
    <row r="4813" spans="1:3" x14ac:dyDescent="0.15">
      <c r="A4813">
        <v>20201</v>
      </c>
      <c r="B4813" t="s">
        <v>9607</v>
      </c>
      <c r="C4813" t="s">
        <v>9608</v>
      </c>
    </row>
    <row r="4814" spans="1:3" x14ac:dyDescent="0.15">
      <c r="A4814">
        <v>20200</v>
      </c>
      <c r="B4814" t="s">
        <v>9609</v>
      </c>
      <c r="C4814" t="s">
        <v>9610</v>
      </c>
    </row>
    <row r="4815" spans="1:3" x14ac:dyDescent="0.15">
      <c r="A4815">
        <v>20199</v>
      </c>
      <c r="B4815" t="s">
        <v>9611</v>
      </c>
      <c r="C4815" t="s">
        <v>9612</v>
      </c>
    </row>
    <row r="4816" spans="1:3" x14ac:dyDescent="0.15">
      <c r="A4816">
        <v>20198</v>
      </c>
      <c r="B4816" t="s">
        <v>9613</v>
      </c>
      <c r="C4816" t="s">
        <v>9614</v>
      </c>
    </row>
    <row r="4817" spans="1:3" x14ac:dyDescent="0.15">
      <c r="A4817">
        <v>20197</v>
      </c>
      <c r="B4817" t="s">
        <v>9615</v>
      </c>
      <c r="C4817" t="s">
        <v>9616</v>
      </c>
    </row>
    <row r="4818" spans="1:3" x14ac:dyDescent="0.15">
      <c r="A4818">
        <v>20196</v>
      </c>
      <c r="B4818" t="s">
        <v>9617</v>
      </c>
      <c r="C4818" t="s">
        <v>9618</v>
      </c>
    </row>
    <row r="4819" spans="1:3" x14ac:dyDescent="0.15">
      <c r="A4819">
        <v>20195</v>
      </c>
      <c r="B4819" t="s">
        <v>9619</v>
      </c>
      <c r="C4819" t="s">
        <v>9620</v>
      </c>
    </row>
    <row r="4820" spans="1:3" x14ac:dyDescent="0.15">
      <c r="A4820">
        <v>20194</v>
      </c>
      <c r="B4820" t="s">
        <v>9621</v>
      </c>
      <c r="C4820" t="s">
        <v>9622</v>
      </c>
    </row>
    <row r="4821" spans="1:3" x14ac:dyDescent="0.15">
      <c r="A4821">
        <v>20193</v>
      </c>
      <c r="B4821" t="s">
        <v>9623</v>
      </c>
      <c r="C4821" t="s">
        <v>9624</v>
      </c>
    </row>
    <row r="4822" spans="1:3" x14ac:dyDescent="0.15">
      <c r="A4822">
        <v>20192</v>
      </c>
      <c r="B4822" t="s">
        <v>9625</v>
      </c>
      <c r="C4822" t="s">
        <v>9626</v>
      </c>
    </row>
    <row r="4823" spans="1:3" x14ac:dyDescent="0.15">
      <c r="A4823">
        <v>20191</v>
      </c>
      <c r="B4823" t="s">
        <v>9627</v>
      </c>
      <c r="C4823" t="s">
        <v>9628</v>
      </c>
    </row>
    <row r="4824" spans="1:3" x14ac:dyDescent="0.15">
      <c r="A4824">
        <v>20190</v>
      </c>
      <c r="B4824" t="s">
        <v>9629</v>
      </c>
      <c r="C4824" t="s">
        <v>9630</v>
      </c>
    </row>
    <row r="4825" spans="1:3" x14ac:dyDescent="0.15">
      <c r="A4825">
        <v>20189</v>
      </c>
      <c r="B4825" t="s">
        <v>9631</v>
      </c>
      <c r="C4825" t="s">
        <v>9632</v>
      </c>
    </row>
    <row r="4826" spans="1:3" x14ac:dyDescent="0.15">
      <c r="A4826">
        <v>20188</v>
      </c>
      <c r="B4826" t="s">
        <v>9633</v>
      </c>
      <c r="C4826" t="s">
        <v>9634</v>
      </c>
    </row>
    <row r="4827" spans="1:3" x14ac:dyDescent="0.15">
      <c r="A4827">
        <v>20187</v>
      </c>
      <c r="B4827" t="s">
        <v>9635</v>
      </c>
      <c r="C4827" t="s">
        <v>9636</v>
      </c>
    </row>
    <row r="4828" spans="1:3" x14ac:dyDescent="0.15">
      <c r="A4828">
        <v>20186</v>
      </c>
      <c r="B4828" t="s">
        <v>9637</v>
      </c>
      <c r="C4828" t="s">
        <v>9638</v>
      </c>
    </row>
    <row r="4829" spans="1:3" x14ac:dyDescent="0.15">
      <c r="A4829">
        <v>20185</v>
      </c>
      <c r="B4829" t="s">
        <v>9639</v>
      </c>
      <c r="C4829" t="s">
        <v>9640</v>
      </c>
    </row>
    <row r="4830" spans="1:3" x14ac:dyDescent="0.15">
      <c r="A4830">
        <v>20184</v>
      </c>
      <c r="B4830" t="s">
        <v>9641</v>
      </c>
      <c r="C4830" t="s">
        <v>9642</v>
      </c>
    </row>
    <row r="4831" spans="1:3" x14ac:dyDescent="0.15">
      <c r="A4831">
        <v>20183</v>
      </c>
      <c r="B4831" t="s">
        <v>9643</v>
      </c>
      <c r="C4831" t="s">
        <v>9644</v>
      </c>
    </row>
    <row r="4832" spans="1:3" x14ac:dyDescent="0.15">
      <c r="A4832">
        <v>20182</v>
      </c>
      <c r="B4832" t="s">
        <v>9645</v>
      </c>
      <c r="C4832" t="s">
        <v>9646</v>
      </c>
    </row>
    <row r="4833" spans="1:3" x14ac:dyDescent="0.15">
      <c r="A4833">
        <v>20181</v>
      </c>
      <c r="B4833" t="s">
        <v>9647</v>
      </c>
      <c r="C4833" t="s">
        <v>9648</v>
      </c>
    </row>
    <row r="4834" spans="1:3" x14ac:dyDescent="0.15">
      <c r="A4834">
        <v>20180</v>
      </c>
      <c r="B4834" t="s">
        <v>9649</v>
      </c>
      <c r="C4834" t="s">
        <v>9650</v>
      </c>
    </row>
    <row r="4835" spans="1:3" x14ac:dyDescent="0.15">
      <c r="A4835">
        <v>20179</v>
      </c>
      <c r="B4835" t="s">
        <v>9651</v>
      </c>
      <c r="C4835" t="s">
        <v>9652</v>
      </c>
    </row>
    <row r="4836" spans="1:3" x14ac:dyDescent="0.15">
      <c r="A4836">
        <v>20178</v>
      </c>
      <c r="B4836" t="s">
        <v>9653</v>
      </c>
      <c r="C4836" t="s">
        <v>9654</v>
      </c>
    </row>
    <row r="4837" spans="1:3" x14ac:dyDescent="0.15">
      <c r="A4837">
        <v>20177</v>
      </c>
      <c r="B4837" t="s">
        <v>9655</v>
      </c>
      <c r="C4837" t="s">
        <v>9656</v>
      </c>
    </row>
    <row r="4838" spans="1:3" x14ac:dyDescent="0.15">
      <c r="A4838">
        <v>20176</v>
      </c>
      <c r="B4838" t="s">
        <v>9657</v>
      </c>
      <c r="C4838" t="s">
        <v>9658</v>
      </c>
    </row>
    <row r="4839" spans="1:3" x14ac:dyDescent="0.15">
      <c r="A4839">
        <v>20175</v>
      </c>
      <c r="B4839" t="s">
        <v>9659</v>
      </c>
      <c r="C4839" t="s">
        <v>9660</v>
      </c>
    </row>
    <row r="4840" spans="1:3" x14ac:dyDescent="0.15">
      <c r="A4840">
        <v>20174</v>
      </c>
      <c r="B4840" t="s">
        <v>9661</v>
      </c>
      <c r="C4840" t="s">
        <v>9662</v>
      </c>
    </row>
    <row r="4841" spans="1:3" x14ac:dyDescent="0.15">
      <c r="A4841">
        <v>20173</v>
      </c>
      <c r="B4841" t="s">
        <v>9663</v>
      </c>
      <c r="C4841" t="s">
        <v>9664</v>
      </c>
    </row>
    <row r="4842" spans="1:3" x14ac:dyDescent="0.15">
      <c r="A4842">
        <v>20172</v>
      </c>
      <c r="B4842" t="s">
        <v>9665</v>
      </c>
      <c r="C4842" t="s">
        <v>9666</v>
      </c>
    </row>
    <row r="4843" spans="1:3" x14ac:dyDescent="0.15">
      <c r="A4843">
        <v>20171</v>
      </c>
      <c r="B4843" t="s">
        <v>9667</v>
      </c>
      <c r="C4843" t="s">
        <v>9668</v>
      </c>
    </row>
    <row r="4844" spans="1:3" x14ac:dyDescent="0.15">
      <c r="A4844">
        <v>20170</v>
      </c>
      <c r="B4844" t="s">
        <v>9669</v>
      </c>
      <c r="C4844" t="s">
        <v>9670</v>
      </c>
    </row>
    <row r="4845" spans="1:3" x14ac:dyDescent="0.15">
      <c r="A4845">
        <v>20169</v>
      </c>
      <c r="B4845" t="s">
        <v>9671</v>
      </c>
      <c r="C4845" t="s">
        <v>9672</v>
      </c>
    </row>
    <row r="4846" spans="1:3" x14ac:dyDescent="0.15">
      <c r="A4846">
        <v>20168</v>
      </c>
      <c r="B4846" t="s">
        <v>9673</v>
      </c>
      <c r="C4846" t="s">
        <v>9674</v>
      </c>
    </row>
    <row r="4847" spans="1:3" x14ac:dyDescent="0.15">
      <c r="A4847">
        <v>20167</v>
      </c>
      <c r="B4847" t="s">
        <v>9675</v>
      </c>
      <c r="C4847" t="s">
        <v>9676</v>
      </c>
    </row>
    <row r="4848" spans="1:3" x14ac:dyDescent="0.15">
      <c r="A4848">
        <v>20166</v>
      </c>
      <c r="B4848" t="s">
        <v>9677</v>
      </c>
      <c r="C4848" t="s">
        <v>9678</v>
      </c>
    </row>
    <row r="4849" spans="1:3" x14ac:dyDescent="0.15">
      <c r="A4849">
        <v>20165</v>
      </c>
      <c r="B4849" t="s">
        <v>9679</v>
      </c>
      <c r="C4849" t="s">
        <v>9680</v>
      </c>
    </row>
    <row r="4850" spans="1:3" x14ac:dyDescent="0.15">
      <c r="A4850">
        <v>20164</v>
      </c>
      <c r="B4850" t="s">
        <v>9681</v>
      </c>
      <c r="C4850" t="s">
        <v>9682</v>
      </c>
    </row>
    <row r="4851" spans="1:3" x14ac:dyDescent="0.15">
      <c r="A4851">
        <v>20163</v>
      </c>
      <c r="B4851" t="s">
        <v>9683</v>
      </c>
      <c r="C4851" t="s">
        <v>9684</v>
      </c>
    </row>
    <row r="4852" spans="1:3" x14ac:dyDescent="0.15">
      <c r="A4852">
        <v>20162</v>
      </c>
      <c r="B4852" t="s">
        <v>9685</v>
      </c>
      <c r="C4852" t="s">
        <v>9686</v>
      </c>
    </row>
    <row r="4853" spans="1:3" x14ac:dyDescent="0.15">
      <c r="A4853">
        <v>20161</v>
      </c>
      <c r="B4853" t="s">
        <v>9687</v>
      </c>
      <c r="C4853" t="s">
        <v>9688</v>
      </c>
    </row>
    <row r="4854" spans="1:3" x14ac:dyDescent="0.15">
      <c r="A4854">
        <v>20160</v>
      </c>
      <c r="B4854" t="s">
        <v>9689</v>
      </c>
      <c r="C4854" t="s">
        <v>9690</v>
      </c>
    </row>
    <row r="4855" spans="1:3" x14ac:dyDescent="0.15">
      <c r="A4855">
        <v>20159</v>
      </c>
      <c r="B4855" t="s">
        <v>9691</v>
      </c>
      <c r="C4855" t="s">
        <v>9692</v>
      </c>
    </row>
    <row r="4856" spans="1:3" x14ac:dyDescent="0.15">
      <c r="A4856">
        <v>20158</v>
      </c>
      <c r="B4856" t="s">
        <v>9693</v>
      </c>
      <c r="C4856" t="s">
        <v>9694</v>
      </c>
    </row>
    <row r="4857" spans="1:3" x14ac:dyDescent="0.15">
      <c r="A4857">
        <v>20157</v>
      </c>
      <c r="B4857" t="s">
        <v>9695</v>
      </c>
      <c r="C4857" t="s">
        <v>9696</v>
      </c>
    </row>
    <row r="4858" spans="1:3" x14ac:dyDescent="0.15">
      <c r="A4858">
        <v>20156</v>
      </c>
      <c r="B4858" t="s">
        <v>9697</v>
      </c>
      <c r="C4858" t="s">
        <v>9698</v>
      </c>
    </row>
    <row r="4859" spans="1:3" x14ac:dyDescent="0.15">
      <c r="A4859">
        <v>20155</v>
      </c>
      <c r="B4859" t="s">
        <v>9699</v>
      </c>
      <c r="C4859" t="s">
        <v>9700</v>
      </c>
    </row>
    <row r="4860" spans="1:3" x14ac:dyDescent="0.15">
      <c r="A4860">
        <v>20154</v>
      </c>
      <c r="B4860" t="s">
        <v>9701</v>
      </c>
      <c r="C4860" t="s">
        <v>9702</v>
      </c>
    </row>
    <row r="4861" spans="1:3" x14ac:dyDescent="0.15">
      <c r="A4861">
        <v>20153</v>
      </c>
      <c r="B4861" t="s">
        <v>9703</v>
      </c>
      <c r="C4861" t="s">
        <v>9704</v>
      </c>
    </row>
    <row r="4862" spans="1:3" x14ac:dyDescent="0.15">
      <c r="A4862">
        <v>20152</v>
      </c>
      <c r="B4862" t="s">
        <v>9705</v>
      </c>
      <c r="C4862" t="s">
        <v>9706</v>
      </c>
    </row>
    <row r="4863" spans="1:3" x14ac:dyDescent="0.15">
      <c r="A4863">
        <v>20151</v>
      </c>
      <c r="B4863" t="s">
        <v>9707</v>
      </c>
      <c r="C4863" t="s">
        <v>9708</v>
      </c>
    </row>
    <row r="4864" spans="1:3" x14ac:dyDescent="0.15">
      <c r="A4864">
        <v>20150</v>
      </c>
      <c r="B4864" t="s">
        <v>9709</v>
      </c>
      <c r="C4864" t="s">
        <v>9710</v>
      </c>
    </row>
    <row r="4865" spans="1:3" x14ac:dyDescent="0.15">
      <c r="A4865">
        <v>20149</v>
      </c>
      <c r="B4865" t="s">
        <v>9711</v>
      </c>
      <c r="C4865" t="s">
        <v>9712</v>
      </c>
    </row>
    <row r="4866" spans="1:3" x14ac:dyDescent="0.15">
      <c r="A4866">
        <v>20148</v>
      </c>
      <c r="B4866" t="s">
        <v>9713</v>
      </c>
      <c r="C4866" t="s">
        <v>9714</v>
      </c>
    </row>
    <row r="4867" spans="1:3" x14ac:dyDescent="0.15">
      <c r="A4867">
        <v>20147</v>
      </c>
      <c r="B4867" t="s">
        <v>9715</v>
      </c>
      <c r="C4867" t="s">
        <v>9716</v>
      </c>
    </row>
    <row r="4868" spans="1:3" x14ac:dyDescent="0.15">
      <c r="A4868">
        <v>20146</v>
      </c>
      <c r="B4868" t="s">
        <v>9717</v>
      </c>
      <c r="C4868" t="s">
        <v>9718</v>
      </c>
    </row>
    <row r="4869" spans="1:3" x14ac:dyDescent="0.15">
      <c r="A4869">
        <v>20145</v>
      </c>
      <c r="B4869" t="s">
        <v>9719</v>
      </c>
      <c r="C4869" t="s">
        <v>9720</v>
      </c>
    </row>
    <row r="4870" spans="1:3" x14ac:dyDescent="0.15">
      <c r="A4870">
        <v>20144</v>
      </c>
      <c r="B4870" t="s">
        <v>9721</v>
      </c>
      <c r="C4870" t="s">
        <v>9722</v>
      </c>
    </row>
    <row r="4871" spans="1:3" x14ac:dyDescent="0.15">
      <c r="A4871">
        <v>20143</v>
      </c>
      <c r="B4871" t="s">
        <v>9723</v>
      </c>
      <c r="C4871" t="s">
        <v>9724</v>
      </c>
    </row>
    <row r="4872" spans="1:3" x14ac:dyDescent="0.15">
      <c r="A4872">
        <v>20142</v>
      </c>
      <c r="B4872" t="s">
        <v>9725</v>
      </c>
      <c r="C4872" t="s">
        <v>9726</v>
      </c>
    </row>
    <row r="4873" spans="1:3" x14ac:dyDescent="0.15">
      <c r="A4873">
        <v>20141</v>
      </c>
      <c r="B4873" t="s">
        <v>9727</v>
      </c>
      <c r="C4873" t="s">
        <v>9728</v>
      </c>
    </row>
    <row r="4874" spans="1:3" x14ac:dyDescent="0.15">
      <c r="A4874">
        <v>20140</v>
      </c>
      <c r="B4874" t="s">
        <v>9729</v>
      </c>
      <c r="C4874" t="s">
        <v>9730</v>
      </c>
    </row>
    <row r="4875" spans="1:3" x14ac:dyDescent="0.15">
      <c r="A4875">
        <v>20139</v>
      </c>
      <c r="B4875" t="s">
        <v>9731</v>
      </c>
      <c r="C4875" t="s">
        <v>9732</v>
      </c>
    </row>
    <row r="4876" spans="1:3" x14ac:dyDescent="0.15">
      <c r="A4876">
        <v>20138</v>
      </c>
      <c r="B4876" t="s">
        <v>9733</v>
      </c>
      <c r="C4876" t="s">
        <v>9734</v>
      </c>
    </row>
    <row r="4877" spans="1:3" x14ac:dyDescent="0.15">
      <c r="A4877">
        <v>20137</v>
      </c>
      <c r="B4877" t="s">
        <v>9735</v>
      </c>
      <c r="C4877" t="s">
        <v>9736</v>
      </c>
    </row>
    <row r="4878" spans="1:3" x14ac:dyDescent="0.15">
      <c r="A4878">
        <v>20136</v>
      </c>
      <c r="B4878" t="s">
        <v>9737</v>
      </c>
      <c r="C4878" t="s">
        <v>9738</v>
      </c>
    </row>
    <row r="4879" spans="1:3" x14ac:dyDescent="0.15">
      <c r="A4879">
        <v>20135</v>
      </c>
      <c r="B4879" t="s">
        <v>9739</v>
      </c>
      <c r="C4879" t="s">
        <v>9740</v>
      </c>
    </row>
    <row r="4880" spans="1:3" x14ac:dyDescent="0.15">
      <c r="A4880">
        <v>20134</v>
      </c>
      <c r="B4880" t="s">
        <v>9741</v>
      </c>
      <c r="C4880" t="s">
        <v>9742</v>
      </c>
    </row>
    <row r="4881" spans="1:3" x14ac:dyDescent="0.15">
      <c r="A4881">
        <v>20133</v>
      </c>
      <c r="B4881" t="s">
        <v>9743</v>
      </c>
      <c r="C4881" t="s">
        <v>9744</v>
      </c>
    </row>
    <row r="4882" spans="1:3" x14ac:dyDescent="0.15">
      <c r="A4882">
        <v>20132</v>
      </c>
      <c r="B4882" t="s">
        <v>9745</v>
      </c>
      <c r="C4882" t="s">
        <v>9746</v>
      </c>
    </row>
    <row r="4883" spans="1:3" x14ac:dyDescent="0.15">
      <c r="A4883">
        <v>20131</v>
      </c>
      <c r="B4883" t="s">
        <v>9747</v>
      </c>
      <c r="C4883" t="s">
        <v>9748</v>
      </c>
    </row>
    <row r="4884" spans="1:3" x14ac:dyDescent="0.15">
      <c r="A4884">
        <v>20130</v>
      </c>
      <c r="B4884" t="s">
        <v>9749</v>
      </c>
      <c r="C4884" t="s">
        <v>9750</v>
      </c>
    </row>
    <row r="4885" spans="1:3" x14ac:dyDescent="0.15">
      <c r="A4885">
        <v>20129</v>
      </c>
      <c r="B4885" t="s">
        <v>9751</v>
      </c>
      <c r="C4885" t="s">
        <v>9752</v>
      </c>
    </row>
    <row r="4886" spans="1:3" x14ac:dyDescent="0.15">
      <c r="A4886">
        <v>20128</v>
      </c>
      <c r="B4886" t="s">
        <v>9753</v>
      </c>
      <c r="C4886" t="s">
        <v>9754</v>
      </c>
    </row>
    <row r="4887" spans="1:3" x14ac:dyDescent="0.15">
      <c r="A4887">
        <v>20127</v>
      </c>
      <c r="B4887" t="s">
        <v>9755</v>
      </c>
      <c r="C4887" t="s">
        <v>9756</v>
      </c>
    </row>
    <row r="4888" spans="1:3" x14ac:dyDescent="0.15">
      <c r="A4888">
        <v>20126</v>
      </c>
      <c r="B4888" t="s">
        <v>9757</v>
      </c>
      <c r="C4888" t="s">
        <v>9758</v>
      </c>
    </row>
    <row r="4889" spans="1:3" x14ac:dyDescent="0.15">
      <c r="A4889">
        <v>20125</v>
      </c>
      <c r="B4889" t="s">
        <v>9759</v>
      </c>
      <c r="C4889" t="s">
        <v>9760</v>
      </c>
    </row>
    <row r="4890" spans="1:3" x14ac:dyDescent="0.15">
      <c r="A4890">
        <v>20124</v>
      </c>
      <c r="B4890" t="s">
        <v>9761</v>
      </c>
      <c r="C4890" t="s">
        <v>9762</v>
      </c>
    </row>
    <row r="4891" spans="1:3" x14ac:dyDescent="0.15">
      <c r="A4891">
        <v>20123</v>
      </c>
      <c r="B4891" t="s">
        <v>9763</v>
      </c>
      <c r="C4891" t="s">
        <v>9764</v>
      </c>
    </row>
    <row r="4892" spans="1:3" x14ac:dyDescent="0.15">
      <c r="A4892">
        <v>20122</v>
      </c>
      <c r="B4892" t="s">
        <v>9765</v>
      </c>
      <c r="C4892" t="s">
        <v>9766</v>
      </c>
    </row>
    <row r="4893" spans="1:3" x14ac:dyDescent="0.15">
      <c r="A4893">
        <v>20121</v>
      </c>
      <c r="B4893" t="s">
        <v>9767</v>
      </c>
      <c r="C4893" t="s">
        <v>9768</v>
      </c>
    </row>
    <row r="4894" spans="1:3" x14ac:dyDescent="0.15">
      <c r="A4894">
        <v>20120</v>
      </c>
      <c r="B4894" t="s">
        <v>9769</v>
      </c>
      <c r="C4894" t="s">
        <v>9770</v>
      </c>
    </row>
    <row r="4895" spans="1:3" x14ac:dyDescent="0.15">
      <c r="A4895">
        <v>20119</v>
      </c>
      <c r="B4895" t="s">
        <v>9771</v>
      </c>
      <c r="C4895" t="s">
        <v>9772</v>
      </c>
    </row>
    <row r="4896" spans="1:3" x14ac:dyDescent="0.15">
      <c r="A4896">
        <v>20118</v>
      </c>
      <c r="B4896" t="s">
        <v>9773</v>
      </c>
      <c r="C4896" t="s">
        <v>9774</v>
      </c>
    </row>
    <row r="4897" spans="1:3" x14ac:dyDescent="0.15">
      <c r="A4897">
        <v>20117</v>
      </c>
      <c r="B4897" t="s">
        <v>9775</v>
      </c>
      <c r="C4897" t="s">
        <v>9776</v>
      </c>
    </row>
    <row r="4898" spans="1:3" x14ac:dyDescent="0.15">
      <c r="A4898">
        <v>20116</v>
      </c>
      <c r="B4898" t="s">
        <v>9777</v>
      </c>
      <c r="C4898" t="s">
        <v>9778</v>
      </c>
    </row>
    <row r="4899" spans="1:3" x14ac:dyDescent="0.15">
      <c r="A4899">
        <v>20115</v>
      </c>
      <c r="B4899" t="s">
        <v>9779</v>
      </c>
      <c r="C4899" t="s">
        <v>9780</v>
      </c>
    </row>
    <row r="4900" spans="1:3" x14ac:dyDescent="0.15">
      <c r="A4900">
        <v>20114</v>
      </c>
      <c r="B4900" t="s">
        <v>9781</v>
      </c>
      <c r="C4900" t="s">
        <v>9782</v>
      </c>
    </row>
    <row r="4901" spans="1:3" x14ac:dyDescent="0.15">
      <c r="A4901">
        <v>20113</v>
      </c>
      <c r="B4901" t="s">
        <v>9783</v>
      </c>
      <c r="C4901" t="s">
        <v>9784</v>
      </c>
    </row>
    <row r="4902" spans="1:3" x14ac:dyDescent="0.15">
      <c r="A4902">
        <v>20112</v>
      </c>
      <c r="B4902" t="s">
        <v>9785</v>
      </c>
      <c r="C4902" t="s">
        <v>9786</v>
      </c>
    </row>
    <row r="4903" spans="1:3" x14ac:dyDescent="0.15">
      <c r="A4903">
        <v>20111</v>
      </c>
      <c r="B4903" t="s">
        <v>9787</v>
      </c>
      <c r="C4903" t="s">
        <v>9788</v>
      </c>
    </row>
    <row r="4904" spans="1:3" x14ac:dyDescent="0.15">
      <c r="A4904">
        <v>20110</v>
      </c>
      <c r="B4904" t="s">
        <v>9789</v>
      </c>
      <c r="C4904" t="s">
        <v>9790</v>
      </c>
    </row>
    <row r="4905" spans="1:3" x14ac:dyDescent="0.15">
      <c r="A4905">
        <v>20109</v>
      </c>
      <c r="B4905" t="s">
        <v>9791</v>
      </c>
      <c r="C4905" t="s">
        <v>9792</v>
      </c>
    </row>
    <row r="4906" spans="1:3" x14ac:dyDescent="0.15">
      <c r="A4906">
        <v>20108</v>
      </c>
      <c r="B4906" t="s">
        <v>9793</v>
      </c>
      <c r="C4906" t="s">
        <v>9794</v>
      </c>
    </row>
    <row r="4907" spans="1:3" x14ac:dyDescent="0.15">
      <c r="A4907">
        <v>20107</v>
      </c>
      <c r="B4907" t="s">
        <v>9795</v>
      </c>
      <c r="C4907" t="s">
        <v>9796</v>
      </c>
    </row>
    <row r="4908" spans="1:3" x14ac:dyDescent="0.15">
      <c r="A4908">
        <v>20106</v>
      </c>
      <c r="B4908" t="s">
        <v>9797</v>
      </c>
      <c r="C4908" t="s">
        <v>9798</v>
      </c>
    </row>
    <row r="4909" spans="1:3" x14ac:dyDescent="0.15">
      <c r="A4909">
        <v>20105</v>
      </c>
      <c r="B4909" t="s">
        <v>9799</v>
      </c>
      <c r="C4909" t="s">
        <v>9800</v>
      </c>
    </row>
    <row r="4910" spans="1:3" x14ac:dyDescent="0.15">
      <c r="A4910">
        <v>20104</v>
      </c>
      <c r="B4910" t="s">
        <v>9801</v>
      </c>
      <c r="C4910" t="s">
        <v>9802</v>
      </c>
    </row>
    <row r="4911" spans="1:3" x14ac:dyDescent="0.15">
      <c r="A4911">
        <v>20103</v>
      </c>
      <c r="B4911" t="s">
        <v>9803</v>
      </c>
      <c r="C4911" t="s">
        <v>9804</v>
      </c>
    </row>
    <row r="4912" spans="1:3" x14ac:dyDescent="0.15">
      <c r="A4912">
        <v>20102</v>
      </c>
      <c r="B4912" t="s">
        <v>9805</v>
      </c>
      <c r="C4912" t="s">
        <v>9806</v>
      </c>
    </row>
    <row r="4913" spans="1:3" x14ac:dyDescent="0.15">
      <c r="A4913">
        <v>20101</v>
      </c>
      <c r="B4913" t="s">
        <v>9807</v>
      </c>
      <c r="C4913" t="s">
        <v>9808</v>
      </c>
    </row>
    <row r="4914" spans="1:3" x14ac:dyDescent="0.15">
      <c r="A4914">
        <v>20100</v>
      </c>
      <c r="B4914" t="s">
        <v>9809</v>
      </c>
      <c r="C4914" t="s">
        <v>9810</v>
      </c>
    </row>
    <row r="4915" spans="1:3" x14ac:dyDescent="0.15">
      <c r="A4915">
        <v>20099</v>
      </c>
      <c r="B4915" t="s">
        <v>9811</v>
      </c>
      <c r="C4915" t="s">
        <v>9812</v>
      </c>
    </row>
    <row r="4916" spans="1:3" x14ac:dyDescent="0.15">
      <c r="A4916">
        <v>20098</v>
      </c>
      <c r="B4916" t="s">
        <v>9813</v>
      </c>
      <c r="C4916" t="s">
        <v>9814</v>
      </c>
    </row>
    <row r="4917" spans="1:3" x14ac:dyDescent="0.15">
      <c r="A4917">
        <v>20097</v>
      </c>
      <c r="B4917" t="s">
        <v>9815</v>
      </c>
      <c r="C4917" t="s">
        <v>9816</v>
      </c>
    </row>
    <row r="4918" spans="1:3" x14ac:dyDescent="0.15">
      <c r="A4918">
        <v>20096</v>
      </c>
      <c r="B4918" t="s">
        <v>9817</v>
      </c>
      <c r="C4918" t="s">
        <v>9818</v>
      </c>
    </row>
    <row r="4919" spans="1:3" x14ac:dyDescent="0.15">
      <c r="A4919">
        <v>20095</v>
      </c>
      <c r="B4919" t="s">
        <v>9819</v>
      </c>
      <c r="C4919" t="s">
        <v>9820</v>
      </c>
    </row>
    <row r="4920" spans="1:3" x14ac:dyDescent="0.15">
      <c r="A4920">
        <v>20094</v>
      </c>
      <c r="B4920" t="s">
        <v>9821</v>
      </c>
      <c r="C4920" t="s">
        <v>9822</v>
      </c>
    </row>
    <row r="4921" spans="1:3" x14ac:dyDescent="0.15">
      <c r="A4921">
        <v>20093</v>
      </c>
      <c r="B4921" t="s">
        <v>9823</v>
      </c>
      <c r="C4921" t="s">
        <v>9824</v>
      </c>
    </row>
    <row r="4922" spans="1:3" x14ac:dyDescent="0.15">
      <c r="A4922">
        <v>20092</v>
      </c>
      <c r="B4922" t="s">
        <v>9825</v>
      </c>
      <c r="C4922" t="s">
        <v>9826</v>
      </c>
    </row>
    <row r="4923" spans="1:3" x14ac:dyDescent="0.15">
      <c r="A4923">
        <v>20091</v>
      </c>
      <c r="B4923" t="s">
        <v>9827</v>
      </c>
      <c r="C4923" t="s">
        <v>9828</v>
      </c>
    </row>
    <row r="4924" spans="1:3" x14ac:dyDescent="0.15">
      <c r="A4924">
        <v>20090</v>
      </c>
      <c r="B4924" t="s">
        <v>9829</v>
      </c>
      <c r="C4924" t="s">
        <v>9830</v>
      </c>
    </row>
    <row r="4925" spans="1:3" x14ac:dyDescent="0.15">
      <c r="A4925">
        <v>20089</v>
      </c>
      <c r="B4925" t="s">
        <v>9831</v>
      </c>
      <c r="C4925" t="s">
        <v>9832</v>
      </c>
    </row>
    <row r="4926" spans="1:3" x14ac:dyDescent="0.15">
      <c r="A4926">
        <v>20088</v>
      </c>
      <c r="B4926" t="s">
        <v>9833</v>
      </c>
      <c r="C4926" t="s">
        <v>9834</v>
      </c>
    </row>
    <row r="4927" spans="1:3" x14ac:dyDescent="0.15">
      <c r="A4927">
        <v>20087</v>
      </c>
      <c r="B4927" t="s">
        <v>9835</v>
      </c>
      <c r="C4927" t="s">
        <v>9836</v>
      </c>
    </row>
    <row r="4928" spans="1:3" x14ac:dyDescent="0.15">
      <c r="A4928">
        <v>20086</v>
      </c>
      <c r="B4928" t="s">
        <v>9837</v>
      </c>
      <c r="C4928" t="s">
        <v>9838</v>
      </c>
    </row>
    <row r="4929" spans="1:3" x14ac:dyDescent="0.15">
      <c r="A4929">
        <v>20085</v>
      </c>
      <c r="B4929" t="s">
        <v>9839</v>
      </c>
      <c r="C4929" t="s">
        <v>9840</v>
      </c>
    </row>
    <row r="4930" spans="1:3" x14ac:dyDescent="0.15">
      <c r="A4930">
        <v>20084</v>
      </c>
      <c r="B4930" t="s">
        <v>9841</v>
      </c>
      <c r="C4930" t="s">
        <v>9842</v>
      </c>
    </row>
    <row r="4931" spans="1:3" x14ac:dyDescent="0.15">
      <c r="A4931">
        <v>20083</v>
      </c>
      <c r="B4931" t="s">
        <v>9843</v>
      </c>
      <c r="C4931" t="s">
        <v>9844</v>
      </c>
    </row>
    <row r="4932" spans="1:3" x14ac:dyDescent="0.15">
      <c r="A4932">
        <v>20082</v>
      </c>
      <c r="B4932" t="s">
        <v>9845</v>
      </c>
      <c r="C4932" t="s">
        <v>9846</v>
      </c>
    </row>
    <row r="4933" spans="1:3" x14ac:dyDescent="0.15">
      <c r="A4933">
        <v>20081</v>
      </c>
      <c r="B4933" t="s">
        <v>9847</v>
      </c>
      <c r="C4933" t="s">
        <v>9848</v>
      </c>
    </row>
    <row r="4934" spans="1:3" x14ac:dyDescent="0.15">
      <c r="A4934">
        <v>20080</v>
      </c>
      <c r="B4934" t="s">
        <v>9849</v>
      </c>
      <c r="C4934" t="s">
        <v>9850</v>
      </c>
    </row>
    <row r="4935" spans="1:3" x14ac:dyDescent="0.15">
      <c r="A4935">
        <v>20079</v>
      </c>
      <c r="B4935" t="s">
        <v>9851</v>
      </c>
      <c r="C4935" t="s">
        <v>9852</v>
      </c>
    </row>
    <row r="4936" spans="1:3" x14ac:dyDescent="0.15">
      <c r="A4936">
        <v>20078</v>
      </c>
      <c r="B4936" t="s">
        <v>9853</v>
      </c>
      <c r="C4936" t="s">
        <v>9854</v>
      </c>
    </row>
    <row r="4937" spans="1:3" x14ac:dyDescent="0.15">
      <c r="A4937">
        <v>20077</v>
      </c>
      <c r="B4937" t="s">
        <v>9855</v>
      </c>
      <c r="C4937" t="s">
        <v>9856</v>
      </c>
    </row>
    <row r="4938" spans="1:3" x14ac:dyDescent="0.15">
      <c r="A4938">
        <v>20076</v>
      </c>
      <c r="B4938" t="s">
        <v>9857</v>
      </c>
      <c r="C4938" t="s">
        <v>9858</v>
      </c>
    </row>
    <row r="4939" spans="1:3" x14ac:dyDescent="0.15">
      <c r="A4939">
        <v>20075</v>
      </c>
      <c r="B4939" t="s">
        <v>9859</v>
      </c>
      <c r="C4939" t="s">
        <v>9860</v>
      </c>
    </row>
    <row r="4940" spans="1:3" x14ac:dyDescent="0.15">
      <c r="A4940">
        <v>20074</v>
      </c>
      <c r="B4940" t="s">
        <v>9861</v>
      </c>
      <c r="C4940" t="s">
        <v>9862</v>
      </c>
    </row>
    <row r="4941" spans="1:3" x14ac:dyDescent="0.15">
      <c r="A4941">
        <v>20073</v>
      </c>
      <c r="B4941" t="s">
        <v>9863</v>
      </c>
      <c r="C4941" t="s">
        <v>9864</v>
      </c>
    </row>
    <row r="4942" spans="1:3" x14ac:dyDescent="0.15">
      <c r="A4942">
        <v>20072</v>
      </c>
      <c r="B4942" t="s">
        <v>9865</v>
      </c>
      <c r="C4942" t="s">
        <v>9866</v>
      </c>
    </row>
    <row r="4943" spans="1:3" x14ac:dyDescent="0.15">
      <c r="A4943">
        <v>20071</v>
      </c>
      <c r="B4943" t="s">
        <v>9867</v>
      </c>
      <c r="C4943" t="s">
        <v>9868</v>
      </c>
    </row>
    <row r="4944" spans="1:3" x14ac:dyDescent="0.15">
      <c r="A4944">
        <v>20070</v>
      </c>
      <c r="B4944" t="s">
        <v>9869</v>
      </c>
      <c r="C4944" t="s">
        <v>9870</v>
      </c>
    </row>
    <row r="4945" spans="1:3" x14ac:dyDescent="0.15">
      <c r="A4945">
        <v>20069</v>
      </c>
      <c r="B4945" t="s">
        <v>9871</v>
      </c>
      <c r="C4945" t="s">
        <v>9872</v>
      </c>
    </row>
    <row r="4946" spans="1:3" x14ac:dyDescent="0.15">
      <c r="A4946">
        <v>20068</v>
      </c>
      <c r="B4946" t="s">
        <v>9873</v>
      </c>
      <c r="C4946" t="s">
        <v>9874</v>
      </c>
    </row>
    <row r="4947" spans="1:3" x14ac:dyDescent="0.15">
      <c r="A4947">
        <v>20067</v>
      </c>
      <c r="B4947" t="s">
        <v>9875</v>
      </c>
      <c r="C4947" t="s">
        <v>9876</v>
      </c>
    </row>
    <row r="4948" spans="1:3" x14ac:dyDescent="0.15">
      <c r="A4948">
        <v>20066</v>
      </c>
      <c r="B4948" t="s">
        <v>9877</v>
      </c>
      <c r="C4948" t="s">
        <v>9878</v>
      </c>
    </row>
    <row r="4949" spans="1:3" x14ac:dyDescent="0.15">
      <c r="A4949">
        <v>20065</v>
      </c>
      <c r="B4949" t="s">
        <v>9879</v>
      </c>
      <c r="C4949" t="s">
        <v>9880</v>
      </c>
    </row>
    <row r="4950" spans="1:3" x14ac:dyDescent="0.15">
      <c r="A4950">
        <v>20064</v>
      </c>
      <c r="B4950" t="s">
        <v>9881</v>
      </c>
      <c r="C4950" t="s">
        <v>9882</v>
      </c>
    </row>
    <row r="4951" spans="1:3" x14ac:dyDescent="0.15">
      <c r="A4951">
        <v>20063</v>
      </c>
      <c r="B4951" t="s">
        <v>9883</v>
      </c>
      <c r="C4951" t="s">
        <v>9884</v>
      </c>
    </row>
    <row r="4952" spans="1:3" x14ac:dyDescent="0.15">
      <c r="A4952">
        <v>20062</v>
      </c>
      <c r="B4952" t="s">
        <v>9885</v>
      </c>
      <c r="C4952" t="s">
        <v>9886</v>
      </c>
    </row>
    <row r="4953" spans="1:3" x14ac:dyDescent="0.15">
      <c r="A4953">
        <v>20061</v>
      </c>
      <c r="B4953" t="s">
        <v>9887</v>
      </c>
      <c r="C4953" t="s">
        <v>9888</v>
      </c>
    </row>
    <row r="4954" spans="1:3" x14ac:dyDescent="0.15">
      <c r="A4954">
        <v>20060</v>
      </c>
      <c r="B4954" t="s">
        <v>9889</v>
      </c>
      <c r="C4954" t="s">
        <v>9890</v>
      </c>
    </row>
    <row r="4955" spans="1:3" x14ac:dyDescent="0.15">
      <c r="A4955">
        <v>20059</v>
      </c>
      <c r="B4955" t="s">
        <v>9891</v>
      </c>
      <c r="C4955" t="s">
        <v>9892</v>
      </c>
    </row>
    <row r="4956" spans="1:3" x14ac:dyDescent="0.15">
      <c r="A4956">
        <v>20058</v>
      </c>
      <c r="B4956" t="s">
        <v>9893</v>
      </c>
      <c r="C4956" t="s">
        <v>9894</v>
      </c>
    </row>
    <row r="4957" spans="1:3" x14ac:dyDescent="0.15">
      <c r="A4957">
        <v>20057</v>
      </c>
      <c r="B4957" t="s">
        <v>9895</v>
      </c>
      <c r="C4957" t="s">
        <v>9896</v>
      </c>
    </row>
    <row r="4958" spans="1:3" x14ac:dyDescent="0.15">
      <c r="A4958">
        <v>20056</v>
      </c>
      <c r="B4958" t="s">
        <v>9897</v>
      </c>
      <c r="C4958" t="s">
        <v>9898</v>
      </c>
    </row>
    <row r="4959" spans="1:3" x14ac:dyDescent="0.15">
      <c r="A4959">
        <v>20055</v>
      </c>
      <c r="B4959" t="s">
        <v>9899</v>
      </c>
      <c r="C4959" t="s">
        <v>9900</v>
      </c>
    </row>
    <row r="4960" spans="1:3" x14ac:dyDescent="0.15">
      <c r="A4960">
        <v>20054</v>
      </c>
      <c r="B4960" t="s">
        <v>9901</v>
      </c>
      <c r="C4960" t="s">
        <v>9902</v>
      </c>
    </row>
    <row r="4961" spans="1:3" x14ac:dyDescent="0.15">
      <c r="A4961">
        <v>20053</v>
      </c>
      <c r="B4961" t="s">
        <v>9903</v>
      </c>
      <c r="C4961" t="s">
        <v>9904</v>
      </c>
    </row>
    <row r="4962" spans="1:3" x14ac:dyDescent="0.15">
      <c r="A4962">
        <v>20052</v>
      </c>
      <c r="B4962" t="s">
        <v>9905</v>
      </c>
      <c r="C4962" t="s">
        <v>9906</v>
      </c>
    </row>
    <row r="4963" spans="1:3" x14ac:dyDescent="0.15">
      <c r="A4963">
        <v>20051</v>
      </c>
      <c r="B4963" t="s">
        <v>9907</v>
      </c>
      <c r="C4963" t="s">
        <v>9908</v>
      </c>
    </row>
    <row r="4964" spans="1:3" x14ac:dyDescent="0.15">
      <c r="A4964">
        <v>20050</v>
      </c>
      <c r="B4964" t="s">
        <v>9909</v>
      </c>
      <c r="C4964" t="s">
        <v>9910</v>
      </c>
    </row>
    <row r="4965" spans="1:3" x14ac:dyDescent="0.15">
      <c r="A4965">
        <v>20049</v>
      </c>
      <c r="B4965" t="s">
        <v>9911</v>
      </c>
      <c r="C4965" t="s">
        <v>9912</v>
      </c>
    </row>
    <row r="4966" spans="1:3" x14ac:dyDescent="0.15">
      <c r="A4966">
        <v>20048</v>
      </c>
      <c r="B4966" t="s">
        <v>9913</v>
      </c>
      <c r="C4966" t="s">
        <v>9914</v>
      </c>
    </row>
    <row r="4967" spans="1:3" x14ac:dyDescent="0.15">
      <c r="A4967">
        <v>20047</v>
      </c>
      <c r="B4967" t="s">
        <v>9915</v>
      </c>
      <c r="C4967" t="s">
        <v>9916</v>
      </c>
    </row>
    <row r="4968" spans="1:3" x14ac:dyDescent="0.15">
      <c r="A4968">
        <v>20046</v>
      </c>
      <c r="B4968" t="s">
        <v>9917</v>
      </c>
      <c r="C4968" t="s">
        <v>9918</v>
      </c>
    </row>
    <row r="4969" spans="1:3" x14ac:dyDescent="0.15">
      <c r="A4969">
        <v>20045</v>
      </c>
      <c r="B4969" t="s">
        <v>9919</v>
      </c>
      <c r="C4969" t="s">
        <v>9920</v>
      </c>
    </row>
    <row r="4970" spans="1:3" x14ac:dyDescent="0.15">
      <c r="A4970">
        <v>20044</v>
      </c>
      <c r="B4970" t="s">
        <v>9921</v>
      </c>
      <c r="C4970" t="s">
        <v>9922</v>
      </c>
    </row>
    <row r="4971" spans="1:3" x14ac:dyDescent="0.15">
      <c r="A4971">
        <v>20043</v>
      </c>
      <c r="B4971" t="s">
        <v>9923</v>
      </c>
      <c r="C4971" t="s">
        <v>9924</v>
      </c>
    </row>
    <row r="4972" spans="1:3" x14ac:dyDescent="0.15">
      <c r="A4972">
        <v>20042</v>
      </c>
      <c r="B4972" t="s">
        <v>9925</v>
      </c>
      <c r="C4972" t="s">
        <v>9926</v>
      </c>
    </row>
    <row r="4973" spans="1:3" x14ac:dyDescent="0.15">
      <c r="A4973">
        <v>20041</v>
      </c>
      <c r="B4973" t="s">
        <v>9927</v>
      </c>
      <c r="C4973" t="s">
        <v>9928</v>
      </c>
    </row>
    <row r="4974" spans="1:3" x14ac:dyDescent="0.15">
      <c r="A4974">
        <v>20040</v>
      </c>
      <c r="B4974" t="s">
        <v>9929</v>
      </c>
      <c r="C4974" t="s">
        <v>9930</v>
      </c>
    </row>
    <row r="4975" spans="1:3" x14ac:dyDescent="0.15">
      <c r="A4975">
        <v>20039</v>
      </c>
      <c r="B4975" t="s">
        <v>9931</v>
      </c>
      <c r="C4975" t="s">
        <v>9932</v>
      </c>
    </row>
    <row r="4976" spans="1:3" x14ac:dyDescent="0.15">
      <c r="A4976">
        <v>20038</v>
      </c>
      <c r="B4976" t="s">
        <v>9933</v>
      </c>
      <c r="C4976" t="s">
        <v>9934</v>
      </c>
    </row>
    <row r="4977" spans="1:3" x14ac:dyDescent="0.15">
      <c r="A4977">
        <v>20037</v>
      </c>
      <c r="B4977" t="s">
        <v>9935</v>
      </c>
      <c r="C4977" t="s">
        <v>9936</v>
      </c>
    </row>
    <row r="4978" spans="1:3" x14ac:dyDescent="0.15">
      <c r="A4978">
        <v>20036</v>
      </c>
      <c r="B4978" t="s">
        <v>9937</v>
      </c>
      <c r="C4978" t="s">
        <v>9938</v>
      </c>
    </row>
    <row r="4979" spans="1:3" x14ac:dyDescent="0.15">
      <c r="A4979">
        <v>20035</v>
      </c>
      <c r="B4979" t="s">
        <v>9939</v>
      </c>
      <c r="C4979" t="s">
        <v>9940</v>
      </c>
    </row>
    <row r="4980" spans="1:3" x14ac:dyDescent="0.15">
      <c r="A4980">
        <v>20034</v>
      </c>
      <c r="B4980" t="s">
        <v>9941</v>
      </c>
      <c r="C4980" t="s">
        <v>9942</v>
      </c>
    </row>
    <row r="4981" spans="1:3" x14ac:dyDescent="0.15">
      <c r="A4981">
        <v>20033</v>
      </c>
      <c r="B4981" t="s">
        <v>9943</v>
      </c>
      <c r="C4981" t="s">
        <v>9944</v>
      </c>
    </row>
    <row r="4982" spans="1:3" x14ac:dyDescent="0.15">
      <c r="A4982">
        <v>20032</v>
      </c>
      <c r="B4982" t="s">
        <v>9945</v>
      </c>
      <c r="C4982" t="s">
        <v>9946</v>
      </c>
    </row>
    <row r="4983" spans="1:3" x14ac:dyDescent="0.15">
      <c r="A4983">
        <v>20031</v>
      </c>
      <c r="B4983" t="s">
        <v>9947</v>
      </c>
      <c r="C4983" t="s">
        <v>9948</v>
      </c>
    </row>
    <row r="4984" spans="1:3" x14ac:dyDescent="0.15">
      <c r="A4984">
        <v>20030</v>
      </c>
      <c r="B4984" t="s">
        <v>9949</v>
      </c>
      <c r="C4984" t="s">
        <v>9950</v>
      </c>
    </row>
    <row r="4985" spans="1:3" x14ac:dyDescent="0.15">
      <c r="A4985">
        <v>20029</v>
      </c>
      <c r="B4985" t="s">
        <v>9951</v>
      </c>
      <c r="C4985" t="s">
        <v>9952</v>
      </c>
    </row>
    <row r="4986" spans="1:3" x14ac:dyDescent="0.15">
      <c r="A4986">
        <v>20028</v>
      </c>
      <c r="B4986" t="s">
        <v>9953</v>
      </c>
      <c r="C4986" t="s">
        <v>9954</v>
      </c>
    </row>
    <row r="4987" spans="1:3" x14ac:dyDescent="0.15">
      <c r="A4987">
        <v>20027</v>
      </c>
      <c r="B4987" t="s">
        <v>9955</v>
      </c>
      <c r="C4987" t="s">
        <v>9956</v>
      </c>
    </row>
    <row r="4988" spans="1:3" x14ac:dyDescent="0.15">
      <c r="A4988">
        <v>20026</v>
      </c>
      <c r="B4988" t="s">
        <v>9957</v>
      </c>
      <c r="C4988" t="s">
        <v>9958</v>
      </c>
    </row>
    <row r="4989" spans="1:3" x14ac:dyDescent="0.15">
      <c r="A4989">
        <v>20025</v>
      </c>
      <c r="B4989" t="s">
        <v>9959</v>
      </c>
      <c r="C4989" t="s">
        <v>9960</v>
      </c>
    </row>
    <row r="4990" spans="1:3" x14ac:dyDescent="0.15">
      <c r="A4990">
        <v>20024</v>
      </c>
      <c r="B4990" t="s">
        <v>9961</v>
      </c>
      <c r="C4990" t="s">
        <v>9962</v>
      </c>
    </row>
    <row r="4991" spans="1:3" x14ac:dyDescent="0.15">
      <c r="A4991">
        <v>20023</v>
      </c>
      <c r="B4991" t="s">
        <v>9963</v>
      </c>
      <c r="C4991" t="s">
        <v>9964</v>
      </c>
    </row>
    <row r="4992" spans="1:3" x14ac:dyDescent="0.15">
      <c r="A4992">
        <v>20022</v>
      </c>
      <c r="B4992" t="s">
        <v>9965</v>
      </c>
      <c r="C4992" t="s">
        <v>9966</v>
      </c>
    </row>
    <row r="4993" spans="1:3" x14ac:dyDescent="0.15">
      <c r="A4993">
        <v>20021</v>
      </c>
      <c r="B4993" t="s">
        <v>9967</v>
      </c>
      <c r="C4993" t="s">
        <v>9968</v>
      </c>
    </row>
    <row r="4994" spans="1:3" x14ac:dyDescent="0.15">
      <c r="A4994">
        <v>20020</v>
      </c>
      <c r="B4994" t="s">
        <v>9969</v>
      </c>
      <c r="C4994" t="s">
        <v>9970</v>
      </c>
    </row>
    <row r="4995" spans="1:3" x14ac:dyDescent="0.15">
      <c r="A4995">
        <v>20019</v>
      </c>
      <c r="B4995" t="s">
        <v>9971</v>
      </c>
      <c r="C4995" t="s">
        <v>9972</v>
      </c>
    </row>
    <row r="4996" spans="1:3" x14ac:dyDescent="0.15">
      <c r="A4996">
        <v>20018</v>
      </c>
      <c r="B4996" t="s">
        <v>9973</v>
      </c>
      <c r="C4996" t="s">
        <v>9974</v>
      </c>
    </row>
    <row r="4997" spans="1:3" x14ac:dyDescent="0.15">
      <c r="A4997">
        <v>20017</v>
      </c>
      <c r="B4997" t="s">
        <v>9975</v>
      </c>
      <c r="C4997" t="s">
        <v>9976</v>
      </c>
    </row>
    <row r="4998" spans="1:3" x14ac:dyDescent="0.15">
      <c r="A4998">
        <v>20016</v>
      </c>
      <c r="B4998" t="s">
        <v>9977</v>
      </c>
      <c r="C4998" t="s">
        <v>9978</v>
      </c>
    </row>
    <row r="4999" spans="1:3" x14ac:dyDescent="0.15">
      <c r="A4999">
        <v>20015</v>
      </c>
      <c r="B4999" t="s">
        <v>9979</v>
      </c>
      <c r="C4999" t="s">
        <v>9980</v>
      </c>
    </row>
    <row r="5000" spans="1:3" x14ac:dyDescent="0.15">
      <c r="A5000">
        <v>20014</v>
      </c>
      <c r="B5000" t="s">
        <v>9981</v>
      </c>
      <c r="C5000" t="s">
        <v>9982</v>
      </c>
    </row>
    <row r="5001" spans="1:3" x14ac:dyDescent="0.15">
      <c r="A5001">
        <v>20013</v>
      </c>
      <c r="B5001" t="s">
        <v>9983</v>
      </c>
      <c r="C5001" t="s">
        <v>491</v>
      </c>
    </row>
    <row r="5002" spans="1:3" x14ac:dyDescent="0.15">
      <c r="A5002">
        <v>20012</v>
      </c>
      <c r="B5002" t="s">
        <v>9984</v>
      </c>
      <c r="C5002" t="s">
        <v>9985</v>
      </c>
    </row>
    <row r="5003" spans="1:3" x14ac:dyDescent="0.15">
      <c r="A5003">
        <v>20011</v>
      </c>
      <c r="B5003" t="s">
        <v>9986</v>
      </c>
      <c r="C5003" t="s">
        <v>9987</v>
      </c>
    </row>
    <row r="5004" spans="1:3" x14ac:dyDescent="0.15">
      <c r="A5004">
        <v>20010</v>
      </c>
      <c r="B5004" t="s">
        <v>9988</v>
      </c>
      <c r="C5004" t="s">
        <v>9989</v>
      </c>
    </row>
    <row r="5005" spans="1:3" x14ac:dyDescent="0.15">
      <c r="A5005">
        <v>20009</v>
      </c>
      <c r="B5005" t="s">
        <v>9990</v>
      </c>
      <c r="C5005" t="s">
        <v>9991</v>
      </c>
    </row>
    <row r="5006" spans="1:3" x14ac:dyDescent="0.15">
      <c r="A5006">
        <v>20008</v>
      </c>
      <c r="B5006" t="s">
        <v>9992</v>
      </c>
      <c r="C5006" t="s">
        <v>9993</v>
      </c>
    </row>
    <row r="5007" spans="1:3" x14ac:dyDescent="0.15">
      <c r="A5007">
        <v>20007</v>
      </c>
      <c r="B5007" t="s">
        <v>9994</v>
      </c>
      <c r="C5007" t="s">
        <v>9995</v>
      </c>
    </row>
    <row r="5008" spans="1:3" x14ac:dyDescent="0.15">
      <c r="A5008">
        <v>20006</v>
      </c>
      <c r="B5008" t="s">
        <v>9996</v>
      </c>
      <c r="C5008" t="s">
        <v>9997</v>
      </c>
    </row>
    <row r="5009" spans="1:3" x14ac:dyDescent="0.15">
      <c r="A5009">
        <v>20005</v>
      </c>
      <c r="B5009" t="s">
        <v>9998</v>
      </c>
      <c r="C5009" t="s">
        <v>9999</v>
      </c>
    </row>
    <row r="5010" spans="1:3" x14ac:dyDescent="0.15">
      <c r="A5010">
        <v>20004</v>
      </c>
      <c r="B5010" t="s">
        <v>10000</v>
      </c>
      <c r="C5010" t="s">
        <v>10001</v>
      </c>
    </row>
    <row r="5011" spans="1:3" x14ac:dyDescent="0.15">
      <c r="A5011">
        <v>20003</v>
      </c>
      <c r="B5011" t="s">
        <v>10002</v>
      </c>
      <c r="C5011" t="s">
        <v>10003</v>
      </c>
    </row>
    <row r="5012" spans="1:3" x14ac:dyDescent="0.15">
      <c r="A5012">
        <v>20002</v>
      </c>
      <c r="B5012" t="s">
        <v>10004</v>
      </c>
      <c r="C5012" t="s">
        <v>10005</v>
      </c>
    </row>
    <row r="5013" spans="1:3" x14ac:dyDescent="0.15">
      <c r="A5013">
        <v>20001</v>
      </c>
      <c r="B5013" t="s">
        <v>10006</v>
      </c>
      <c r="C5013" t="s">
        <v>10007</v>
      </c>
    </row>
    <row r="5014" spans="1:3" x14ac:dyDescent="0.15">
      <c r="A5014">
        <v>20000</v>
      </c>
      <c r="B5014" t="s">
        <v>10008</v>
      </c>
      <c r="C5014" t="s">
        <v>10009</v>
      </c>
    </row>
    <row r="5015" spans="1:3" x14ac:dyDescent="0.15">
      <c r="A5015">
        <v>19999</v>
      </c>
      <c r="B5015" t="s">
        <v>10010</v>
      </c>
      <c r="C5015" t="s">
        <v>10011</v>
      </c>
    </row>
    <row r="5016" spans="1:3" x14ac:dyDescent="0.15">
      <c r="A5016">
        <v>19998</v>
      </c>
      <c r="B5016" t="s">
        <v>10012</v>
      </c>
      <c r="C5016" t="s">
        <v>10013</v>
      </c>
    </row>
    <row r="5017" spans="1:3" x14ac:dyDescent="0.15">
      <c r="A5017">
        <v>19997</v>
      </c>
      <c r="B5017" t="s">
        <v>10014</v>
      </c>
      <c r="C5017" t="s">
        <v>10015</v>
      </c>
    </row>
    <row r="5018" spans="1:3" x14ac:dyDescent="0.15">
      <c r="A5018">
        <v>19996</v>
      </c>
      <c r="B5018" t="s">
        <v>10016</v>
      </c>
      <c r="C5018" t="s">
        <v>10017</v>
      </c>
    </row>
    <row r="5019" spans="1:3" x14ac:dyDescent="0.15">
      <c r="A5019">
        <v>19995</v>
      </c>
      <c r="B5019" t="s">
        <v>10018</v>
      </c>
      <c r="C5019" t="s">
        <v>10019</v>
      </c>
    </row>
    <row r="5020" spans="1:3" x14ac:dyDescent="0.15">
      <c r="A5020">
        <v>19994</v>
      </c>
      <c r="B5020" t="s">
        <v>10020</v>
      </c>
      <c r="C5020" t="s">
        <v>10021</v>
      </c>
    </row>
    <row r="5021" spans="1:3" x14ac:dyDescent="0.15">
      <c r="A5021">
        <v>19993</v>
      </c>
      <c r="B5021" t="s">
        <v>10022</v>
      </c>
      <c r="C5021" t="s">
        <v>10023</v>
      </c>
    </row>
    <row r="5022" spans="1:3" x14ac:dyDescent="0.15">
      <c r="A5022">
        <v>19992</v>
      </c>
      <c r="B5022" t="s">
        <v>10024</v>
      </c>
      <c r="C5022" t="s">
        <v>10025</v>
      </c>
    </row>
    <row r="5023" spans="1:3" x14ac:dyDescent="0.15">
      <c r="A5023">
        <v>19991</v>
      </c>
      <c r="B5023" t="s">
        <v>10026</v>
      </c>
      <c r="C5023" t="s">
        <v>10027</v>
      </c>
    </row>
    <row r="5024" spans="1:3" x14ac:dyDescent="0.15">
      <c r="A5024">
        <v>19990</v>
      </c>
      <c r="B5024" t="s">
        <v>10028</v>
      </c>
      <c r="C5024" t="s">
        <v>10029</v>
      </c>
    </row>
    <row r="5025" spans="1:3" x14ac:dyDescent="0.15">
      <c r="A5025">
        <v>19989</v>
      </c>
      <c r="B5025" t="s">
        <v>10030</v>
      </c>
      <c r="C5025" t="s">
        <v>10031</v>
      </c>
    </row>
    <row r="5026" spans="1:3" x14ac:dyDescent="0.15">
      <c r="A5026">
        <v>19988</v>
      </c>
      <c r="B5026" t="s">
        <v>10032</v>
      </c>
      <c r="C5026" t="s">
        <v>10033</v>
      </c>
    </row>
    <row r="5027" spans="1:3" x14ac:dyDescent="0.15">
      <c r="A5027">
        <v>19987</v>
      </c>
      <c r="B5027" t="s">
        <v>10034</v>
      </c>
      <c r="C5027" t="s">
        <v>10035</v>
      </c>
    </row>
    <row r="5028" spans="1:3" x14ac:dyDescent="0.15">
      <c r="A5028">
        <v>19986</v>
      </c>
      <c r="B5028" t="s">
        <v>10036</v>
      </c>
      <c r="C5028" t="s">
        <v>10037</v>
      </c>
    </row>
    <row r="5029" spans="1:3" x14ac:dyDescent="0.15">
      <c r="A5029">
        <v>19985</v>
      </c>
      <c r="B5029" t="s">
        <v>10038</v>
      </c>
      <c r="C5029" t="s">
        <v>10039</v>
      </c>
    </row>
    <row r="5030" spans="1:3" x14ac:dyDescent="0.15">
      <c r="A5030">
        <v>19984</v>
      </c>
      <c r="B5030" t="s">
        <v>10040</v>
      </c>
      <c r="C5030" t="s">
        <v>10041</v>
      </c>
    </row>
    <row r="5031" spans="1:3" x14ac:dyDescent="0.15">
      <c r="A5031">
        <v>19983</v>
      </c>
      <c r="B5031" t="s">
        <v>10042</v>
      </c>
      <c r="C5031" t="s">
        <v>10043</v>
      </c>
    </row>
    <row r="5032" spans="1:3" x14ac:dyDescent="0.15">
      <c r="A5032">
        <v>19982</v>
      </c>
      <c r="B5032" t="s">
        <v>10044</v>
      </c>
      <c r="C5032" t="s">
        <v>10045</v>
      </c>
    </row>
    <row r="5033" spans="1:3" x14ac:dyDescent="0.15">
      <c r="A5033">
        <v>19981</v>
      </c>
      <c r="B5033" t="s">
        <v>10046</v>
      </c>
      <c r="C5033" t="s">
        <v>10047</v>
      </c>
    </row>
    <row r="5034" spans="1:3" x14ac:dyDescent="0.15">
      <c r="A5034">
        <v>19980</v>
      </c>
      <c r="B5034" t="s">
        <v>10048</v>
      </c>
      <c r="C5034" t="s">
        <v>10049</v>
      </c>
    </row>
    <row r="5035" spans="1:3" x14ac:dyDescent="0.15">
      <c r="A5035">
        <v>19979</v>
      </c>
      <c r="B5035" t="s">
        <v>10050</v>
      </c>
      <c r="C5035" t="s">
        <v>10051</v>
      </c>
    </row>
    <row r="5036" spans="1:3" x14ac:dyDescent="0.15">
      <c r="A5036">
        <v>19978</v>
      </c>
      <c r="B5036" t="s">
        <v>10052</v>
      </c>
      <c r="C5036" t="s">
        <v>10053</v>
      </c>
    </row>
    <row r="5037" spans="1:3" x14ac:dyDescent="0.15">
      <c r="A5037">
        <v>19977</v>
      </c>
      <c r="B5037" t="s">
        <v>10054</v>
      </c>
      <c r="C5037" t="s">
        <v>10055</v>
      </c>
    </row>
    <row r="5038" spans="1:3" x14ac:dyDescent="0.15">
      <c r="A5038">
        <v>19976</v>
      </c>
      <c r="B5038" t="s">
        <v>10056</v>
      </c>
      <c r="C5038" t="s">
        <v>10057</v>
      </c>
    </row>
    <row r="5039" spans="1:3" x14ac:dyDescent="0.15">
      <c r="A5039">
        <v>19975</v>
      </c>
      <c r="B5039" t="s">
        <v>10058</v>
      </c>
      <c r="C5039" t="s">
        <v>10059</v>
      </c>
    </row>
    <row r="5040" spans="1:3" x14ac:dyDescent="0.15">
      <c r="A5040">
        <v>19974</v>
      </c>
      <c r="B5040" t="s">
        <v>10060</v>
      </c>
      <c r="C5040" t="s">
        <v>10061</v>
      </c>
    </row>
    <row r="5041" spans="1:3" x14ac:dyDescent="0.15">
      <c r="A5041">
        <v>19973</v>
      </c>
      <c r="B5041" t="s">
        <v>10062</v>
      </c>
      <c r="C5041" t="s">
        <v>10063</v>
      </c>
    </row>
    <row r="5042" spans="1:3" x14ac:dyDescent="0.15">
      <c r="A5042">
        <v>19972</v>
      </c>
      <c r="B5042" t="s">
        <v>10064</v>
      </c>
      <c r="C5042" t="s">
        <v>10065</v>
      </c>
    </row>
    <row r="5043" spans="1:3" x14ac:dyDescent="0.15">
      <c r="A5043">
        <v>19971</v>
      </c>
      <c r="B5043" t="s">
        <v>10066</v>
      </c>
      <c r="C5043" t="s">
        <v>10067</v>
      </c>
    </row>
    <row r="5044" spans="1:3" x14ac:dyDescent="0.15">
      <c r="A5044">
        <v>19970</v>
      </c>
      <c r="B5044" t="s">
        <v>10068</v>
      </c>
      <c r="C5044" t="s">
        <v>10069</v>
      </c>
    </row>
    <row r="5045" spans="1:3" x14ac:dyDescent="0.15">
      <c r="A5045">
        <v>19969</v>
      </c>
      <c r="B5045" t="s">
        <v>10070</v>
      </c>
      <c r="C5045" t="s">
        <v>10071</v>
      </c>
    </row>
    <row r="5046" spans="1:3" x14ac:dyDescent="0.15">
      <c r="A5046">
        <v>19968</v>
      </c>
      <c r="B5046" t="s">
        <v>10072</v>
      </c>
      <c r="C5046" t="s">
        <v>10073</v>
      </c>
    </row>
    <row r="5047" spans="1:3" x14ac:dyDescent="0.15">
      <c r="A5047">
        <v>19967</v>
      </c>
      <c r="B5047" t="s">
        <v>10074</v>
      </c>
      <c r="C5047" t="s">
        <v>10075</v>
      </c>
    </row>
    <row r="5048" spans="1:3" x14ac:dyDescent="0.15">
      <c r="A5048">
        <v>19966</v>
      </c>
      <c r="B5048" t="s">
        <v>10076</v>
      </c>
      <c r="C5048" t="s">
        <v>10077</v>
      </c>
    </row>
    <row r="5049" spans="1:3" x14ac:dyDescent="0.15">
      <c r="A5049">
        <v>19965</v>
      </c>
      <c r="B5049" t="s">
        <v>10078</v>
      </c>
      <c r="C5049" t="s">
        <v>10079</v>
      </c>
    </row>
    <row r="5050" spans="1:3" x14ac:dyDescent="0.15">
      <c r="A5050">
        <v>19964</v>
      </c>
      <c r="B5050" t="s">
        <v>10080</v>
      </c>
      <c r="C5050" t="s">
        <v>10081</v>
      </c>
    </row>
    <row r="5051" spans="1:3" x14ac:dyDescent="0.15">
      <c r="A5051">
        <v>19963</v>
      </c>
      <c r="B5051" t="s">
        <v>10082</v>
      </c>
      <c r="C5051" t="s">
        <v>10083</v>
      </c>
    </row>
    <row r="5052" spans="1:3" x14ac:dyDescent="0.15">
      <c r="A5052">
        <v>19962</v>
      </c>
      <c r="B5052" t="s">
        <v>10084</v>
      </c>
      <c r="C5052" t="s">
        <v>10085</v>
      </c>
    </row>
    <row r="5053" spans="1:3" x14ac:dyDescent="0.15">
      <c r="A5053">
        <v>19961</v>
      </c>
      <c r="B5053" t="s">
        <v>10086</v>
      </c>
      <c r="C5053" t="s">
        <v>10087</v>
      </c>
    </row>
    <row r="5054" spans="1:3" x14ac:dyDescent="0.15">
      <c r="A5054">
        <v>19960</v>
      </c>
      <c r="B5054" t="s">
        <v>10088</v>
      </c>
      <c r="C5054" t="s">
        <v>10089</v>
      </c>
    </row>
    <row r="5055" spans="1:3" x14ac:dyDescent="0.15">
      <c r="A5055">
        <v>19959</v>
      </c>
      <c r="B5055" t="s">
        <v>10090</v>
      </c>
      <c r="C5055" t="s">
        <v>10091</v>
      </c>
    </row>
    <row r="5056" spans="1:3" x14ac:dyDescent="0.15">
      <c r="A5056">
        <v>19958</v>
      </c>
      <c r="B5056" t="s">
        <v>10092</v>
      </c>
      <c r="C5056" t="s">
        <v>10093</v>
      </c>
    </row>
    <row r="5057" spans="1:3" x14ac:dyDescent="0.15">
      <c r="A5057">
        <v>19957</v>
      </c>
      <c r="B5057" t="s">
        <v>10094</v>
      </c>
      <c r="C5057" t="s">
        <v>10095</v>
      </c>
    </row>
    <row r="5058" spans="1:3" x14ac:dyDescent="0.15">
      <c r="A5058">
        <v>19956</v>
      </c>
      <c r="B5058" t="s">
        <v>10096</v>
      </c>
      <c r="C5058" t="s">
        <v>10097</v>
      </c>
    </row>
    <row r="5059" spans="1:3" x14ac:dyDescent="0.15">
      <c r="A5059">
        <v>19955</v>
      </c>
      <c r="B5059" t="s">
        <v>10098</v>
      </c>
      <c r="C5059" t="s">
        <v>10099</v>
      </c>
    </row>
    <row r="5060" spans="1:3" x14ac:dyDescent="0.15">
      <c r="A5060">
        <v>19954</v>
      </c>
      <c r="B5060" t="s">
        <v>10100</v>
      </c>
      <c r="C5060" t="s">
        <v>10101</v>
      </c>
    </row>
    <row r="5061" spans="1:3" x14ac:dyDescent="0.15">
      <c r="A5061">
        <v>19953</v>
      </c>
      <c r="B5061" t="s">
        <v>10102</v>
      </c>
      <c r="C5061" t="s">
        <v>10103</v>
      </c>
    </row>
    <row r="5062" spans="1:3" x14ac:dyDescent="0.15">
      <c r="A5062">
        <v>19952</v>
      </c>
      <c r="B5062" t="s">
        <v>10104</v>
      </c>
      <c r="C5062" t="s">
        <v>10105</v>
      </c>
    </row>
    <row r="5063" spans="1:3" x14ac:dyDescent="0.15">
      <c r="A5063">
        <v>19951</v>
      </c>
      <c r="B5063" t="s">
        <v>10106</v>
      </c>
      <c r="C5063" t="s">
        <v>10107</v>
      </c>
    </row>
    <row r="5064" spans="1:3" x14ac:dyDescent="0.15">
      <c r="A5064">
        <v>19950</v>
      </c>
      <c r="B5064" t="s">
        <v>10108</v>
      </c>
      <c r="C5064" t="s">
        <v>10109</v>
      </c>
    </row>
    <row r="5065" spans="1:3" x14ac:dyDescent="0.15">
      <c r="A5065">
        <v>19949</v>
      </c>
      <c r="B5065" t="s">
        <v>10110</v>
      </c>
      <c r="C5065" t="s">
        <v>10111</v>
      </c>
    </row>
    <row r="5066" spans="1:3" x14ac:dyDescent="0.15">
      <c r="A5066">
        <v>19948</v>
      </c>
      <c r="B5066" t="s">
        <v>10112</v>
      </c>
      <c r="C5066" t="s">
        <v>10113</v>
      </c>
    </row>
    <row r="5067" spans="1:3" x14ac:dyDescent="0.15">
      <c r="A5067">
        <v>19947</v>
      </c>
      <c r="B5067" t="s">
        <v>10114</v>
      </c>
      <c r="C5067" t="s">
        <v>10115</v>
      </c>
    </row>
    <row r="5068" spans="1:3" x14ac:dyDescent="0.15">
      <c r="A5068">
        <v>19946</v>
      </c>
      <c r="B5068" t="s">
        <v>10116</v>
      </c>
      <c r="C5068" t="s">
        <v>10117</v>
      </c>
    </row>
    <row r="5069" spans="1:3" x14ac:dyDescent="0.15">
      <c r="A5069">
        <v>19945</v>
      </c>
      <c r="B5069" t="s">
        <v>10118</v>
      </c>
      <c r="C5069" t="s">
        <v>10119</v>
      </c>
    </row>
    <row r="5070" spans="1:3" x14ac:dyDescent="0.15">
      <c r="A5070">
        <v>19944</v>
      </c>
      <c r="B5070" t="s">
        <v>10120</v>
      </c>
      <c r="C5070" t="s">
        <v>10121</v>
      </c>
    </row>
    <row r="5071" spans="1:3" x14ac:dyDescent="0.15">
      <c r="A5071">
        <v>19943</v>
      </c>
      <c r="B5071" t="s">
        <v>10122</v>
      </c>
      <c r="C5071" t="s">
        <v>10123</v>
      </c>
    </row>
    <row r="5072" spans="1:3" x14ac:dyDescent="0.15">
      <c r="A5072">
        <v>19942</v>
      </c>
      <c r="B5072" t="s">
        <v>10124</v>
      </c>
      <c r="C5072" t="s">
        <v>10125</v>
      </c>
    </row>
    <row r="5073" spans="1:3" x14ac:dyDescent="0.15">
      <c r="A5073">
        <v>19941</v>
      </c>
      <c r="B5073" t="s">
        <v>10126</v>
      </c>
      <c r="C5073" t="s">
        <v>10127</v>
      </c>
    </row>
    <row r="5074" spans="1:3" x14ac:dyDescent="0.15">
      <c r="A5074">
        <v>19940</v>
      </c>
      <c r="B5074" t="s">
        <v>10128</v>
      </c>
      <c r="C5074" t="s">
        <v>10129</v>
      </c>
    </row>
    <row r="5075" spans="1:3" x14ac:dyDescent="0.15">
      <c r="A5075">
        <v>19939</v>
      </c>
      <c r="B5075" t="s">
        <v>10130</v>
      </c>
      <c r="C5075" t="s">
        <v>10131</v>
      </c>
    </row>
    <row r="5076" spans="1:3" x14ac:dyDescent="0.15">
      <c r="A5076">
        <v>19938</v>
      </c>
      <c r="B5076" t="s">
        <v>10132</v>
      </c>
      <c r="C5076" t="s">
        <v>10133</v>
      </c>
    </row>
    <row r="5077" spans="1:3" x14ac:dyDescent="0.15">
      <c r="A5077">
        <v>19937</v>
      </c>
      <c r="B5077" t="s">
        <v>10134</v>
      </c>
      <c r="C5077" t="s">
        <v>10135</v>
      </c>
    </row>
    <row r="5078" spans="1:3" x14ac:dyDescent="0.15">
      <c r="A5078">
        <v>19936</v>
      </c>
      <c r="B5078" t="s">
        <v>10136</v>
      </c>
      <c r="C5078" t="s">
        <v>10137</v>
      </c>
    </row>
    <row r="5079" spans="1:3" x14ac:dyDescent="0.15">
      <c r="A5079">
        <v>19935</v>
      </c>
      <c r="B5079" t="s">
        <v>10138</v>
      </c>
      <c r="C5079" t="s">
        <v>10139</v>
      </c>
    </row>
    <row r="5080" spans="1:3" x14ac:dyDescent="0.15">
      <c r="A5080">
        <v>19934</v>
      </c>
      <c r="B5080" t="s">
        <v>10140</v>
      </c>
      <c r="C5080" t="s">
        <v>10141</v>
      </c>
    </row>
    <row r="5081" spans="1:3" x14ac:dyDescent="0.15">
      <c r="A5081">
        <v>19933</v>
      </c>
      <c r="B5081" t="s">
        <v>10142</v>
      </c>
      <c r="C5081" t="s">
        <v>10143</v>
      </c>
    </row>
    <row r="5082" spans="1:3" x14ac:dyDescent="0.15">
      <c r="A5082">
        <v>19932</v>
      </c>
      <c r="B5082" t="s">
        <v>10144</v>
      </c>
      <c r="C5082" t="s">
        <v>10145</v>
      </c>
    </row>
    <row r="5083" spans="1:3" x14ac:dyDescent="0.15">
      <c r="A5083">
        <v>19931</v>
      </c>
      <c r="B5083" t="s">
        <v>10146</v>
      </c>
      <c r="C5083" t="s">
        <v>10147</v>
      </c>
    </row>
    <row r="5084" spans="1:3" x14ac:dyDescent="0.15">
      <c r="A5084">
        <v>19930</v>
      </c>
      <c r="B5084" t="s">
        <v>10148</v>
      </c>
      <c r="C5084" t="s">
        <v>10149</v>
      </c>
    </row>
    <row r="5085" spans="1:3" x14ac:dyDescent="0.15">
      <c r="A5085">
        <v>19929</v>
      </c>
      <c r="B5085" t="s">
        <v>10150</v>
      </c>
      <c r="C5085" t="s">
        <v>10151</v>
      </c>
    </row>
    <row r="5086" spans="1:3" x14ac:dyDescent="0.15">
      <c r="A5086">
        <v>19928</v>
      </c>
      <c r="B5086" t="s">
        <v>10152</v>
      </c>
      <c r="C5086" t="s">
        <v>10153</v>
      </c>
    </row>
    <row r="5087" spans="1:3" x14ac:dyDescent="0.15">
      <c r="A5087">
        <v>19927</v>
      </c>
      <c r="B5087" t="s">
        <v>10154</v>
      </c>
      <c r="C5087" t="s">
        <v>10155</v>
      </c>
    </row>
    <row r="5088" spans="1:3" x14ac:dyDescent="0.15">
      <c r="A5088">
        <v>19926</v>
      </c>
      <c r="B5088" t="s">
        <v>10156</v>
      </c>
      <c r="C5088" t="s">
        <v>10157</v>
      </c>
    </row>
    <row r="5089" spans="1:3" x14ac:dyDescent="0.15">
      <c r="A5089">
        <v>19925</v>
      </c>
      <c r="B5089" t="s">
        <v>10158</v>
      </c>
      <c r="C5089" t="s">
        <v>10159</v>
      </c>
    </row>
    <row r="5090" spans="1:3" x14ac:dyDescent="0.15">
      <c r="A5090">
        <v>19924</v>
      </c>
      <c r="B5090" t="s">
        <v>10160</v>
      </c>
      <c r="C5090" t="s">
        <v>10161</v>
      </c>
    </row>
    <row r="5091" spans="1:3" x14ac:dyDescent="0.15">
      <c r="A5091">
        <v>19923</v>
      </c>
      <c r="B5091" t="s">
        <v>10162</v>
      </c>
      <c r="C5091" t="s">
        <v>10163</v>
      </c>
    </row>
    <row r="5092" spans="1:3" x14ac:dyDescent="0.15">
      <c r="A5092">
        <v>19922</v>
      </c>
      <c r="B5092" t="s">
        <v>10164</v>
      </c>
      <c r="C5092" t="s">
        <v>10165</v>
      </c>
    </row>
    <row r="5093" spans="1:3" x14ac:dyDescent="0.15">
      <c r="A5093">
        <v>19920</v>
      </c>
      <c r="B5093" t="s">
        <v>10166</v>
      </c>
      <c r="C5093" t="s">
        <v>10167</v>
      </c>
    </row>
    <row r="5094" spans="1:3" x14ac:dyDescent="0.15">
      <c r="A5094">
        <v>19919</v>
      </c>
      <c r="B5094" t="s">
        <v>10168</v>
      </c>
      <c r="C5094" t="s">
        <v>10169</v>
      </c>
    </row>
    <row r="5095" spans="1:3" x14ac:dyDescent="0.15">
      <c r="A5095">
        <v>19918</v>
      </c>
      <c r="B5095" t="s">
        <v>10170</v>
      </c>
      <c r="C5095" t="s">
        <v>10171</v>
      </c>
    </row>
    <row r="5096" spans="1:3" x14ac:dyDescent="0.15">
      <c r="A5096">
        <v>19917</v>
      </c>
      <c r="B5096" t="s">
        <v>10172</v>
      </c>
      <c r="C5096" t="s">
        <v>10173</v>
      </c>
    </row>
    <row r="5097" spans="1:3" x14ac:dyDescent="0.15">
      <c r="A5097">
        <v>19916</v>
      </c>
      <c r="B5097" t="s">
        <v>10174</v>
      </c>
      <c r="C5097" t="s">
        <v>10175</v>
      </c>
    </row>
    <row r="5098" spans="1:3" x14ac:dyDescent="0.15">
      <c r="A5098">
        <v>19915</v>
      </c>
      <c r="B5098" t="s">
        <v>10176</v>
      </c>
      <c r="C5098" t="s">
        <v>10177</v>
      </c>
    </row>
    <row r="5099" spans="1:3" x14ac:dyDescent="0.15">
      <c r="A5099">
        <v>19914</v>
      </c>
      <c r="B5099" t="s">
        <v>10178</v>
      </c>
      <c r="C5099" t="s">
        <v>10179</v>
      </c>
    </row>
    <row r="5100" spans="1:3" x14ac:dyDescent="0.15">
      <c r="A5100">
        <v>19913</v>
      </c>
      <c r="B5100" t="s">
        <v>10180</v>
      </c>
      <c r="C5100" t="s">
        <v>10181</v>
      </c>
    </row>
    <row r="5101" spans="1:3" x14ac:dyDescent="0.15">
      <c r="A5101">
        <v>19912</v>
      </c>
      <c r="B5101" t="s">
        <v>10182</v>
      </c>
      <c r="C5101" t="s">
        <v>10183</v>
      </c>
    </row>
    <row r="5102" spans="1:3" x14ac:dyDescent="0.15">
      <c r="A5102">
        <v>19911</v>
      </c>
      <c r="B5102" t="s">
        <v>10184</v>
      </c>
      <c r="C5102" t="s">
        <v>10185</v>
      </c>
    </row>
    <row r="5103" spans="1:3" x14ac:dyDescent="0.15">
      <c r="A5103">
        <v>19910</v>
      </c>
      <c r="B5103" t="s">
        <v>10186</v>
      </c>
      <c r="C5103" t="s">
        <v>10187</v>
      </c>
    </row>
    <row r="5104" spans="1:3" x14ac:dyDescent="0.15">
      <c r="A5104">
        <v>19909</v>
      </c>
      <c r="B5104" t="s">
        <v>10188</v>
      </c>
      <c r="C5104" t="s">
        <v>10189</v>
      </c>
    </row>
    <row r="5105" spans="1:3" x14ac:dyDescent="0.15">
      <c r="A5105">
        <v>19908</v>
      </c>
      <c r="B5105" t="s">
        <v>10190</v>
      </c>
      <c r="C5105" t="s">
        <v>10191</v>
      </c>
    </row>
    <row r="5106" spans="1:3" x14ac:dyDescent="0.15">
      <c r="A5106">
        <v>19907</v>
      </c>
      <c r="B5106" t="s">
        <v>10192</v>
      </c>
      <c r="C5106" t="s">
        <v>10193</v>
      </c>
    </row>
    <row r="5107" spans="1:3" x14ac:dyDescent="0.15">
      <c r="A5107">
        <v>19906</v>
      </c>
      <c r="B5107" t="s">
        <v>10194</v>
      </c>
      <c r="C5107" t="s">
        <v>10195</v>
      </c>
    </row>
    <row r="5108" spans="1:3" x14ac:dyDescent="0.15">
      <c r="A5108">
        <v>19905</v>
      </c>
      <c r="B5108" t="s">
        <v>10196</v>
      </c>
      <c r="C5108" t="s">
        <v>10197</v>
      </c>
    </row>
    <row r="5109" spans="1:3" x14ac:dyDescent="0.15">
      <c r="A5109">
        <v>19904</v>
      </c>
      <c r="B5109" t="s">
        <v>10198</v>
      </c>
      <c r="C5109" t="s">
        <v>10199</v>
      </c>
    </row>
    <row r="5110" spans="1:3" x14ac:dyDescent="0.15">
      <c r="A5110">
        <v>19903</v>
      </c>
      <c r="B5110" t="s">
        <v>10200</v>
      </c>
      <c r="C5110" t="s">
        <v>10201</v>
      </c>
    </row>
    <row r="5111" spans="1:3" x14ac:dyDescent="0.15">
      <c r="A5111">
        <v>19902</v>
      </c>
      <c r="B5111" t="s">
        <v>10202</v>
      </c>
      <c r="C5111" t="s">
        <v>10203</v>
      </c>
    </row>
    <row r="5112" spans="1:3" x14ac:dyDescent="0.15">
      <c r="A5112">
        <v>19901</v>
      </c>
      <c r="B5112" t="s">
        <v>10204</v>
      </c>
      <c r="C5112" t="s">
        <v>10205</v>
      </c>
    </row>
    <row r="5113" spans="1:3" x14ac:dyDescent="0.15">
      <c r="A5113">
        <v>19900</v>
      </c>
      <c r="B5113" t="s">
        <v>10206</v>
      </c>
      <c r="C5113" t="s">
        <v>10207</v>
      </c>
    </row>
    <row r="5114" spans="1:3" x14ac:dyDescent="0.15">
      <c r="A5114">
        <v>19899</v>
      </c>
      <c r="B5114" t="s">
        <v>10208</v>
      </c>
      <c r="C5114" t="s">
        <v>10209</v>
      </c>
    </row>
    <row r="5115" spans="1:3" x14ac:dyDescent="0.15">
      <c r="A5115">
        <v>19898</v>
      </c>
      <c r="B5115" t="s">
        <v>10210</v>
      </c>
      <c r="C5115" t="s">
        <v>10211</v>
      </c>
    </row>
    <row r="5116" spans="1:3" x14ac:dyDescent="0.15">
      <c r="A5116">
        <v>19897</v>
      </c>
      <c r="B5116" t="s">
        <v>10212</v>
      </c>
      <c r="C5116" t="s">
        <v>10213</v>
      </c>
    </row>
    <row r="5117" spans="1:3" x14ac:dyDescent="0.15">
      <c r="A5117">
        <v>19896</v>
      </c>
      <c r="B5117" t="s">
        <v>10214</v>
      </c>
      <c r="C5117" t="s">
        <v>10215</v>
      </c>
    </row>
    <row r="5118" spans="1:3" x14ac:dyDescent="0.15">
      <c r="A5118">
        <v>19895</v>
      </c>
      <c r="B5118" t="s">
        <v>10216</v>
      </c>
      <c r="C5118" t="s">
        <v>10217</v>
      </c>
    </row>
    <row r="5119" spans="1:3" x14ac:dyDescent="0.15">
      <c r="A5119">
        <v>19894</v>
      </c>
      <c r="B5119" t="s">
        <v>10218</v>
      </c>
      <c r="C5119" t="s">
        <v>10219</v>
      </c>
    </row>
    <row r="5120" spans="1:3" x14ac:dyDescent="0.15">
      <c r="A5120">
        <v>19893</v>
      </c>
      <c r="B5120" t="s">
        <v>10220</v>
      </c>
      <c r="C5120" t="s">
        <v>10221</v>
      </c>
    </row>
    <row r="5121" spans="1:3" x14ac:dyDescent="0.15">
      <c r="A5121">
        <v>19892</v>
      </c>
      <c r="B5121" t="s">
        <v>10222</v>
      </c>
      <c r="C5121" t="s">
        <v>10223</v>
      </c>
    </row>
    <row r="5122" spans="1:3" x14ac:dyDescent="0.15">
      <c r="A5122">
        <v>19891</v>
      </c>
      <c r="B5122" t="s">
        <v>10224</v>
      </c>
      <c r="C5122" t="s">
        <v>10225</v>
      </c>
    </row>
    <row r="5123" spans="1:3" x14ac:dyDescent="0.15">
      <c r="A5123">
        <v>19890</v>
      </c>
      <c r="B5123" t="s">
        <v>10226</v>
      </c>
      <c r="C5123" t="s">
        <v>10227</v>
      </c>
    </row>
    <row r="5124" spans="1:3" x14ac:dyDescent="0.15">
      <c r="A5124">
        <v>19889</v>
      </c>
      <c r="B5124" t="s">
        <v>10228</v>
      </c>
      <c r="C5124" t="s">
        <v>10229</v>
      </c>
    </row>
    <row r="5125" spans="1:3" x14ac:dyDescent="0.15">
      <c r="A5125">
        <v>19888</v>
      </c>
      <c r="B5125" t="s">
        <v>10230</v>
      </c>
      <c r="C5125" t="s">
        <v>10231</v>
      </c>
    </row>
    <row r="5126" spans="1:3" x14ac:dyDescent="0.15">
      <c r="A5126">
        <v>19887</v>
      </c>
      <c r="B5126" t="s">
        <v>10232</v>
      </c>
      <c r="C5126" t="s">
        <v>10233</v>
      </c>
    </row>
    <row r="5127" spans="1:3" x14ac:dyDescent="0.15">
      <c r="A5127">
        <v>19886</v>
      </c>
      <c r="B5127" t="s">
        <v>10234</v>
      </c>
      <c r="C5127" t="s">
        <v>10235</v>
      </c>
    </row>
    <row r="5128" spans="1:3" x14ac:dyDescent="0.15">
      <c r="A5128">
        <v>19885</v>
      </c>
      <c r="B5128" t="s">
        <v>10236</v>
      </c>
      <c r="C5128" t="s">
        <v>10237</v>
      </c>
    </row>
    <row r="5129" spans="1:3" x14ac:dyDescent="0.15">
      <c r="A5129">
        <v>19884</v>
      </c>
      <c r="B5129" t="s">
        <v>10238</v>
      </c>
      <c r="C5129" t="s">
        <v>10239</v>
      </c>
    </row>
    <row r="5130" spans="1:3" x14ac:dyDescent="0.15">
      <c r="A5130">
        <v>19883</v>
      </c>
      <c r="B5130" t="s">
        <v>10240</v>
      </c>
      <c r="C5130" t="s">
        <v>10241</v>
      </c>
    </row>
    <row r="5131" spans="1:3" x14ac:dyDescent="0.15">
      <c r="A5131">
        <v>19882</v>
      </c>
      <c r="B5131" t="s">
        <v>10242</v>
      </c>
      <c r="C5131" t="s">
        <v>10243</v>
      </c>
    </row>
    <row r="5132" spans="1:3" x14ac:dyDescent="0.15">
      <c r="A5132">
        <v>19881</v>
      </c>
      <c r="B5132" t="s">
        <v>10244</v>
      </c>
      <c r="C5132" t="s">
        <v>10245</v>
      </c>
    </row>
    <row r="5133" spans="1:3" x14ac:dyDescent="0.15">
      <c r="A5133">
        <v>19880</v>
      </c>
      <c r="B5133" t="s">
        <v>10246</v>
      </c>
      <c r="C5133" t="s">
        <v>10247</v>
      </c>
    </row>
    <row r="5134" spans="1:3" x14ac:dyDescent="0.15">
      <c r="A5134">
        <v>19879</v>
      </c>
      <c r="B5134" t="s">
        <v>10248</v>
      </c>
      <c r="C5134" t="s">
        <v>10249</v>
      </c>
    </row>
    <row r="5135" spans="1:3" x14ac:dyDescent="0.15">
      <c r="A5135">
        <v>19878</v>
      </c>
      <c r="B5135" t="s">
        <v>10250</v>
      </c>
      <c r="C5135" t="s">
        <v>10251</v>
      </c>
    </row>
    <row r="5136" spans="1:3" x14ac:dyDescent="0.15">
      <c r="A5136">
        <v>19877</v>
      </c>
      <c r="B5136" t="s">
        <v>10252</v>
      </c>
      <c r="C5136" t="s">
        <v>10253</v>
      </c>
    </row>
    <row r="5137" spans="1:3" x14ac:dyDescent="0.15">
      <c r="A5137">
        <v>19876</v>
      </c>
      <c r="B5137" t="s">
        <v>10254</v>
      </c>
      <c r="C5137" t="s">
        <v>10255</v>
      </c>
    </row>
    <row r="5138" spans="1:3" x14ac:dyDescent="0.15">
      <c r="A5138">
        <v>19875</v>
      </c>
      <c r="B5138" t="s">
        <v>10256</v>
      </c>
      <c r="C5138" t="s">
        <v>10257</v>
      </c>
    </row>
    <row r="5139" spans="1:3" x14ac:dyDescent="0.15">
      <c r="A5139">
        <v>19874</v>
      </c>
      <c r="B5139" t="s">
        <v>10258</v>
      </c>
      <c r="C5139" t="s">
        <v>10259</v>
      </c>
    </row>
    <row r="5140" spans="1:3" x14ac:dyDescent="0.15">
      <c r="A5140">
        <v>19873</v>
      </c>
      <c r="B5140" t="s">
        <v>10260</v>
      </c>
      <c r="C5140" t="s">
        <v>10261</v>
      </c>
    </row>
    <row r="5141" spans="1:3" x14ac:dyDescent="0.15">
      <c r="A5141">
        <v>19872</v>
      </c>
      <c r="B5141" t="s">
        <v>10262</v>
      </c>
      <c r="C5141" t="s">
        <v>10263</v>
      </c>
    </row>
    <row r="5142" spans="1:3" x14ac:dyDescent="0.15">
      <c r="A5142">
        <v>19871</v>
      </c>
      <c r="B5142" t="s">
        <v>10264</v>
      </c>
      <c r="C5142" t="s">
        <v>10265</v>
      </c>
    </row>
    <row r="5143" spans="1:3" x14ac:dyDescent="0.15">
      <c r="A5143">
        <v>19870</v>
      </c>
      <c r="B5143" t="s">
        <v>10266</v>
      </c>
      <c r="C5143" t="s">
        <v>10267</v>
      </c>
    </row>
    <row r="5144" spans="1:3" x14ac:dyDescent="0.15">
      <c r="A5144">
        <v>19869</v>
      </c>
      <c r="B5144" t="s">
        <v>10268</v>
      </c>
      <c r="C5144" t="s">
        <v>10269</v>
      </c>
    </row>
    <row r="5145" spans="1:3" x14ac:dyDescent="0.15">
      <c r="A5145">
        <v>19868</v>
      </c>
      <c r="B5145" t="s">
        <v>10270</v>
      </c>
      <c r="C5145" t="s">
        <v>10271</v>
      </c>
    </row>
    <row r="5146" spans="1:3" x14ac:dyDescent="0.15">
      <c r="A5146">
        <v>19867</v>
      </c>
      <c r="B5146" t="s">
        <v>10272</v>
      </c>
      <c r="C5146" t="s">
        <v>10273</v>
      </c>
    </row>
    <row r="5147" spans="1:3" x14ac:dyDescent="0.15">
      <c r="A5147">
        <v>19866</v>
      </c>
      <c r="B5147" t="s">
        <v>10274</v>
      </c>
      <c r="C5147" t="s">
        <v>10275</v>
      </c>
    </row>
    <row r="5148" spans="1:3" x14ac:dyDescent="0.15">
      <c r="A5148">
        <v>19865</v>
      </c>
      <c r="B5148" t="s">
        <v>10276</v>
      </c>
      <c r="C5148" t="s">
        <v>10277</v>
      </c>
    </row>
    <row r="5149" spans="1:3" x14ac:dyDescent="0.15">
      <c r="A5149">
        <v>19864</v>
      </c>
      <c r="B5149" t="s">
        <v>10278</v>
      </c>
      <c r="C5149" t="s">
        <v>10279</v>
      </c>
    </row>
    <row r="5150" spans="1:3" x14ac:dyDescent="0.15">
      <c r="A5150">
        <v>19863</v>
      </c>
      <c r="B5150" t="s">
        <v>10280</v>
      </c>
      <c r="C5150" t="s">
        <v>10281</v>
      </c>
    </row>
    <row r="5151" spans="1:3" x14ac:dyDescent="0.15">
      <c r="A5151">
        <v>19862</v>
      </c>
      <c r="B5151" t="s">
        <v>10282</v>
      </c>
      <c r="C5151" t="s">
        <v>10283</v>
      </c>
    </row>
    <row r="5152" spans="1:3" x14ac:dyDescent="0.15">
      <c r="A5152">
        <v>19861</v>
      </c>
      <c r="B5152" t="s">
        <v>10284</v>
      </c>
      <c r="C5152" t="s">
        <v>10285</v>
      </c>
    </row>
    <row r="5153" spans="1:3" x14ac:dyDescent="0.15">
      <c r="A5153">
        <v>19860</v>
      </c>
      <c r="B5153" t="s">
        <v>10286</v>
      </c>
      <c r="C5153" t="s">
        <v>10287</v>
      </c>
    </row>
    <row r="5154" spans="1:3" x14ac:dyDescent="0.15">
      <c r="A5154">
        <v>19859</v>
      </c>
      <c r="B5154" t="s">
        <v>10288</v>
      </c>
      <c r="C5154" t="s">
        <v>10289</v>
      </c>
    </row>
    <row r="5155" spans="1:3" x14ac:dyDescent="0.15">
      <c r="A5155">
        <v>19858</v>
      </c>
      <c r="B5155" t="s">
        <v>10290</v>
      </c>
      <c r="C5155" t="s">
        <v>10291</v>
      </c>
    </row>
    <row r="5156" spans="1:3" x14ac:dyDescent="0.15">
      <c r="A5156">
        <v>19857</v>
      </c>
      <c r="B5156" t="s">
        <v>10292</v>
      </c>
      <c r="C5156" t="s">
        <v>10293</v>
      </c>
    </row>
    <row r="5157" spans="1:3" x14ac:dyDescent="0.15">
      <c r="A5157">
        <v>19856</v>
      </c>
      <c r="B5157" t="s">
        <v>10294</v>
      </c>
      <c r="C5157" t="s">
        <v>10295</v>
      </c>
    </row>
    <row r="5158" spans="1:3" x14ac:dyDescent="0.15">
      <c r="A5158">
        <v>19855</v>
      </c>
      <c r="B5158" t="s">
        <v>10296</v>
      </c>
      <c r="C5158" t="s">
        <v>10297</v>
      </c>
    </row>
    <row r="5159" spans="1:3" x14ac:dyDescent="0.15">
      <c r="A5159">
        <v>19854</v>
      </c>
      <c r="B5159" t="s">
        <v>10298</v>
      </c>
      <c r="C5159" t="s">
        <v>10299</v>
      </c>
    </row>
    <row r="5160" spans="1:3" x14ac:dyDescent="0.15">
      <c r="A5160">
        <v>19853</v>
      </c>
      <c r="B5160" t="s">
        <v>10300</v>
      </c>
      <c r="C5160" t="s">
        <v>10301</v>
      </c>
    </row>
    <row r="5161" spans="1:3" x14ac:dyDescent="0.15">
      <c r="A5161">
        <v>19852</v>
      </c>
      <c r="B5161" t="s">
        <v>10302</v>
      </c>
      <c r="C5161" t="s">
        <v>10303</v>
      </c>
    </row>
    <row r="5162" spans="1:3" x14ac:dyDescent="0.15">
      <c r="A5162">
        <v>19851</v>
      </c>
      <c r="B5162" t="s">
        <v>10304</v>
      </c>
      <c r="C5162" t="s">
        <v>10305</v>
      </c>
    </row>
    <row r="5163" spans="1:3" x14ac:dyDescent="0.15">
      <c r="A5163">
        <v>19850</v>
      </c>
      <c r="B5163" t="s">
        <v>10306</v>
      </c>
      <c r="C5163" t="s">
        <v>10307</v>
      </c>
    </row>
    <row r="5164" spans="1:3" x14ac:dyDescent="0.15">
      <c r="A5164">
        <v>19849</v>
      </c>
      <c r="B5164" t="s">
        <v>10308</v>
      </c>
      <c r="C5164" t="s">
        <v>10309</v>
      </c>
    </row>
    <row r="5165" spans="1:3" x14ac:dyDescent="0.15">
      <c r="A5165">
        <v>19848</v>
      </c>
      <c r="B5165" t="s">
        <v>10310</v>
      </c>
      <c r="C5165" t="s">
        <v>10311</v>
      </c>
    </row>
    <row r="5166" spans="1:3" x14ac:dyDescent="0.15">
      <c r="A5166">
        <v>19847</v>
      </c>
      <c r="B5166" t="s">
        <v>10312</v>
      </c>
      <c r="C5166" t="s">
        <v>10313</v>
      </c>
    </row>
    <row r="5167" spans="1:3" x14ac:dyDescent="0.15">
      <c r="A5167">
        <v>19846</v>
      </c>
      <c r="B5167" t="s">
        <v>10314</v>
      </c>
      <c r="C5167" t="s">
        <v>10315</v>
      </c>
    </row>
    <row r="5168" spans="1:3" x14ac:dyDescent="0.15">
      <c r="A5168">
        <v>19845</v>
      </c>
      <c r="B5168" t="s">
        <v>10316</v>
      </c>
      <c r="C5168" t="s">
        <v>10317</v>
      </c>
    </row>
    <row r="5169" spans="1:3" x14ac:dyDescent="0.15">
      <c r="A5169">
        <v>19844</v>
      </c>
      <c r="B5169" t="s">
        <v>10318</v>
      </c>
      <c r="C5169" t="s">
        <v>10319</v>
      </c>
    </row>
    <row r="5170" spans="1:3" x14ac:dyDescent="0.15">
      <c r="A5170">
        <v>19843</v>
      </c>
      <c r="B5170" t="s">
        <v>10320</v>
      </c>
      <c r="C5170" t="s">
        <v>10321</v>
      </c>
    </row>
    <row r="5171" spans="1:3" x14ac:dyDescent="0.15">
      <c r="A5171">
        <v>19842</v>
      </c>
      <c r="B5171" t="s">
        <v>10322</v>
      </c>
      <c r="C5171" t="s">
        <v>10323</v>
      </c>
    </row>
    <row r="5172" spans="1:3" x14ac:dyDescent="0.15">
      <c r="A5172">
        <v>19841</v>
      </c>
      <c r="B5172" t="s">
        <v>10324</v>
      </c>
      <c r="C5172" t="s">
        <v>10325</v>
      </c>
    </row>
    <row r="5173" spans="1:3" x14ac:dyDescent="0.15">
      <c r="A5173">
        <v>19840</v>
      </c>
      <c r="B5173" t="s">
        <v>10326</v>
      </c>
      <c r="C5173" t="s">
        <v>10327</v>
      </c>
    </row>
    <row r="5174" spans="1:3" x14ac:dyDescent="0.15">
      <c r="A5174">
        <v>19839</v>
      </c>
      <c r="B5174" t="s">
        <v>10328</v>
      </c>
      <c r="C5174" t="s">
        <v>10329</v>
      </c>
    </row>
    <row r="5175" spans="1:3" x14ac:dyDescent="0.15">
      <c r="A5175">
        <v>19838</v>
      </c>
      <c r="B5175" t="s">
        <v>10330</v>
      </c>
      <c r="C5175" t="s">
        <v>10331</v>
      </c>
    </row>
    <row r="5176" spans="1:3" x14ac:dyDescent="0.15">
      <c r="A5176">
        <v>19837</v>
      </c>
      <c r="B5176" t="s">
        <v>10332</v>
      </c>
      <c r="C5176" t="s">
        <v>10333</v>
      </c>
    </row>
    <row r="5177" spans="1:3" x14ac:dyDescent="0.15">
      <c r="A5177">
        <v>19836</v>
      </c>
      <c r="B5177" t="s">
        <v>10334</v>
      </c>
      <c r="C5177" t="s">
        <v>10335</v>
      </c>
    </row>
    <row r="5178" spans="1:3" x14ac:dyDescent="0.15">
      <c r="A5178">
        <v>19835</v>
      </c>
      <c r="B5178" t="s">
        <v>10336</v>
      </c>
      <c r="C5178" t="s">
        <v>10337</v>
      </c>
    </row>
    <row r="5179" spans="1:3" x14ac:dyDescent="0.15">
      <c r="A5179">
        <v>19834</v>
      </c>
      <c r="B5179" t="s">
        <v>10338</v>
      </c>
      <c r="C5179" t="s">
        <v>10339</v>
      </c>
    </row>
    <row r="5180" spans="1:3" x14ac:dyDescent="0.15">
      <c r="A5180">
        <v>19833</v>
      </c>
      <c r="B5180" t="s">
        <v>10340</v>
      </c>
      <c r="C5180" t="s">
        <v>10341</v>
      </c>
    </row>
    <row r="5181" spans="1:3" x14ac:dyDescent="0.15">
      <c r="A5181">
        <v>19832</v>
      </c>
      <c r="B5181" t="s">
        <v>10342</v>
      </c>
      <c r="C5181" t="s">
        <v>10343</v>
      </c>
    </row>
    <row r="5182" spans="1:3" x14ac:dyDescent="0.15">
      <c r="A5182">
        <v>19831</v>
      </c>
      <c r="B5182" t="s">
        <v>10344</v>
      </c>
      <c r="C5182" t="s">
        <v>10345</v>
      </c>
    </row>
    <row r="5183" spans="1:3" x14ac:dyDescent="0.15">
      <c r="A5183">
        <v>19830</v>
      </c>
      <c r="B5183" t="s">
        <v>10346</v>
      </c>
      <c r="C5183" t="s">
        <v>10347</v>
      </c>
    </row>
    <row r="5184" spans="1:3" x14ac:dyDescent="0.15">
      <c r="A5184">
        <v>19829</v>
      </c>
      <c r="B5184" t="s">
        <v>10348</v>
      </c>
      <c r="C5184" t="s">
        <v>10349</v>
      </c>
    </row>
    <row r="5185" spans="1:3" x14ac:dyDescent="0.15">
      <c r="A5185">
        <v>19828</v>
      </c>
      <c r="B5185" t="s">
        <v>10350</v>
      </c>
      <c r="C5185" t="s">
        <v>10351</v>
      </c>
    </row>
    <row r="5186" spans="1:3" x14ac:dyDescent="0.15">
      <c r="A5186">
        <v>19827</v>
      </c>
      <c r="B5186" t="s">
        <v>10352</v>
      </c>
      <c r="C5186" t="s">
        <v>10353</v>
      </c>
    </row>
    <row r="5187" spans="1:3" x14ac:dyDescent="0.15">
      <c r="A5187">
        <v>19826</v>
      </c>
      <c r="B5187" t="s">
        <v>10354</v>
      </c>
      <c r="C5187" t="s">
        <v>10355</v>
      </c>
    </row>
    <row r="5188" spans="1:3" x14ac:dyDescent="0.15">
      <c r="A5188">
        <v>19825</v>
      </c>
      <c r="B5188" t="s">
        <v>10356</v>
      </c>
      <c r="C5188" t="s">
        <v>10357</v>
      </c>
    </row>
    <row r="5189" spans="1:3" x14ac:dyDescent="0.15">
      <c r="A5189">
        <v>19824</v>
      </c>
      <c r="B5189" t="s">
        <v>10358</v>
      </c>
      <c r="C5189" t="s">
        <v>10359</v>
      </c>
    </row>
    <row r="5190" spans="1:3" x14ac:dyDescent="0.15">
      <c r="A5190">
        <v>19823</v>
      </c>
      <c r="B5190" t="s">
        <v>10360</v>
      </c>
      <c r="C5190" t="s">
        <v>10361</v>
      </c>
    </row>
    <row r="5191" spans="1:3" x14ac:dyDescent="0.15">
      <c r="A5191">
        <v>19822</v>
      </c>
      <c r="B5191" t="s">
        <v>10362</v>
      </c>
      <c r="C5191" t="s">
        <v>10363</v>
      </c>
    </row>
    <row r="5192" spans="1:3" x14ac:dyDescent="0.15">
      <c r="A5192">
        <v>19821</v>
      </c>
      <c r="B5192" t="s">
        <v>10364</v>
      </c>
      <c r="C5192" t="s">
        <v>10365</v>
      </c>
    </row>
    <row r="5193" spans="1:3" x14ac:dyDescent="0.15">
      <c r="A5193">
        <v>19820</v>
      </c>
      <c r="B5193" t="s">
        <v>10366</v>
      </c>
      <c r="C5193" t="s">
        <v>10367</v>
      </c>
    </row>
    <row r="5194" spans="1:3" x14ac:dyDescent="0.15">
      <c r="A5194">
        <v>19819</v>
      </c>
      <c r="B5194" t="s">
        <v>10368</v>
      </c>
      <c r="C5194" t="s">
        <v>10369</v>
      </c>
    </row>
    <row r="5195" spans="1:3" x14ac:dyDescent="0.15">
      <c r="A5195">
        <v>19818</v>
      </c>
      <c r="B5195" t="s">
        <v>10370</v>
      </c>
      <c r="C5195" t="s">
        <v>10371</v>
      </c>
    </row>
    <row r="5196" spans="1:3" x14ac:dyDescent="0.15">
      <c r="A5196">
        <v>19817</v>
      </c>
      <c r="B5196" t="s">
        <v>10372</v>
      </c>
      <c r="C5196" t="s">
        <v>10373</v>
      </c>
    </row>
    <row r="5197" spans="1:3" x14ac:dyDescent="0.15">
      <c r="A5197">
        <v>19816</v>
      </c>
      <c r="B5197" t="s">
        <v>10374</v>
      </c>
      <c r="C5197" t="s">
        <v>10375</v>
      </c>
    </row>
    <row r="5198" spans="1:3" x14ac:dyDescent="0.15">
      <c r="A5198">
        <v>19815</v>
      </c>
      <c r="B5198" t="s">
        <v>10376</v>
      </c>
      <c r="C5198" t="s">
        <v>10377</v>
      </c>
    </row>
    <row r="5199" spans="1:3" x14ac:dyDescent="0.15">
      <c r="A5199">
        <v>19814</v>
      </c>
      <c r="B5199" t="s">
        <v>10378</v>
      </c>
      <c r="C5199" t="s">
        <v>10379</v>
      </c>
    </row>
    <row r="5200" spans="1:3" x14ac:dyDescent="0.15">
      <c r="A5200">
        <v>19813</v>
      </c>
      <c r="B5200" t="s">
        <v>10380</v>
      </c>
      <c r="C5200" t="s">
        <v>10381</v>
      </c>
    </row>
    <row r="5201" spans="1:3" x14ac:dyDescent="0.15">
      <c r="A5201">
        <v>19812</v>
      </c>
      <c r="B5201" t="s">
        <v>10382</v>
      </c>
      <c r="C5201" t="s">
        <v>10383</v>
      </c>
    </row>
    <row r="5202" spans="1:3" x14ac:dyDescent="0.15">
      <c r="A5202">
        <v>19811</v>
      </c>
      <c r="B5202" t="s">
        <v>10384</v>
      </c>
      <c r="C5202" t="s">
        <v>10385</v>
      </c>
    </row>
    <row r="5203" spans="1:3" x14ac:dyDescent="0.15">
      <c r="A5203">
        <v>19810</v>
      </c>
      <c r="B5203" t="s">
        <v>10386</v>
      </c>
      <c r="C5203" t="s">
        <v>10387</v>
      </c>
    </row>
    <row r="5204" spans="1:3" x14ac:dyDescent="0.15">
      <c r="A5204">
        <v>19809</v>
      </c>
      <c r="B5204" t="s">
        <v>10388</v>
      </c>
      <c r="C5204" t="s">
        <v>10389</v>
      </c>
    </row>
    <row r="5205" spans="1:3" x14ac:dyDescent="0.15">
      <c r="A5205">
        <v>19808</v>
      </c>
      <c r="B5205" t="s">
        <v>10390</v>
      </c>
      <c r="C5205" t="s">
        <v>10391</v>
      </c>
    </row>
    <row r="5206" spans="1:3" x14ac:dyDescent="0.15">
      <c r="A5206">
        <v>19807</v>
      </c>
      <c r="B5206" t="s">
        <v>10392</v>
      </c>
      <c r="C5206" t="s">
        <v>10393</v>
      </c>
    </row>
    <row r="5207" spans="1:3" x14ac:dyDescent="0.15">
      <c r="A5207">
        <v>19806</v>
      </c>
      <c r="B5207" t="s">
        <v>10394</v>
      </c>
      <c r="C5207" t="s">
        <v>10395</v>
      </c>
    </row>
    <row r="5208" spans="1:3" x14ac:dyDescent="0.15">
      <c r="A5208">
        <v>19805</v>
      </c>
      <c r="B5208" t="s">
        <v>10396</v>
      </c>
      <c r="C5208" t="s">
        <v>10397</v>
      </c>
    </row>
    <row r="5209" spans="1:3" x14ac:dyDescent="0.15">
      <c r="A5209">
        <v>19804</v>
      </c>
      <c r="B5209" t="s">
        <v>10398</v>
      </c>
      <c r="C5209" t="s">
        <v>10399</v>
      </c>
    </row>
    <row r="5210" spans="1:3" x14ac:dyDescent="0.15">
      <c r="A5210">
        <v>19803</v>
      </c>
      <c r="B5210" t="s">
        <v>10400</v>
      </c>
      <c r="C5210" t="s">
        <v>10401</v>
      </c>
    </row>
    <row r="5211" spans="1:3" x14ac:dyDescent="0.15">
      <c r="A5211">
        <v>19802</v>
      </c>
      <c r="B5211" t="s">
        <v>10402</v>
      </c>
      <c r="C5211" t="s">
        <v>10403</v>
      </c>
    </row>
    <row r="5212" spans="1:3" x14ac:dyDescent="0.15">
      <c r="A5212">
        <v>19801</v>
      </c>
      <c r="B5212" t="s">
        <v>10404</v>
      </c>
      <c r="C5212" t="s">
        <v>10405</v>
      </c>
    </row>
    <row r="5213" spans="1:3" x14ac:dyDescent="0.15">
      <c r="A5213">
        <v>19800</v>
      </c>
      <c r="B5213" t="s">
        <v>10406</v>
      </c>
      <c r="C5213" t="s">
        <v>10407</v>
      </c>
    </row>
    <row r="5214" spans="1:3" x14ac:dyDescent="0.15">
      <c r="A5214">
        <v>19799</v>
      </c>
      <c r="B5214" t="s">
        <v>10408</v>
      </c>
      <c r="C5214" t="s">
        <v>10409</v>
      </c>
    </row>
    <row r="5215" spans="1:3" x14ac:dyDescent="0.15">
      <c r="A5215">
        <v>19798</v>
      </c>
      <c r="B5215" t="s">
        <v>10410</v>
      </c>
      <c r="C5215" t="s">
        <v>10411</v>
      </c>
    </row>
    <row r="5216" spans="1:3" x14ac:dyDescent="0.15">
      <c r="A5216">
        <v>19797</v>
      </c>
      <c r="B5216" t="s">
        <v>10412</v>
      </c>
      <c r="C5216" t="s">
        <v>10413</v>
      </c>
    </row>
    <row r="5217" spans="1:3" x14ac:dyDescent="0.15">
      <c r="A5217">
        <v>19796</v>
      </c>
      <c r="B5217" t="s">
        <v>10414</v>
      </c>
      <c r="C5217" t="s">
        <v>10415</v>
      </c>
    </row>
    <row r="5218" spans="1:3" x14ac:dyDescent="0.15">
      <c r="A5218">
        <v>19795</v>
      </c>
      <c r="B5218" t="s">
        <v>10416</v>
      </c>
      <c r="C5218" t="s">
        <v>10417</v>
      </c>
    </row>
    <row r="5219" spans="1:3" x14ac:dyDescent="0.15">
      <c r="A5219">
        <v>19794</v>
      </c>
      <c r="B5219" t="s">
        <v>10418</v>
      </c>
      <c r="C5219" t="s">
        <v>10419</v>
      </c>
    </row>
    <row r="5220" spans="1:3" x14ac:dyDescent="0.15">
      <c r="A5220">
        <v>19793</v>
      </c>
      <c r="B5220" t="s">
        <v>10420</v>
      </c>
      <c r="C5220" t="s">
        <v>10421</v>
      </c>
    </row>
    <row r="5221" spans="1:3" x14ac:dyDescent="0.15">
      <c r="A5221">
        <v>19792</v>
      </c>
      <c r="B5221" t="s">
        <v>10422</v>
      </c>
      <c r="C5221" t="s">
        <v>10423</v>
      </c>
    </row>
    <row r="5222" spans="1:3" x14ac:dyDescent="0.15">
      <c r="A5222">
        <v>19791</v>
      </c>
      <c r="B5222" t="s">
        <v>10424</v>
      </c>
      <c r="C5222" t="s">
        <v>10425</v>
      </c>
    </row>
    <row r="5223" spans="1:3" x14ac:dyDescent="0.15">
      <c r="A5223">
        <v>19790</v>
      </c>
      <c r="B5223" t="s">
        <v>10426</v>
      </c>
      <c r="C5223" t="s">
        <v>10427</v>
      </c>
    </row>
    <row r="5224" spans="1:3" x14ac:dyDescent="0.15">
      <c r="A5224">
        <v>19789</v>
      </c>
      <c r="B5224" t="s">
        <v>10428</v>
      </c>
      <c r="C5224" t="s">
        <v>10429</v>
      </c>
    </row>
    <row r="5225" spans="1:3" x14ac:dyDescent="0.15">
      <c r="A5225">
        <v>19788</v>
      </c>
      <c r="B5225" t="s">
        <v>10430</v>
      </c>
      <c r="C5225" t="s">
        <v>10431</v>
      </c>
    </row>
    <row r="5226" spans="1:3" x14ac:dyDescent="0.15">
      <c r="A5226">
        <v>19787</v>
      </c>
      <c r="B5226" t="s">
        <v>10432</v>
      </c>
      <c r="C5226" t="s">
        <v>10433</v>
      </c>
    </row>
    <row r="5227" spans="1:3" x14ac:dyDescent="0.15">
      <c r="A5227">
        <v>19786</v>
      </c>
      <c r="B5227" t="s">
        <v>10434</v>
      </c>
      <c r="C5227" t="s">
        <v>10435</v>
      </c>
    </row>
    <row r="5228" spans="1:3" x14ac:dyDescent="0.15">
      <c r="A5228">
        <v>19785</v>
      </c>
      <c r="B5228" t="s">
        <v>10436</v>
      </c>
      <c r="C5228" t="s">
        <v>10437</v>
      </c>
    </row>
    <row r="5229" spans="1:3" x14ac:dyDescent="0.15">
      <c r="A5229">
        <v>19784</v>
      </c>
      <c r="B5229" t="s">
        <v>10438</v>
      </c>
      <c r="C5229" t="s">
        <v>10439</v>
      </c>
    </row>
    <row r="5230" spans="1:3" x14ac:dyDescent="0.15">
      <c r="A5230">
        <v>19783</v>
      </c>
      <c r="B5230" t="s">
        <v>10440</v>
      </c>
      <c r="C5230" t="s">
        <v>10441</v>
      </c>
    </row>
    <row r="5231" spans="1:3" x14ac:dyDescent="0.15">
      <c r="A5231">
        <v>19782</v>
      </c>
      <c r="B5231" t="s">
        <v>10442</v>
      </c>
      <c r="C5231" t="s">
        <v>10443</v>
      </c>
    </row>
    <row r="5232" spans="1:3" x14ac:dyDescent="0.15">
      <c r="A5232">
        <v>19781</v>
      </c>
      <c r="B5232" t="s">
        <v>10444</v>
      </c>
      <c r="C5232" t="s">
        <v>10445</v>
      </c>
    </row>
    <row r="5233" spans="1:3" x14ac:dyDescent="0.15">
      <c r="A5233">
        <v>19780</v>
      </c>
      <c r="B5233" t="s">
        <v>10446</v>
      </c>
      <c r="C5233" t="s">
        <v>10447</v>
      </c>
    </row>
    <row r="5234" spans="1:3" x14ac:dyDescent="0.15">
      <c r="A5234">
        <v>19779</v>
      </c>
      <c r="B5234" t="s">
        <v>10448</v>
      </c>
      <c r="C5234" t="s">
        <v>10449</v>
      </c>
    </row>
    <row r="5235" spans="1:3" x14ac:dyDescent="0.15">
      <c r="A5235">
        <v>19778</v>
      </c>
      <c r="B5235" t="s">
        <v>10450</v>
      </c>
      <c r="C5235" t="s">
        <v>10451</v>
      </c>
    </row>
    <row r="5236" spans="1:3" x14ac:dyDescent="0.15">
      <c r="A5236">
        <v>19777</v>
      </c>
      <c r="B5236" t="s">
        <v>10452</v>
      </c>
      <c r="C5236" t="s">
        <v>10453</v>
      </c>
    </row>
    <row r="5237" spans="1:3" x14ac:dyDescent="0.15">
      <c r="A5237">
        <v>19776</v>
      </c>
      <c r="B5237" t="s">
        <v>10454</v>
      </c>
      <c r="C5237" t="s">
        <v>10455</v>
      </c>
    </row>
    <row r="5238" spans="1:3" x14ac:dyDescent="0.15">
      <c r="A5238">
        <v>19775</v>
      </c>
      <c r="B5238" t="s">
        <v>10456</v>
      </c>
      <c r="C5238" t="s">
        <v>10457</v>
      </c>
    </row>
    <row r="5239" spans="1:3" x14ac:dyDescent="0.15">
      <c r="A5239">
        <v>19774</v>
      </c>
      <c r="B5239" t="s">
        <v>10458</v>
      </c>
      <c r="C5239" t="s">
        <v>10459</v>
      </c>
    </row>
    <row r="5240" spans="1:3" x14ac:dyDescent="0.15">
      <c r="A5240">
        <v>19773</v>
      </c>
      <c r="B5240" t="s">
        <v>10460</v>
      </c>
      <c r="C5240" t="s">
        <v>10461</v>
      </c>
    </row>
    <row r="5241" spans="1:3" x14ac:dyDescent="0.15">
      <c r="A5241">
        <v>19772</v>
      </c>
      <c r="B5241" t="s">
        <v>10462</v>
      </c>
      <c r="C5241" t="s">
        <v>10463</v>
      </c>
    </row>
    <row r="5242" spans="1:3" x14ac:dyDescent="0.15">
      <c r="A5242">
        <v>19771</v>
      </c>
      <c r="B5242" t="s">
        <v>10464</v>
      </c>
      <c r="C5242" t="s">
        <v>10465</v>
      </c>
    </row>
    <row r="5243" spans="1:3" x14ac:dyDescent="0.15">
      <c r="A5243">
        <v>19770</v>
      </c>
      <c r="B5243" t="s">
        <v>10466</v>
      </c>
      <c r="C5243" t="s">
        <v>10467</v>
      </c>
    </row>
    <row r="5244" spans="1:3" x14ac:dyDescent="0.15">
      <c r="A5244">
        <v>19769</v>
      </c>
      <c r="B5244" t="s">
        <v>10468</v>
      </c>
      <c r="C5244" t="s">
        <v>10469</v>
      </c>
    </row>
    <row r="5245" spans="1:3" x14ac:dyDescent="0.15">
      <c r="A5245">
        <v>19768</v>
      </c>
      <c r="B5245" t="s">
        <v>10470</v>
      </c>
      <c r="C5245" t="s">
        <v>10471</v>
      </c>
    </row>
    <row r="5246" spans="1:3" x14ac:dyDescent="0.15">
      <c r="A5246">
        <v>19767</v>
      </c>
      <c r="B5246" t="s">
        <v>10472</v>
      </c>
      <c r="C5246" t="s">
        <v>10473</v>
      </c>
    </row>
    <row r="5247" spans="1:3" x14ac:dyDescent="0.15">
      <c r="A5247">
        <v>19766</v>
      </c>
      <c r="B5247" t="s">
        <v>10474</v>
      </c>
      <c r="C5247" t="s">
        <v>10475</v>
      </c>
    </row>
    <row r="5248" spans="1:3" x14ac:dyDescent="0.15">
      <c r="A5248">
        <v>19765</v>
      </c>
      <c r="B5248" t="s">
        <v>10476</v>
      </c>
      <c r="C5248" t="s">
        <v>10477</v>
      </c>
    </row>
    <row r="5249" spans="1:3" x14ac:dyDescent="0.15">
      <c r="A5249">
        <v>19764</v>
      </c>
      <c r="B5249" t="s">
        <v>10478</v>
      </c>
      <c r="C5249" t="s">
        <v>10479</v>
      </c>
    </row>
    <row r="5250" spans="1:3" x14ac:dyDescent="0.15">
      <c r="A5250">
        <v>19763</v>
      </c>
      <c r="B5250" t="s">
        <v>10480</v>
      </c>
      <c r="C5250" t="s">
        <v>10481</v>
      </c>
    </row>
    <row r="5251" spans="1:3" x14ac:dyDescent="0.15">
      <c r="A5251">
        <v>19762</v>
      </c>
      <c r="B5251" t="s">
        <v>10482</v>
      </c>
      <c r="C5251" t="s">
        <v>10483</v>
      </c>
    </row>
    <row r="5252" spans="1:3" x14ac:dyDescent="0.15">
      <c r="A5252">
        <v>19761</v>
      </c>
      <c r="B5252" t="s">
        <v>10484</v>
      </c>
      <c r="C5252" t="s">
        <v>10485</v>
      </c>
    </row>
    <row r="5253" spans="1:3" x14ac:dyDescent="0.15">
      <c r="A5253">
        <v>19760</v>
      </c>
      <c r="B5253" t="s">
        <v>10486</v>
      </c>
      <c r="C5253" t="s">
        <v>10487</v>
      </c>
    </row>
    <row r="5254" spans="1:3" x14ac:dyDescent="0.15">
      <c r="A5254">
        <v>19759</v>
      </c>
      <c r="B5254" t="s">
        <v>10488</v>
      </c>
      <c r="C5254" t="s">
        <v>10489</v>
      </c>
    </row>
    <row r="5255" spans="1:3" x14ac:dyDescent="0.15">
      <c r="A5255">
        <v>19758</v>
      </c>
      <c r="B5255" t="s">
        <v>10490</v>
      </c>
      <c r="C5255" t="s">
        <v>10491</v>
      </c>
    </row>
    <row r="5256" spans="1:3" x14ac:dyDescent="0.15">
      <c r="A5256">
        <v>19757</v>
      </c>
      <c r="B5256" t="s">
        <v>10492</v>
      </c>
      <c r="C5256" t="s">
        <v>10493</v>
      </c>
    </row>
    <row r="5257" spans="1:3" x14ac:dyDescent="0.15">
      <c r="A5257">
        <v>19756</v>
      </c>
      <c r="B5257" t="s">
        <v>10494</v>
      </c>
      <c r="C5257" t="s">
        <v>10495</v>
      </c>
    </row>
    <row r="5258" spans="1:3" x14ac:dyDescent="0.15">
      <c r="A5258">
        <v>19755</v>
      </c>
      <c r="B5258" t="s">
        <v>10496</v>
      </c>
      <c r="C5258" t="s">
        <v>10497</v>
      </c>
    </row>
    <row r="5259" spans="1:3" x14ac:dyDescent="0.15">
      <c r="A5259">
        <v>19754</v>
      </c>
      <c r="B5259" t="s">
        <v>10498</v>
      </c>
      <c r="C5259" t="s">
        <v>10499</v>
      </c>
    </row>
    <row r="5260" spans="1:3" x14ac:dyDescent="0.15">
      <c r="A5260">
        <v>19753</v>
      </c>
      <c r="B5260" t="s">
        <v>10500</v>
      </c>
      <c r="C5260" t="s">
        <v>10501</v>
      </c>
    </row>
    <row r="5261" spans="1:3" x14ac:dyDescent="0.15">
      <c r="A5261">
        <v>19752</v>
      </c>
      <c r="B5261" t="s">
        <v>10502</v>
      </c>
      <c r="C5261" t="s">
        <v>10503</v>
      </c>
    </row>
    <row r="5262" spans="1:3" x14ac:dyDescent="0.15">
      <c r="A5262">
        <v>19751</v>
      </c>
      <c r="B5262" t="s">
        <v>10504</v>
      </c>
      <c r="C5262" t="s">
        <v>10505</v>
      </c>
    </row>
    <row r="5263" spans="1:3" x14ac:dyDescent="0.15">
      <c r="A5263">
        <v>19750</v>
      </c>
      <c r="B5263" t="s">
        <v>10506</v>
      </c>
      <c r="C5263" t="s">
        <v>10507</v>
      </c>
    </row>
    <row r="5264" spans="1:3" x14ac:dyDescent="0.15">
      <c r="A5264">
        <v>19749</v>
      </c>
      <c r="B5264" t="s">
        <v>10508</v>
      </c>
      <c r="C5264" t="s">
        <v>10509</v>
      </c>
    </row>
    <row r="5265" spans="1:3" x14ac:dyDescent="0.15">
      <c r="A5265">
        <v>19748</v>
      </c>
      <c r="B5265" t="s">
        <v>10510</v>
      </c>
      <c r="C5265" t="s">
        <v>10511</v>
      </c>
    </row>
    <row r="5266" spans="1:3" x14ac:dyDescent="0.15">
      <c r="A5266">
        <v>19747</v>
      </c>
      <c r="B5266" t="s">
        <v>10512</v>
      </c>
      <c r="C5266" t="s">
        <v>10513</v>
      </c>
    </row>
    <row r="5267" spans="1:3" x14ac:dyDescent="0.15">
      <c r="A5267">
        <v>19746</v>
      </c>
      <c r="B5267" t="s">
        <v>10514</v>
      </c>
      <c r="C5267" t="s">
        <v>10515</v>
      </c>
    </row>
    <row r="5268" spans="1:3" x14ac:dyDescent="0.15">
      <c r="A5268">
        <v>19745</v>
      </c>
      <c r="B5268" t="s">
        <v>10516</v>
      </c>
      <c r="C5268" t="s">
        <v>10517</v>
      </c>
    </row>
    <row r="5269" spans="1:3" x14ac:dyDescent="0.15">
      <c r="A5269">
        <v>19744</v>
      </c>
      <c r="B5269" t="s">
        <v>10518</v>
      </c>
      <c r="C5269" t="s">
        <v>10519</v>
      </c>
    </row>
    <row r="5270" spans="1:3" x14ac:dyDescent="0.15">
      <c r="A5270">
        <v>19743</v>
      </c>
      <c r="B5270" t="s">
        <v>10520</v>
      </c>
      <c r="C5270" t="s">
        <v>10521</v>
      </c>
    </row>
    <row r="5271" spans="1:3" x14ac:dyDescent="0.15">
      <c r="A5271">
        <v>19742</v>
      </c>
      <c r="B5271" t="s">
        <v>10522</v>
      </c>
      <c r="C5271" t="s">
        <v>10523</v>
      </c>
    </row>
    <row r="5272" spans="1:3" x14ac:dyDescent="0.15">
      <c r="A5272">
        <v>19741</v>
      </c>
      <c r="B5272" t="s">
        <v>10524</v>
      </c>
      <c r="C5272" t="s">
        <v>10525</v>
      </c>
    </row>
    <row r="5273" spans="1:3" x14ac:dyDescent="0.15">
      <c r="A5273">
        <v>19740</v>
      </c>
      <c r="B5273" t="s">
        <v>10526</v>
      </c>
      <c r="C5273" t="s">
        <v>10527</v>
      </c>
    </row>
    <row r="5274" spans="1:3" x14ac:dyDescent="0.15">
      <c r="A5274">
        <v>19739</v>
      </c>
      <c r="B5274" t="s">
        <v>10528</v>
      </c>
      <c r="C5274" t="s">
        <v>10529</v>
      </c>
    </row>
    <row r="5275" spans="1:3" x14ac:dyDescent="0.15">
      <c r="A5275">
        <v>19738</v>
      </c>
      <c r="B5275" t="s">
        <v>10530</v>
      </c>
      <c r="C5275" t="s">
        <v>10531</v>
      </c>
    </row>
    <row r="5276" spans="1:3" x14ac:dyDescent="0.15">
      <c r="A5276">
        <v>19737</v>
      </c>
      <c r="B5276" t="s">
        <v>10532</v>
      </c>
      <c r="C5276" t="s">
        <v>10533</v>
      </c>
    </row>
    <row r="5277" spans="1:3" x14ac:dyDescent="0.15">
      <c r="A5277">
        <v>19736</v>
      </c>
      <c r="B5277" t="s">
        <v>10534</v>
      </c>
      <c r="C5277" t="s">
        <v>10535</v>
      </c>
    </row>
    <row r="5278" spans="1:3" x14ac:dyDescent="0.15">
      <c r="A5278">
        <v>19735</v>
      </c>
      <c r="B5278" t="s">
        <v>10536</v>
      </c>
      <c r="C5278" t="s">
        <v>10537</v>
      </c>
    </row>
    <row r="5279" spans="1:3" x14ac:dyDescent="0.15">
      <c r="A5279">
        <v>19734</v>
      </c>
      <c r="B5279" t="s">
        <v>10538</v>
      </c>
      <c r="C5279" t="s">
        <v>10539</v>
      </c>
    </row>
    <row r="5280" spans="1:3" x14ac:dyDescent="0.15">
      <c r="A5280">
        <v>19733</v>
      </c>
      <c r="B5280" t="s">
        <v>10540</v>
      </c>
      <c r="C5280" t="s">
        <v>10541</v>
      </c>
    </row>
    <row r="5281" spans="1:3" x14ac:dyDescent="0.15">
      <c r="A5281">
        <v>19732</v>
      </c>
      <c r="B5281" t="s">
        <v>10542</v>
      </c>
      <c r="C5281" t="s">
        <v>10543</v>
      </c>
    </row>
    <row r="5282" spans="1:3" x14ac:dyDescent="0.15">
      <c r="A5282">
        <v>19731</v>
      </c>
      <c r="B5282" t="s">
        <v>10544</v>
      </c>
      <c r="C5282" t="s">
        <v>10545</v>
      </c>
    </row>
    <row r="5283" spans="1:3" x14ac:dyDescent="0.15">
      <c r="A5283">
        <v>19730</v>
      </c>
      <c r="B5283" t="s">
        <v>10546</v>
      </c>
      <c r="C5283" t="s">
        <v>10547</v>
      </c>
    </row>
    <row r="5284" spans="1:3" x14ac:dyDescent="0.15">
      <c r="A5284">
        <v>19729</v>
      </c>
      <c r="B5284" t="s">
        <v>10548</v>
      </c>
      <c r="C5284" t="s">
        <v>10549</v>
      </c>
    </row>
    <row r="5285" spans="1:3" x14ac:dyDescent="0.15">
      <c r="A5285">
        <v>19728</v>
      </c>
      <c r="B5285" t="s">
        <v>10550</v>
      </c>
      <c r="C5285" t="s">
        <v>10551</v>
      </c>
    </row>
    <row r="5286" spans="1:3" x14ac:dyDescent="0.15">
      <c r="A5286">
        <v>19727</v>
      </c>
      <c r="B5286" t="s">
        <v>10552</v>
      </c>
      <c r="C5286" t="s">
        <v>10553</v>
      </c>
    </row>
    <row r="5287" spans="1:3" x14ac:dyDescent="0.15">
      <c r="A5287">
        <v>19726</v>
      </c>
      <c r="B5287" t="s">
        <v>10554</v>
      </c>
      <c r="C5287" t="s">
        <v>10555</v>
      </c>
    </row>
    <row r="5288" spans="1:3" x14ac:dyDescent="0.15">
      <c r="A5288">
        <v>19725</v>
      </c>
      <c r="B5288" t="s">
        <v>10556</v>
      </c>
      <c r="C5288" t="s">
        <v>10557</v>
      </c>
    </row>
    <row r="5289" spans="1:3" x14ac:dyDescent="0.15">
      <c r="A5289">
        <v>19724</v>
      </c>
      <c r="B5289" t="s">
        <v>10558</v>
      </c>
      <c r="C5289" t="s">
        <v>10559</v>
      </c>
    </row>
    <row r="5290" spans="1:3" x14ac:dyDescent="0.15">
      <c r="A5290">
        <v>19723</v>
      </c>
      <c r="B5290" t="s">
        <v>10560</v>
      </c>
      <c r="C5290" t="s">
        <v>10561</v>
      </c>
    </row>
    <row r="5291" spans="1:3" x14ac:dyDescent="0.15">
      <c r="A5291">
        <v>19722</v>
      </c>
      <c r="B5291" t="s">
        <v>10562</v>
      </c>
      <c r="C5291" t="s">
        <v>10563</v>
      </c>
    </row>
    <row r="5292" spans="1:3" x14ac:dyDescent="0.15">
      <c r="A5292">
        <v>19721</v>
      </c>
      <c r="B5292" t="s">
        <v>10564</v>
      </c>
      <c r="C5292" t="s">
        <v>10565</v>
      </c>
    </row>
    <row r="5293" spans="1:3" x14ac:dyDescent="0.15">
      <c r="A5293">
        <v>19720</v>
      </c>
      <c r="B5293" t="s">
        <v>10566</v>
      </c>
      <c r="C5293" t="s">
        <v>10567</v>
      </c>
    </row>
    <row r="5294" spans="1:3" x14ac:dyDescent="0.15">
      <c r="A5294">
        <v>19719</v>
      </c>
      <c r="B5294" t="s">
        <v>10568</v>
      </c>
      <c r="C5294" t="s">
        <v>10569</v>
      </c>
    </row>
    <row r="5295" spans="1:3" x14ac:dyDescent="0.15">
      <c r="A5295">
        <v>19718</v>
      </c>
      <c r="B5295" t="s">
        <v>10570</v>
      </c>
      <c r="C5295" t="s">
        <v>10571</v>
      </c>
    </row>
    <row r="5296" spans="1:3" x14ac:dyDescent="0.15">
      <c r="A5296">
        <v>19717</v>
      </c>
      <c r="B5296" t="s">
        <v>10572</v>
      </c>
      <c r="C5296" t="s">
        <v>10573</v>
      </c>
    </row>
    <row r="5297" spans="1:3" x14ac:dyDescent="0.15">
      <c r="A5297">
        <v>19716</v>
      </c>
      <c r="B5297" t="s">
        <v>10574</v>
      </c>
      <c r="C5297" t="s">
        <v>10575</v>
      </c>
    </row>
    <row r="5298" spans="1:3" x14ac:dyDescent="0.15">
      <c r="A5298">
        <v>19715</v>
      </c>
      <c r="B5298" t="s">
        <v>10576</v>
      </c>
      <c r="C5298" t="s">
        <v>10577</v>
      </c>
    </row>
    <row r="5299" spans="1:3" x14ac:dyDescent="0.15">
      <c r="A5299">
        <v>19714</v>
      </c>
      <c r="B5299" t="s">
        <v>10578</v>
      </c>
      <c r="C5299" t="s">
        <v>10579</v>
      </c>
    </row>
    <row r="5300" spans="1:3" x14ac:dyDescent="0.15">
      <c r="A5300">
        <v>19713</v>
      </c>
      <c r="B5300" t="s">
        <v>10580</v>
      </c>
      <c r="C5300" t="s">
        <v>10581</v>
      </c>
    </row>
    <row r="5301" spans="1:3" x14ac:dyDescent="0.15">
      <c r="A5301">
        <v>19712</v>
      </c>
      <c r="B5301" t="s">
        <v>10582</v>
      </c>
      <c r="C5301" t="s">
        <v>10583</v>
      </c>
    </row>
    <row r="5302" spans="1:3" x14ac:dyDescent="0.15">
      <c r="A5302">
        <v>19711</v>
      </c>
      <c r="B5302" t="s">
        <v>10584</v>
      </c>
      <c r="C5302" t="s">
        <v>10585</v>
      </c>
    </row>
    <row r="5303" spans="1:3" x14ac:dyDescent="0.15">
      <c r="A5303">
        <v>19710</v>
      </c>
      <c r="B5303" t="s">
        <v>10586</v>
      </c>
      <c r="C5303" t="s">
        <v>10587</v>
      </c>
    </row>
    <row r="5304" spans="1:3" x14ac:dyDescent="0.15">
      <c r="A5304">
        <v>19709</v>
      </c>
      <c r="B5304" t="s">
        <v>10588</v>
      </c>
      <c r="C5304" t="s">
        <v>10589</v>
      </c>
    </row>
    <row r="5305" spans="1:3" x14ac:dyDescent="0.15">
      <c r="A5305">
        <v>19708</v>
      </c>
      <c r="B5305" t="s">
        <v>10590</v>
      </c>
      <c r="C5305" t="s">
        <v>10591</v>
      </c>
    </row>
    <row r="5306" spans="1:3" x14ac:dyDescent="0.15">
      <c r="A5306">
        <v>19707</v>
      </c>
      <c r="B5306" t="s">
        <v>10592</v>
      </c>
      <c r="C5306" t="s">
        <v>10593</v>
      </c>
    </row>
    <row r="5307" spans="1:3" x14ac:dyDescent="0.15">
      <c r="A5307">
        <v>19706</v>
      </c>
      <c r="B5307" t="s">
        <v>10594</v>
      </c>
      <c r="C5307" t="s">
        <v>10595</v>
      </c>
    </row>
    <row r="5308" spans="1:3" x14ac:dyDescent="0.15">
      <c r="A5308">
        <v>19705</v>
      </c>
      <c r="B5308" t="s">
        <v>10596</v>
      </c>
      <c r="C5308" t="s">
        <v>10597</v>
      </c>
    </row>
    <row r="5309" spans="1:3" x14ac:dyDescent="0.15">
      <c r="A5309">
        <v>19704</v>
      </c>
      <c r="B5309" t="s">
        <v>10598</v>
      </c>
      <c r="C5309" t="s">
        <v>10599</v>
      </c>
    </row>
    <row r="5310" spans="1:3" x14ac:dyDescent="0.15">
      <c r="A5310">
        <v>19703</v>
      </c>
      <c r="B5310" t="s">
        <v>10600</v>
      </c>
      <c r="C5310" t="s">
        <v>10601</v>
      </c>
    </row>
    <row r="5311" spans="1:3" x14ac:dyDescent="0.15">
      <c r="A5311">
        <v>19702</v>
      </c>
      <c r="B5311" t="s">
        <v>10602</v>
      </c>
      <c r="C5311" t="s">
        <v>10603</v>
      </c>
    </row>
    <row r="5312" spans="1:3" x14ac:dyDescent="0.15">
      <c r="A5312">
        <v>19701</v>
      </c>
      <c r="B5312" t="s">
        <v>10604</v>
      </c>
      <c r="C5312" t="s">
        <v>10605</v>
      </c>
    </row>
    <row r="5313" spans="1:3" x14ac:dyDescent="0.15">
      <c r="A5313">
        <v>19700</v>
      </c>
      <c r="B5313" t="s">
        <v>10606</v>
      </c>
      <c r="C5313" t="s">
        <v>10607</v>
      </c>
    </row>
    <row r="5314" spans="1:3" x14ac:dyDescent="0.15">
      <c r="A5314">
        <v>19699</v>
      </c>
      <c r="B5314" t="s">
        <v>10608</v>
      </c>
      <c r="C5314" t="s">
        <v>10609</v>
      </c>
    </row>
    <row r="5315" spans="1:3" x14ac:dyDescent="0.15">
      <c r="A5315">
        <v>19698</v>
      </c>
      <c r="B5315" t="s">
        <v>10610</v>
      </c>
      <c r="C5315" t="s">
        <v>10611</v>
      </c>
    </row>
    <row r="5316" spans="1:3" x14ac:dyDescent="0.15">
      <c r="A5316">
        <v>19697</v>
      </c>
      <c r="B5316" t="s">
        <v>10612</v>
      </c>
      <c r="C5316" t="s">
        <v>10613</v>
      </c>
    </row>
    <row r="5317" spans="1:3" x14ac:dyDescent="0.15">
      <c r="A5317">
        <v>19696</v>
      </c>
      <c r="B5317" t="s">
        <v>10614</v>
      </c>
      <c r="C5317" t="s">
        <v>10615</v>
      </c>
    </row>
    <row r="5318" spans="1:3" x14ac:dyDescent="0.15">
      <c r="A5318">
        <v>19695</v>
      </c>
      <c r="B5318" t="s">
        <v>10616</v>
      </c>
      <c r="C5318" t="s">
        <v>10617</v>
      </c>
    </row>
    <row r="5319" spans="1:3" x14ac:dyDescent="0.15">
      <c r="A5319">
        <v>19694</v>
      </c>
      <c r="B5319" t="s">
        <v>10618</v>
      </c>
      <c r="C5319" t="s">
        <v>10619</v>
      </c>
    </row>
    <row r="5320" spans="1:3" x14ac:dyDescent="0.15">
      <c r="A5320">
        <v>19693</v>
      </c>
      <c r="B5320" t="s">
        <v>10620</v>
      </c>
      <c r="C5320" t="s">
        <v>10621</v>
      </c>
    </row>
    <row r="5321" spans="1:3" x14ac:dyDescent="0.15">
      <c r="A5321">
        <v>19692</v>
      </c>
      <c r="B5321" t="s">
        <v>10622</v>
      </c>
      <c r="C5321" t="s">
        <v>10623</v>
      </c>
    </row>
    <row r="5322" spans="1:3" x14ac:dyDescent="0.15">
      <c r="A5322">
        <v>19691</v>
      </c>
      <c r="B5322" t="s">
        <v>10624</v>
      </c>
      <c r="C5322" t="s">
        <v>10625</v>
      </c>
    </row>
    <row r="5323" spans="1:3" x14ac:dyDescent="0.15">
      <c r="A5323">
        <v>19690</v>
      </c>
      <c r="B5323" t="s">
        <v>10626</v>
      </c>
      <c r="C5323" t="s">
        <v>10627</v>
      </c>
    </row>
    <row r="5324" spans="1:3" x14ac:dyDescent="0.15">
      <c r="A5324">
        <v>19689</v>
      </c>
      <c r="B5324" t="s">
        <v>10628</v>
      </c>
      <c r="C5324" t="s">
        <v>10629</v>
      </c>
    </row>
    <row r="5325" spans="1:3" x14ac:dyDescent="0.15">
      <c r="A5325">
        <v>19688</v>
      </c>
      <c r="B5325" t="s">
        <v>10630</v>
      </c>
      <c r="C5325" t="s">
        <v>10631</v>
      </c>
    </row>
    <row r="5326" spans="1:3" x14ac:dyDescent="0.15">
      <c r="A5326">
        <v>19687</v>
      </c>
      <c r="B5326" t="s">
        <v>10632</v>
      </c>
      <c r="C5326" t="s">
        <v>10633</v>
      </c>
    </row>
    <row r="5327" spans="1:3" x14ac:dyDescent="0.15">
      <c r="A5327">
        <v>19686</v>
      </c>
      <c r="B5327" t="s">
        <v>10634</v>
      </c>
      <c r="C5327" t="s">
        <v>10635</v>
      </c>
    </row>
    <row r="5328" spans="1:3" x14ac:dyDescent="0.15">
      <c r="A5328">
        <v>19685</v>
      </c>
      <c r="B5328" t="s">
        <v>10636</v>
      </c>
      <c r="C5328" t="s">
        <v>10637</v>
      </c>
    </row>
    <row r="5329" spans="1:3" x14ac:dyDescent="0.15">
      <c r="A5329">
        <v>19684</v>
      </c>
      <c r="B5329" t="s">
        <v>10638</v>
      </c>
      <c r="C5329" t="s">
        <v>10639</v>
      </c>
    </row>
    <row r="5330" spans="1:3" x14ac:dyDescent="0.15">
      <c r="A5330">
        <v>19683</v>
      </c>
      <c r="B5330" t="s">
        <v>10640</v>
      </c>
      <c r="C5330" t="s">
        <v>10641</v>
      </c>
    </row>
    <row r="5331" spans="1:3" x14ac:dyDescent="0.15">
      <c r="A5331">
        <v>19682</v>
      </c>
      <c r="B5331" t="s">
        <v>10642</v>
      </c>
      <c r="C5331" t="s">
        <v>10643</v>
      </c>
    </row>
    <row r="5332" spans="1:3" x14ac:dyDescent="0.15">
      <c r="A5332">
        <v>19681</v>
      </c>
      <c r="B5332" t="s">
        <v>10644</v>
      </c>
      <c r="C5332" t="s">
        <v>10645</v>
      </c>
    </row>
    <row r="5333" spans="1:3" x14ac:dyDescent="0.15">
      <c r="A5333">
        <v>19680</v>
      </c>
      <c r="B5333" t="s">
        <v>10646</v>
      </c>
      <c r="C5333" t="s">
        <v>10647</v>
      </c>
    </row>
    <row r="5334" spans="1:3" x14ac:dyDescent="0.15">
      <c r="A5334">
        <v>19679</v>
      </c>
      <c r="B5334" t="s">
        <v>10648</v>
      </c>
      <c r="C5334" t="s">
        <v>10649</v>
      </c>
    </row>
    <row r="5335" spans="1:3" x14ac:dyDescent="0.15">
      <c r="A5335">
        <v>19678</v>
      </c>
      <c r="B5335" t="s">
        <v>10650</v>
      </c>
      <c r="C5335" t="s">
        <v>10651</v>
      </c>
    </row>
    <row r="5336" spans="1:3" x14ac:dyDescent="0.15">
      <c r="A5336">
        <v>19677</v>
      </c>
      <c r="B5336" t="s">
        <v>10652</v>
      </c>
      <c r="C5336" t="s">
        <v>10653</v>
      </c>
    </row>
    <row r="5337" spans="1:3" x14ac:dyDescent="0.15">
      <c r="A5337">
        <v>19676</v>
      </c>
      <c r="B5337" t="s">
        <v>10654</v>
      </c>
      <c r="C5337" t="s">
        <v>10655</v>
      </c>
    </row>
    <row r="5338" spans="1:3" x14ac:dyDescent="0.15">
      <c r="A5338">
        <v>19675</v>
      </c>
      <c r="B5338" t="s">
        <v>10656</v>
      </c>
      <c r="C5338" t="s">
        <v>10657</v>
      </c>
    </row>
    <row r="5339" spans="1:3" x14ac:dyDescent="0.15">
      <c r="A5339">
        <v>19674</v>
      </c>
      <c r="B5339" t="s">
        <v>10658</v>
      </c>
      <c r="C5339" t="s">
        <v>10659</v>
      </c>
    </row>
    <row r="5340" spans="1:3" x14ac:dyDescent="0.15">
      <c r="A5340">
        <v>19673</v>
      </c>
      <c r="B5340" t="s">
        <v>10660</v>
      </c>
      <c r="C5340" t="s">
        <v>10661</v>
      </c>
    </row>
    <row r="5341" spans="1:3" x14ac:dyDescent="0.15">
      <c r="A5341">
        <v>19672</v>
      </c>
      <c r="B5341" t="s">
        <v>10662</v>
      </c>
      <c r="C5341" t="s">
        <v>10663</v>
      </c>
    </row>
    <row r="5342" spans="1:3" x14ac:dyDescent="0.15">
      <c r="A5342">
        <v>19671</v>
      </c>
      <c r="B5342" t="s">
        <v>10664</v>
      </c>
      <c r="C5342" t="s">
        <v>10665</v>
      </c>
    </row>
    <row r="5343" spans="1:3" x14ac:dyDescent="0.15">
      <c r="A5343">
        <v>19670</v>
      </c>
      <c r="B5343" t="s">
        <v>10666</v>
      </c>
      <c r="C5343" t="s">
        <v>10667</v>
      </c>
    </row>
    <row r="5344" spans="1:3" x14ac:dyDescent="0.15">
      <c r="A5344">
        <v>19669</v>
      </c>
      <c r="B5344" t="s">
        <v>10668</v>
      </c>
      <c r="C5344" t="s">
        <v>10669</v>
      </c>
    </row>
    <row r="5345" spans="1:3" x14ac:dyDescent="0.15">
      <c r="A5345">
        <v>19668</v>
      </c>
      <c r="B5345" t="s">
        <v>10670</v>
      </c>
      <c r="C5345" t="s">
        <v>10671</v>
      </c>
    </row>
    <row r="5346" spans="1:3" x14ac:dyDescent="0.15">
      <c r="A5346">
        <v>19667</v>
      </c>
      <c r="B5346" t="s">
        <v>10672</v>
      </c>
      <c r="C5346" t="s">
        <v>10673</v>
      </c>
    </row>
    <row r="5347" spans="1:3" x14ac:dyDescent="0.15">
      <c r="A5347">
        <v>19666</v>
      </c>
      <c r="B5347" t="s">
        <v>10674</v>
      </c>
      <c r="C5347" t="s">
        <v>10675</v>
      </c>
    </row>
    <row r="5348" spans="1:3" x14ac:dyDescent="0.15">
      <c r="A5348">
        <v>19665</v>
      </c>
      <c r="B5348" t="s">
        <v>10676</v>
      </c>
      <c r="C5348" t="s">
        <v>10677</v>
      </c>
    </row>
    <row r="5349" spans="1:3" x14ac:dyDescent="0.15">
      <c r="A5349">
        <v>19664</v>
      </c>
      <c r="B5349" t="s">
        <v>10678</v>
      </c>
      <c r="C5349" t="s">
        <v>10679</v>
      </c>
    </row>
    <row r="5350" spans="1:3" x14ac:dyDescent="0.15">
      <c r="A5350">
        <v>19663</v>
      </c>
      <c r="B5350" t="s">
        <v>10680</v>
      </c>
      <c r="C5350" t="s">
        <v>10681</v>
      </c>
    </row>
    <row r="5351" spans="1:3" x14ac:dyDescent="0.15">
      <c r="A5351">
        <v>19662</v>
      </c>
      <c r="B5351" t="s">
        <v>10682</v>
      </c>
      <c r="C5351" t="s">
        <v>10683</v>
      </c>
    </row>
    <row r="5352" spans="1:3" x14ac:dyDescent="0.15">
      <c r="A5352">
        <v>19661</v>
      </c>
      <c r="B5352" t="s">
        <v>10684</v>
      </c>
      <c r="C5352" t="s">
        <v>10685</v>
      </c>
    </row>
    <row r="5353" spans="1:3" x14ac:dyDescent="0.15">
      <c r="A5353">
        <v>19660</v>
      </c>
      <c r="B5353" t="s">
        <v>10686</v>
      </c>
      <c r="C5353" t="s">
        <v>10687</v>
      </c>
    </row>
    <row r="5354" spans="1:3" x14ac:dyDescent="0.15">
      <c r="A5354">
        <v>19659</v>
      </c>
      <c r="B5354" t="s">
        <v>10688</v>
      </c>
      <c r="C5354" t="s">
        <v>10689</v>
      </c>
    </row>
    <row r="5355" spans="1:3" x14ac:dyDescent="0.15">
      <c r="A5355">
        <v>19658</v>
      </c>
      <c r="B5355" t="s">
        <v>10690</v>
      </c>
      <c r="C5355" t="s">
        <v>10691</v>
      </c>
    </row>
    <row r="5356" spans="1:3" x14ac:dyDescent="0.15">
      <c r="A5356">
        <v>19657</v>
      </c>
      <c r="B5356" t="s">
        <v>10692</v>
      </c>
      <c r="C5356" t="s">
        <v>10693</v>
      </c>
    </row>
    <row r="5357" spans="1:3" x14ac:dyDescent="0.15">
      <c r="A5357">
        <v>19656</v>
      </c>
      <c r="B5357" t="s">
        <v>10694</v>
      </c>
      <c r="C5357" t="s">
        <v>10695</v>
      </c>
    </row>
    <row r="5358" spans="1:3" x14ac:dyDescent="0.15">
      <c r="A5358">
        <v>19655</v>
      </c>
      <c r="B5358" t="s">
        <v>10696</v>
      </c>
      <c r="C5358" t="s">
        <v>10697</v>
      </c>
    </row>
    <row r="5359" spans="1:3" x14ac:dyDescent="0.15">
      <c r="A5359">
        <v>19654</v>
      </c>
      <c r="B5359" t="s">
        <v>10698</v>
      </c>
      <c r="C5359" t="s">
        <v>10699</v>
      </c>
    </row>
    <row r="5360" spans="1:3" x14ac:dyDescent="0.15">
      <c r="A5360">
        <v>19653</v>
      </c>
      <c r="B5360" t="s">
        <v>10700</v>
      </c>
      <c r="C5360" t="s">
        <v>10701</v>
      </c>
    </row>
    <row r="5361" spans="1:3" x14ac:dyDescent="0.15">
      <c r="A5361">
        <v>19652</v>
      </c>
      <c r="B5361" t="s">
        <v>10702</v>
      </c>
      <c r="C5361" t="s">
        <v>10703</v>
      </c>
    </row>
    <row r="5362" spans="1:3" x14ac:dyDescent="0.15">
      <c r="A5362">
        <v>19651</v>
      </c>
      <c r="B5362" t="s">
        <v>10704</v>
      </c>
      <c r="C5362" t="s">
        <v>10705</v>
      </c>
    </row>
    <row r="5363" spans="1:3" x14ac:dyDescent="0.15">
      <c r="A5363">
        <v>19650</v>
      </c>
      <c r="B5363" t="s">
        <v>10706</v>
      </c>
      <c r="C5363" t="s">
        <v>10707</v>
      </c>
    </row>
    <row r="5364" spans="1:3" x14ac:dyDescent="0.15">
      <c r="A5364">
        <v>19649</v>
      </c>
      <c r="B5364" t="s">
        <v>10708</v>
      </c>
      <c r="C5364" t="s">
        <v>10709</v>
      </c>
    </row>
    <row r="5365" spans="1:3" x14ac:dyDescent="0.15">
      <c r="A5365">
        <v>19648</v>
      </c>
      <c r="B5365" t="s">
        <v>10710</v>
      </c>
      <c r="C5365" t="s">
        <v>10711</v>
      </c>
    </row>
    <row r="5366" spans="1:3" x14ac:dyDescent="0.15">
      <c r="A5366">
        <v>19647</v>
      </c>
      <c r="B5366" t="s">
        <v>10712</v>
      </c>
      <c r="C5366" t="s">
        <v>10713</v>
      </c>
    </row>
    <row r="5367" spans="1:3" x14ac:dyDescent="0.15">
      <c r="A5367">
        <v>19646</v>
      </c>
      <c r="B5367" t="s">
        <v>10714</v>
      </c>
      <c r="C5367" t="s">
        <v>10715</v>
      </c>
    </row>
    <row r="5368" spans="1:3" x14ac:dyDescent="0.15">
      <c r="A5368">
        <v>19645</v>
      </c>
      <c r="B5368" t="s">
        <v>10716</v>
      </c>
      <c r="C5368" t="s">
        <v>10717</v>
      </c>
    </row>
    <row r="5369" spans="1:3" x14ac:dyDescent="0.15">
      <c r="A5369">
        <v>19644</v>
      </c>
      <c r="B5369" t="s">
        <v>10718</v>
      </c>
      <c r="C5369" t="s">
        <v>10719</v>
      </c>
    </row>
    <row r="5370" spans="1:3" x14ac:dyDescent="0.15">
      <c r="A5370">
        <v>19643</v>
      </c>
      <c r="B5370" t="s">
        <v>10720</v>
      </c>
      <c r="C5370" t="s">
        <v>10721</v>
      </c>
    </row>
    <row r="5371" spans="1:3" x14ac:dyDescent="0.15">
      <c r="A5371">
        <v>19642</v>
      </c>
      <c r="B5371" t="s">
        <v>10722</v>
      </c>
      <c r="C5371" t="s">
        <v>10723</v>
      </c>
    </row>
    <row r="5372" spans="1:3" x14ac:dyDescent="0.15">
      <c r="A5372">
        <v>19641</v>
      </c>
      <c r="B5372" t="s">
        <v>10724</v>
      </c>
      <c r="C5372" t="s">
        <v>10725</v>
      </c>
    </row>
    <row r="5373" spans="1:3" x14ac:dyDescent="0.15">
      <c r="A5373">
        <v>19640</v>
      </c>
      <c r="B5373" t="s">
        <v>10726</v>
      </c>
      <c r="C5373" t="s">
        <v>10727</v>
      </c>
    </row>
    <row r="5374" spans="1:3" x14ac:dyDescent="0.15">
      <c r="A5374">
        <v>19639</v>
      </c>
      <c r="B5374" t="s">
        <v>10728</v>
      </c>
      <c r="C5374" t="s">
        <v>10729</v>
      </c>
    </row>
    <row r="5375" spans="1:3" x14ac:dyDescent="0.15">
      <c r="A5375">
        <v>19638</v>
      </c>
      <c r="B5375" t="s">
        <v>10730</v>
      </c>
      <c r="C5375" t="s">
        <v>10731</v>
      </c>
    </row>
    <row r="5376" spans="1:3" x14ac:dyDescent="0.15">
      <c r="A5376">
        <v>19637</v>
      </c>
      <c r="B5376" t="s">
        <v>10732</v>
      </c>
      <c r="C5376" t="s">
        <v>10733</v>
      </c>
    </row>
    <row r="5377" spans="1:3" x14ac:dyDescent="0.15">
      <c r="A5377">
        <v>19636</v>
      </c>
      <c r="B5377" t="s">
        <v>10734</v>
      </c>
      <c r="C5377" t="s">
        <v>10735</v>
      </c>
    </row>
    <row r="5378" spans="1:3" x14ac:dyDescent="0.15">
      <c r="A5378">
        <v>19635</v>
      </c>
      <c r="B5378" t="s">
        <v>10736</v>
      </c>
      <c r="C5378" t="s">
        <v>10737</v>
      </c>
    </row>
    <row r="5379" spans="1:3" x14ac:dyDescent="0.15">
      <c r="A5379">
        <v>19634</v>
      </c>
      <c r="B5379" t="s">
        <v>10738</v>
      </c>
      <c r="C5379" t="s">
        <v>10739</v>
      </c>
    </row>
    <row r="5380" spans="1:3" x14ac:dyDescent="0.15">
      <c r="A5380">
        <v>19633</v>
      </c>
      <c r="B5380" t="s">
        <v>10740</v>
      </c>
      <c r="C5380" t="s">
        <v>10741</v>
      </c>
    </row>
    <row r="5381" spans="1:3" x14ac:dyDescent="0.15">
      <c r="A5381">
        <v>19632</v>
      </c>
      <c r="B5381" t="s">
        <v>10742</v>
      </c>
      <c r="C5381" t="s">
        <v>10743</v>
      </c>
    </row>
    <row r="5382" spans="1:3" x14ac:dyDescent="0.15">
      <c r="A5382">
        <v>19631</v>
      </c>
      <c r="B5382" t="s">
        <v>10744</v>
      </c>
      <c r="C5382" t="s">
        <v>10745</v>
      </c>
    </row>
    <row r="5383" spans="1:3" x14ac:dyDescent="0.15">
      <c r="A5383">
        <v>19630</v>
      </c>
      <c r="B5383" t="s">
        <v>10746</v>
      </c>
      <c r="C5383" t="s">
        <v>10747</v>
      </c>
    </row>
    <row r="5384" spans="1:3" x14ac:dyDescent="0.15">
      <c r="A5384">
        <v>19629</v>
      </c>
      <c r="B5384" t="s">
        <v>10748</v>
      </c>
      <c r="C5384" t="s">
        <v>10749</v>
      </c>
    </row>
    <row r="5385" spans="1:3" x14ac:dyDescent="0.15">
      <c r="A5385">
        <v>19628</v>
      </c>
      <c r="B5385" t="s">
        <v>10750</v>
      </c>
      <c r="C5385" t="s">
        <v>10751</v>
      </c>
    </row>
    <row r="5386" spans="1:3" x14ac:dyDescent="0.15">
      <c r="A5386">
        <v>19627</v>
      </c>
      <c r="B5386" t="s">
        <v>10752</v>
      </c>
      <c r="C5386" t="s">
        <v>10753</v>
      </c>
    </row>
    <row r="5387" spans="1:3" x14ac:dyDescent="0.15">
      <c r="A5387">
        <v>19626</v>
      </c>
      <c r="B5387" t="s">
        <v>10754</v>
      </c>
      <c r="C5387" t="s">
        <v>10755</v>
      </c>
    </row>
    <row r="5388" spans="1:3" x14ac:dyDescent="0.15">
      <c r="A5388">
        <v>19625</v>
      </c>
      <c r="B5388" t="s">
        <v>10756</v>
      </c>
      <c r="C5388" t="s">
        <v>10757</v>
      </c>
    </row>
    <row r="5389" spans="1:3" x14ac:dyDescent="0.15">
      <c r="A5389">
        <v>19624</v>
      </c>
      <c r="B5389" t="s">
        <v>10758</v>
      </c>
      <c r="C5389" t="s">
        <v>10759</v>
      </c>
    </row>
    <row r="5390" spans="1:3" x14ac:dyDescent="0.15">
      <c r="A5390">
        <v>19623</v>
      </c>
      <c r="B5390" t="s">
        <v>10760</v>
      </c>
      <c r="C5390" t="s">
        <v>10761</v>
      </c>
    </row>
    <row r="5391" spans="1:3" x14ac:dyDescent="0.15">
      <c r="A5391">
        <v>19622</v>
      </c>
      <c r="B5391" t="s">
        <v>10762</v>
      </c>
      <c r="C5391" t="s">
        <v>10763</v>
      </c>
    </row>
    <row r="5392" spans="1:3" x14ac:dyDescent="0.15">
      <c r="A5392">
        <v>19621</v>
      </c>
      <c r="B5392" t="s">
        <v>10764</v>
      </c>
      <c r="C5392" t="s">
        <v>10765</v>
      </c>
    </row>
    <row r="5393" spans="1:3" x14ac:dyDescent="0.15">
      <c r="A5393">
        <v>19620</v>
      </c>
      <c r="B5393" t="s">
        <v>10766</v>
      </c>
      <c r="C5393" t="s">
        <v>10767</v>
      </c>
    </row>
    <row r="5394" spans="1:3" x14ac:dyDescent="0.15">
      <c r="A5394">
        <v>19619</v>
      </c>
      <c r="B5394" t="s">
        <v>10768</v>
      </c>
      <c r="C5394" t="s">
        <v>10769</v>
      </c>
    </row>
    <row r="5395" spans="1:3" x14ac:dyDescent="0.15">
      <c r="A5395">
        <v>19618</v>
      </c>
      <c r="B5395" t="s">
        <v>10770</v>
      </c>
      <c r="C5395" t="s">
        <v>10771</v>
      </c>
    </row>
    <row r="5396" spans="1:3" x14ac:dyDescent="0.15">
      <c r="A5396">
        <v>19617</v>
      </c>
      <c r="B5396" t="s">
        <v>10772</v>
      </c>
      <c r="C5396" t="s">
        <v>10773</v>
      </c>
    </row>
    <row r="5397" spans="1:3" x14ac:dyDescent="0.15">
      <c r="A5397">
        <v>19616</v>
      </c>
      <c r="B5397" t="s">
        <v>10774</v>
      </c>
      <c r="C5397" t="s">
        <v>10775</v>
      </c>
    </row>
    <row r="5398" spans="1:3" x14ac:dyDescent="0.15">
      <c r="A5398">
        <v>19615</v>
      </c>
      <c r="B5398" t="s">
        <v>10776</v>
      </c>
      <c r="C5398" t="s">
        <v>10777</v>
      </c>
    </row>
    <row r="5399" spans="1:3" x14ac:dyDescent="0.15">
      <c r="A5399">
        <v>19614</v>
      </c>
      <c r="B5399" t="s">
        <v>10778</v>
      </c>
      <c r="C5399" t="s">
        <v>10779</v>
      </c>
    </row>
    <row r="5400" spans="1:3" x14ac:dyDescent="0.15">
      <c r="A5400">
        <v>19613</v>
      </c>
      <c r="B5400" t="s">
        <v>10780</v>
      </c>
      <c r="C5400" t="s">
        <v>10781</v>
      </c>
    </row>
    <row r="5401" spans="1:3" x14ac:dyDescent="0.15">
      <c r="A5401">
        <v>19612</v>
      </c>
      <c r="B5401" t="s">
        <v>10782</v>
      </c>
      <c r="C5401" t="s">
        <v>10783</v>
      </c>
    </row>
    <row r="5402" spans="1:3" x14ac:dyDescent="0.15">
      <c r="A5402">
        <v>19611</v>
      </c>
      <c r="B5402" t="s">
        <v>10784</v>
      </c>
      <c r="C5402" t="s">
        <v>10785</v>
      </c>
    </row>
    <row r="5403" spans="1:3" x14ac:dyDescent="0.15">
      <c r="A5403">
        <v>19610</v>
      </c>
      <c r="B5403" t="s">
        <v>10786</v>
      </c>
      <c r="C5403" t="s">
        <v>10787</v>
      </c>
    </row>
    <row r="5404" spans="1:3" x14ac:dyDescent="0.15">
      <c r="A5404">
        <v>19609</v>
      </c>
      <c r="B5404" t="s">
        <v>10788</v>
      </c>
      <c r="C5404" t="s">
        <v>10789</v>
      </c>
    </row>
    <row r="5405" spans="1:3" x14ac:dyDescent="0.15">
      <c r="A5405">
        <v>19608</v>
      </c>
      <c r="B5405" t="s">
        <v>10790</v>
      </c>
      <c r="C5405" t="s">
        <v>10791</v>
      </c>
    </row>
    <row r="5406" spans="1:3" x14ac:dyDescent="0.15">
      <c r="A5406">
        <v>19607</v>
      </c>
      <c r="B5406" t="s">
        <v>10792</v>
      </c>
      <c r="C5406" t="s">
        <v>10793</v>
      </c>
    </row>
    <row r="5407" spans="1:3" x14ac:dyDescent="0.15">
      <c r="A5407">
        <v>19606</v>
      </c>
      <c r="B5407" t="s">
        <v>10794</v>
      </c>
      <c r="C5407" t="s">
        <v>10795</v>
      </c>
    </row>
    <row r="5408" spans="1:3" x14ac:dyDescent="0.15">
      <c r="A5408">
        <v>19605</v>
      </c>
      <c r="B5408" t="s">
        <v>10796</v>
      </c>
      <c r="C5408" t="s">
        <v>10797</v>
      </c>
    </row>
    <row r="5409" spans="1:3" x14ac:dyDescent="0.15">
      <c r="A5409">
        <v>19604</v>
      </c>
      <c r="B5409" t="s">
        <v>10798</v>
      </c>
      <c r="C5409" t="s">
        <v>10799</v>
      </c>
    </row>
    <row r="5410" spans="1:3" x14ac:dyDescent="0.15">
      <c r="A5410">
        <v>19603</v>
      </c>
      <c r="B5410" t="s">
        <v>10800</v>
      </c>
      <c r="C5410" t="s">
        <v>10801</v>
      </c>
    </row>
    <row r="5411" spans="1:3" x14ac:dyDescent="0.15">
      <c r="A5411">
        <v>19602</v>
      </c>
      <c r="B5411" t="s">
        <v>10802</v>
      </c>
      <c r="C5411" t="s">
        <v>10803</v>
      </c>
    </row>
    <row r="5412" spans="1:3" x14ac:dyDescent="0.15">
      <c r="A5412">
        <v>19601</v>
      </c>
      <c r="B5412" t="s">
        <v>10804</v>
      </c>
      <c r="C5412" t="s">
        <v>10805</v>
      </c>
    </row>
    <row r="5413" spans="1:3" x14ac:dyDescent="0.15">
      <c r="A5413">
        <v>19600</v>
      </c>
      <c r="B5413" t="s">
        <v>10806</v>
      </c>
      <c r="C5413" t="s">
        <v>10807</v>
      </c>
    </row>
    <row r="5414" spans="1:3" x14ac:dyDescent="0.15">
      <c r="A5414">
        <v>19599</v>
      </c>
      <c r="B5414" t="s">
        <v>10808</v>
      </c>
      <c r="C5414" t="s">
        <v>10809</v>
      </c>
    </row>
    <row r="5415" spans="1:3" x14ac:dyDescent="0.15">
      <c r="A5415">
        <v>19598</v>
      </c>
      <c r="B5415" t="s">
        <v>10810</v>
      </c>
      <c r="C5415" t="s">
        <v>10811</v>
      </c>
    </row>
    <row r="5416" spans="1:3" x14ac:dyDescent="0.15">
      <c r="A5416">
        <v>19597</v>
      </c>
      <c r="B5416" t="s">
        <v>10812</v>
      </c>
      <c r="C5416" t="s">
        <v>10813</v>
      </c>
    </row>
    <row r="5417" spans="1:3" x14ac:dyDescent="0.15">
      <c r="A5417">
        <v>19596</v>
      </c>
      <c r="B5417" t="s">
        <v>10814</v>
      </c>
      <c r="C5417" t="s">
        <v>10815</v>
      </c>
    </row>
    <row r="5418" spans="1:3" x14ac:dyDescent="0.15">
      <c r="A5418">
        <v>19595</v>
      </c>
      <c r="B5418" t="s">
        <v>10816</v>
      </c>
      <c r="C5418" t="s">
        <v>10817</v>
      </c>
    </row>
    <row r="5419" spans="1:3" x14ac:dyDescent="0.15">
      <c r="A5419">
        <v>19594</v>
      </c>
      <c r="B5419" t="s">
        <v>10818</v>
      </c>
      <c r="C5419" t="s">
        <v>10819</v>
      </c>
    </row>
    <row r="5420" spans="1:3" x14ac:dyDescent="0.15">
      <c r="A5420">
        <v>19593</v>
      </c>
      <c r="B5420" t="s">
        <v>10820</v>
      </c>
      <c r="C5420" t="s">
        <v>10821</v>
      </c>
    </row>
    <row r="5421" spans="1:3" x14ac:dyDescent="0.15">
      <c r="A5421">
        <v>19592</v>
      </c>
      <c r="B5421" t="s">
        <v>10822</v>
      </c>
      <c r="C5421" t="s">
        <v>10823</v>
      </c>
    </row>
    <row r="5422" spans="1:3" x14ac:dyDescent="0.15">
      <c r="A5422">
        <v>19591</v>
      </c>
      <c r="B5422" t="s">
        <v>10824</v>
      </c>
      <c r="C5422" t="s">
        <v>10825</v>
      </c>
    </row>
    <row r="5423" spans="1:3" x14ac:dyDescent="0.15">
      <c r="A5423">
        <v>19590</v>
      </c>
      <c r="B5423" t="s">
        <v>10826</v>
      </c>
      <c r="C5423" t="s">
        <v>10827</v>
      </c>
    </row>
    <row r="5424" spans="1:3" x14ac:dyDescent="0.15">
      <c r="A5424">
        <v>19589</v>
      </c>
      <c r="B5424" t="s">
        <v>10828</v>
      </c>
      <c r="C5424" t="s">
        <v>10829</v>
      </c>
    </row>
    <row r="5425" spans="1:3" x14ac:dyDescent="0.15">
      <c r="A5425">
        <v>19588</v>
      </c>
      <c r="B5425" t="s">
        <v>10830</v>
      </c>
      <c r="C5425" t="s">
        <v>10831</v>
      </c>
    </row>
    <row r="5426" spans="1:3" x14ac:dyDescent="0.15">
      <c r="A5426">
        <v>19587</v>
      </c>
      <c r="B5426" t="s">
        <v>10832</v>
      </c>
      <c r="C5426" t="s">
        <v>10833</v>
      </c>
    </row>
    <row r="5427" spans="1:3" x14ac:dyDescent="0.15">
      <c r="A5427">
        <v>19586</v>
      </c>
      <c r="B5427" t="s">
        <v>10834</v>
      </c>
      <c r="C5427" t="s">
        <v>10835</v>
      </c>
    </row>
    <row r="5428" spans="1:3" x14ac:dyDescent="0.15">
      <c r="A5428">
        <v>19585</v>
      </c>
      <c r="B5428" t="s">
        <v>10836</v>
      </c>
      <c r="C5428" t="s">
        <v>10837</v>
      </c>
    </row>
    <row r="5429" spans="1:3" x14ac:dyDescent="0.15">
      <c r="A5429">
        <v>19584</v>
      </c>
      <c r="B5429" t="s">
        <v>10838</v>
      </c>
      <c r="C5429" t="s">
        <v>10839</v>
      </c>
    </row>
    <row r="5430" spans="1:3" x14ac:dyDescent="0.15">
      <c r="A5430">
        <v>19583</v>
      </c>
      <c r="B5430" t="s">
        <v>10840</v>
      </c>
      <c r="C5430" t="s">
        <v>10841</v>
      </c>
    </row>
    <row r="5431" spans="1:3" x14ac:dyDescent="0.15">
      <c r="A5431">
        <v>19582</v>
      </c>
      <c r="B5431" t="s">
        <v>10842</v>
      </c>
      <c r="C5431" t="s">
        <v>10843</v>
      </c>
    </row>
    <row r="5432" spans="1:3" x14ac:dyDescent="0.15">
      <c r="A5432">
        <v>19581</v>
      </c>
      <c r="B5432" t="s">
        <v>10844</v>
      </c>
      <c r="C5432" t="s">
        <v>10845</v>
      </c>
    </row>
    <row r="5433" spans="1:3" x14ac:dyDescent="0.15">
      <c r="A5433">
        <v>19580</v>
      </c>
      <c r="B5433" t="s">
        <v>10846</v>
      </c>
      <c r="C5433" t="s">
        <v>10847</v>
      </c>
    </row>
    <row r="5434" spans="1:3" x14ac:dyDescent="0.15">
      <c r="A5434">
        <v>19579</v>
      </c>
      <c r="B5434" t="s">
        <v>10848</v>
      </c>
      <c r="C5434" t="s">
        <v>10849</v>
      </c>
    </row>
    <row r="5435" spans="1:3" x14ac:dyDescent="0.15">
      <c r="A5435">
        <v>19578</v>
      </c>
      <c r="B5435" t="s">
        <v>10850</v>
      </c>
      <c r="C5435" t="s">
        <v>10851</v>
      </c>
    </row>
    <row r="5436" spans="1:3" x14ac:dyDescent="0.15">
      <c r="A5436">
        <v>19577</v>
      </c>
      <c r="B5436" t="s">
        <v>10852</v>
      </c>
      <c r="C5436" t="s">
        <v>10853</v>
      </c>
    </row>
    <row r="5437" spans="1:3" x14ac:dyDescent="0.15">
      <c r="A5437">
        <v>19576</v>
      </c>
      <c r="B5437" t="s">
        <v>10854</v>
      </c>
      <c r="C5437" t="s">
        <v>10855</v>
      </c>
    </row>
    <row r="5438" spans="1:3" x14ac:dyDescent="0.15">
      <c r="A5438">
        <v>19575</v>
      </c>
      <c r="B5438" t="s">
        <v>10856</v>
      </c>
      <c r="C5438" t="s">
        <v>10857</v>
      </c>
    </row>
    <row r="5439" spans="1:3" x14ac:dyDescent="0.15">
      <c r="A5439">
        <v>19574</v>
      </c>
      <c r="B5439" t="s">
        <v>10858</v>
      </c>
      <c r="C5439" t="s">
        <v>10859</v>
      </c>
    </row>
    <row r="5440" spans="1:3" x14ac:dyDescent="0.15">
      <c r="A5440">
        <v>19573</v>
      </c>
      <c r="B5440" t="s">
        <v>10860</v>
      </c>
      <c r="C5440" t="s">
        <v>10861</v>
      </c>
    </row>
    <row r="5441" spans="1:3" x14ac:dyDescent="0.15">
      <c r="A5441">
        <v>19572</v>
      </c>
      <c r="B5441" t="s">
        <v>10862</v>
      </c>
      <c r="C5441" t="s">
        <v>10863</v>
      </c>
    </row>
    <row r="5442" spans="1:3" x14ac:dyDescent="0.15">
      <c r="A5442">
        <v>19571</v>
      </c>
      <c r="B5442" t="s">
        <v>10864</v>
      </c>
      <c r="C5442" t="s">
        <v>10865</v>
      </c>
    </row>
    <row r="5443" spans="1:3" x14ac:dyDescent="0.15">
      <c r="A5443">
        <v>19570</v>
      </c>
      <c r="B5443" t="s">
        <v>10866</v>
      </c>
      <c r="C5443" t="s">
        <v>10867</v>
      </c>
    </row>
    <row r="5444" spans="1:3" x14ac:dyDescent="0.15">
      <c r="A5444">
        <v>19569</v>
      </c>
      <c r="B5444" t="s">
        <v>10868</v>
      </c>
      <c r="C5444" t="s">
        <v>10869</v>
      </c>
    </row>
    <row r="5445" spans="1:3" x14ac:dyDescent="0.15">
      <c r="A5445">
        <v>19568</v>
      </c>
      <c r="B5445" t="s">
        <v>10870</v>
      </c>
      <c r="C5445" t="s">
        <v>10871</v>
      </c>
    </row>
    <row r="5446" spans="1:3" x14ac:dyDescent="0.15">
      <c r="A5446">
        <v>19567</v>
      </c>
      <c r="B5446" t="s">
        <v>10872</v>
      </c>
      <c r="C5446" t="s">
        <v>10873</v>
      </c>
    </row>
    <row r="5447" spans="1:3" x14ac:dyDescent="0.15">
      <c r="A5447">
        <v>19566</v>
      </c>
      <c r="B5447" t="s">
        <v>10874</v>
      </c>
      <c r="C5447" t="s">
        <v>10875</v>
      </c>
    </row>
    <row r="5448" spans="1:3" x14ac:dyDescent="0.15">
      <c r="A5448">
        <v>19565</v>
      </c>
      <c r="B5448" t="s">
        <v>10876</v>
      </c>
      <c r="C5448" t="s">
        <v>10877</v>
      </c>
    </row>
    <row r="5449" spans="1:3" x14ac:dyDescent="0.15">
      <c r="A5449">
        <v>19564</v>
      </c>
      <c r="B5449" t="s">
        <v>10878</v>
      </c>
      <c r="C5449" t="s">
        <v>10879</v>
      </c>
    </row>
    <row r="5450" spans="1:3" x14ac:dyDescent="0.15">
      <c r="A5450">
        <v>19563</v>
      </c>
      <c r="B5450" t="s">
        <v>10880</v>
      </c>
      <c r="C5450" t="s">
        <v>10881</v>
      </c>
    </row>
    <row r="5451" spans="1:3" x14ac:dyDescent="0.15">
      <c r="A5451">
        <v>19562</v>
      </c>
      <c r="B5451" t="s">
        <v>10882</v>
      </c>
      <c r="C5451" t="s">
        <v>10883</v>
      </c>
    </row>
    <row r="5452" spans="1:3" x14ac:dyDescent="0.15">
      <c r="A5452">
        <v>19561</v>
      </c>
      <c r="B5452" t="s">
        <v>10884</v>
      </c>
      <c r="C5452" t="s">
        <v>10885</v>
      </c>
    </row>
    <row r="5453" spans="1:3" x14ac:dyDescent="0.15">
      <c r="A5453">
        <v>19560</v>
      </c>
      <c r="B5453" t="s">
        <v>10886</v>
      </c>
      <c r="C5453" t="s">
        <v>10887</v>
      </c>
    </row>
    <row r="5454" spans="1:3" x14ac:dyDescent="0.15">
      <c r="A5454">
        <v>19559</v>
      </c>
      <c r="B5454" t="s">
        <v>10888</v>
      </c>
      <c r="C5454" t="s">
        <v>10889</v>
      </c>
    </row>
    <row r="5455" spans="1:3" x14ac:dyDescent="0.15">
      <c r="A5455">
        <v>19558</v>
      </c>
      <c r="B5455" t="s">
        <v>10890</v>
      </c>
      <c r="C5455" t="s">
        <v>10891</v>
      </c>
    </row>
    <row r="5456" spans="1:3" x14ac:dyDescent="0.15">
      <c r="A5456">
        <v>19557</v>
      </c>
      <c r="B5456" t="s">
        <v>10892</v>
      </c>
      <c r="C5456" t="s">
        <v>10893</v>
      </c>
    </row>
    <row r="5457" spans="1:3" x14ac:dyDescent="0.15">
      <c r="A5457">
        <v>19556</v>
      </c>
      <c r="B5457" t="s">
        <v>10894</v>
      </c>
      <c r="C5457" t="s">
        <v>10895</v>
      </c>
    </row>
    <row r="5458" spans="1:3" x14ac:dyDescent="0.15">
      <c r="A5458">
        <v>19555</v>
      </c>
      <c r="B5458" t="s">
        <v>10896</v>
      </c>
      <c r="C5458" t="s">
        <v>10897</v>
      </c>
    </row>
    <row r="5459" spans="1:3" x14ac:dyDescent="0.15">
      <c r="A5459">
        <v>19554</v>
      </c>
      <c r="B5459" t="s">
        <v>10898</v>
      </c>
      <c r="C5459" t="s">
        <v>10899</v>
      </c>
    </row>
    <row r="5460" spans="1:3" x14ac:dyDescent="0.15">
      <c r="A5460">
        <v>19553</v>
      </c>
      <c r="B5460" t="s">
        <v>10900</v>
      </c>
      <c r="C5460" t="s">
        <v>10901</v>
      </c>
    </row>
    <row r="5461" spans="1:3" x14ac:dyDescent="0.15">
      <c r="A5461">
        <v>19552</v>
      </c>
      <c r="B5461" t="s">
        <v>10902</v>
      </c>
      <c r="C5461" t="s">
        <v>10903</v>
      </c>
    </row>
    <row r="5462" spans="1:3" x14ac:dyDescent="0.15">
      <c r="A5462">
        <v>19551</v>
      </c>
      <c r="B5462" t="s">
        <v>10904</v>
      </c>
      <c r="C5462" t="s">
        <v>10905</v>
      </c>
    </row>
    <row r="5463" spans="1:3" x14ac:dyDescent="0.15">
      <c r="A5463">
        <v>19550</v>
      </c>
      <c r="B5463" t="s">
        <v>10906</v>
      </c>
      <c r="C5463" t="s">
        <v>10907</v>
      </c>
    </row>
    <row r="5464" spans="1:3" x14ac:dyDescent="0.15">
      <c r="A5464">
        <v>19549</v>
      </c>
      <c r="B5464" t="s">
        <v>10908</v>
      </c>
      <c r="C5464" t="s">
        <v>10909</v>
      </c>
    </row>
    <row r="5465" spans="1:3" x14ac:dyDescent="0.15">
      <c r="A5465">
        <v>19548</v>
      </c>
      <c r="B5465" t="s">
        <v>10910</v>
      </c>
      <c r="C5465" t="s">
        <v>10911</v>
      </c>
    </row>
    <row r="5466" spans="1:3" x14ac:dyDescent="0.15">
      <c r="A5466">
        <v>19547</v>
      </c>
      <c r="B5466" t="s">
        <v>10912</v>
      </c>
      <c r="C5466" t="s">
        <v>10913</v>
      </c>
    </row>
    <row r="5467" spans="1:3" x14ac:dyDescent="0.15">
      <c r="A5467">
        <v>19546</v>
      </c>
      <c r="B5467" t="s">
        <v>10914</v>
      </c>
      <c r="C5467" t="s">
        <v>10915</v>
      </c>
    </row>
    <row r="5468" spans="1:3" x14ac:dyDescent="0.15">
      <c r="A5468">
        <v>19545</v>
      </c>
      <c r="B5468" t="s">
        <v>10916</v>
      </c>
      <c r="C5468" t="s">
        <v>10917</v>
      </c>
    </row>
    <row r="5469" spans="1:3" x14ac:dyDescent="0.15">
      <c r="A5469">
        <v>19544</v>
      </c>
      <c r="B5469" t="s">
        <v>10918</v>
      </c>
      <c r="C5469" t="s">
        <v>10919</v>
      </c>
    </row>
    <row r="5470" spans="1:3" x14ac:dyDescent="0.15">
      <c r="A5470">
        <v>19543</v>
      </c>
      <c r="B5470" t="s">
        <v>10920</v>
      </c>
      <c r="C5470" t="s">
        <v>10921</v>
      </c>
    </row>
    <row r="5471" spans="1:3" x14ac:dyDescent="0.15">
      <c r="A5471">
        <v>19542</v>
      </c>
      <c r="B5471" t="s">
        <v>10922</v>
      </c>
      <c r="C5471" t="s">
        <v>10923</v>
      </c>
    </row>
    <row r="5472" spans="1:3" x14ac:dyDescent="0.15">
      <c r="A5472">
        <v>19541</v>
      </c>
      <c r="B5472" t="s">
        <v>10924</v>
      </c>
      <c r="C5472" t="s">
        <v>10925</v>
      </c>
    </row>
    <row r="5473" spans="1:3" x14ac:dyDescent="0.15">
      <c r="A5473">
        <v>19540</v>
      </c>
      <c r="B5473" t="s">
        <v>10926</v>
      </c>
      <c r="C5473" t="s">
        <v>10927</v>
      </c>
    </row>
    <row r="5474" spans="1:3" x14ac:dyDescent="0.15">
      <c r="A5474">
        <v>19539</v>
      </c>
      <c r="B5474" t="s">
        <v>10928</v>
      </c>
      <c r="C5474" t="s">
        <v>10929</v>
      </c>
    </row>
    <row r="5475" spans="1:3" x14ac:dyDescent="0.15">
      <c r="A5475">
        <v>19538</v>
      </c>
      <c r="B5475" t="s">
        <v>10930</v>
      </c>
      <c r="C5475" t="s">
        <v>10931</v>
      </c>
    </row>
    <row r="5476" spans="1:3" x14ac:dyDescent="0.15">
      <c r="A5476">
        <v>19537</v>
      </c>
      <c r="B5476" t="s">
        <v>10932</v>
      </c>
      <c r="C5476" t="s">
        <v>10933</v>
      </c>
    </row>
    <row r="5477" spans="1:3" x14ac:dyDescent="0.15">
      <c r="A5477">
        <v>19536</v>
      </c>
      <c r="B5477" t="s">
        <v>10934</v>
      </c>
      <c r="C5477" t="s">
        <v>10935</v>
      </c>
    </row>
    <row r="5478" spans="1:3" x14ac:dyDescent="0.15">
      <c r="A5478">
        <v>19535</v>
      </c>
      <c r="B5478" t="s">
        <v>10936</v>
      </c>
      <c r="C5478" t="s">
        <v>10937</v>
      </c>
    </row>
    <row r="5479" spans="1:3" x14ac:dyDescent="0.15">
      <c r="A5479">
        <v>19534</v>
      </c>
      <c r="B5479" t="s">
        <v>10938</v>
      </c>
      <c r="C5479" t="s">
        <v>10939</v>
      </c>
    </row>
    <row r="5480" spans="1:3" x14ac:dyDescent="0.15">
      <c r="A5480">
        <v>19533</v>
      </c>
      <c r="B5480" t="s">
        <v>10940</v>
      </c>
      <c r="C5480" t="s">
        <v>10941</v>
      </c>
    </row>
    <row r="5481" spans="1:3" x14ac:dyDescent="0.15">
      <c r="A5481">
        <v>19532</v>
      </c>
      <c r="B5481" t="s">
        <v>10942</v>
      </c>
      <c r="C5481" t="s">
        <v>10943</v>
      </c>
    </row>
    <row r="5482" spans="1:3" x14ac:dyDescent="0.15">
      <c r="A5482">
        <v>19531</v>
      </c>
      <c r="B5482" t="s">
        <v>10944</v>
      </c>
      <c r="C5482" t="s">
        <v>10945</v>
      </c>
    </row>
    <row r="5483" spans="1:3" x14ac:dyDescent="0.15">
      <c r="A5483">
        <v>19530</v>
      </c>
      <c r="B5483" t="s">
        <v>10946</v>
      </c>
      <c r="C5483" t="s">
        <v>10947</v>
      </c>
    </row>
    <row r="5484" spans="1:3" x14ac:dyDescent="0.15">
      <c r="A5484">
        <v>19529</v>
      </c>
      <c r="B5484" t="s">
        <v>10948</v>
      </c>
      <c r="C5484" t="s">
        <v>10949</v>
      </c>
    </row>
    <row r="5485" spans="1:3" x14ac:dyDescent="0.15">
      <c r="A5485">
        <v>19528</v>
      </c>
      <c r="B5485" t="s">
        <v>10950</v>
      </c>
      <c r="C5485" t="s">
        <v>10951</v>
      </c>
    </row>
    <row r="5486" spans="1:3" x14ac:dyDescent="0.15">
      <c r="A5486">
        <v>19527</v>
      </c>
      <c r="B5486" t="s">
        <v>10952</v>
      </c>
      <c r="C5486" t="s">
        <v>10953</v>
      </c>
    </row>
    <row r="5487" spans="1:3" x14ac:dyDescent="0.15">
      <c r="A5487">
        <v>19526</v>
      </c>
      <c r="B5487" t="s">
        <v>10954</v>
      </c>
      <c r="C5487" t="s">
        <v>10955</v>
      </c>
    </row>
    <row r="5488" spans="1:3" x14ac:dyDescent="0.15">
      <c r="A5488">
        <v>19525</v>
      </c>
      <c r="B5488" t="s">
        <v>10956</v>
      </c>
      <c r="C5488" t="s">
        <v>10957</v>
      </c>
    </row>
    <row r="5489" spans="1:3" x14ac:dyDescent="0.15">
      <c r="A5489">
        <v>19524</v>
      </c>
      <c r="B5489" t="s">
        <v>10958</v>
      </c>
      <c r="C5489" t="s">
        <v>10959</v>
      </c>
    </row>
    <row r="5490" spans="1:3" x14ac:dyDescent="0.15">
      <c r="A5490">
        <v>19523</v>
      </c>
      <c r="B5490" t="s">
        <v>10960</v>
      </c>
      <c r="C5490" t="s">
        <v>10961</v>
      </c>
    </row>
    <row r="5491" spans="1:3" x14ac:dyDescent="0.15">
      <c r="A5491">
        <v>19522</v>
      </c>
      <c r="B5491" t="s">
        <v>10962</v>
      </c>
      <c r="C5491" t="s">
        <v>10963</v>
      </c>
    </row>
    <row r="5492" spans="1:3" x14ac:dyDescent="0.15">
      <c r="A5492">
        <v>19521</v>
      </c>
      <c r="B5492" t="s">
        <v>10964</v>
      </c>
      <c r="C5492" t="s">
        <v>10965</v>
      </c>
    </row>
    <row r="5493" spans="1:3" x14ac:dyDescent="0.15">
      <c r="A5493">
        <v>19520</v>
      </c>
      <c r="B5493" t="s">
        <v>10966</v>
      </c>
      <c r="C5493" t="s">
        <v>10967</v>
      </c>
    </row>
    <row r="5494" spans="1:3" x14ac:dyDescent="0.15">
      <c r="A5494">
        <v>19519</v>
      </c>
      <c r="B5494" t="s">
        <v>10968</v>
      </c>
      <c r="C5494" t="s">
        <v>10969</v>
      </c>
    </row>
    <row r="5495" spans="1:3" x14ac:dyDescent="0.15">
      <c r="A5495">
        <v>19518</v>
      </c>
      <c r="B5495" t="s">
        <v>10970</v>
      </c>
      <c r="C5495" t="s">
        <v>10971</v>
      </c>
    </row>
    <row r="5496" spans="1:3" x14ac:dyDescent="0.15">
      <c r="A5496">
        <v>19517</v>
      </c>
      <c r="B5496" t="s">
        <v>10972</v>
      </c>
      <c r="C5496" t="s">
        <v>10973</v>
      </c>
    </row>
    <row r="5497" spans="1:3" x14ac:dyDescent="0.15">
      <c r="A5497">
        <v>19516</v>
      </c>
      <c r="B5497" t="s">
        <v>10974</v>
      </c>
      <c r="C5497" t="s">
        <v>10975</v>
      </c>
    </row>
    <row r="5498" spans="1:3" x14ac:dyDescent="0.15">
      <c r="A5498">
        <v>19515</v>
      </c>
      <c r="B5498" t="s">
        <v>10976</v>
      </c>
      <c r="C5498" t="s">
        <v>10977</v>
      </c>
    </row>
    <row r="5499" spans="1:3" x14ac:dyDescent="0.15">
      <c r="A5499">
        <v>19514</v>
      </c>
      <c r="B5499" t="s">
        <v>10978</v>
      </c>
      <c r="C5499" t="s">
        <v>10979</v>
      </c>
    </row>
    <row r="5500" spans="1:3" x14ac:dyDescent="0.15">
      <c r="A5500">
        <v>19513</v>
      </c>
      <c r="B5500" t="s">
        <v>10980</v>
      </c>
      <c r="C5500" t="s">
        <v>10981</v>
      </c>
    </row>
    <row r="5501" spans="1:3" x14ac:dyDescent="0.15">
      <c r="A5501">
        <v>19512</v>
      </c>
      <c r="B5501" t="s">
        <v>10982</v>
      </c>
      <c r="C5501" t="s">
        <v>10983</v>
      </c>
    </row>
    <row r="5502" spans="1:3" x14ac:dyDescent="0.15">
      <c r="A5502">
        <v>19511</v>
      </c>
      <c r="B5502" t="s">
        <v>10984</v>
      </c>
      <c r="C5502" t="s">
        <v>10985</v>
      </c>
    </row>
    <row r="5503" spans="1:3" x14ac:dyDescent="0.15">
      <c r="A5503">
        <v>19510</v>
      </c>
      <c r="B5503" t="s">
        <v>10986</v>
      </c>
      <c r="C5503" t="s">
        <v>10987</v>
      </c>
    </row>
    <row r="5504" spans="1:3" x14ac:dyDescent="0.15">
      <c r="A5504">
        <v>19509</v>
      </c>
      <c r="B5504" t="s">
        <v>10988</v>
      </c>
      <c r="C5504" t="s">
        <v>10989</v>
      </c>
    </row>
    <row r="5505" spans="1:3" x14ac:dyDescent="0.15">
      <c r="A5505">
        <v>19508</v>
      </c>
      <c r="B5505" t="s">
        <v>10990</v>
      </c>
      <c r="C5505" t="s">
        <v>10991</v>
      </c>
    </row>
    <row r="5506" spans="1:3" x14ac:dyDescent="0.15">
      <c r="A5506">
        <v>19507</v>
      </c>
      <c r="B5506" t="s">
        <v>10992</v>
      </c>
      <c r="C5506" t="s">
        <v>10993</v>
      </c>
    </row>
    <row r="5507" spans="1:3" x14ac:dyDescent="0.15">
      <c r="A5507">
        <v>19506</v>
      </c>
      <c r="B5507" t="s">
        <v>10994</v>
      </c>
      <c r="C5507" t="s">
        <v>10995</v>
      </c>
    </row>
    <row r="5508" spans="1:3" x14ac:dyDescent="0.15">
      <c r="A5508">
        <v>19505</v>
      </c>
      <c r="B5508" t="s">
        <v>10996</v>
      </c>
      <c r="C5508" t="s">
        <v>10997</v>
      </c>
    </row>
    <row r="5509" spans="1:3" x14ac:dyDescent="0.15">
      <c r="A5509">
        <v>19504</v>
      </c>
      <c r="B5509" t="s">
        <v>10998</v>
      </c>
      <c r="C5509" t="s">
        <v>10999</v>
      </c>
    </row>
    <row r="5510" spans="1:3" x14ac:dyDescent="0.15">
      <c r="A5510">
        <v>19503</v>
      </c>
      <c r="B5510" t="s">
        <v>11000</v>
      </c>
      <c r="C5510" t="s">
        <v>11001</v>
      </c>
    </row>
    <row r="5511" spans="1:3" x14ac:dyDescent="0.15">
      <c r="A5511">
        <v>19502</v>
      </c>
      <c r="B5511" t="s">
        <v>11002</v>
      </c>
      <c r="C5511" t="s">
        <v>11003</v>
      </c>
    </row>
    <row r="5512" spans="1:3" x14ac:dyDescent="0.15">
      <c r="A5512">
        <v>19501</v>
      </c>
      <c r="B5512" t="s">
        <v>11004</v>
      </c>
      <c r="C5512" t="s">
        <v>11005</v>
      </c>
    </row>
    <row r="5513" spans="1:3" x14ac:dyDescent="0.15">
      <c r="A5513">
        <v>19500</v>
      </c>
      <c r="B5513" t="s">
        <v>11006</v>
      </c>
      <c r="C5513" t="s">
        <v>11007</v>
      </c>
    </row>
    <row r="5514" spans="1:3" x14ac:dyDescent="0.15">
      <c r="A5514">
        <v>19499</v>
      </c>
      <c r="B5514" t="s">
        <v>11008</v>
      </c>
      <c r="C5514" t="s">
        <v>11009</v>
      </c>
    </row>
    <row r="5515" spans="1:3" x14ac:dyDescent="0.15">
      <c r="A5515">
        <v>19498</v>
      </c>
      <c r="B5515" t="s">
        <v>11010</v>
      </c>
      <c r="C5515" t="s">
        <v>11011</v>
      </c>
    </row>
    <row r="5516" spans="1:3" x14ac:dyDescent="0.15">
      <c r="A5516">
        <v>19497</v>
      </c>
      <c r="B5516" t="s">
        <v>11012</v>
      </c>
      <c r="C5516" t="s">
        <v>11013</v>
      </c>
    </row>
    <row r="5517" spans="1:3" x14ac:dyDescent="0.15">
      <c r="A5517">
        <v>19496</v>
      </c>
      <c r="B5517" t="s">
        <v>11014</v>
      </c>
      <c r="C5517" t="s">
        <v>11015</v>
      </c>
    </row>
    <row r="5518" spans="1:3" x14ac:dyDescent="0.15">
      <c r="A5518">
        <v>19495</v>
      </c>
      <c r="B5518" t="s">
        <v>11016</v>
      </c>
      <c r="C5518" t="s">
        <v>11017</v>
      </c>
    </row>
    <row r="5519" spans="1:3" x14ac:dyDescent="0.15">
      <c r="A5519">
        <v>19494</v>
      </c>
      <c r="B5519" t="s">
        <v>11018</v>
      </c>
      <c r="C5519" t="s">
        <v>11019</v>
      </c>
    </row>
    <row r="5520" spans="1:3" x14ac:dyDescent="0.15">
      <c r="A5520">
        <v>19493</v>
      </c>
      <c r="B5520" t="s">
        <v>11020</v>
      </c>
      <c r="C5520" t="s">
        <v>11021</v>
      </c>
    </row>
    <row r="5521" spans="1:3" x14ac:dyDescent="0.15">
      <c r="A5521">
        <v>19492</v>
      </c>
      <c r="B5521" t="s">
        <v>11022</v>
      </c>
      <c r="C5521" t="s">
        <v>11023</v>
      </c>
    </row>
    <row r="5522" spans="1:3" x14ac:dyDescent="0.15">
      <c r="A5522">
        <v>19491</v>
      </c>
      <c r="B5522" t="s">
        <v>11024</v>
      </c>
      <c r="C5522" t="s">
        <v>11025</v>
      </c>
    </row>
    <row r="5523" spans="1:3" x14ac:dyDescent="0.15">
      <c r="A5523">
        <v>19490</v>
      </c>
      <c r="B5523" t="s">
        <v>11026</v>
      </c>
      <c r="C5523" t="s">
        <v>11027</v>
      </c>
    </row>
    <row r="5524" spans="1:3" x14ac:dyDescent="0.15">
      <c r="A5524">
        <v>19489</v>
      </c>
      <c r="B5524" t="s">
        <v>11028</v>
      </c>
      <c r="C5524" t="s">
        <v>11029</v>
      </c>
    </row>
    <row r="5525" spans="1:3" x14ac:dyDescent="0.15">
      <c r="A5525">
        <v>19488</v>
      </c>
      <c r="B5525" t="s">
        <v>11030</v>
      </c>
      <c r="C5525" t="s">
        <v>11031</v>
      </c>
    </row>
    <row r="5526" spans="1:3" x14ac:dyDescent="0.15">
      <c r="A5526">
        <v>19487</v>
      </c>
      <c r="B5526" t="s">
        <v>11032</v>
      </c>
      <c r="C5526" t="s">
        <v>11033</v>
      </c>
    </row>
    <row r="5527" spans="1:3" x14ac:dyDescent="0.15">
      <c r="A5527">
        <v>19486</v>
      </c>
      <c r="B5527" t="s">
        <v>11034</v>
      </c>
      <c r="C5527" t="s">
        <v>11035</v>
      </c>
    </row>
    <row r="5528" spans="1:3" x14ac:dyDescent="0.15">
      <c r="A5528">
        <v>19485</v>
      </c>
      <c r="B5528" t="s">
        <v>11036</v>
      </c>
      <c r="C5528" t="s">
        <v>11037</v>
      </c>
    </row>
    <row r="5529" spans="1:3" x14ac:dyDescent="0.15">
      <c r="A5529">
        <v>19484</v>
      </c>
      <c r="B5529" t="s">
        <v>11038</v>
      </c>
      <c r="C5529" t="s">
        <v>3399</v>
      </c>
    </row>
    <row r="5530" spans="1:3" x14ac:dyDescent="0.15">
      <c r="A5530">
        <v>19483</v>
      </c>
      <c r="B5530" t="s">
        <v>11039</v>
      </c>
      <c r="C5530" t="s">
        <v>11040</v>
      </c>
    </row>
    <row r="5531" spans="1:3" x14ac:dyDescent="0.15">
      <c r="A5531">
        <v>19482</v>
      </c>
      <c r="B5531" t="s">
        <v>11041</v>
      </c>
      <c r="C5531" t="s">
        <v>11042</v>
      </c>
    </row>
    <row r="5532" spans="1:3" x14ac:dyDescent="0.15">
      <c r="A5532">
        <v>19481</v>
      </c>
      <c r="B5532" t="s">
        <v>11043</v>
      </c>
      <c r="C5532" t="s">
        <v>11044</v>
      </c>
    </row>
    <row r="5533" spans="1:3" x14ac:dyDescent="0.15">
      <c r="A5533">
        <v>19480</v>
      </c>
      <c r="B5533" t="s">
        <v>11045</v>
      </c>
      <c r="C5533" t="s">
        <v>11046</v>
      </c>
    </row>
    <row r="5534" spans="1:3" x14ac:dyDescent="0.15">
      <c r="A5534">
        <v>19479</v>
      </c>
      <c r="B5534" t="s">
        <v>11047</v>
      </c>
      <c r="C5534" t="s">
        <v>11048</v>
      </c>
    </row>
    <row r="5535" spans="1:3" x14ac:dyDescent="0.15">
      <c r="A5535">
        <v>19478</v>
      </c>
      <c r="B5535" t="s">
        <v>11049</v>
      </c>
      <c r="C5535" t="s">
        <v>11050</v>
      </c>
    </row>
    <row r="5536" spans="1:3" x14ac:dyDescent="0.15">
      <c r="A5536">
        <v>19477</v>
      </c>
      <c r="B5536" t="s">
        <v>11051</v>
      </c>
      <c r="C5536" t="s">
        <v>11052</v>
      </c>
    </row>
    <row r="5537" spans="1:3" x14ac:dyDescent="0.15">
      <c r="A5537">
        <v>19476</v>
      </c>
      <c r="B5537" t="s">
        <v>11053</v>
      </c>
      <c r="C5537" t="s">
        <v>11054</v>
      </c>
    </row>
    <row r="5538" spans="1:3" x14ac:dyDescent="0.15">
      <c r="A5538">
        <v>19475</v>
      </c>
      <c r="B5538" t="s">
        <v>11055</v>
      </c>
      <c r="C5538" t="s">
        <v>11056</v>
      </c>
    </row>
    <row r="5539" spans="1:3" x14ac:dyDescent="0.15">
      <c r="A5539">
        <v>19474</v>
      </c>
      <c r="B5539" t="s">
        <v>11057</v>
      </c>
      <c r="C5539" t="s">
        <v>11058</v>
      </c>
    </row>
    <row r="5540" spans="1:3" x14ac:dyDescent="0.15">
      <c r="A5540">
        <v>19473</v>
      </c>
      <c r="B5540" t="s">
        <v>11059</v>
      </c>
      <c r="C5540" t="s">
        <v>11060</v>
      </c>
    </row>
    <row r="5541" spans="1:3" x14ac:dyDescent="0.15">
      <c r="A5541">
        <v>19472</v>
      </c>
      <c r="B5541" t="s">
        <v>11061</v>
      </c>
      <c r="C5541" t="s">
        <v>11062</v>
      </c>
    </row>
    <row r="5542" spans="1:3" x14ac:dyDescent="0.15">
      <c r="A5542">
        <v>19471</v>
      </c>
      <c r="B5542" t="s">
        <v>11063</v>
      </c>
      <c r="C5542" t="s">
        <v>11064</v>
      </c>
    </row>
    <row r="5543" spans="1:3" x14ac:dyDescent="0.15">
      <c r="A5543">
        <v>19470</v>
      </c>
      <c r="B5543" t="s">
        <v>11065</v>
      </c>
      <c r="C5543" t="s">
        <v>11066</v>
      </c>
    </row>
    <row r="5544" spans="1:3" x14ac:dyDescent="0.15">
      <c r="A5544">
        <v>19469</v>
      </c>
      <c r="B5544" t="s">
        <v>11067</v>
      </c>
      <c r="C5544" t="s">
        <v>11068</v>
      </c>
    </row>
    <row r="5545" spans="1:3" x14ac:dyDescent="0.15">
      <c r="A5545">
        <v>19468</v>
      </c>
      <c r="B5545" t="s">
        <v>11069</v>
      </c>
      <c r="C5545" t="s">
        <v>11070</v>
      </c>
    </row>
    <row r="5546" spans="1:3" x14ac:dyDescent="0.15">
      <c r="A5546">
        <v>19467</v>
      </c>
      <c r="B5546" t="s">
        <v>11071</v>
      </c>
      <c r="C5546" t="s">
        <v>11072</v>
      </c>
    </row>
    <row r="5547" spans="1:3" x14ac:dyDescent="0.15">
      <c r="A5547">
        <v>19466</v>
      </c>
      <c r="B5547" t="s">
        <v>11073</v>
      </c>
      <c r="C5547" t="s">
        <v>11074</v>
      </c>
    </row>
    <row r="5548" spans="1:3" x14ac:dyDescent="0.15">
      <c r="A5548">
        <v>19465</v>
      </c>
      <c r="B5548" t="s">
        <v>11075</v>
      </c>
      <c r="C5548" t="s">
        <v>11076</v>
      </c>
    </row>
    <row r="5549" spans="1:3" x14ac:dyDescent="0.15">
      <c r="A5549">
        <v>19464</v>
      </c>
      <c r="B5549" t="s">
        <v>11077</v>
      </c>
      <c r="C5549" t="s">
        <v>11078</v>
      </c>
    </row>
    <row r="5550" spans="1:3" x14ac:dyDescent="0.15">
      <c r="A5550">
        <v>19463</v>
      </c>
      <c r="B5550" t="s">
        <v>11079</v>
      </c>
      <c r="C5550" t="s">
        <v>11080</v>
      </c>
    </row>
    <row r="5551" spans="1:3" x14ac:dyDescent="0.15">
      <c r="A5551">
        <v>19462</v>
      </c>
      <c r="B5551" t="s">
        <v>11081</v>
      </c>
      <c r="C5551" t="s">
        <v>11082</v>
      </c>
    </row>
    <row r="5552" spans="1:3" x14ac:dyDescent="0.15">
      <c r="A5552">
        <v>19461</v>
      </c>
      <c r="B5552" t="s">
        <v>11083</v>
      </c>
      <c r="C5552" t="s">
        <v>11084</v>
      </c>
    </row>
    <row r="5553" spans="1:3" x14ac:dyDescent="0.15">
      <c r="A5553">
        <v>19460</v>
      </c>
      <c r="B5553" t="s">
        <v>11085</v>
      </c>
      <c r="C5553" t="s">
        <v>11086</v>
      </c>
    </row>
    <row r="5554" spans="1:3" x14ac:dyDescent="0.15">
      <c r="A5554">
        <v>19459</v>
      </c>
      <c r="B5554" t="s">
        <v>11087</v>
      </c>
      <c r="C5554" t="s">
        <v>11088</v>
      </c>
    </row>
    <row r="5555" spans="1:3" x14ac:dyDescent="0.15">
      <c r="A5555">
        <v>19458</v>
      </c>
      <c r="B5555" t="s">
        <v>11089</v>
      </c>
      <c r="C5555" t="s">
        <v>11090</v>
      </c>
    </row>
    <row r="5556" spans="1:3" x14ac:dyDescent="0.15">
      <c r="A5556">
        <v>19457</v>
      </c>
      <c r="B5556" t="s">
        <v>11091</v>
      </c>
      <c r="C5556" t="s">
        <v>11092</v>
      </c>
    </row>
    <row r="5557" spans="1:3" x14ac:dyDescent="0.15">
      <c r="A5557">
        <v>19456</v>
      </c>
      <c r="B5557" t="s">
        <v>11093</v>
      </c>
      <c r="C5557" t="s">
        <v>11094</v>
      </c>
    </row>
    <row r="5558" spans="1:3" x14ac:dyDescent="0.15">
      <c r="A5558">
        <v>19455</v>
      </c>
      <c r="B5558" t="s">
        <v>11095</v>
      </c>
      <c r="C5558" t="s">
        <v>11096</v>
      </c>
    </row>
    <row r="5559" spans="1:3" x14ac:dyDescent="0.15">
      <c r="A5559">
        <v>19454</v>
      </c>
      <c r="B5559" t="s">
        <v>11097</v>
      </c>
      <c r="C5559" t="s">
        <v>11098</v>
      </c>
    </row>
    <row r="5560" spans="1:3" x14ac:dyDescent="0.15">
      <c r="A5560">
        <v>19453</v>
      </c>
      <c r="B5560" t="s">
        <v>11099</v>
      </c>
      <c r="C5560" t="s">
        <v>11100</v>
      </c>
    </row>
    <row r="5561" spans="1:3" x14ac:dyDescent="0.15">
      <c r="A5561">
        <v>19452</v>
      </c>
      <c r="B5561" t="s">
        <v>11101</v>
      </c>
      <c r="C5561" t="s">
        <v>11102</v>
      </c>
    </row>
    <row r="5562" spans="1:3" x14ac:dyDescent="0.15">
      <c r="A5562">
        <v>19451</v>
      </c>
      <c r="B5562" t="s">
        <v>11103</v>
      </c>
      <c r="C5562" t="s">
        <v>11104</v>
      </c>
    </row>
    <row r="5563" spans="1:3" x14ac:dyDescent="0.15">
      <c r="A5563">
        <v>19450</v>
      </c>
      <c r="B5563" t="s">
        <v>11105</v>
      </c>
      <c r="C5563" t="s">
        <v>11106</v>
      </c>
    </row>
    <row r="5564" spans="1:3" x14ac:dyDescent="0.15">
      <c r="A5564">
        <v>19449</v>
      </c>
      <c r="B5564" t="s">
        <v>11107</v>
      </c>
      <c r="C5564" t="s">
        <v>11108</v>
      </c>
    </row>
    <row r="5565" spans="1:3" x14ac:dyDescent="0.15">
      <c r="A5565">
        <v>19448</v>
      </c>
      <c r="B5565" t="s">
        <v>11109</v>
      </c>
      <c r="C5565" t="s">
        <v>11110</v>
      </c>
    </row>
    <row r="5566" spans="1:3" x14ac:dyDescent="0.15">
      <c r="A5566">
        <v>19447</v>
      </c>
      <c r="B5566" t="s">
        <v>11111</v>
      </c>
      <c r="C5566" t="s">
        <v>11112</v>
      </c>
    </row>
    <row r="5567" spans="1:3" x14ac:dyDescent="0.15">
      <c r="A5567">
        <v>19446</v>
      </c>
      <c r="B5567" t="s">
        <v>11113</v>
      </c>
      <c r="C5567" t="s">
        <v>11114</v>
      </c>
    </row>
    <row r="5568" spans="1:3" x14ac:dyDescent="0.15">
      <c r="A5568">
        <v>19445</v>
      </c>
      <c r="B5568" t="s">
        <v>11115</v>
      </c>
      <c r="C5568" t="s">
        <v>8595</v>
      </c>
    </row>
    <row r="5569" spans="1:3" x14ac:dyDescent="0.15">
      <c r="A5569">
        <v>19444</v>
      </c>
      <c r="B5569" t="s">
        <v>11116</v>
      </c>
      <c r="C5569" t="s">
        <v>11117</v>
      </c>
    </row>
    <row r="5570" spans="1:3" x14ac:dyDescent="0.15">
      <c r="A5570">
        <v>19443</v>
      </c>
      <c r="B5570" t="s">
        <v>11118</v>
      </c>
      <c r="C5570" t="s">
        <v>11119</v>
      </c>
    </row>
    <row r="5571" spans="1:3" x14ac:dyDescent="0.15">
      <c r="A5571">
        <v>19442</v>
      </c>
      <c r="B5571" t="s">
        <v>11120</v>
      </c>
      <c r="C5571" t="s">
        <v>11121</v>
      </c>
    </row>
    <row r="5572" spans="1:3" x14ac:dyDescent="0.15">
      <c r="A5572">
        <v>19441</v>
      </c>
      <c r="B5572" t="s">
        <v>11122</v>
      </c>
      <c r="C5572" t="s">
        <v>11123</v>
      </c>
    </row>
    <row r="5573" spans="1:3" x14ac:dyDescent="0.15">
      <c r="A5573">
        <v>19440</v>
      </c>
      <c r="B5573" t="s">
        <v>11124</v>
      </c>
      <c r="C5573" t="s">
        <v>11125</v>
      </c>
    </row>
    <row r="5574" spans="1:3" x14ac:dyDescent="0.15">
      <c r="A5574">
        <v>19439</v>
      </c>
      <c r="B5574" t="s">
        <v>11126</v>
      </c>
      <c r="C5574" t="s">
        <v>11127</v>
      </c>
    </row>
    <row r="5575" spans="1:3" x14ac:dyDescent="0.15">
      <c r="A5575">
        <v>19438</v>
      </c>
      <c r="B5575" t="s">
        <v>11128</v>
      </c>
      <c r="C5575" t="s">
        <v>11129</v>
      </c>
    </row>
    <row r="5576" spans="1:3" x14ac:dyDescent="0.15">
      <c r="A5576">
        <v>19437</v>
      </c>
      <c r="B5576" t="s">
        <v>11130</v>
      </c>
      <c r="C5576" t="s">
        <v>11131</v>
      </c>
    </row>
    <row r="5577" spans="1:3" x14ac:dyDescent="0.15">
      <c r="A5577">
        <v>19436</v>
      </c>
      <c r="B5577" t="s">
        <v>11132</v>
      </c>
      <c r="C5577" t="s">
        <v>11133</v>
      </c>
    </row>
    <row r="5578" spans="1:3" x14ac:dyDescent="0.15">
      <c r="A5578">
        <v>19435</v>
      </c>
      <c r="B5578" t="s">
        <v>11134</v>
      </c>
      <c r="C5578" t="s">
        <v>11135</v>
      </c>
    </row>
    <row r="5579" spans="1:3" x14ac:dyDescent="0.15">
      <c r="A5579">
        <v>19434</v>
      </c>
      <c r="B5579" t="s">
        <v>11136</v>
      </c>
      <c r="C5579" t="s">
        <v>11137</v>
      </c>
    </row>
    <row r="5580" spans="1:3" x14ac:dyDescent="0.15">
      <c r="A5580">
        <v>19433</v>
      </c>
      <c r="B5580" t="s">
        <v>11138</v>
      </c>
      <c r="C5580" t="s">
        <v>11139</v>
      </c>
    </row>
    <row r="5581" spans="1:3" x14ac:dyDescent="0.15">
      <c r="A5581">
        <v>19432</v>
      </c>
      <c r="B5581" t="s">
        <v>11140</v>
      </c>
      <c r="C5581" t="s">
        <v>11141</v>
      </c>
    </row>
    <row r="5582" spans="1:3" x14ac:dyDescent="0.15">
      <c r="A5582">
        <v>19431</v>
      </c>
      <c r="B5582" t="s">
        <v>11142</v>
      </c>
      <c r="C5582" t="s">
        <v>11143</v>
      </c>
    </row>
    <row r="5583" spans="1:3" x14ac:dyDescent="0.15">
      <c r="A5583">
        <v>19430</v>
      </c>
      <c r="B5583" t="s">
        <v>11144</v>
      </c>
      <c r="C5583" t="s">
        <v>11145</v>
      </c>
    </row>
    <row r="5584" spans="1:3" x14ac:dyDescent="0.15">
      <c r="A5584">
        <v>19429</v>
      </c>
      <c r="B5584" t="s">
        <v>11146</v>
      </c>
      <c r="C5584" t="s">
        <v>11147</v>
      </c>
    </row>
    <row r="5585" spans="1:3" x14ac:dyDescent="0.15">
      <c r="A5585">
        <v>19428</v>
      </c>
      <c r="B5585" t="s">
        <v>11148</v>
      </c>
      <c r="C5585" t="s">
        <v>11149</v>
      </c>
    </row>
    <row r="5586" spans="1:3" x14ac:dyDescent="0.15">
      <c r="A5586">
        <v>19427</v>
      </c>
      <c r="B5586" t="s">
        <v>11150</v>
      </c>
      <c r="C5586" t="s">
        <v>11151</v>
      </c>
    </row>
    <row r="5587" spans="1:3" x14ac:dyDescent="0.15">
      <c r="A5587">
        <v>19426</v>
      </c>
      <c r="B5587" t="s">
        <v>11152</v>
      </c>
      <c r="C5587" t="s">
        <v>11153</v>
      </c>
    </row>
    <row r="5588" spans="1:3" x14ac:dyDescent="0.15">
      <c r="A5588">
        <v>19425</v>
      </c>
      <c r="B5588" t="s">
        <v>11154</v>
      </c>
      <c r="C5588" t="s">
        <v>11155</v>
      </c>
    </row>
    <row r="5589" spans="1:3" x14ac:dyDescent="0.15">
      <c r="A5589">
        <v>19424</v>
      </c>
      <c r="B5589" t="s">
        <v>11156</v>
      </c>
      <c r="C5589" t="s">
        <v>11157</v>
      </c>
    </row>
    <row r="5590" spans="1:3" x14ac:dyDescent="0.15">
      <c r="A5590">
        <v>19423</v>
      </c>
      <c r="B5590" t="s">
        <v>11158</v>
      </c>
      <c r="C5590" t="s">
        <v>11159</v>
      </c>
    </row>
    <row r="5591" spans="1:3" x14ac:dyDescent="0.15">
      <c r="A5591">
        <v>19422</v>
      </c>
      <c r="B5591" t="s">
        <v>11160</v>
      </c>
      <c r="C5591" t="s">
        <v>11161</v>
      </c>
    </row>
    <row r="5592" spans="1:3" x14ac:dyDescent="0.15">
      <c r="A5592">
        <v>19421</v>
      </c>
      <c r="B5592" t="s">
        <v>11162</v>
      </c>
      <c r="C5592" t="s">
        <v>11163</v>
      </c>
    </row>
    <row r="5593" spans="1:3" x14ac:dyDescent="0.15">
      <c r="A5593">
        <v>19420</v>
      </c>
      <c r="B5593" t="s">
        <v>11164</v>
      </c>
      <c r="C5593" t="s">
        <v>11165</v>
      </c>
    </row>
    <row r="5594" spans="1:3" x14ac:dyDescent="0.15">
      <c r="A5594">
        <v>19419</v>
      </c>
      <c r="B5594" t="s">
        <v>11166</v>
      </c>
      <c r="C5594" t="s">
        <v>11167</v>
      </c>
    </row>
    <row r="5595" spans="1:3" x14ac:dyDescent="0.15">
      <c r="A5595">
        <v>19418</v>
      </c>
      <c r="B5595" t="s">
        <v>11168</v>
      </c>
      <c r="C5595" t="s">
        <v>11169</v>
      </c>
    </row>
    <row r="5596" spans="1:3" x14ac:dyDescent="0.15">
      <c r="A5596">
        <v>19417</v>
      </c>
      <c r="B5596" t="s">
        <v>11170</v>
      </c>
      <c r="C5596" t="s">
        <v>11171</v>
      </c>
    </row>
    <row r="5597" spans="1:3" x14ac:dyDescent="0.15">
      <c r="A5597">
        <v>19416</v>
      </c>
      <c r="B5597" t="s">
        <v>11172</v>
      </c>
      <c r="C5597" t="s">
        <v>11173</v>
      </c>
    </row>
    <row r="5598" spans="1:3" x14ac:dyDescent="0.15">
      <c r="A5598">
        <v>19415</v>
      </c>
      <c r="B5598" t="s">
        <v>11174</v>
      </c>
      <c r="C5598" t="s">
        <v>11175</v>
      </c>
    </row>
    <row r="5599" spans="1:3" x14ac:dyDescent="0.15">
      <c r="A5599">
        <v>19414</v>
      </c>
      <c r="B5599" t="s">
        <v>11176</v>
      </c>
      <c r="C5599" t="s">
        <v>11177</v>
      </c>
    </row>
    <row r="5600" spans="1:3" x14ac:dyDescent="0.15">
      <c r="A5600">
        <v>19413</v>
      </c>
      <c r="B5600" t="s">
        <v>11178</v>
      </c>
      <c r="C5600" t="s">
        <v>11179</v>
      </c>
    </row>
    <row r="5601" spans="1:3" x14ac:dyDescent="0.15">
      <c r="A5601">
        <v>19412</v>
      </c>
      <c r="B5601" t="s">
        <v>11180</v>
      </c>
      <c r="C5601" t="s">
        <v>11181</v>
      </c>
    </row>
    <row r="5602" spans="1:3" x14ac:dyDescent="0.15">
      <c r="A5602">
        <v>19411</v>
      </c>
      <c r="B5602" t="s">
        <v>11182</v>
      </c>
      <c r="C5602" t="s">
        <v>11183</v>
      </c>
    </row>
    <row r="5603" spans="1:3" x14ac:dyDescent="0.15">
      <c r="A5603">
        <v>19410</v>
      </c>
      <c r="B5603" t="s">
        <v>11184</v>
      </c>
      <c r="C5603" t="s">
        <v>11185</v>
      </c>
    </row>
    <row r="5604" spans="1:3" x14ac:dyDescent="0.15">
      <c r="A5604">
        <v>19409</v>
      </c>
      <c r="B5604" t="s">
        <v>11186</v>
      </c>
      <c r="C5604" t="s">
        <v>11187</v>
      </c>
    </row>
    <row r="5605" spans="1:3" x14ac:dyDescent="0.15">
      <c r="A5605">
        <v>19408</v>
      </c>
      <c r="B5605" t="s">
        <v>11188</v>
      </c>
      <c r="C5605" t="s">
        <v>11189</v>
      </c>
    </row>
    <row r="5606" spans="1:3" x14ac:dyDescent="0.15">
      <c r="A5606">
        <v>19407</v>
      </c>
      <c r="B5606" t="s">
        <v>11190</v>
      </c>
      <c r="C5606" t="s">
        <v>11191</v>
      </c>
    </row>
    <row r="5607" spans="1:3" x14ac:dyDescent="0.15">
      <c r="A5607">
        <v>19406</v>
      </c>
      <c r="B5607" t="s">
        <v>11192</v>
      </c>
      <c r="C5607" t="s">
        <v>11193</v>
      </c>
    </row>
    <row r="5608" spans="1:3" x14ac:dyDescent="0.15">
      <c r="A5608">
        <v>19405</v>
      </c>
      <c r="B5608" t="s">
        <v>11194</v>
      </c>
      <c r="C5608" t="s">
        <v>11195</v>
      </c>
    </row>
    <row r="5609" spans="1:3" x14ac:dyDescent="0.15">
      <c r="A5609">
        <v>19404</v>
      </c>
      <c r="B5609" t="s">
        <v>11196</v>
      </c>
      <c r="C5609" t="s">
        <v>11197</v>
      </c>
    </row>
    <row r="5610" spans="1:3" x14ac:dyDescent="0.15">
      <c r="A5610">
        <v>19403</v>
      </c>
      <c r="B5610" t="s">
        <v>11198</v>
      </c>
      <c r="C5610" t="s">
        <v>11199</v>
      </c>
    </row>
    <row r="5611" spans="1:3" x14ac:dyDescent="0.15">
      <c r="A5611">
        <v>19402</v>
      </c>
      <c r="B5611" t="s">
        <v>11200</v>
      </c>
      <c r="C5611" t="s">
        <v>11201</v>
      </c>
    </row>
    <row r="5612" spans="1:3" x14ac:dyDescent="0.15">
      <c r="A5612">
        <v>19400</v>
      </c>
      <c r="B5612" t="s">
        <v>11202</v>
      </c>
      <c r="C5612" t="s">
        <v>11203</v>
      </c>
    </row>
    <row r="5613" spans="1:3" x14ac:dyDescent="0.15">
      <c r="A5613">
        <v>19399</v>
      </c>
      <c r="B5613" t="s">
        <v>11204</v>
      </c>
      <c r="C5613" t="s">
        <v>11205</v>
      </c>
    </row>
    <row r="5614" spans="1:3" x14ac:dyDescent="0.15">
      <c r="A5614">
        <v>19398</v>
      </c>
      <c r="B5614" t="s">
        <v>11206</v>
      </c>
      <c r="C5614" t="s">
        <v>11207</v>
      </c>
    </row>
    <row r="5615" spans="1:3" x14ac:dyDescent="0.15">
      <c r="A5615">
        <v>19397</v>
      </c>
      <c r="B5615" t="s">
        <v>11208</v>
      </c>
      <c r="C5615" t="s">
        <v>11209</v>
      </c>
    </row>
    <row r="5616" spans="1:3" x14ac:dyDescent="0.15">
      <c r="A5616">
        <v>19396</v>
      </c>
      <c r="B5616" t="s">
        <v>11210</v>
      </c>
      <c r="C5616" t="s">
        <v>11211</v>
      </c>
    </row>
    <row r="5617" spans="1:3" x14ac:dyDescent="0.15">
      <c r="A5617">
        <v>19395</v>
      </c>
      <c r="B5617" t="s">
        <v>11212</v>
      </c>
      <c r="C5617" t="s">
        <v>11213</v>
      </c>
    </row>
    <row r="5618" spans="1:3" x14ac:dyDescent="0.15">
      <c r="A5618">
        <v>19394</v>
      </c>
      <c r="B5618" t="s">
        <v>11214</v>
      </c>
      <c r="C5618" t="s">
        <v>11215</v>
      </c>
    </row>
    <row r="5619" spans="1:3" x14ac:dyDescent="0.15">
      <c r="A5619">
        <v>19393</v>
      </c>
      <c r="B5619" t="s">
        <v>11216</v>
      </c>
      <c r="C5619" t="s">
        <v>11217</v>
      </c>
    </row>
    <row r="5620" spans="1:3" x14ac:dyDescent="0.15">
      <c r="A5620">
        <v>19392</v>
      </c>
      <c r="B5620" t="s">
        <v>11218</v>
      </c>
      <c r="C5620" t="s">
        <v>11219</v>
      </c>
    </row>
    <row r="5621" spans="1:3" x14ac:dyDescent="0.15">
      <c r="A5621">
        <v>19391</v>
      </c>
      <c r="B5621" t="s">
        <v>11220</v>
      </c>
      <c r="C5621" t="s">
        <v>11221</v>
      </c>
    </row>
    <row r="5622" spans="1:3" x14ac:dyDescent="0.15">
      <c r="A5622">
        <v>19390</v>
      </c>
      <c r="B5622" t="s">
        <v>11222</v>
      </c>
      <c r="C5622" t="s">
        <v>11223</v>
      </c>
    </row>
    <row r="5623" spans="1:3" x14ac:dyDescent="0.15">
      <c r="A5623">
        <v>19389</v>
      </c>
      <c r="B5623" t="s">
        <v>11224</v>
      </c>
      <c r="C5623" t="s">
        <v>11225</v>
      </c>
    </row>
    <row r="5624" spans="1:3" x14ac:dyDescent="0.15">
      <c r="A5624">
        <v>19388</v>
      </c>
      <c r="B5624" t="s">
        <v>11226</v>
      </c>
      <c r="C5624" t="s">
        <v>11227</v>
      </c>
    </row>
    <row r="5625" spans="1:3" x14ac:dyDescent="0.15">
      <c r="A5625">
        <v>19387</v>
      </c>
      <c r="B5625" t="s">
        <v>11228</v>
      </c>
      <c r="C5625" t="s">
        <v>11229</v>
      </c>
    </row>
    <row r="5626" spans="1:3" x14ac:dyDescent="0.15">
      <c r="A5626">
        <v>19386</v>
      </c>
      <c r="B5626" t="s">
        <v>11230</v>
      </c>
      <c r="C5626" t="s">
        <v>11231</v>
      </c>
    </row>
    <row r="5627" spans="1:3" x14ac:dyDescent="0.15">
      <c r="A5627">
        <v>19385</v>
      </c>
      <c r="B5627" t="s">
        <v>11232</v>
      </c>
      <c r="C5627" t="s">
        <v>11233</v>
      </c>
    </row>
    <row r="5628" spans="1:3" x14ac:dyDescent="0.15">
      <c r="A5628">
        <v>19384</v>
      </c>
      <c r="B5628" t="s">
        <v>11234</v>
      </c>
      <c r="C5628" t="s">
        <v>11235</v>
      </c>
    </row>
    <row r="5629" spans="1:3" x14ac:dyDescent="0.15">
      <c r="A5629">
        <v>19383</v>
      </c>
      <c r="B5629" t="s">
        <v>11236</v>
      </c>
      <c r="C5629" t="s">
        <v>11237</v>
      </c>
    </row>
    <row r="5630" spans="1:3" x14ac:dyDescent="0.15">
      <c r="A5630">
        <v>19382</v>
      </c>
      <c r="B5630" t="s">
        <v>11238</v>
      </c>
      <c r="C5630" t="s">
        <v>11239</v>
      </c>
    </row>
    <row r="5631" spans="1:3" x14ac:dyDescent="0.15">
      <c r="A5631">
        <v>19381</v>
      </c>
      <c r="B5631" t="s">
        <v>11240</v>
      </c>
      <c r="C5631" t="s">
        <v>11241</v>
      </c>
    </row>
    <row r="5632" spans="1:3" x14ac:dyDescent="0.15">
      <c r="A5632">
        <v>19380</v>
      </c>
      <c r="B5632" t="s">
        <v>11242</v>
      </c>
      <c r="C5632" t="s">
        <v>11243</v>
      </c>
    </row>
    <row r="5633" spans="1:3" x14ac:dyDescent="0.15">
      <c r="A5633">
        <v>19379</v>
      </c>
      <c r="B5633" t="s">
        <v>11244</v>
      </c>
      <c r="C5633" t="s">
        <v>11245</v>
      </c>
    </row>
    <row r="5634" spans="1:3" x14ac:dyDescent="0.15">
      <c r="A5634">
        <v>19378</v>
      </c>
      <c r="B5634" t="s">
        <v>11246</v>
      </c>
      <c r="C5634" t="s">
        <v>11247</v>
      </c>
    </row>
    <row r="5635" spans="1:3" x14ac:dyDescent="0.15">
      <c r="A5635">
        <v>19377</v>
      </c>
      <c r="B5635" t="s">
        <v>11248</v>
      </c>
      <c r="C5635" t="s">
        <v>11249</v>
      </c>
    </row>
    <row r="5636" spans="1:3" x14ac:dyDescent="0.15">
      <c r="A5636">
        <v>19376</v>
      </c>
      <c r="B5636" t="s">
        <v>11250</v>
      </c>
      <c r="C5636" t="s">
        <v>11251</v>
      </c>
    </row>
    <row r="5637" spans="1:3" x14ac:dyDescent="0.15">
      <c r="A5637">
        <v>19375</v>
      </c>
      <c r="B5637" t="s">
        <v>11252</v>
      </c>
      <c r="C5637" t="s">
        <v>11253</v>
      </c>
    </row>
    <row r="5638" spans="1:3" x14ac:dyDescent="0.15">
      <c r="A5638">
        <v>19374</v>
      </c>
      <c r="B5638" t="s">
        <v>11254</v>
      </c>
      <c r="C5638" t="s">
        <v>491</v>
      </c>
    </row>
    <row r="5639" spans="1:3" x14ac:dyDescent="0.15">
      <c r="A5639">
        <v>19373</v>
      </c>
      <c r="B5639" t="s">
        <v>11255</v>
      </c>
      <c r="C5639" t="s">
        <v>11256</v>
      </c>
    </row>
    <row r="5640" spans="1:3" x14ac:dyDescent="0.15">
      <c r="A5640">
        <v>19372</v>
      </c>
      <c r="B5640" t="s">
        <v>11257</v>
      </c>
      <c r="C5640" t="s">
        <v>11258</v>
      </c>
    </row>
    <row r="5641" spans="1:3" x14ac:dyDescent="0.15">
      <c r="A5641">
        <v>19371</v>
      </c>
      <c r="B5641" t="s">
        <v>11259</v>
      </c>
      <c r="C5641" t="s">
        <v>11260</v>
      </c>
    </row>
    <row r="5642" spans="1:3" x14ac:dyDescent="0.15">
      <c r="A5642">
        <v>19370</v>
      </c>
      <c r="B5642" t="s">
        <v>11261</v>
      </c>
      <c r="C5642" t="s">
        <v>11262</v>
      </c>
    </row>
    <row r="5643" spans="1:3" x14ac:dyDescent="0.15">
      <c r="A5643">
        <v>19369</v>
      </c>
      <c r="B5643" t="s">
        <v>11263</v>
      </c>
      <c r="C5643" t="s">
        <v>11264</v>
      </c>
    </row>
    <row r="5644" spans="1:3" x14ac:dyDescent="0.15">
      <c r="A5644">
        <v>19368</v>
      </c>
      <c r="B5644" t="s">
        <v>11265</v>
      </c>
      <c r="C5644" t="s">
        <v>11266</v>
      </c>
    </row>
    <row r="5645" spans="1:3" x14ac:dyDescent="0.15">
      <c r="A5645">
        <v>19367</v>
      </c>
      <c r="B5645" t="s">
        <v>11267</v>
      </c>
      <c r="C5645" t="s">
        <v>11268</v>
      </c>
    </row>
    <row r="5646" spans="1:3" x14ac:dyDescent="0.15">
      <c r="A5646">
        <v>19366</v>
      </c>
      <c r="B5646" t="s">
        <v>11269</v>
      </c>
      <c r="C5646" t="s">
        <v>11270</v>
      </c>
    </row>
    <row r="5647" spans="1:3" x14ac:dyDescent="0.15">
      <c r="A5647">
        <v>19365</v>
      </c>
      <c r="B5647" t="s">
        <v>11271</v>
      </c>
      <c r="C5647" t="s">
        <v>11272</v>
      </c>
    </row>
    <row r="5648" spans="1:3" x14ac:dyDescent="0.15">
      <c r="A5648">
        <v>19364</v>
      </c>
      <c r="B5648" t="s">
        <v>11273</v>
      </c>
      <c r="C5648" t="s">
        <v>11274</v>
      </c>
    </row>
    <row r="5649" spans="1:3" x14ac:dyDescent="0.15">
      <c r="A5649">
        <v>19363</v>
      </c>
      <c r="B5649" t="s">
        <v>11275</v>
      </c>
      <c r="C5649" t="s">
        <v>11276</v>
      </c>
    </row>
    <row r="5650" spans="1:3" x14ac:dyDescent="0.15">
      <c r="A5650">
        <v>19362</v>
      </c>
      <c r="B5650" t="s">
        <v>11277</v>
      </c>
      <c r="C5650" t="s">
        <v>11278</v>
      </c>
    </row>
    <row r="5651" spans="1:3" x14ac:dyDescent="0.15">
      <c r="A5651">
        <v>19361</v>
      </c>
      <c r="B5651" t="s">
        <v>11279</v>
      </c>
      <c r="C5651" t="s">
        <v>11280</v>
      </c>
    </row>
    <row r="5652" spans="1:3" x14ac:dyDescent="0.15">
      <c r="A5652">
        <v>19360</v>
      </c>
      <c r="B5652" t="s">
        <v>11281</v>
      </c>
      <c r="C5652" t="s">
        <v>11282</v>
      </c>
    </row>
    <row r="5653" spans="1:3" x14ac:dyDescent="0.15">
      <c r="A5653">
        <v>19359</v>
      </c>
      <c r="B5653" t="s">
        <v>11283</v>
      </c>
      <c r="C5653" t="s">
        <v>11284</v>
      </c>
    </row>
    <row r="5654" spans="1:3" x14ac:dyDescent="0.15">
      <c r="A5654">
        <v>19358</v>
      </c>
      <c r="B5654" t="s">
        <v>11285</v>
      </c>
      <c r="C5654" t="s">
        <v>11286</v>
      </c>
    </row>
    <row r="5655" spans="1:3" x14ac:dyDescent="0.15">
      <c r="A5655">
        <v>19357</v>
      </c>
      <c r="B5655" t="s">
        <v>11287</v>
      </c>
      <c r="C5655" t="s">
        <v>11288</v>
      </c>
    </row>
    <row r="5656" spans="1:3" x14ac:dyDescent="0.15">
      <c r="A5656">
        <v>19356</v>
      </c>
      <c r="B5656" t="s">
        <v>11289</v>
      </c>
      <c r="C5656" t="s">
        <v>11290</v>
      </c>
    </row>
    <row r="5657" spans="1:3" x14ac:dyDescent="0.15">
      <c r="A5657">
        <v>19355</v>
      </c>
      <c r="B5657" t="s">
        <v>11291</v>
      </c>
      <c r="C5657" t="s">
        <v>11292</v>
      </c>
    </row>
    <row r="5658" spans="1:3" x14ac:dyDescent="0.15">
      <c r="A5658">
        <v>19354</v>
      </c>
      <c r="B5658" t="s">
        <v>11293</v>
      </c>
      <c r="C5658" t="s">
        <v>11294</v>
      </c>
    </row>
    <row r="5659" spans="1:3" x14ac:dyDescent="0.15">
      <c r="A5659">
        <v>19353</v>
      </c>
      <c r="B5659" t="s">
        <v>11295</v>
      </c>
      <c r="C5659" t="s">
        <v>11296</v>
      </c>
    </row>
    <row r="5660" spans="1:3" x14ac:dyDescent="0.15">
      <c r="A5660">
        <v>19352</v>
      </c>
      <c r="B5660" t="s">
        <v>11297</v>
      </c>
      <c r="C5660" t="s">
        <v>11298</v>
      </c>
    </row>
    <row r="5661" spans="1:3" x14ac:dyDescent="0.15">
      <c r="A5661">
        <v>19351</v>
      </c>
      <c r="B5661" t="s">
        <v>11299</v>
      </c>
      <c r="C5661" t="s">
        <v>11300</v>
      </c>
    </row>
    <row r="5662" spans="1:3" x14ac:dyDescent="0.15">
      <c r="A5662">
        <v>19350</v>
      </c>
      <c r="B5662" t="s">
        <v>11301</v>
      </c>
      <c r="C5662" t="s">
        <v>11302</v>
      </c>
    </row>
    <row r="5663" spans="1:3" x14ac:dyDescent="0.15">
      <c r="A5663">
        <v>19349</v>
      </c>
      <c r="B5663" t="s">
        <v>11303</v>
      </c>
      <c r="C5663" t="s">
        <v>11304</v>
      </c>
    </row>
    <row r="5664" spans="1:3" x14ac:dyDescent="0.15">
      <c r="A5664">
        <v>19348</v>
      </c>
      <c r="B5664" t="s">
        <v>11305</v>
      </c>
      <c r="C5664" t="s">
        <v>11306</v>
      </c>
    </row>
    <row r="5665" spans="1:3" x14ac:dyDescent="0.15">
      <c r="A5665">
        <v>19347</v>
      </c>
      <c r="B5665" t="s">
        <v>11307</v>
      </c>
      <c r="C5665" t="s">
        <v>11308</v>
      </c>
    </row>
    <row r="5666" spans="1:3" x14ac:dyDescent="0.15">
      <c r="A5666">
        <v>19346</v>
      </c>
      <c r="B5666" t="s">
        <v>11309</v>
      </c>
      <c r="C5666" t="s">
        <v>11310</v>
      </c>
    </row>
    <row r="5667" spans="1:3" x14ac:dyDescent="0.15">
      <c r="A5667">
        <v>19345</v>
      </c>
      <c r="B5667" t="s">
        <v>11311</v>
      </c>
      <c r="C5667" t="s">
        <v>11312</v>
      </c>
    </row>
    <row r="5668" spans="1:3" x14ac:dyDescent="0.15">
      <c r="A5668">
        <v>19344</v>
      </c>
      <c r="B5668" t="s">
        <v>11313</v>
      </c>
      <c r="C5668" t="s">
        <v>11314</v>
      </c>
    </row>
    <row r="5669" spans="1:3" x14ac:dyDescent="0.15">
      <c r="A5669">
        <v>19343</v>
      </c>
      <c r="B5669" t="s">
        <v>11315</v>
      </c>
      <c r="C5669" t="s">
        <v>11316</v>
      </c>
    </row>
    <row r="5670" spans="1:3" x14ac:dyDescent="0.15">
      <c r="A5670">
        <v>19342</v>
      </c>
      <c r="B5670" t="s">
        <v>11317</v>
      </c>
      <c r="C5670" t="s">
        <v>11318</v>
      </c>
    </row>
    <row r="5671" spans="1:3" x14ac:dyDescent="0.15">
      <c r="A5671">
        <v>19341</v>
      </c>
      <c r="B5671" t="s">
        <v>11319</v>
      </c>
      <c r="C5671" t="s">
        <v>11320</v>
      </c>
    </row>
    <row r="5672" spans="1:3" x14ac:dyDescent="0.15">
      <c r="A5672">
        <v>19340</v>
      </c>
      <c r="B5672" t="s">
        <v>11321</v>
      </c>
      <c r="C5672" t="s">
        <v>11322</v>
      </c>
    </row>
    <row r="5673" spans="1:3" x14ac:dyDescent="0.15">
      <c r="A5673">
        <v>19339</v>
      </c>
      <c r="B5673" t="s">
        <v>11323</v>
      </c>
      <c r="C5673" t="s">
        <v>11324</v>
      </c>
    </row>
    <row r="5674" spans="1:3" x14ac:dyDescent="0.15">
      <c r="A5674">
        <v>19338</v>
      </c>
      <c r="B5674" t="s">
        <v>11325</v>
      </c>
      <c r="C5674" t="s">
        <v>11326</v>
      </c>
    </row>
    <row r="5675" spans="1:3" x14ac:dyDescent="0.15">
      <c r="A5675">
        <v>19337</v>
      </c>
      <c r="B5675" t="s">
        <v>11327</v>
      </c>
      <c r="C5675" t="s">
        <v>11328</v>
      </c>
    </row>
    <row r="5676" spans="1:3" x14ac:dyDescent="0.15">
      <c r="A5676">
        <v>19336</v>
      </c>
      <c r="B5676" t="s">
        <v>11329</v>
      </c>
      <c r="C5676" t="s">
        <v>11330</v>
      </c>
    </row>
    <row r="5677" spans="1:3" x14ac:dyDescent="0.15">
      <c r="A5677">
        <v>19335</v>
      </c>
      <c r="B5677" t="s">
        <v>11331</v>
      </c>
      <c r="C5677" t="s">
        <v>11332</v>
      </c>
    </row>
    <row r="5678" spans="1:3" x14ac:dyDescent="0.15">
      <c r="A5678">
        <v>19334</v>
      </c>
      <c r="B5678" t="s">
        <v>11333</v>
      </c>
      <c r="C5678" t="s">
        <v>11334</v>
      </c>
    </row>
    <row r="5679" spans="1:3" x14ac:dyDescent="0.15">
      <c r="A5679">
        <v>19333</v>
      </c>
      <c r="B5679" t="s">
        <v>11335</v>
      </c>
      <c r="C5679" t="s">
        <v>11336</v>
      </c>
    </row>
    <row r="5680" spans="1:3" x14ac:dyDescent="0.15">
      <c r="A5680">
        <v>19332</v>
      </c>
      <c r="B5680" t="s">
        <v>11337</v>
      </c>
      <c r="C5680" t="s">
        <v>11338</v>
      </c>
    </row>
    <row r="5681" spans="1:3" x14ac:dyDescent="0.15">
      <c r="A5681">
        <v>19331</v>
      </c>
      <c r="B5681" t="s">
        <v>11339</v>
      </c>
      <c r="C5681" t="s">
        <v>11340</v>
      </c>
    </row>
    <row r="5682" spans="1:3" x14ac:dyDescent="0.15">
      <c r="A5682">
        <v>19330</v>
      </c>
      <c r="B5682" t="s">
        <v>11341</v>
      </c>
      <c r="C5682" t="s">
        <v>11342</v>
      </c>
    </row>
    <row r="5683" spans="1:3" x14ac:dyDescent="0.15">
      <c r="A5683">
        <v>19329</v>
      </c>
      <c r="B5683" t="s">
        <v>11343</v>
      </c>
      <c r="C5683" t="s">
        <v>11344</v>
      </c>
    </row>
    <row r="5684" spans="1:3" x14ac:dyDescent="0.15">
      <c r="A5684">
        <v>19328</v>
      </c>
      <c r="B5684" t="s">
        <v>11345</v>
      </c>
      <c r="C5684" t="s">
        <v>11346</v>
      </c>
    </row>
    <row r="5685" spans="1:3" x14ac:dyDescent="0.15">
      <c r="A5685">
        <v>19327</v>
      </c>
      <c r="B5685" t="s">
        <v>11347</v>
      </c>
      <c r="C5685" t="s">
        <v>11348</v>
      </c>
    </row>
    <row r="5686" spans="1:3" x14ac:dyDescent="0.15">
      <c r="A5686">
        <v>19326</v>
      </c>
      <c r="B5686" t="s">
        <v>11349</v>
      </c>
      <c r="C5686" t="s">
        <v>11350</v>
      </c>
    </row>
    <row r="5687" spans="1:3" x14ac:dyDescent="0.15">
      <c r="A5687">
        <v>19325</v>
      </c>
      <c r="B5687" t="s">
        <v>11351</v>
      </c>
      <c r="C5687" t="s">
        <v>11352</v>
      </c>
    </row>
    <row r="5688" spans="1:3" x14ac:dyDescent="0.15">
      <c r="A5688">
        <v>19324</v>
      </c>
      <c r="B5688" t="s">
        <v>11353</v>
      </c>
      <c r="C5688" t="s">
        <v>11354</v>
      </c>
    </row>
    <row r="5689" spans="1:3" x14ac:dyDescent="0.15">
      <c r="A5689">
        <v>19323</v>
      </c>
      <c r="B5689" t="s">
        <v>11355</v>
      </c>
      <c r="C5689" t="s">
        <v>11356</v>
      </c>
    </row>
    <row r="5690" spans="1:3" x14ac:dyDescent="0.15">
      <c r="A5690">
        <v>19322</v>
      </c>
      <c r="B5690" t="s">
        <v>11357</v>
      </c>
      <c r="C5690" t="s">
        <v>11358</v>
      </c>
    </row>
    <row r="5691" spans="1:3" x14ac:dyDescent="0.15">
      <c r="A5691">
        <v>19321</v>
      </c>
      <c r="B5691" t="s">
        <v>11359</v>
      </c>
      <c r="C5691" t="s">
        <v>11360</v>
      </c>
    </row>
    <row r="5692" spans="1:3" x14ac:dyDescent="0.15">
      <c r="A5692">
        <v>19320</v>
      </c>
      <c r="B5692" t="s">
        <v>11361</v>
      </c>
      <c r="C5692" t="s">
        <v>11362</v>
      </c>
    </row>
    <row r="5693" spans="1:3" x14ac:dyDescent="0.15">
      <c r="A5693">
        <v>19319</v>
      </c>
      <c r="B5693" t="s">
        <v>11363</v>
      </c>
      <c r="C5693" t="s">
        <v>11364</v>
      </c>
    </row>
    <row r="5694" spans="1:3" x14ac:dyDescent="0.15">
      <c r="A5694">
        <v>19318</v>
      </c>
      <c r="B5694" t="s">
        <v>11365</v>
      </c>
      <c r="C5694" t="s">
        <v>11366</v>
      </c>
    </row>
    <row r="5695" spans="1:3" x14ac:dyDescent="0.15">
      <c r="A5695">
        <v>19317</v>
      </c>
      <c r="B5695" t="s">
        <v>11367</v>
      </c>
      <c r="C5695" t="s">
        <v>11368</v>
      </c>
    </row>
    <row r="5696" spans="1:3" x14ac:dyDescent="0.15">
      <c r="A5696">
        <v>19316</v>
      </c>
      <c r="B5696" t="s">
        <v>11369</v>
      </c>
      <c r="C5696" t="s">
        <v>11370</v>
      </c>
    </row>
    <row r="5697" spans="1:3" x14ac:dyDescent="0.15">
      <c r="A5697">
        <v>19315</v>
      </c>
      <c r="B5697" t="s">
        <v>11371</v>
      </c>
      <c r="C5697" t="s">
        <v>11372</v>
      </c>
    </row>
    <row r="5698" spans="1:3" x14ac:dyDescent="0.15">
      <c r="A5698">
        <v>19314</v>
      </c>
      <c r="B5698" t="s">
        <v>11373</v>
      </c>
      <c r="C5698" t="s">
        <v>11374</v>
      </c>
    </row>
    <row r="5699" spans="1:3" x14ac:dyDescent="0.15">
      <c r="A5699">
        <v>19313</v>
      </c>
      <c r="B5699" t="s">
        <v>11375</v>
      </c>
      <c r="C5699" t="s">
        <v>11376</v>
      </c>
    </row>
    <row r="5700" spans="1:3" x14ac:dyDescent="0.15">
      <c r="A5700">
        <v>19312</v>
      </c>
      <c r="B5700" t="s">
        <v>11377</v>
      </c>
      <c r="C5700" t="s">
        <v>11378</v>
      </c>
    </row>
    <row r="5701" spans="1:3" x14ac:dyDescent="0.15">
      <c r="A5701">
        <v>19311</v>
      </c>
      <c r="B5701" t="s">
        <v>11379</v>
      </c>
      <c r="C5701" t="s">
        <v>11380</v>
      </c>
    </row>
    <row r="5702" spans="1:3" x14ac:dyDescent="0.15">
      <c r="A5702">
        <v>19310</v>
      </c>
      <c r="B5702" t="s">
        <v>11381</v>
      </c>
      <c r="C5702" t="s">
        <v>11382</v>
      </c>
    </row>
    <row r="5703" spans="1:3" x14ac:dyDescent="0.15">
      <c r="A5703">
        <v>19309</v>
      </c>
      <c r="B5703" t="s">
        <v>11383</v>
      </c>
      <c r="C5703" t="s">
        <v>11384</v>
      </c>
    </row>
    <row r="5704" spans="1:3" x14ac:dyDescent="0.15">
      <c r="A5704">
        <v>19308</v>
      </c>
      <c r="B5704" t="s">
        <v>11385</v>
      </c>
      <c r="C5704" t="s">
        <v>11386</v>
      </c>
    </row>
    <row r="5705" spans="1:3" x14ac:dyDescent="0.15">
      <c r="A5705">
        <v>19307</v>
      </c>
      <c r="B5705" t="s">
        <v>11387</v>
      </c>
      <c r="C5705" t="s">
        <v>11388</v>
      </c>
    </row>
    <row r="5706" spans="1:3" x14ac:dyDescent="0.15">
      <c r="A5706">
        <v>19306</v>
      </c>
      <c r="B5706" t="s">
        <v>11389</v>
      </c>
      <c r="C5706" t="s">
        <v>11390</v>
      </c>
    </row>
    <row r="5707" spans="1:3" x14ac:dyDescent="0.15">
      <c r="A5707">
        <v>19305</v>
      </c>
      <c r="B5707" t="s">
        <v>11391</v>
      </c>
      <c r="C5707" t="s">
        <v>11392</v>
      </c>
    </row>
    <row r="5708" spans="1:3" x14ac:dyDescent="0.15">
      <c r="A5708">
        <v>19304</v>
      </c>
      <c r="B5708" t="s">
        <v>11393</v>
      </c>
      <c r="C5708" t="s">
        <v>11394</v>
      </c>
    </row>
    <row r="5709" spans="1:3" x14ac:dyDescent="0.15">
      <c r="A5709">
        <v>19303</v>
      </c>
      <c r="B5709" t="s">
        <v>11395</v>
      </c>
      <c r="C5709" t="s">
        <v>11396</v>
      </c>
    </row>
    <row r="5710" spans="1:3" x14ac:dyDescent="0.15">
      <c r="A5710">
        <v>19302</v>
      </c>
      <c r="B5710" t="s">
        <v>11397</v>
      </c>
      <c r="C5710" t="s">
        <v>11398</v>
      </c>
    </row>
    <row r="5711" spans="1:3" x14ac:dyDescent="0.15">
      <c r="A5711">
        <v>19301</v>
      </c>
      <c r="B5711" t="s">
        <v>11399</v>
      </c>
      <c r="C5711" t="s">
        <v>11400</v>
      </c>
    </row>
    <row r="5712" spans="1:3" x14ac:dyDescent="0.15">
      <c r="A5712">
        <v>19300</v>
      </c>
      <c r="B5712" t="s">
        <v>11401</v>
      </c>
      <c r="C5712" t="s">
        <v>11402</v>
      </c>
    </row>
    <row r="5713" spans="1:3" x14ac:dyDescent="0.15">
      <c r="A5713">
        <v>19299</v>
      </c>
      <c r="B5713" t="s">
        <v>11403</v>
      </c>
      <c r="C5713" t="s">
        <v>11404</v>
      </c>
    </row>
    <row r="5714" spans="1:3" x14ac:dyDescent="0.15">
      <c r="A5714">
        <v>19298</v>
      </c>
      <c r="B5714" t="s">
        <v>11405</v>
      </c>
      <c r="C5714" t="s">
        <v>11406</v>
      </c>
    </row>
    <row r="5715" spans="1:3" x14ac:dyDescent="0.15">
      <c r="A5715">
        <v>19297</v>
      </c>
      <c r="B5715" t="s">
        <v>11407</v>
      </c>
      <c r="C5715" t="s">
        <v>11408</v>
      </c>
    </row>
    <row r="5716" spans="1:3" x14ac:dyDescent="0.15">
      <c r="A5716">
        <v>19296</v>
      </c>
      <c r="B5716" t="s">
        <v>11409</v>
      </c>
      <c r="C5716" t="s">
        <v>11410</v>
      </c>
    </row>
    <row r="5717" spans="1:3" x14ac:dyDescent="0.15">
      <c r="A5717">
        <v>19295</v>
      </c>
      <c r="B5717" t="s">
        <v>11411</v>
      </c>
      <c r="C5717" t="s">
        <v>11412</v>
      </c>
    </row>
    <row r="5718" spans="1:3" x14ac:dyDescent="0.15">
      <c r="A5718">
        <v>19294</v>
      </c>
      <c r="B5718" t="s">
        <v>11413</v>
      </c>
      <c r="C5718" t="s">
        <v>11414</v>
      </c>
    </row>
    <row r="5719" spans="1:3" x14ac:dyDescent="0.15">
      <c r="A5719">
        <v>19293</v>
      </c>
      <c r="B5719" t="s">
        <v>11415</v>
      </c>
      <c r="C5719" t="s">
        <v>11416</v>
      </c>
    </row>
    <row r="5720" spans="1:3" x14ac:dyDescent="0.15">
      <c r="A5720">
        <v>19292</v>
      </c>
      <c r="B5720" t="s">
        <v>11417</v>
      </c>
      <c r="C5720" t="s">
        <v>11418</v>
      </c>
    </row>
    <row r="5721" spans="1:3" x14ac:dyDescent="0.15">
      <c r="A5721">
        <v>19291</v>
      </c>
      <c r="B5721" t="s">
        <v>11419</v>
      </c>
      <c r="C5721" t="s">
        <v>11420</v>
      </c>
    </row>
    <row r="5722" spans="1:3" x14ac:dyDescent="0.15">
      <c r="A5722">
        <v>19290</v>
      </c>
      <c r="B5722" t="s">
        <v>11421</v>
      </c>
      <c r="C5722" t="s">
        <v>11422</v>
      </c>
    </row>
    <row r="5723" spans="1:3" x14ac:dyDescent="0.15">
      <c r="A5723">
        <v>19289</v>
      </c>
      <c r="B5723" t="s">
        <v>11423</v>
      </c>
      <c r="C5723" t="s">
        <v>11424</v>
      </c>
    </row>
    <row r="5724" spans="1:3" x14ac:dyDescent="0.15">
      <c r="A5724">
        <v>19288</v>
      </c>
      <c r="B5724" t="s">
        <v>11425</v>
      </c>
      <c r="C5724" t="s">
        <v>11426</v>
      </c>
    </row>
    <row r="5725" spans="1:3" x14ac:dyDescent="0.15">
      <c r="A5725">
        <v>19287</v>
      </c>
      <c r="B5725" t="s">
        <v>11427</v>
      </c>
      <c r="C5725" t="s">
        <v>11428</v>
      </c>
    </row>
    <row r="5726" spans="1:3" x14ac:dyDescent="0.15">
      <c r="A5726">
        <v>19286</v>
      </c>
      <c r="B5726" t="s">
        <v>11429</v>
      </c>
      <c r="C5726" t="s">
        <v>11430</v>
      </c>
    </row>
    <row r="5727" spans="1:3" x14ac:dyDescent="0.15">
      <c r="A5727">
        <v>19285</v>
      </c>
      <c r="B5727" t="s">
        <v>11431</v>
      </c>
      <c r="C5727" t="s">
        <v>11432</v>
      </c>
    </row>
    <row r="5728" spans="1:3" x14ac:dyDescent="0.15">
      <c r="A5728">
        <v>19284</v>
      </c>
      <c r="B5728" t="s">
        <v>11433</v>
      </c>
      <c r="C5728" t="s">
        <v>11434</v>
      </c>
    </row>
    <row r="5729" spans="1:3" x14ac:dyDescent="0.15">
      <c r="A5729">
        <v>19283</v>
      </c>
      <c r="B5729" t="s">
        <v>11435</v>
      </c>
      <c r="C5729" t="s">
        <v>11436</v>
      </c>
    </row>
    <row r="5730" spans="1:3" x14ac:dyDescent="0.15">
      <c r="A5730">
        <v>19282</v>
      </c>
      <c r="B5730" t="s">
        <v>11437</v>
      </c>
      <c r="C5730" t="s">
        <v>11438</v>
      </c>
    </row>
    <row r="5731" spans="1:3" x14ac:dyDescent="0.15">
      <c r="A5731">
        <v>19281</v>
      </c>
      <c r="B5731" t="s">
        <v>11439</v>
      </c>
      <c r="C5731" t="s">
        <v>11440</v>
      </c>
    </row>
    <row r="5732" spans="1:3" x14ac:dyDescent="0.15">
      <c r="A5732">
        <v>19280</v>
      </c>
      <c r="B5732" t="s">
        <v>11441</v>
      </c>
      <c r="C5732" t="s">
        <v>11442</v>
      </c>
    </row>
    <row r="5733" spans="1:3" x14ac:dyDescent="0.15">
      <c r="A5733">
        <v>19279</v>
      </c>
      <c r="B5733" t="s">
        <v>11443</v>
      </c>
      <c r="C5733" t="s">
        <v>11444</v>
      </c>
    </row>
    <row r="5734" spans="1:3" x14ac:dyDescent="0.15">
      <c r="A5734">
        <v>19278</v>
      </c>
      <c r="B5734" t="s">
        <v>11445</v>
      </c>
      <c r="C5734" t="s">
        <v>11446</v>
      </c>
    </row>
    <row r="5735" spans="1:3" x14ac:dyDescent="0.15">
      <c r="A5735">
        <v>19277</v>
      </c>
      <c r="B5735" t="s">
        <v>11447</v>
      </c>
      <c r="C5735" t="s">
        <v>11448</v>
      </c>
    </row>
    <row r="5736" spans="1:3" x14ac:dyDescent="0.15">
      <c r="A5736">
        <v>19276</v>
      </c>
      <c r="B5736" t="s">
        <v>11449</v>
      </c>
      <c r="C5736" t="s">
        <v>11450</v>
      </c>
    </row>
    <row r="5737" spans="1:3" x14ac:dyDescent="0.15">
      <c r="A5737">
        <v>19275</v>
      </c>
      <c r="B5737" t="s">
        <v>11451</v>
      </c>
      <c r="C5737" t="s">
        <v>11452</v>
      </c>
    </row>
    <row r="5738" spans="1:3" x14ac:dyDescent="0.15">
      <c r="A5738">
        <v>19274</v>
      </c>
      <c r="B5738" t="s">
        <v>11453</v>
      </c>
      <c r="C5738" t="s">
        <v>11454</v>
      </c>
    </row>
    <row r="5739" spans="1:3" x14ac:dyDescent="0.15">
      <c r="A5739">
        <v>19273</v>
      </c>
      <c r="B5739" t="s">
        <v>11455</v>
      </c>
      <c r="C5739" t="s">
        <v>11456</v>
      </c>
    </row>
    <row r="5740" spans="1:3" x14ac:dyDescent="0.15">
      <c r="A5740">
        <v>19272</v>
      </c>
      <c r="B5740" t="s">
        <v>11457</v>
      </c>
      <c r="C5740" t="s">
        <v>11458</v>
      </c>
    </row>
    <row r="5741" spans="1:3" x14ac:dyDescent="0.15">
      <c r="A5741">
        <v>19271</v>
      </c>
      <c r="B5741" t="s">
        <v>11459</v>
      </c>
      <c r="C5741" t="s">
        <v>11460</v>
      </c>
    </row>
    <row r="5742" spans="1:3" x14ac:dyDescent="0.15">
      <c r="A5742">
        <v>19270</v>
      </c>
      <c r="B5742" t="s">
        <v>11461</v>
      </c>
      <c r="C5742" t="s">
        <v>11462</v>
      </c>
    </row>
    <row r="5743" spans="1:3" x14ac:dyDescent="0.15">
      <c r="A5743">
        <v>19269</v>
      </c>
      <c r="B5743" t="s">
        <v>11463</v>
      </c>
      <c r="C5743" t="s">
        <v>11464</v>
      </c>
    </row>
    <row r="5744" spans="1:3" x14ac:dyDescent="0.15">
      <c r="A5744">
        <v>19268</v>
      </c>
      <c r="B5744" t="s">
        <v>11465</v>
      </c>
      <c r="C5744" t="s">
        <v>11466</v>
      </c>
    </row>
    <row r="5745" spans="1:3" x14ac:dyDescent="0.15">
      <c r="A5745">
        <v>19267</v>
      </c>
      <c r="B5745" t="s">
        <v>11467</v>
      </c>
      <c r="C5745" t="s">
        <v>11468</v>
      </c>
    </row>
    <row r="5746" spans="1:3" x14ac:dyDescent="0.15">
      <c r="A5746">
        <v>19266</v>
      </c>
      <c r="B5746" t="s">
        <v>11469</v>
      </c>
      <c r="C5746" t="s">
        <v>11470</v>
      </c>
    </row>
    <row r="5747" spans="1:3" x14ac:dyDescent="0.15">
      <c r="A5747">
        <v>19265</v>
      </c>
      <c r="B5747" t="s">
        <v>11471</v>
      </c>
      <c r="C5747" t="s">
        <v>11472</v>
      </c>
    </row>
    <row r="5748" spans="1:3" x14ac:dyDescent="0.15">
      <c r="A5748">
        <v>19264</v>
      </c>
      <c r="B5748" t="s">
        <v>11473</v>
      </c>
      <c r="C5748" t="s">
        <v>11474</v>
      </c>
    </row>
    <row r="5749" spans="1:3" x14ac:dyDescent="0.15">
      <c r="A5749">
        <v>19263</v>
      </c>
      <c r="B5749" t="s">
        <v>11475</v>
      </c>
      <c r="C5749" t="s">
        <v>11476</v>
      </c>
    </row>
    <row r="5750" spans="1:3" x14ac:dyDescent="0.15">
      <c r="A5750">
        <v>19262</v>
      </c>
      <c r="B5750" t="s">
        <v>11477</v>
      </c>
      <c r="C5750" t="s">
        <v>11478</v>
      </c>
    </row>
    <row r="5751" spans="1:3" x14ac:dyDescent="0.15">
      <c r="A5751">
        <v>19261</v>
      </c>
      <c r="B5751" t="s">
        <v>11479</v>
      </c>
      <c r="C5751" t="s">
        <v>11480</v>
      </c>
    </row>
    <row r="5752" spans="1:3" x14ac:dyDescent="0.15">
      <c r="A5752">
        <v>19260</v>
      </c>
      <c r="B5752" t="s">
        <v>11481</v>
      </c>
      <c r="C5752" t="s">
        <v>11482</v>
      </c>
    </row>
    <row r="5753" spans="1:3" x14ac:dyDescent="0.15">
      <c r="A5753">
        <v>19259</v>
      </c>
      <c r="B5753" t="s">
        <v>11483</v>
      </c>
      <c r="C5753" t="s">
        <v>11484</v>
      </c>
    </row>
    <row r="5754" spans="1:3" x14ac:dyDescent="0.15">
      <c r="A5754">
        <v>19258</v>
      </c>
      <c r="B5754" t="s">
        <v>11485</v>
      </c>
      <c r="C5754" t="s">
        <v>11486</v>
      </c>
    </row>
    <row r="5755" spans="1:3" x14ac:dyDescent="0.15">
      <c r="A5755">
        <v>19257</v>
      </c>
      <c r="B5755" t="s">
        <v>11487</v>
      </c>
      <c r="C5755" t="s">
        <v>11488</v>
      </c>
    </row>
    <row r="5756" spans="1:3" x14ac:dyDescent="0.15">
      <c r="A5756">
        <v>19256</v>
      </c>
      <c r="B5756" t="s">
        <v>11489</v>
      </c>
      <c r="C5756" t="s">
        <v>11490</v>
      </c>
    </row>
    <row r="5757" spans="1:3" x14ac:dyDescent="0.15">
      <c r="A5757">
        <v>19255</v>
      </c>
      <c r="B5757" t="s">
        <v>11491</v>
      </c>
      <c r="C5757" t="s">
        <v>11492</v>
      </c>
    </row>
    <row r="5758" spans="1:3" x14ac:dyDescent="0.15">
      <c r="A5758">
        <v>19254</v>
      </c>
      <c r="B5758" t="s">
        <v>11493</v>
      </c>
      <c r="C5758" t="s">
        <v>11494</v>
      </c>
    </row>
    <row r="5759" spans="1:3" x14ac:dyDescent="0.15">
      <c r="A5759">
        <v>19253</v>
      </c>
      <c r="B5759" t="s">
        <v>11495</v>
      </c>
      <c r="C5759" t="s">
        <v>11496</v>
      </c>
    </row>
    <row r="5760" spans="1:3" x14ac:dyDescent="0.15">
      <c r="A5760">
        <v>19252</v>
      </c>
      <c r="B5760" t="s">
        <v>11497</v>
      </c>
      <c r="C5760" t="s">
        <v>11498</v>
      </c>
    </row>
    <row r="5761" spans="1:3" x14ac:dyDescent="0.15">
      <c r="A5761">
        <v>19251</v>
      </c>
      <c r="B5761" t="s">
        <v>11499</v>
      </c>
      <c r="C5761" t="s">
        <v>11500</v>
      </c>
    </row>
    <row r="5762" spans="1:3" x14ac:dyDescent="0.15">
      <c r="A5762">
        <v>19250</v>
      </c>
      <c r="B5762" t="s">
        <v>11501</v>
      </c>
      <c r="C5762" t="s">
        <v>11502</v>
      </c>
    </row>
    <row r="5763" spans="1:3" x14ac:dyDescent="0.15">
      <c r="A5763">
        <v>19249</v>
      </c>
      <c r="B5763" t="s">
        <v>11503</v>
      </c>
      <c r="C5763" t="s">
        <v>11504</v>
      </c>
    </row>
    <row r="5764" spans="1:3" x14ac:dyDescent="0.15">
      <c r="A5764">
        <v>19248</v>
      </c>
      <c r="B5764" t="s">
        <v>11505</v>
      </c>
      <c r="C5764" t="s">
        <v>11506</v>
      </c>
    </row>
    <row r="5765" spans="1:3" x14ac:dyDescent="0.15">
      <c r="A5765">
        <v>19247</v>
      </c>
      <c r="B5765" t="s">
        <v>11507</v>
      </c>
      <c r="C5765" t="s">
        <v>11508</v>
      </c>
    </row>
    <row r="5766" spans="1:3" x14ac:dyDescent="0.15">
      <c r="A5766">
        <v>19246</v>
      </c>
      <c r="B5766" t="s">
        <v>11509</v>
      </c>
      <c r="C5766" t="s">
        <v>11510</v>
      </c>
    </row>
    <row r="5767" spans="1:3" x14ac:dyDescent="0.15">
      <c r="A5767">
        <v>19245</v>
      </c>
      <c r="B5767" t="s">
        <v>11511</v>
      </c>
      <c r="C5767" t="s">
        <v>11512</v>
      </c>
    </row>
    <row r="5768" spans="1:3" x14ac:dyDescent="0.15">
      <c r="A5768">
        <v>19244</v>
      </c>
      <c r="B5768" t="s">
        <v>11513</v>
      </c>
      <c r="C5768" t="s">
        <v>11514</v>
      </c>
    </row>
    <row r="5769" spans="1:3" x14ac:dyDescent="0.15">
      <c r="A5769">
        <v>19243</v>
      </c>
      <c r="B5769" t="s">
        <v>11515</v>
      </c>
      <c r="C5769" t="s">
        <v>11516</v>
      </c>
    </row>
    <row r="5770" spans="1:3" x14ac:dyDescent="0.15">
      <c r="A5770">
        <v>19242</v>
      </c>
      <c r="B5770" t="s">
        <v>11517</v>
      </c>
      <c r="C5770" t="s">
        <v>11518</v>
      </c>
    </row>
    <row r="5771" spans="1:3" x14ac:dyDescent="0.15">
      <c r="A5771">
        <v>19241</v>
      </c>
      <c r="B5771" t="s">
        <v>11519</v>
      </c>
      <c r="C5771" t="s">
        <v>11520</v>
      </c>
    </row>
    <row r="5772" spans="1:3" x14ac:dyDescent="0.15">
      <c r="A5772">
        <v>19240</v>
      </c>
      <c r="B5772" t="s">
        <v>11521</v>
      </c>
      <c r="C5772" t="s">
        <v>11522</v>
      </c>
    </row>
    <row r="5773" spans="1:3" x14ac:dyDescent="0.15">
      <c r="A5773">
        <v>19239</v>
      </c>
      <c r="B5773" t="s">
        <v>11523</v>
      </c>
      <c r="C5773" t="s">
        <v>11524</v>
      </c>
    </row>
    <row r="5774" spans="1:3" x14ac:dyDescent="0.15">
      <c r="A5774">
        <v>19238</v>
      </c>
      <c r="B5774" t="s">
        <v>11525</v>
      </c>
      <c r="C5774" t="s">
        <v>11526</v>
      </c>
    </row>
    <row r="5775" spans="1:3" x14ac:dyDescent="0.15">
      <c r="A5775">
        <v>19237</v>
      </c>
      <c r="B5775" t="s">
        <v>11527</v>
      </c>
      <c r="C5775" t="s">
        <v>11528</v>
      </c>
    </row>
    <row r="5776" spans="1:3" x14ac:dyDescent="0.15">
      <c r="A5776">
        <v>19236</v>
      </c>
      <c r="B5776" t="s">
        <v>11529</v>
      </c>
      <c r="C5776" t="s">
        <v>11530</v>
      </c>
    </row>
    <row r="5777" spans="1:3" x14ac:dyDescent="0.15">
      <c r="A5777">
        <v>19235</v>
      </c>
      <c r="B5777" t="s">
        <v>11531</v>
      </c>
      <c r="C5777" t="s">
        <v>11532</v>
      </c>
    </row>
    <row r="5778" spans="1:3" x14ac:dyDescent="0.15">
      <c r="A5778">
        <v>19234</v>
      </c>
      <c r="B5778" t="s">
        <v>11533</v>
      </c>
      <c r="C5778" t="s">
        <v>11534</v>
      </c>
    </row>
    <row r="5779" spans="1:3" x14ac:dyDescent="0.15">
      <c r="A5779">
        <v>19233</v>
      </c>
      <c r="B5779" t="s">
        <v>11535</v>
      </c>
      <c r="C5779" t="s">
        <v>11536</v>
      </c>
    </row>
    <row r="5780" spans="1:3" x14ac:dyDescent="0.15">
      <c r="A5780">
        <v>19232</v>
      </c>
      <c r="B5780" t="s">
        <v>11537</v>
      </c>
      <c r="C5780" t="s">
        <v>11538</v>
      </c>
    </row>
    <row r="5781" spans="1:3" x14ac:dyDescent="0.15">
      <c r="A5781">
        <v>19231</v>
      </c>
      <c r="B5781" t="s">
        <v>11539</v>
      </c>
      <c r="C5781" t="s">
        <v>11540</v>
      </c>
    </row>
    <row r="5782" spans="1:3" x14ac:dyDescent="0.15">
      <c r="A5782">
        <v>19230</v>
      </c>
      <c r="B5782" t="s">
        <v>11541</v>
      </c>
      <c r="C5782" t="s">
        <v>11542</v>
      </c>
    </row>
    <row r="5783" spans="1:3" x14ac:dyDescent="0.15">
      <c r="A5783">
        <v>19229</v>
      </c>
      <c r="B5783" t="s">
        <v>11543</v>
      </c>
      <c r="C5783" t="s">
        <v>11544</v>
      </c>
    </row>
    <row r="5784" spans="1:3" x14ac:dyDescent="0.15">
      <c r="A5784">
        <v>19228</v>
      </c>
      <c r="B5784" t="s">
        <v>11545</v>
      </c>
      <c r="C5784" t="s">
        <v>11546</v>
      </c>
    </row>
    <row r="5785" spans="1:3" x14ac:dyDescent="0.15">
      <c r="A5785">
        <v>19227</v>
      </c>
      <c r="B5785" t="s">
        <v>11547</v>
      </c>
      <c r="C5785" t="s">
        <v>11548</v>
      </c>
    </row>
    <row r="5786" spans="1:3" x14ac:dyDescent="0.15">
      <c r="A5786">
        <v>19226</v>
      </c>
      <c r="B5786" t="s">
        <v>11549</v>
      </c>
      <c r="C5786" t="s">
        <v>11550</v>
      </c>
    </row>
    <row r="5787" spans="1:3" x14ac:dyDescent="0.15">
      <c r="A5787">
        <v>19225</v>
      </c>
      <c r="B5787" t="s">
        <v>11551</v>
      </c>
      <c r="C5787" t="s">
        <v>11552</v>
      </c>
    </row>
    <row r="5788" spans="1:3" x14ac:dyDescent="0.15">
      <c r="A5788">
        <v>19224</v>
      </c>
      <c r="B5788" t="s">
        <v>11553</v>
      </c>
      <c r="C5788" t="s">
        <v>11554</v>
      </c>
    </row>
    <row r="5789" spans="1:3" x14ac:dyDescent="0.15">
      <c r="A5789">
        <v>19223</v>
      </c>
      <c r="B5789" t="s">
        <v>11555</v>
      </c>
      <c r="C5789" t="s">
        <v>11556</v>
      </c>
    </row>
    <row r="5790" spans="1:3" x14ac:dyDescent="0.15">
      <c r="A5790">
        <v>19222</v>
      </c>
      <c r="B5790" t="s">
        <v>11557</v>
      </c>
      <c r="C5790" t="s">
        <v>11558</v>
      </c>
    </row>
    <row r="5791" spans="1:3" x14ac:dyDescent="0.15">
      <c r="A5791">
        <v>19221</v>
      </c>
      <c r="B5791" t="s">
        <v>11559</v>
      </c>
      <c r="C5791" t="s">
        <v>11560</v>
      </c>
    </row>
    <row r="5792" spans="1:3" x14ac:dyDescent="0.15">
      <c r="A5792">
        <v>19220</v>
      </c>
      <c r="B5792" t="s">
        <v>11561</v>
      </c>
      <c r="C5792" t="s">
        <v>11562</v>
      </c>
    </row>
    <row r="5793" spans="1:3" x14ac:dyDescent="0.15">
      <c r="A5793">
        <v>19219</v>
      </c>
      <c r="B5793" t="s">
        <v>11563</v>
      </c>
      <c r="C5793" t="s">
        <v>11564</v>
      </c>
    </row>
    <row r="5794" spans="1:3" x14ac:dyDescent="0.15">
      <c r="A5794">
        <v>19218</v>
      </c>
      <c r="B5794" t="s">
        <v>11565</v>
      </c>
      <c r="C5794" t="s">
        <v>11566</v>
      </c>
    </row>
    <row r="5795" spans="1:3" x14ac:dyDescent="0.15">
      <c r="A5795">
        <v>19217</v>
      </c>
      <c r="B5795" t="s">
        <v>11567</v>
      </c>
      <c r="C5795" t="s">
        <v>11568</v>
      </c>
    </row>
    <row r="5796" spans="1:3" x14ac:dyDescent="0.15">
      <c r="A5796">
        <v>19216</v>
      </c>
      <c r="B5796" t="s">
        <v>11569</v>
      </c>
      <c r="C5796" t="s">
        <v>11570</v>
      </c>
    </row>
    <row r="5797" spans="1:3" x14ac:dyDescent="0.15">
      <c r="A5797">
        <v>19215</v>
      </c>
      <c r="B5797" t="s">
        <v>11571</v>
      </c>
      <c r="C5797" t="s">
        <v>11572</v>
      </c>
    </row>
    <row r="5798" spans="1:3" x14ac:dyDescent="0.15">
      <c r="A5798">
        <v>19214</v>
      </c>
      <c r="B5798" t="s">
        <v>11573</v>
      </c>
      <c r="C5798" t="s">
        <v>11574</v>
      </c>
    </row>
    <row r="5799" spans="1:3" x14ac:dyDescent="0.15">
      <c r="A5799">
        <v>19213</v>
      </c>
      <c r="B5799" t="s">
        <v>11575</v>
      </c>
      <c r="C5799" t="s">
        <v>11576</v>
      </c>
    </row>
    <row r="5800" spans="1:3" x14ac:dyDescent="0.15">
      <c r="A5800">
        <v>19212</v>
      </c>
      <c r="B5800" t="s">
        <v>11577</v>
      </c>
      <c r="C5800" t="s">
        <v>11578</v>
      </c>
    </row>
    <row r="5801" spans="1:3" x14ac:dyDescent="0.15">
      <c r="A5801">
        <v>19211</v>
      </c>
      <c r="B5801" t="s">
        <v>11579</v>
      </c>
      <c r="C5801" t="s">
        <v>11580</v>
      </c>
    </row>
    <row r="5802" spans="1:3" x14ac:dyDescent="0.15">
      <c r="A5802">
        <v>19210</v>
      </c>
      <c r="B5802" t="s">
        <v>11581</v>
      </c>
      <c r="C5802" t="s">
        <v>11582</v>
      </c>
    </row>
    <row r="5803" spans="1:3" x14ac:dyDescent="0.15">
      <c r="A5803">
        <v>19209</v>
      </c>
      <c r="B5803" t="s">
        <v>11583</v>
      </c>
      <c r="C5803" t="s">
        <v>11584</v>
      </c>
    </row>
    <row r="5804" spans="1:3" x14ac:dyDescent="0.15">
      <c r="A5804">
        <v>19208</v>
      </c>
      <c r="B5804" t="s">
        <v>11585</v>
      </c>
      <c r="C5804" t="s">
        <v>11586</v>
      </c>
    </row>
    <row r="5805" spans="1:3" x14ac:dyDescent="0.15">
      <c r="A5805">
        <v>19207</v>
      </c>
      <c r="B5805" t="s">
        <v>11587</v>
      </c>
      <c r="C5805" t="s">
        <v>11588</v>
      </c>
    </row>
    <row r="5806" spans="1:3" x14ac:dyDescent="0.15">
      <c r="A5806">
        <v>19206</v>
      </c>
      <c r="B5806" t="s">
        <v>11589</v>
      </c>
      <c r="C5806" t="s">
        <v>11590</v>
      </c>
    </row>
    <row r="5807" spans="1:3" x14ac:dyDescent="0.15">
      <c r="A5807">
        <v>19205</v>
      </c>
      <c r="B5807" t="s">
        <v>11591</v>
      </c>
      <c r="C5807" t="s">
        <v>11592</v>
      </c>
    </row>
    <row r="5808" spans="1:3" x14ac:dyDescent="0.15">
      <c r="A5808">
        <v>19204</v>
      </c>
      <c r="B5808" t="s">
        <v>11593</v>
      </c>
      <c r="C5808" t="s">
        <v>11594</v>
      </c>
    </row>
    <row r="5809" spans="1:3" x14ac:dyDescent="0.15">
      <c r="A5809">
        <v>19203</v>
      </c>
      <c r="B5809" t="s">
        <v>11595</v>
      </c>
      <c r="C5809" t="s">
        <v>11596</v>
      </c>
    </row>
    <row r="5810" spans="1:3" x14ac:dyDescent="0.15">
      <c r="A5810">
        <v>19202</v>
      </c>
      <c r="B5810" t="s">
        <v>11597</v>
      </c>
      <c r="C5810" t="s">
        <v>11598</v>
      </c>
    </row>
    <row r="5811" spans="1:3" x14ac:dyDescent="0.15">
      <c r="A5811">
        <v>19201</v>
      </c>
      <c r="B5811" t="s">
        <v>11599</v>
      </c>
      <c r="C5811" t="s">
        <v>11600</v>
      </c>
    </row>
    <row r="5812" spans="1:3" x14ac:dyDescent="0.15">
      <c r="A5812">
        <v>19200</v>
      </c>
      <c r="B5812" t="s">
        <v>11601</v>
      </c>
      <c r="C5812" t="s">
        <v>11602</v>
      </c>
    </row>
    <row r="5813" spans="1:3" x14ac:dyDescent="0.15">
      <c r="A5813">
        <v>19199</v>
      </c>
      <c r="B5813" t="s">
        <v>11603</v>
      </c>
      <c r="C5813" t="s">
        <v>11604</v>
      </c>
    </row>
    <row r="5814" spans="1:3" x14ac:dyDescent="0.15">
      <c r="A5814">
        <v>19198</v>
      </c>
      <c r="B5814" t="s">
        <v>11605</v>
      </c>
      <c r="C5814" t="s">
        <v>11606</v>
      </c>
    </row>
    <row r="5815" spans="1:3" x14ac:dyDescent="0.15">
      <c r="A5815">
        <v>19197</v>
      </c>
      <c r="B5815" t="s">
        <v>11607</v>
      </c>
      <c r="C5815" t="s">
        <v>11608</v>
      </c>
    </row>
    <row r="5816" spans="1:3" x14ac:dyDescent="0.15">
      <c r="A5816">
        <v>19196</v>
      </c>
      <c r="B5816" t="s">
        <v>11609</v>
      </c>
      <c r="C5816" t="s">
        <v>11610</v>
      </c>
    </row>
    <row r="5817" spans="1:3" x14ac:dyDescent="0.15">
      <c r="A5817">
        <v>19195</v>
      </c>
      <c r="B5817" t="s">
        <v>11611</v>
      </c>
      <c r="C5817" t="s">
        <v>11612</v>
      </c>
    </row>
    <row r="5818" spans="1:3" x14ac:dyDescent="0.15">
      <c r="A5818">
        <v>19194</v>
      </c>
      <c r="B5818" t="s">
        <v>11613</v>
      </c>
      <c r="C5818" t="s">
        <v>11614</v>
      </c>
    </row>
    <row r="5819" spans="1:3" x14ac:dyDescent="0.15">
      <c r="A5819">
        <v>19193</v>
      </c>
      <c r="B5819" t="s">
        <v>11615</v>
      </c>
      <c r="C5819" t="s">
        <v>11616</v>
      </c>
    </row>
    <row r="5820" spans="1:3" x14ac:dyDescent="0.15">
      <c r="A5820">
        <v>19192</v>
      </c>
      <c r="B5820" t="s">
        <v>11617</v>
      </c>
      <c r="C5820" t="s">
        <v>11618</v>
      </c>
    </row>
    <row r="5821" spans="1:3" x14ac:dyDescent="0.15">
      <c r="A5821">
        <v>19191</v>
      </c>
      <c r="B5821" t="s">
        <v>11619</v>
      </c>
      <c r="C5821" t="s">
        <v>11620</v>
      </c>
    </row>
    <row r="5822" spans="1:3" x14ac:dyDescent="0.15">
      <c r="A5822">
        <v>19190</v>
      </c>
      <c r="B5822" t="s">
        <v>11621</v>
      </c>
      <c r="C5822" t="s">
        <v>11622</v>
      </c>
    </row>
    <row r="5823" spans="1:3" x14ac:dyDescent="0.15">
      <c r="A5823">
        <v>19189</v>
      </c>
      <c r="B5823" t="s">
        <v>11623</v>
      </c>
      <c r="C5823" t="s">
        <v>11624</v>
      </c>
    </row>
    <row r="5824" spans="1:3" x14ac:dyDescent="0.15">
      <c r="A5824">
        <v>19188</v>
      </c>
      <c r="B5824" t="s">
        <v>11625</v>
      </c>
      <c r="C5824" t="s">
        <v>11626</v>
      </c>
    </row>
    <row r="5825" spans="1:3" x14ac:dyDescent="0.15">
      <c r="A5825">
        <v>19187</v>
      </c>
      <c r="B5825" t="s">
        <v>11627</v>
      </c>
      <c r="C5825" t="s">
        <v>11628</v>
      </c>
    </row>
    <row r="5826" spans="1:3" x14ac:dyDescent="0.15">
      <c r="A5826">
        <v>19186</v>
      </c>
      <c r="B5826" t="s">
        <v>11629</v>
      </c>
      <c r="C5826" t="s">
        <v>11630</v>
      </c>
    </row>
    <row r="5827" spans="1:3" x14ac:dyDescent="0.15">
      <c r="A5827">
        <v>19185</v>
      </c>
      <c r="B5827" t="s">
        <v>11631</v>
      </c>
      <c r="C5827" t="s">
        <v>11632</v>
      </c>
    </row>
    <row r="5828" spans="1:3" x14ac:dyDescent="0.15">
      <c r="A5828">
        <v>19184</v>
      </c>
      <c r="B5828" t="s">
        <v>11633</v>
      </c>
      <c r="C5828" t="s">
        <v>11634</v>
      </c>
    </row>
    <row r="5829" spans="1:3" x14ac:dyDescent="0.15">
      <c r="A5829">
        <v>19183</v>
      </c>
      <c r="B5829" t="s">
        <v>11635</v>
      </c>
      <c r="C5829" t="s">
        <v>11636</v>
      </c>
    </row>
    <row r="5830" spans="1:3" x14ac:dyDescent="0.15">
      <c r="A5830">
        <v>19182</v>
      </c>
      <c r="B5830" t="s">
        <v>11637</v>
      </c>
      <c r="C5830" t="s">
        <v>11638</v>
      </c>
    </row>
    <row r="5831" spans="1:3" x14ac:dyDescent="0.15">
      <c r="A5831">
        <v>19181</v>
      </c>
      <c r="B5831" t="s">
        <v>11639</v>
      </c>
      <c r="C5831" t="s">
        <v>11640</v>
      </c>
    </row>
    <row r="5832" spans="1:3" x14ac:dyDescent="0.15">
      <c r="A5832">
        <v>19180</v>
      </c>
      <c r="B5832" t="s">
        <v>11641</v>
      </c>
      <c r="C5832" t="s">
        <v>11642</v>
      </c>
    </row>
    <row r="5833" spans="1:3" x14ac:dyDescent="0.15">
      <c r="A5833">
        <v>19179</v>
      </c>
      <c r="B5833" t="s">
        <v>11643</v>
      </c>
      <c r="C5833" t="s">
        <v>11644</v>
      </c>
    </row>
    <row r="5834" spans="1:3" x14ac:dyDescent="0.15">
      <c r="A5834">
        <v>19178</v>
      </c>
      <c r="B5834" t="s">
        <v>11645</v>
      </c>
      <c r="C5834" t="s">
        <v>11646</v>
      </c>
    </row>
    <row r="5835" spans="1:3" x14ac:dyDescent="0.15">
      <c r="A5835">
        <v>19177</v>
      </c>
      <c r="B5835" t="s">
        <v>11647</v>
      </c>
      <c r="C5835" t="s">
        <v>11648</v>
      </c>
    </row>
    <row r="5836" spans="1:3" x14ac:dyDescent="0.15">
      <c r="A5836">
        <v>19176</v>
      </c>
      <c r="B5836" t="s">
        <v>11649</v>
      </c>
      <c r="C5836" t="s">
        <v>11650</v>
      </c>
    </row>
    <row r="5837" spans="1:3" x14ac:dyDescent="0.15">
      <c r="A5837">
        <v>19175</v>
      </c>
      <c r="B5837" t="s">
        <v>11651</v>
      </c>
      <c r="C5837" t="s">
        <v>11652</v>
      </c>
    </row>
    <row r="5838" spans="1:3" x14ac:dyDescent="0.15">
      <c r="A5838">
        <v>19174</v>
      </c>
      <c r="B5838" t="s">
        <v>11653</v>
      </c>
      <c r="C5838" t="s">
        <v>11654</v>
      </c>
    </row>
    <row r="5839" spans="1:3" x14ac:dyDescent="0.15">
      <c r="A5839">
        <v>19173</v>
      </c>
      <c r="B5839" t="s">
        <v>11655</v>
      </c>
      <c r="C5839" t="s">
        <v>11656</v>
      </c>
    </row>
    <row r="5840" spans="1:3" x14ac:dyDescent="0.15">
      <c r="A5840">
        <v>19172</v>
      </c>
      <c r="B5840" t="s">
        <v>11657</v>
      </c>
      <c r="C5840" t="s">
        <v>11658</v>
      </c>
    </row>
    <row r="5841" spans="1:3" x14ac:dyDescent="0.15">
      <c r="A5841">
        <v>19171</v>
      </c>
      <c r="B5841" t="s">
        <v>11659</v>
      </c>
      <c r="C5841" t="s">
        <v>11660</v>
      </c>
    </row>
    <row r="5842" spans="1:3" x14ac:dyDescent="0.15">
      <c r="A5842">
        <v>19170</v>
      </c>
      <c r="B5842" t="s">
        <v>11661</v>
      </c>
      <c r="C5842" t="s">
        <v>11662</v>
      </c>
    </row>
    <row r="5843" spans="1:3" x14ac:dyDescent="0.15">
      <c r="A5843">
        <v>19169</v>
      </c>
      <c r="B5843" t="s">
        <v>11663</v>
      </c>
      <c r="C5843" t="s">
        <v>11664</v>
      </c>
    </row>
    <row r="5844" spans="1:3" x14ac:dyDescent="0.15">
      <c r="A5844">
        <v>19168</v>
      </c>
      <c r="B5844" t="s">
        <v>11665</v>
      </c>
      <c r="C5844" t="s">
        <v>11666</v>
      </c>
    </row>
    <row r="5845" spans="1:3" x14ac:dyDescent="0.15">
      <c r="A5845">
        <v>19167</v>
      </c>
      <c r="B5845" t="s">
        <v>11667</v>
      </c>
      <c r="C5845" t="s">
        <v>11668</v>
      </c>
    </row>
    <row r="5846" spans="1:3" x14ac:dyDescent="0.15">
      <c r="A5846">
        <v>19166</v>
      </c>
      <c r="B5846" t="s">
        <v>11669</v>
      </c>
      <c r="C5846" t="s">
        <v>11670</v>
      </c>
    </row>
    <row r="5847" spans="1:3" x14ac:dyDescent="0.15">
      <c r="A5847">
        <v>19165</v>
      </c>
      <c r="B5847" t="s">
        <v>11671</v>
      </c>
      <c r="C5847" t="s">
        <v>11672</v>
      </c>
    </row>
    <row r="5848" spans="1:3" x14ac:dyDescent="0.15">
      <c r="A5848">
        <v>19164</v>
      </c>
      <c r="B5848" t="s">
        <v>11673</v>
      </c>
      <c r="C5848" t="s">
        <v>11674</v>
      </c>
    </row>
    <row r="5849" spans="1:3" x14ac:dyDescent="0.15">
      <c r="A5849">
        <v>19163</v>
      </c>
      <c r="B5849" t="s">
        <v>11675</v>
      </c>
      <c r="C5849" t="s">
        <v>11676</v>
      </c>
    </row>
    <row r="5850" spans="1:3" x14ac:dyDescent="0.15">
      <c r="A5850">
        <v>19162</v>
      </c>
      <c r="B5850" t="s">
        <v>11677</v>
      </c>
      <c r="C5850" t="s">
        <v>11678</v>
      </c>
    </row>
    <row r="5851" spans="1:3" x14ac:dyDescent="0.15">
      <c r="A5851">
        <v>19161</v>
      </c>
      <c r="B5851" t="s">
        <v>11679</v>
      </c>
      <c r="C5851" t="s">
        <v>11680</v>
      </c>
    </row>
    <row r="5852" spans="1:3" x14ac:dyDescent="0.15">
      <c r="A5852">
        <v>19160</v>
      </c>
      <c r="B5852" t="s">
        <v>11681</v>
      </c>
      <c r="C5852" t="s">
        <v>11682</v>
      </c>
    </row>
    <row r="5853" spans="1:3" x14ac:dyDescent="0.15">
      <c r="A5853">
        <v>19159</v>
      </c>
      <c r="B5853" t="s">
        <v>11683</v>
      </c>
      <c r="C5853" t="s">
        <v>11684</v>
      </c>
    </row>
    <row r="5854" spans="1:3" x14ac:dyDescent="0.15">
      <c r="A5854">
        <v>19158</v>
      </c>
      <c r="B5854" t="s">
        <v>11685</v>
      </c>
      <c r="C5854" t="s">
        <v>11686</v>
      </c>
    </row>
    <row r="5855" spans="1:3" x14ac:dyDescent="0.15">
      <c r="A5855">
        <v>19157</v>
      </c>
      <c r="B5855" t="s">
        <v>11687</v>
      </c>
      <c r="C5855" t="s">
        <v>11688</v>
      </c>
    </row>
    <row r="5856" spans="1:3" x14ac:dyDescent="0.15">
      <c r="A5856">
        <v>19156</v>
      </c>
      <c r="B5856" t="s">
        <v>11689</v>
      </c>
      <c r="C5856" t="s">
        <v>11690</v>
      </c>
    </row>
    <row r="5857" spans="1:3" x14ac:dyDescent="0.15">
      <c r="A5857">
        <v>19155</v>
      </c>
      <c r="B5857" t="s">
        <v>11691</v>
      </c>
      <c r="C5857" t="s">
        <v>11692</v>
      </c>
    </row>
    <row r="5858" spans="1:3" x14ac:dyDescent="0.15">
      <c r="A5858">
        <v>19154</v>
      </c>
      <c r="B5858" t="s">
        <v>11693</v>
      </c>
      <c r="C5858" t="s">
        <v>11694</v>
      </c>
    </row>
    <row r="5859" spans="1:3" x14ac:dyDescent="0.15">
      <c r="A5859">
        <v>19153</v>
      </c>
      <c r="B5859" t="s">
        <v>11695</v>
      </c>
      <c r="C5859" t="s">
        <v>11696</v>
      </c>
    </row>
    <row r="5860" spans="1:3" x14ac:dyDescent="0.15">
      <c r="A5860">
        <v>19152</v>
      </c>
      <c r="B5860" t="s">
        <v>11697</v>
      </c>
      <c r="C5860" t="s">
        <v>11698</v>
      </c>
    </row>
    <row r="5861" spans="1:3" x14ac:dyDescent="0.15">
      <c r="A5861">
        <v>19151</v>
      </c>
      <c r="B5861" t="s">
        <v>11699</v>
      </c>
      <c r="C5861" t="s">
        <v>11700</v>
      </c>
    </row>
    <row r="5862" spans="1:3" x14ac:dyDescent="0.15">
      <c r="A5862">
        <v>19150</v>
      </c>
      <c r="B5862" t="s">
        <v>11701</v>
      </c>
      <c r="C5862" t="s">
        <v>11702</v>
      </c>
    </row>
    <row r="5863" spans="1:3" x14ac:dyDescent="0.15">
      <c r="A5863">
        <v>19149</v>
      </c>
      <c r="B5863" t="s">
        <v>11703</v>
      </c>
      <c r="C5863" t="s">
        <v>11704</v>
      </c>
    </row>
    <row r="5864" spans="1:3" x14ac:dyDescent="0.15">
      <c r="A5864">
        <v>19148</v>
      </c>
      <c r="B5864" t="s">
        <v>11705</v>
      </c>
      <c r="C5864" t="s">
        <v>11706</v>
      </c>
    </row>
    <row r="5865" spans="1:3" x14ac:dyDescent="0.15">
      <c r="A5865">
        <v>19147</v>
      </c>
      <c r="B5865" t="s">
        <v>11707</v>
      </c>
      <c r="C5865" t="s">
        <v>11708</v>
      </c>
    </row>
    <row r="5866" spans="1:3" x14ac:dyDescent="0.15">
      <c r="A5866">
        <v>19146</v>
      </c>
      <c r="B5866" t="s">
        <v>11709</v>
      </c>
      <c r="C5866" t="s">
        <v>11710</v>
      </c>
    </row>
    <row r="5867" spans="1:3" x14ac:dyDescent="0.15">
      <c r="A5867">
        <v>19145</v>
      </c>
      <c r="B5867" t="s">
        <v>11711</v>
      </c>
      <c r="C5867" t="s">
        <v>11712</v>
      </c>
    </row>
    <row r="5868" spans="1:3" x14ac:dyDescent="0.15">
      <c r="A5868">
        <v>19144</v>
      </c>
      <c r="B5868" t="s">
        <v>11713</v>
      </c>
      <c r="C5868" t="s">
        <v>11714</v>
      </c>
    </row>
    <row r="5869" spans="1:3" x14ac:dyDescent="0.15">
      <c r="A5869">
        <v>19143</v>
      </c>
      <c r="B5869" t="s">
        <v>11715</v>
      </c>
      <c r="C5869" t="s">
        <v>11716</v>
      </c>
    </row>
    <row r="5870" spans="1:3" x14ac:dyDescent="0.15">
      <c r="A5870">
        <v>19142</v>
      </c>
      <c r="B5870" t="s">
        <v>11717</v>
      </c>
      <c r="C5870" t="s">
        <v>11718</v>
      </c>
    </row>
    <row r="5871" spans="1:3" x14ac:dyDescent="0.15">
      <c r="A5871">
        <v>19141</v>
      </c>
      <c r="B5871" t="s">
        <v>11719</v>
      </c>
      <c r="C5871" t="s">
        <v>11720</v>
      </c>
    </row>
    <row r="5872" spans="1:3" x14ac:dyDescent="0.15">
      <c r="A5872">
        <v>19140</v>
      </c>
      <c r="B5872" t="s">
        <v>11721</v>
      </c>
      <c r="C5872" t="s">
        <v>11722</v>
      </c>
    </row>
    <row r="5873" spans="1:3" x14ac:dyDescent="0.15">
      <c r="A5873">
        <v>19139</v>
      </c>
      <c r="B5873" t="s">
        <v>11723</v>
      </c>
      <c r="C5873" t="s">
        <v>11724</v>
      </c>
    </row>
    <row r="5874" spans="1:3" x14ac:dyDescent="0.15">
      <c r="A5874">
        <v>19138</v>
      </c>
      <c r="B5874" t="s">
        <v>11725</v>
      </c>
      <c r="C5874" t="s">
        <v>11726</v>
      </c>
    </row>
    <row r="5875" spans="1:3" x14ac:dyDescent="0.15">
      <c r="A5875">
        <v>19137</v>
      </c>
      <c r="B5875" t="s">
        <v>11727</v>
      </c>
      <c r="C5875" t="s">
        <v>11728</v>
      </c>
    </row>
    <row r="5876" spans="1:3" x14ac:dyDescent="0.15">
      <c r="A5876">
        <v>19136</v>
      </c>
      <c r="B5876" t="s">
        <v>11729</v>
      </c>
      <c r="C5876" t="s">
        <v>11730</v>
      </c>
    </row>
    <row r="5877" spans="1:3" x14ac:dyDescent="0.15">
      <c r="A5877">
        <v>19135</v>
      </c>
      <c r="B5877" t="s">
        <v>11731</v>
      </c>
      <c r="C5877" t="s">
        <v>11732</v>
      </c>
    </row>
    <row r="5878" spans="1:3" x14ac:dyDescent="0.15">
      <c r="A5878">
        <v>19134</v>
      </c>
      <c r="B5878" t="s">
        <v>11733</v>
      </c>
      <c r="C5878" t="s">
        <v>11734</v>
      </c>
    </row>
    <row r="5879" spans="1:3" x14ac:dyDescent="0.15">
      <c r="A5879">
        <v>19133</v>
      </c>
      <c r="B5879" t="s">
        <v>11735</v>
      </c>
      <c r="C5879" t="s">
        <v>11736</v>
      </c>
    </row>
    <row r="5880" spans="1:3" x14ac:dyDescent="0.15">
      <c r="A5880">
        <v>19132</v>
      </c>
      <c r="B5880" t="s">
        <v>11737</v>
      </c>
      <c r="C5880" t="s">
        <v>11738</v>
      </c>
    </row>
    <row r="5881" spans="1:3" x14ac:dyDescent="0.15">
      <c r="A5881">
        <v>19131</v>
      </c>
      <c r="B5881" t="s">
        <v>11739</v>
      </c>
      <c r="C5881" t="s">
        <v>11740</v>
      </c>
    </row>
    <row r="5882" spans="1:3" x14ac:dyDescent="0.15">
      <c r="A5882">
        <v>19130</v>
      </c>
      <c r="B5882" t="s">
        <v>11741</v>
      </c>
      <c r="C5882" t="s">
        <v>11742</v>
      </c>
    </row>
    <row r="5883" spans="1:3" x14ac:dyDescent="0.15">
      <c r="A5883">
        <v>19129</v>
      </c>
      <c r="B5883" t="s">
        <v>11743</v>
      </c>
      <c r="C5883" t="s">
        <v>11744</v>
      </c>
    </row>
    <row r="5884" spans="1:3" x14ac:dyDescent="0.15">
      <c r="A5884">
        <v>19128</v>
      </c>
      <c r="B5884" t="s">
        <v>11745</v>
      </c>
      <c r="C5884" t="s">
        <v>11746</v>
      </c>
    </row>
    <row r="5885" spans="1:3" x14ac:dyDescent="0.15">
      <c r="A5885">
        <v>19127</v>
      </c>
      <c r="B5885" t="s">
        <v>11747</v>
      </c>
      <c r="C5885" t="s">
        <v>11748</v>
      </c>
    </row>
    <row r="5886" spans="1:3" x14ac:dyDescent="0.15">
      <c r="A5886">
        <v>19126</v>
      </c>
      <c r="B5886" t="s">
        <v>11749</v>
      </c>
      <c r="C5886" t="s">
        <v>11750</v>
      </c>
    </row>
    <row r="5887" spans="1:3" x14ac:dyDescent="0.15">
      <c r="A5887">
        <v>19125</v>
      </c>
      <c r="B5887" t="s">
        <v>11751</v>
      </c>
      <c r="C5887" t="s">
        <v>11752</v>
      </c>
    </row>
    <row r="5888" spans="1:3" x14ac:dyDescent="0.15">
      <c r="A5888">
        <v>19124</v>
      </c>
      <c r="B5888" t="s">
        <v>11753</v>
      </c>
      <c r="C5888" t="s">
        <v>11754</v>
      </c>
    </row>
    <row r="5889" spans="1:3" x14ac:dyDescent="0.15">
      <c r="A5889">
        <v>19123</v>
      </c>
      <c r="B5889" t="s">
        <v>11755</v>
      </c>
      <c r="C5889" t="s">
        <v>11756</v>
      </c>
    </row>
    <row r="5890" spans="1:3" x14ac:dyDescent="0.15">
      <c r="A5890">
        <v>19122</v>
      </c>
      <c r="B5890" t="s">
        <v>11757</v>
      </c>
      <c r="C5890" t="s">
        <v>11758</v>
      </c>
    </row>
    <row r="5891" spans="1:3" x14ac:dyDescent="0.15">
      <c r="A5891">
        <v>19121</v>
      </c>
      <c r="B5891" t="s">
        <v>11759</v>
      </c>
      <c r="C5891" t="s">
        <v>11760</v>
      </c>
    </row>
    <row r="5892" spans="1:3" x14ac:dyDescent="0.15">
      <c r="A5892">
        <v>19120</v>
      </c>
      <c r="B5892" t="s">
        <v>11761</v>
      </c>
      <c r="C5892" t="s">
        <v>11762</v>
      </c>
    </row>
    <row r="5893" spans="1:3" x14ac:dyDescent="0.15">
      <c r="A5893">
        <v>19119</v>
      </c>
      <c r="B5893" t="s">
        <v>11763</v>
      </c>
      <c r="C5893" t="s">
        <v>11764</v>
      </c>
    </row>
    <row r="5894" spans="1:3" x14ac:dyDescent="0.15">
      <c r="A5894">
        <v>19118</v>
      </c>
      <c r="B5894" t="s">
        <v>11765</v>
      </c>
      <c r="C5894" t="s">
        <v>11766</v>
      </c>
    </row>
    <row r="5895" spans="1:3" x14ac:dyDescent="0.15">
      <c r="A5895">
        <v>19117</v>
      </c>
      <c r="B5895" t="s">
        <v>11767</v>
      </c>
      <c r="C5895" t="s">
        <v>11768</v>
      </c>
    </row>
    <row r="5896" spans="1:3" x14ac:dyDescent="0.15">
      <c r="A5896">
        <v>19116</v>
      </c>
      <c r="B5896" t="s">
        <v>11769</v>
      </c>
      <c r="C5896" t="s">
        <v>11770</v>
      </c>
    </row>
    <row r="5897" spans="1:3" x14ac:dyDescent="0.15">
      <c r="A5897">
        <v>19115</v>
      </c>
      <c r="B5897" t="s">
        <v>11771</v>
      </c>
      <c r="C5897" t="s">
        <v>11772</v>
      </c>
    </row>
    <row r="5898" spans="1:3" x14ac:dyDescent="0.15">
      <c r="A5898">
        <v>19114</v>
      </c>
      <c r="B5898" t="s">
        <v>11773</v>
      </c>
      <c r="C5898" t="s">
        <v>11774</v>
      </c>
    </row>
    <row r="5899" spans="1:3" x14ac:dyDescent="0.15">
      <c r="A5899">
        <v>19113</v>
      </c>
      <c r="B5899" t="s">
        <v>11775</v>
      </c>
      <c r="C5899" t="s">
        <v>11776</v>
      </c>
    </row>
    <row r="5900" spans="1:3" x14ac:dyDescent="0.15">
      <c r="A5900">
        <v>19112</v>
      </c>
      <c r="B5900" t="s">
        <v>11777</v>
      </c>
      <c r="C5900" t="s">
        <v>11778</v>
      </c>
    </row>
    <row r="5901" spans="1:3" x14ac:dyDescent="0.15">
      <c r="A5901">
        <v>19111</v>
      </c>
      <c r="B5901" t="s">
        <v>11779</v>
      </c>
      <c r="C5901" t="s">
        <v>11780</v>
      </c>
    </row>
    <row r="5902" spans="1:3" x14ac:dyDescent="0.15">
      <c r="A5902">
        <v>19110</v>
      </c>
      <c r="B5902" t="s">
        <v>11781</v>
      </c>
      <c r="C5902" t="s">
        <v>11782</v>
      </c>
    </row>
    <row r="5903" spans="1:3" x14ac:dyDescent="0.15">
      <c r="A5903">
        <v>19109</v>
      </c>
      <c r="B5903" t="s">
        <v>11783</v>
      </c>
      <c r="C5903" t="s">
        <v>11784</v>
      </c>
    </row>
    <row r="5904" spans="1:3" x14ac:dyDescent="0.15">
      <c r="A5904">
        <v>19108</v>
      </c>
      <c r="B5904" t="s">
        <v>11785</v>
      </c>
      <c r="C5904" t="s">
        <v>11786</v>
      </c>
    </row>
    <row r="5905" spans="1:3" x14ac:dyDescent="0.15">
      <c r="A5905">
        <v>19107</v>
      </c>
      <c r="B5905" t="s">
        <v>11787</v>
      </c>
      <c r="C5905" t="s">
        <v>11788</v>
      </c>
    </row>
    <row r="5906" spans="1:3" x14ac:dyDescent="0.15">
      <c r="A5906">
        <v>19106</v>
      </c>
      <c r="B5906" t="s">
        <v>11789</v>
      </c>
      <c r="C5906" t="s">
        <v>11790</v>
      </c>
    </row>
    <row r="5907" spans="1:3" x14ac:dyDescent="0.15">
      <c r="A5907">
        <v>19105</v>
      </c>
      <c r="B5907" t="s">
        <v>11791</v>
      </c>
      <c r="C5907" t="s">
        <v>11792</v>
      </c>
    </row>
    <row r="5908" spans="1:3" x14ac:dyDescent="0.15">
      <c r="A5908">
        <v>19104</v>
      </c>
      <c r="B5908" t="s">
        <v>11793</v>
      </c>
      <c r="C5908" t="s">
        <v>11794</v>
      </c>
    </row>
    <row r="5909" spans="1:3" x14ac:dyDescent="0.15">
      <c r="A5909">
        <v>19103</v>
      </c>
      <c r="B5909" t="s">
        <v>11795</v>
      </c>
      <c r="C5909" t="s">
        <v>11796</v>
      </c>
    </row>
    <row r="5910" spans="1:3" x14ac:dyDescent="0.15">
      <c r="A5910">
        <v>19102</v>
      </c>
      <c r="B5910" t="s">
        <v>11797</v>
      </c>
      <c r="C5910" t="s">
        <v>11798</v>
      </c>
    </row>
    <row r="5911" spans="1:3" x14ac:dyDescent="0.15">
      <c r="A5911">
        <v>19101</v>
      </c>
      <c r="B5911" t="s">
        <v>11799</v>
      </c>
      <c r="C5911" t="s">
        <v>11800</v>
      </c>
    </row>
    <row r="5912" spans="1:3" x14ac:dyDescent="0.15">
      <c r="A5912">
        <v>19100</v>
      </c>
      <c r="B5912" t="s">
        <v>11801</v>
      </c>
      <c r="C5912" t="s">
        <v>11802</v>
      </c>
    </row>
    <row r="5913" spans="1:3" x14ac:dyDescent="0.15">
      <c r="A5913">
        <v>19099</v>
      </c>
      <c r="B5913" t="s">
        <v>11803</v>
      </c>
      <c r="C5913" t="s">
        <v>11804</v>
      </c>
    </row>
    <row r="5914" spans="1:3" x14ac:dyDescent="0.15">
      <c r="A5914">
        <v>19098</v>
      </c>
      <c r="B5914" t="s">
        <v>11805</v>
      </c>
      <c r="C5914" t="s">
        <v>11806</v>
      </c>
    </row>
    <row r="5915" spans="1:3" x14ac:dyDescent="0.15">
      <c r="A5915">
        <v>19097</v>
      </c>
      <c r="B5915" t="s">
        <v>11807</v>
      </c>
      <c r="C5915" t="s">
        <v>11808</v>
      </c>
    </row>
    <row r="5916" spans="1:3" x14ac:dyDescent="0.15">
      <c r="A5916">
        <v>19096</v>
      </c>
      <c r="B5916" t="s">
        <v>11809</v>
      </c>
      <c r="C5916" t="s">
        <v>11810</v>
      </c>
    </row>
    <row r="5917" spans="1:3" x14ac:dyDescent="0.15">
      <c r="A5917">
        <v>19095</v>
      </c>
      <c r="B5917" t="s">
        <v>11811</v>
      </c>
      <c r="C5917" t="s">
        <v>11812</v>
      </c>
    </row>
    <row r="5918" spans="1:3" x14ac:dyDescent="0.15">
      <c r="A5918">
        <v>19094</v>
      </c>
      <c r="B5918" t="s">
        <v>11813</v>
      </c>
      <c r="C5918" t="s">
        <v>11814</v>
      </c>
    </row>
    <row r="5919" spans="1:3" x14ac:dyDescent="0.15">
      <c r="A5919">
        <v>19093</v>
      </c>
      <c r="B5919" t="s">
        <v>11815</v>
      </c>
      <c r="C5919" t="s">
        <v>11816</v>
      </c>
    </row>
    <row r="5920" spans="1:3" x14ac:dyDescent="0.15">
      <c r="A5920">
        <v>19092</v>
      </c>
      <c r="B5920" t="s">
        <v>11817</v>
      </c>
      <c r="C5920" t="s">
        <v>11818</v>
      </c>
    </row>
    <row r="5921" spans="1:3" x14ac:dyDescent="0.15">
      <c r="A5921">
        <v>19091</v>
      </c>
      <c r="B5921" t="s">
        <v>11819</v>
      </c>
      <c r="C5921" t="s">
        <v>11820</v>
      </c>
    </row>
    <row r="5922" spans="1:3" x14ac:dyDescent="0.15">
      <c r="A5922">
        <v>19090</v>
      </c>
      <c r="B5922" t="s">
        <v>11821</v>
      </c>
      <c r="C5922" t="s">
        <v>11822</v>
      </c>
    </row>
    <row r="5923" spans="1:3" x14ac:dyDescent="0.15">
      <c r="A5923">
        <v>19089</v>
      </c>
      <c r="B5923" t="s">
        <v>11823</v>
      </c>
      <c r="C5923" t="s">
        <v>11824</v>
      </c>
    </row>
    <row r="5924" spans="1:3" x14ac:dyDescent="0.15">
      <c r="A5924">
        <v>19088</v>
      </c>
      <c r="B5924" t="s">
        <v>11825</v>
      </c>
      <c r="C5924" t="s">
        <v>11826</v>
      </c>
    </row>
    <row r="5925" spans="1:3" x14ac:dyDescent="0.15">
      <c r="A5925">
        <v>19087</v>
      </c>
      <c r="B5925" t="s">
        <v>11827</v>
      </c>
      <c r="C5925" t="s">
        <v>11828</v>
      </c>
    </row>
    <row r="5926" spans="1:3" x14ac:dyDescent="0.15">
      <c r="A5926">
        <v>19086</v>
      </c>
      <c r="B5926" t="s">
        <v>11829</v>
      </c>
      <c r="C5926" t="s">
        <v>11830</v>
      </c>
    </row>
    <row r="5927" spans="1:3" x14ac:dyDescent="0.15">
      <c r="A5927">
        <v>19085</v>
      </c>
      <c r="B5927" t="s">
        <v>11831</v>
      </c>
      <c r="C5927" t="s">
        <v>11832</v>
      </c>
    </row>
    <row r="5928" spans="1:3" x14ac:dyDescent="0.15">
      <c r="A5928">
        <v>19084</v>
      </c>
      <c r="B5928" t="s">
        <v>11833</v>
      </c>
      <c r="C5928" t="s">
        <v>11834</v>
      </c>
    </row>
    <row r="5929" spans="1:3" x14ac:dyDescent="0.15">
      <c r="A5929">
        <v>19083</v>
      </c>
      <c r="B5929" t="s">
        <v>11835</v>
      </c>
      <c r="C5929" t="s">
        <v>11836</v>
      </c>
    </row>
    <row r="5930" spans="1:3" x14ac:dyDescent="0.15">
      <c r="A5930">
        <v>19082</v>
      </c>
      <c r="B5930" t="s">
        <v>11837</v>
      </c>
      <c r="C5930" t="s">
        <v>11838</v>
      </c>
    </row>
    <row r="5931" spans="1:3" x14ac:dyDescent="0.15">
      <c r="A5931">
        <v>19081</v>
      </c>
      <c r="B5931" t="s">
        <v>11839</v>
      </c>
      <c r="C5931" t="s">
        <v>11840</v>
      </c>
    </row>
    <row r="5932" spans="1:3" x14ac:dyDescent="0.15">
      <c r="A5932">
        <v>19080</v>
      </c>
      <c r="B5932" t="s">
        <v>11841</v>
      </c>
      <c r="C5932" t="s">
        <v>11842</v>
      </c>
    </row>
    <row r="5933" spans="1:3" x14ac:dyDescent="0.15">
      <c r="A5933">
        <v>19079</v>
      </c>
      <c r="B5933" t="s">
        <v>11843</v>
      </c>
      <c r="C5933" t="s">
        <v>11844</v>
      </c>
    </row>
    <row r="5934" spans="1:3" x14ac:dyDescent="0.15">
      <c r="A5934">
        <v>19078</v>
      </c>
      <c r="B5934" t="s">
        <v>11845</v>
      </c>
      <c r="C5934" t="s">
        <v>11846</v>
      </c>
    </row>
    <row r="5935" spans="1:3" x14ac:dyDescent="0.15">
      <c r="A5935">
        <v>19077</v>
      </c>
      <c r="B5935" t="s">
        <v>11847</v>
      </c>
      <c r="C5935" t="s">
        <v>11848</v>
      </c>
    </row>
    <row r="5936" spans="1:3" x14ac:dyDescent="0.15">
      <c r="A5936">
        <v>19076</v>
      </c>
      <c r="B5936" t="s">
        <v>11849</v>
      </c>
      <c r="C5936" t="s">
        <v>11850</v>
      </c>
    </row>
    <row r="5937" spans="1:3" x14ac:dyDescent="0.15">
      <c r="A5937">
        <v>19075</v>
      </c>
      <c r="B5937" t="s">
        <v>11851</v>
      </c>
      <c r="C5937" t="s">
        <v>11852</v>
      </c>
    </row>
    <row r="5938" spans="1:3" x14ac:dyDescent="0.15">
      <c r="A5938">
        <v>19074</v>
      </c>
      <c r="B5938" t="s">
        <v>11853</v>
      </c>
      <c r="C5938" t="s">
        <v>11854</v>
      </c>
    </row>
    <row r="5939" spans="1:3" x14ac:dyDescent="0.15">
      <c r="A5939">
        <v>19073</v>
      </c>
      <c r="B5939" t="s">
        <v>11855</v>
      </c>
      <c r="C5939" t="s">
        <v>11856</v>
      </c>
    </row>
    <row r="5940" spans="1:3" x14ac:dyDescent="0.15">
      <c r="A5940">
        <v>19072</v>
      </c>
      <c r="B5940" t="s">
        <v>11857</v>
      </c>
      <c r="C5940" t="s">
        <v>11858</v>
      </c>
    </row>
    <row r="5941" spans="1:3" x14ac:dyDescent="0.15">
      <c r="A5941">
        <v>19071</v>
      </c>
      <c r="B5941" t="s">
        <v>11859</v>
      </c>
      <c r="C5941" t="s">
        <v>11860</v>
      </c>
    </row>
    <row r="5942" spans="1:3" x14ac:dyDescent="0.15">
      <c r="A5942">
        <v>19070</v>
      </c>
      <c r="B5942" t="s">
        <v>11861</v>
      </c>
      <c r="C5942" t="s">
        <v>11862</v>
      </c>
    </row>
    <row r="5943" spans="1:3" x14ac:dyDescent="0.15">
      <c r="A5943">
        <v>19069</v>
      </c>
      <c r="B5943" t="s">
        <v>11863</v>
      </c>
      <c r="C5943" t="s">
        <v>11864</v>
      </c>
    </row>
    <row r="5944" spans="1:3" x14ac:dyDescent="0.15">
      <c r="A5944">
        <v>19068</v>
      </c>
      <c r="B5944" t="s">
        <v>11865</v>
      </c>
      <c r="C5944" t="s">
        <v>11866</v>
      </c>
    </row>
    <row r="5945" spans="1:3" x14ac:dyDescent="0.15">
      <c r="A5945">
        <v>19067</v>
      </c>
      <c r="B5945" t="s">
        <v>11867</v>
      </c>
      <c r="C5945" t="s">
        <v>11868</v>
      </c>
    </row>
    <row r="5946" spans="1:3" x14ac:dyDescent="0.15">
      <c r="A5946">
        <v>19066</v>
      </c>
      <c r="B5946" t="s">
        <v>11869</v>
      </c>
      <c r="C5946" t="s">
        <v>11870</v>
      </c>
    </row>
    <row r="5947" spans="1:3" x14ac:dyDescent="0.15">
      <c r="A5947">
        <v>19065</v>
      </c>
      <c r="B5947" t="s">
        <v>11871</v>
      </c>
      <c r="C5947" t="s">
        <v>11872</v>
      </c>
    </row>
    <row r="5948" spans="1:3" x14ac:dyDescent="0.15">
      <c r="A5948">
        <v>19064</v>
      </c>
      <c r="B5948" t="s">
        <v>11873</v>
      </c>
      <c r="C5948" t="s">
        <v>11874</v>
      </c>
    </row>
    <row r="5949" spans="1:3" x14ac:dyDescent="0.15">
      <c r="A5949">
        <v>19063</v>
      </c>
      <c r="B5949" t="s">
        <v>11875</v>
      </c>
      <c r="C5949" t="s">
        <v>11876</v>
      </c>
    </row>
    <row r="5950" spans="1:3" x14ac:dyDescent="0.15">
      <c r="A5950">
        <v>19062</v>
      </c>
      <c r="B5950" t="s">
        <v>11877</v>
      </c>
      <c r="C5950" t="s">
        <v>11878</v>
      </c>
    </row>
    <row r="5951" spans="1:3" x14ac:dyDescent="0.15">
      <c r="A5951">
        <v>19061</v>
      </c>
      <c r="B5951" t="s">
        <v>11879</v>
      </c>
      <c r="C5951" t="s">
        <v>11880</v>
      </c>
    </row>
    <row r="5952" spans="1:3" x14ac:dyDescent="0.15">
      <c r="A5952">
        <v>19060</v>
      </c>
      <c r="B5952" t="s">
        <v>11881</v>
      </c>
      <c r="C5952" t="s">
        <v>11882</v>
      </c>
    </row>
    <row r="5953" spans="1:3" x14ac:dyDescent="0.15">
      <c r="A5953">
        <v>19059</v>
      </c>
      <c r="B5953" t="s">
        <v>11883</v>
      </c>
      <c r="C5953" t="s">
        <v>11884</v>
      </c>
    </row>
    <row r="5954" spans="1:3" x14ac:dyDescent="0.15">
      <c r="A5954">
        <v>19058</v>
      </c>
      <c r="B5954" t="s">
        <v>11885</v>
      </c>
      <c r="C5954" t="s">
        <v>11886</v>
      </c>
    </row>
    <row r="5955" spans="1:3" x14ac:dyDescent="0.15">
      <c r="A5955">
        <v>19057</v>
      </c>
      <c r="B5955" t="s">
        <v>11887</v>
      </c>
      <c r="C5955" t="s">
        <v>11888</v>
      </c>
    </row>
    <row r="5956" spans="1:3" x14ac:dyDescent="0.15">
      <c r="A5956">
        <v>19056</v>
      </c>
      <c r="B5956" t="s">
        <v>11889</v>
      </c>
      <c r="C5956" t="s">
        <v>11890</v>
      </c>
    </row>
    <row r="5957" spans="1:3" x14ac:dyDescent="0.15">
      <c r="A5957">
        <v>19055</v>
      </c>
      <c r="B5957" t="s">
        <v>11891</v>
      </c>
      <c r="C5957" t="s">
        <v>11892</v>
      </c>
    </row>
    <row r="5958" spans="1:3" x14ac:dyDescent="0.15">
      <c r="A5958">
        <v>19054</v>
      </c>
      <c r="B5958" t="s">
        <v>11893</v>
      </c>
      <c r="C5958" t="s">
        <v>11894</v>
      </c>
    </row>
    <row r="5959" spans="1:3" x14ac:dyDescent="0.15">
      <c r="A5959">
        <v>19053</v>
      </c>
      <c r="B5959" t="s">
        <v>11895</v>
      </c>
      <c r="C5959" t="s">
        <v>11896</v>
      </c>
    </row>
    <row r="5960" spans="1:3" x14ac:dyDescent="0.15">
      <c r="A5960">
        <v>19052</v>
      </c>
      <c r="B5960" t="s">
        <v>11897</v>
      </c>
      <c r="C5960" t="s">
        <v>11898</v>
      </c>
    </row>
    <row r="5961" spans="1:3" x14ac:dyDescent="0.15">
      <c r="A5961">
        <v>19051</v>
      </c>
      <c r="B5961" t="s">
        <v>11899</v>
      </c>
      <c r="C5961" t="s">
        <v>11900</v>
      </c>
    </row>
    <row r="5962" spans="1:3" x14ac:dyDescent="0.15">
      <c r="A5962">
        <v>19050</v>
      </c>
      <c r="B5962" t="s">
        <v>11901</v>
      </c>
      <c r="C5962" t="s">
        <v>11902</v>
      </c>
    </row>
    <row r="5963" spans="1:3" x14ac:dyDescent="0.15">
      <c r="A5963">
        <v>19049</v>
      </c>
      <c r="B5963" t="s">
        <v>11903</v>
      </c>
      <c r="C5963" t="s">
        <v>11904</v>
      </c>
    </row>
    <row r="5964" spans="1:3" x14ac:dyDescent="0.15">
      <c r="A5964">
        <v>19048</v>
      </c>
      <c r="B5964" t="s">
        <v>11905</v>
      </c>
      <c r="C5964" t="s">
        <v>11906</v>
      </c>
    </row>
    <row r="5965" spans="1:3" x14ac:dyDescent="0.15">
      <c r="A5965">
        <v>19047</v>
      </c>
      <c r="B5965" t="s">
        <v>11907</v>
      </c>
      <c r="C5965" t="s">
        <v>11908</v>
      </c>
    </row>
    <row r="5966" spans="1:3" x14ac:dyDescent="0.15">
      <c r="A5966">
        <v>19046</v>
      </c>
      <c r="B5966" t="s">
        <v>11909</v>
      </c>
      <c r="C5966" t="s">
        <v>11910</v>
      </c>
    </row>
    <row r="5967" spans="1:3" x14ac:dyDescent="0.15">
      <c r="A5967">
        <v>19045</v>
      </c>
      <c r="B5967" t="s">
        <v>11911</v>
      </c>
      <c r="C5967" t="s">
        <v>11912</v>
      </c>
    </row>
    <row r="5968" spans="1:3" x14ac:dyDescent="0.15">
      <c r="A5968">
        <v>19044</v>
      </c>
      <c r="B5968" t="s">
        <v>11913</v>
      </c>
      <c r="C5968" t="s">
        <v>11914</v>
      </c>
    </row>
    <row r="5969" spans="1:3" x14ac:dyDescent="0.15">
      <c r="A5969">
        <v>19043</v>
      </c>
      <c r="B5969" t="s">
        <v>11915</v>
      </c>
      <c r="C5969" t="s">
        <v>11916</v>
      </c>
    </row>
    <row r="5970" spans="1:3" x14ac:dyDescent="0.15">
      <c r="A5970">
        <v>19042</v>
      </c>
      <c r="B5970" t="s">
        <v>11917</v>
      </c>
      <c r="C5970" t="s">
        <v>11918</v>
      </c>
    </row>
    <row r="5971" spans="1:3" x14ac:dyDescent="0.15">
      <c r="A5971">
        <v>19041</v>
      </c>
      <c r="B5971" t="s">
        <v>11919</v>
      </c>
      <c r="C5971" t="s">
        <v>11920</v>
      </c>
    </row>
    <row r="5972" spans="1:3" x14ac:dyDescent="0.15">
      <c r="A5972">
        <v>19040</v>
      </c>
      <c r="B5972" t="s">
        <v>11921</v>
      </c>
      <c r="C5972" t="s">
        <v>11922</v>
      </c>
    </row>
    <row r="5973" spans="1:3" x14ac:dyDescent="0.15">
      <c r="A5973">
        <v>19039</v>
      </c>
      <c r="B5973" t="s">
        <v>11923</v>
      </c>
      <c r="C5973" t="s">
        <v>11924</v>
      </c>
    </row>
    <row r="5974" spans="1:3" x14ac:dyDescent="0.15">
      <c r="A5974">
        <v>19038</v>
      </c>
      <c r="B5974" t="s">
        <v>11925</v>
      </c>
      <c r="C5974" t="s">
        <v>11926</v>
      </c>
    </row>
    <row r="5975" spans="1:3" x14ac:dyDescent="0.15">
      <c r="A5975">
        <v>19037</v>
      </c>
      <c r="B5975" t="s">
        <v>11927</v>
      </c>
      <c r="C5975" t="s">
        <v>11928</v>
      </c>
    </row>
    <row r="5976" spans="1:3" x14ac:dyDescent="0.15">
      <c r="A5976">
        <v>19036</v>
      </c>
      <c r="B5976" t="s">
        <v>11929</v>
      </c>
      <c r="C5976" t="s">
        <v>11930</v>
      </c>
    </row>
    <row r="5977" spans="1:3" x14ac:dyDescent="0.15">
      <c r="A5977">
        <v>19035</v>
      </c>
      <c r="B5977" t="s">
        <v>11931</v>
      </c>
      <c r="C5977" t="s">
        <v>11932</v>
      </c>
    </row>
    <row r="5978" spans="1:3" x14ac:dyDescent="0.15">
      <c r="A5978">
        <v>19034</v>
      </c>
      <c r="B5978" t="s">
        <v>11933</v>
      </c>
      <c r="C5978" t="s">
        <v>11934</v>
      </c>
    </row>
    <row r="5979" spans="1:3" x14ac:dyDescent="0.15">
      <c r="A5979">
        <v>19033</v>
      </c>
      <c r="B5979" t="s">
        <v>11935</v>
      </c>
      <c r="C5979" t="s">
        <v>11936</v>
      </c>
    </row>
    <row r="5980" spans="1:3" x14ac:dyDescent="0.15">
      <c r="A5980">
        <v>19032</v>
      </c>
      <c r="B5980" t="s">
        <v>11937</v>
      </c>
      <c r="C5980" t="s">
        <v>11938</v>
      </c>
    </row>
    <row r="5981" spans="1:3" x14ac:dyDescent="0.15">
      <c r="A5981">
        <v>19031</v>
      </c>
      <c r="B5981" t="s">
        <v>11939</v>
      </c>
      <c r="C5981" t="s">
        <v>11940</v>
      </c>
    </row>
    <row r="5982" spans="1:3" x14ac:dyDescent="0.15">
      <c r="A5982">
        <v>19030</v>
      </c>
      <c r="B5982" t="s">
        <v>11941</v>
      </c>
      <c r="C5982" t="s">
        <v>11942</v>
      </c>
    </row>
    <row r="5983" spans="1:3" x14ac:dyDescent="0.15">
      <c r="A5983">
        <v>19029</v>
      </c>
      <c r="B5983" t="s">
        <v>11943</v>
      </c>
      <c r="C5983" t="s">
        <v>11944</v>
      </c>
    </row>
    <row r="5984" spans="1:3" x14ac:dyDescent="0.15">
      <c r="A5984">
        <v>19028</v>
      </c>
      <c r="B5984" t="s">
        <v>11945</v>
      </c>
      <c r="C5984" t="s">
        <v>11946</v>
      </c>
    </row>
    <row r="5985" spans="1:3" x14ac:dyDescent="0.15">
      <c r="A5985">
        <v>19027</v>
      </c>
      <c r="B5985" t="s">
        <v>11947</v>
      </c>
      <c r="C5985" t="s">
        <v>11948</v>
      </c>
    </row>
    <row r="5986" spans="1:3" x14ac:dyDescent="0.15">
      <c r="A5986">
        <v>19026</v>
      </c>
      <c r="B5986" t="s">
        <v>11949</v>
      </c>
      <c r="C5986" t="s">
        <v>11950</v>
      </c>
    </row>
    <row r="5987" spans="1:3" x14ac:dyDescent="0.15">
      <c r="A5987">
        <v>19025</v>
      </c>
      <c r="B5987" t="s">
        <v>11951</v>
      </c>
      <c r="C5987" t="s">
        <v>11952</v>
      </c>
    </row>
    <row r="5988" spans="1:3" x14ac:dyDescent="0.15">
      <c r="A5988">
        <v>19024</v>
      </c>
      <c r="B5988" t="s">
        <v>11953</v>
      </c>
      <c r="C5988" t="s">
        <v>11954</v>
      </c>
    </row>
    <row r="5989" spans="1:3" x14ac:dyDescent="0.15">
      <c r="A5989">
        <v>19023</v>
      </c>
      <c r="B5989" t="s">
        <v>11955</v>
      </c>
      <c r="C5989" t="s">
        <v>11956</v>
      </c>
    </row>
    <row r="5990" spans="1:3" x14ac:dyDescent="0.15">
      <c r="A5990">
        <v>19022</v>
      </c>
      <c r="B5990" t="s">
        <v>11957</v>
      </c>
      <c r="C5990" t="s">
        <v>11958</v>
      </c>
    </row>
    <row r="5991" spans="1:3" x14ac:dyDescent="0.15">
      <c r="A5991">
        <v>19021</v>
      </c>
      <c r="B5991" t="s">
        <v>11959</v>
      </c>
      <c r="C5991" t="s">
        <v>11960</v>
      </c>
    </row>
    <row r="5992" spans="1:3" x14ac:dyDescent="0.15">
      <c r="A5992">
        <v>19020</v>
      </c>
      <c r="B5992" t="s">
        <v>11961</v>
      </c>
      <c r="C5992" t="s">
        <v>11962</v>
      </c>
    </row>
    <row r="5993" spans="1:3" x14ac:dyDescent="0.15">
      <c r="A5993">
        <v>19019</v>
      </c>
      <c r="B5993" t="s">
        <v>11963</v>
      </c>
      <c r="C5993" t="s">
        <v>11964</v>
      </c>
    </row>
    <row r="5994" spans="1:3" x14ac:dyDescent="0.15">
      <c r="A5994">
        <v>19018</v>
      </c>
      <c r="B5994" t="s">
        <v>11965</v>
      </c>
      <c r="C5994" t="s">
        <v>11966</v>
      </c>
    </row>
    <row r="5995" spans="1:3" x14ac:dyDescent="0.15">
      <c r="A5995">
        <v>19017</v>
      </c>
      <c r="B5995" t="s">
        <v>11967</v>
      </c>
      <c r="C5995" t="s">
        <v>11968</v>
      </c>
    </row>
    <row r="5996" spans="1:3" x14ac:dyDescent="0.15">
      <c r="A5996">
        <v>19016</v>
      </c>
      <c r="B5996" t="s">
        <v>11969</v>
      </c>
      <c r="C5996" t="s">
        <v>11970</v>
      </c>
    </row>
    <row r="5997" spans="1:3" x14ac:dyDescent="0.15">
      <c r="A5997">
        <v>19015</v>
      </c>
      <c r="B5997" t="s">
        <v>11971</v>
      </c>
      <c r="C5997" t="s">
        <v>11972</v>
      </c>
    </row>
    <row r="5998" spans="1:3" x14ac:dyDescent="0.15">
      <c r="A5998">
        <v>19014</v>
      </c>
      <c r="B5998" t="s">
        <v>11973</v>
      </c>
      <c r="C5998" t="s">
        <v>11974</v>
      </c>
    </row>
    <row r="5999" spans="1:3" x14ac:dyDescent="0.15">
      <c r="A5999">
        <v>19013</v>
      </c>
      <c r="B5999" t="s">
        <v>11975</v>
      </c>
      <c r="C5999" t="s">
        <v>11976</v>
      </c>
    </row>
    <row r="6000" spans="1:3" x14ac:dyDescent="0.15">
      <c r="A6000">
        <v>19012</v>
      </c>
      <c r="B6000" t="s">
        <v>11977</v>
      </c>
      <c r="C6000" t="s">
        <v>11978</v>
      </c>
    </row>
    <row r="6001" spans="1:3" x14ac:dyDescent="0.15">
      <c r="A6001">
        <v>19011</v>
      </c>
      <c r="B6001" t="s">
        <v>11979</v>
      </c>
      <c r="C6001" t="s">
        <v>11980</v>
      </c>
    </row>
    <row r="6002" spans="1:3" x14ac:dyDescent="0.15">
      <c r="A6002">
        <v>19010</v>
      </c>
      <c r="B6002" t="s">
        <v>11981</v>
      </c>
      <c r="C6002" t="s">
        <v>11982</v>
      </c>
    </row>
    <row r="6003" spans="1:3" x14ac:dyDescent="0.15">
      <c r="A6003">
        <v>19009</v>
      </c>
      <c r="B6003" t="s">
        <v>11983</v>
      </c>
      <c r="C6003" t="s">
        <v>11984</v>
      </c>
    </row>
    <row r="6004" spans="1:3" x14ac:dyDescent="0.15">
      <c r="A6004">
        <v>19008</v>
      </c>
      <c r="B6004" t="s">
        <v>11985</v>
      </c>
      <c r="C6004" t="s">
        <v>11986</v>
      </c>
    </row>
    <row r="6005" spans="1:3" x14ac:dyDescent="0.15">
      <c r="A6005">
        <v>19007</v>
      </c>
      <c r="B6005" t="s">
        <v>11987</v>
      </c>
      <c r="C6005" t="s">
        <v>11988</v>
      </c>
    </row>
    <row r="6006" spans="1:3" x14ac:dyDescent="0.15">
      <c r="A6006">
        <v>19006</v>
      </c>
      <c r="B6006" t="s">
        <v>11989</v>
      </c>
      <c r="C6006" t="s">
        <v>11990</v>
      </c>
    </row>
    <row r="6007" spans="1:3" x14ac:dyDescent="0.15">
      <c r="A6007">
        <v>19005</v>
      </c>
      <c r="B6007" t="s">
        <v>11991</v>
      </c>
      <c r="C6007" t="s">
        <v>11992</v>
      </c>
    </row>
    <row r="6008" spans="1:3" x14ac:dyDescent="0.15">
      <c r="A6008">
        <v>19004</v>
      </c>
      <c r="B6008" t="s">
        <v>11993</v>
      </c>
      <c r="C6008" t="s">
        <v>11994</v>
      </c>
    </row>
    <row r="6009" spans="1:3" x14ac:dyDescent="0.15">
      <c r="A6009">
        <v>19003</v>
      </c>
      <c r="B6009" t="s">
        <v>11995</v>
      </c>
      <c r="C6009" t="s">
        <v>11996</v>
      </c>
    </row>
    <row r="6010" spans="1:3" x14ac:dyDescent="0.15">
      <c r="A6010">
        <v>19002</v>
      </c>
      <c r="B6010" t="s">
        <v>11997</v>
      </c>
      <c r="C6010" t="s">
        <v>11998</v>
      </c>
    </row>
    <row r="6011" spans="1:3" x14ac:dyDescent="0.15">
      <c r="A6011">
        <v>19001</v>
      </c>
      <c r="B6011" t="s">
        <v>11999</v>
      </c>
      <c r="C6011" t="s">
        <v>12000</v>
      </c>
    </row>
    <row r="6012" spans="1:3" x14ac:dyDescent="0.15">
      <c r="A6012">
        <v>19000</v>
      </c>
      <c r="B6012" t="s">
        <v>12001</v>
      </c>
      <c r="C6012" t="s">
        <v>12002</v>
      </c>
    </row>
    <row r="6013" spans="1:3" x14ac:dyDescent="0.15">
      <c r="A6013">
        <v>18999</v>
      </c>
      <c r="B6013" t="s">
        <v>12003</v>
      </c>
      <c r="C6013" t="s">
        <v>12004</v>
      </c>
    </row>
    <row r="6014" spans="1:3" x14ac:dyDescent="0.15">
      <c r="A6014">
        <v>18998</v>
      </c>
      <c r="B6014" t="s">
        <v>12005</v>
      </c>
      <c r="C6014" t="s">
        <v>12006</v>
      </c>
    </row>
    <row r="6015" spans="1:3" x14ac:dyDescent="0.15">
      <c r="A6015">
        <v>18997</v>
      </c>
      <c r="B6015" t="s">
        <v>12007</v>
      </c>
      <c r="C6015" t="s">
        <v>12008</v>
      </c>
    </row>
    <row r="6016" spans="1:3" x14ac:dyDescent="0.15">
      <c r="A6016">
        <v>18996</v>
      </c>
      <c r="B6016" t="s">
        <v>12009</v>
      </c>
      <c r="C6016" t="s">
        <v>12010</v>
      </c>
    </row>
    <row r="6017" spans="1:3" x14ac:dyDescent="0.15">
      <c r="A6017">
        <v>18995</v>
      </c>
      <c r="B6017" t="s">
        <v>12011</v>
      </c>
      <c r="C6017" t="s">
        <v>12012</v>
      </c>
    </row>
    <row r="6018" spans="1:3" x14ac:dyDescent="0.15">
      <c r="A6018">
        <v>18994</v>
      </c>
      <c r="B6018" t="s">
        <v>12013</v>
      </c>
      <c r="C6018" t="s">
        <v>12014</v>
      </c>
    </row>
    <row r="6019" spans="1:3" x14ac:dyDescent="0.15">
      <c r="A6019">
        <v>18993</v>
      </c>
      <c r="B6019" t="s">
        <v>12015</v>
      </c>
      <c r="C6019" t="s">
        <v>12016</v>
      </c>
    </row>
    <row r="6020" spans="1:3" x14ac:dyDescent="0.15">
      <c r="A6020">
        <v>18992</v>
      </c>
      <c r="B6020" t="s">
        <v>12017</v>
      </c>
      <c r="C6020" t="s">
        <v>12018</v>
      </c>
    </row>
    <row r="6021" spans="1:3" x14ac:dyDescent="0.15">
      <c r="A6021">
        <v>18991</v>
      </c>
      <c r="B6021" t="s">
        <v>12019</v>
      </c>
      <c r="C6021" t="s">
        <v>12020</v>
      </c>
    </row>
    <row r="6022" spans="1:3" x14ac:dyDescent="0.15">
      <c r="A6022">
        <v>18990</v>
      </c>
      <c r="B6022" t="s">
        <v>12021</v>
      </c>
      <c r="C6022" t="s">
        <v>12022</v>
      </c>
    </row>
    <row r="6023" spans="1:3" x14ac:dyDescent="0.15">
      <c r="A6023">
        <v>18989</v>
      </c>
      <c r="B6023" t="s">
        <v>12023</v>
      </c>
      <c r="C6023" t="s">
        <v>12024</v>
      </c>
    </row>
    <row r="6024" spans="1:3" x14ac:dyDescent="0.15">
      <c r="A6024">
        <v>18988</v>
      </c>
      <c r="B6024" t="s">
        <v>12025</v>
      </c>
      <c r="C6024" t="s">
        <v>12026</v>
      </c>
    </row>
    <row r="6025" spans="1:3" x14ac:dyDescent="0.15">
      <c r="A6025">
        <v>18987</v>
      </c>
      <c r="B6025" t="s">
        <v>12027</v>
      </c>
      <c r="C6025" t="s">
        <v>12028</v>
      </c>
    </row>
    <row r="6026" spans="1:3" x14ac:dyDescent="0.15">
      <c r="A6026">
        <v>18986</v>
      </c>
      <c r="B6026" t="s">
        <v>12029</v>
      </c>
      <c r="C6026" t="s">
        <v>12030</v>
      </c>
    </row>
    <row r="6027" spans="1:3" x14ac:dyDescent="0.15">
      <c r="A6027">
        <v>18985</v>
      </c>
      <c r="B6027" t="s">
        <v>12031</v>
      </c>
      <c r="C6027" t="s">
        <v>12032</v>
      </c>
    </row>
    <row r="6028" spans="1:3" x14ac:dyDescent="0.15">
      <c r="A6028">
        <v>18984</v>
      </c>
      <c r="B6028" t="s">
        <v>12033</v>
      </c>
      <c r="C6028" t="s">
        <v>12034</v>
      </c>
    </row>
    <row r="6029" spans="1:3" x14ac:dyDescent="0.15">
      <c r="A6029">
        <v>18983</v>
      </c>
      <c r="B6029" t="s">
        <v>12035</v>
      </c>
      <c r="C6029" t="s">
        <v>12036</v>
      </c>
    </row>
    <row r="6030" spans="1:3" x14ac:dyDescent="0.15">
      <c r="A6030">
        <v>18982</v>
      </c>
      <c r="B6030" t="s">
        <v>12037</v>
      </c>
      <c r="C6030" t="s">
        <v>12038</v>
      </c>
    </row>
    <row r="6031" spans="1:3" x14ac:dyDescent="0.15">
      <c r="A6031">
        <v>18981</v>
      </c>
      <c r="B6031" t="s">
        <v>12039</v>
      </c>
      <c r="C6031" t="s">
        <v>12040</v>
      </c>
    </row>
    <row r="6032" spans="1:3" x14ac:dyDescent="0.15">
      <c r="A6032">
        <v>18980</v>
      </c>
      <c r="B6032" t="s">
        <v>12041</v>
      </c>
      <c r="C6032" t="s">
        <v>12042</v>
      </c>
    </row>
    <row r="6033" spans="1:3" x14ac:dyDescent="0.15">
      <c r="A6033">
        <v>18979</v>
      </c>
      <c r="B6033" t="s">
        <v>12043</v>
      </c>
      <c r="C6033" t="s">
        <v>12044</v>
      </c>
    </row>
    <row r="6034" spans="1:3" x14ac:dyDescent="0.15">
      <c r="A6034">
        <v>18978</v>
      </c>
      <c r="B6034" t="s">
        <v>12045</v>
      </c>
      <c r="C6034" t="s">
        <v>12046</v>
      </c>
    </row>
    <row r="6035" spans="1:3" x14ac:dyDescent="0.15">
      <c r="A6035">
        <v>18977</v>
      </c>
      <c r="B6035" t="s">
        <v>12047</v>
      </c>
      <c r="C6035" t="s">
        <v>12048</v>
      </c>
    </row>
    <row r="6036" spans="1:3" x14ac:dyDescent="0.15">
      <c r="A6036">
        <v>18976</v>
      </c>
      <c r="B6036" t="s">
        <v>12049</v>
      </c>
      <c r="C6036" t="s">
        <v>12050</v>
      </c>
    </row>
    <row r="6037" spans="1:3" x14ac:dyDescent="0.15">
      <c r="A6037">
        <v>18975</v>
      </c>
      <c r="B6037" t="s">
        <v>12051</v>
      </c>
      <c r="C6037" t="s">
        <v>12052</v>
      </c>
    </row>
    <row r="6038" spans="1:3" x14ac:dyDescent="0.15">
      <c r="A6038">
        <v>18974</v>
      </c>
      <c r="B6038" t="s">
        <v>12053</v>
      </c>
      <c r="C6038" t="s">
        <v>12054</v>
      </c>
    </row>
    <row r="6039" spans="1:3" x14ac:dyDescent="0.15">
      <c r="A6039">
        <v>18973</v>
      </c>
      <c r="B6039" t="s">
        <v>12055</v>
      </c>
      <c r="C6039" t="s">
        <v>12056</v>
      </c>
    </row>
    <row r="6040" spans="1:3" x14ac:dyDescent="0.15">
      <c r="A6040">
        <v>18972</v>
      </c>
      <c r="B6040" t="s">
        <v>12057</v>
      </c>
      <c r="C6040" t="s">
        <v>12058</v>
      </c>
    </row>
    <row r="6041" spans="1:3" x14ac:dyDescent="0.15">
      <c r="A6041">
        <v>18971</v>
      </c>
      <c r="B6041" t="s">
        <v>12059</v>
      </c>
      <c r="C6041" t="s">
        <v>12060</v>
      </c>
    </row>
    <row r="6042" spans="1:3" x14ac:dyDescent="0.15">
      <c r="A6042">
        <v>18970</v>
      </c>
      <c r="B6042" t="s">
        <v>12061</v>
      </c>
      <c r="C6042" t="s">
        <v>12062</v>
      </c>
    </row>
    <row r="6043" spans="1:3" x14ac:dyDescent="0.15">
      <c r="A6043">
        <v>18969</v>
      </c>
      <c r="B6043" t="s">
        <v>12063</v>
      </c>
      <c r="C6043" t="s">
        <v>12064</v>
      </c>
    </row>
    <row r="6044" spans="1:3" x14ac:dyDescent="0.15">
      <c r="A6044">
        <v>18968</v>
      </c>
      <c r="B6044" t="s">
        <v>12065</v>
      </c>
      <c r="C6044" t="s">
        <v>12066</v>
      </c>
    </row>
    <row r="6045" spans="1:3" x14ac:dyDescent="0.15">
      <c r="A6045">
        <v>18967</v>
      </c>
      <c r="B6045" t="s">
        <v>12067</v>
      </c>
      <c r="C6045" t="s">
        <v>12068</v>
      </c>
    </row>
    <row r="6046" spans="1:3" x14ac:dyDescent="0.15">
      <c r="A6046">
        <v>18966</v>
      </c>
      <c r="B6046" t="s">
        <v>12069</v>
      </c>
      <c r="C6046" t="s">
        <v>12070</v>
      </c>
    </row>
    <row r="6047" spans="1:3" x14ac:dyDescent="0.15">
      <c r="A6047">
        <v>18965</v>
      </c>
      <c r="B6047" t="s">
        <v>12071</v>
      </c>
      <c r="C6047" t="s">
        <v>12072</v>
      </c>
    </row>
    <row r="6048" spans="1:3" x14ac:dyDescent="0.15">
      <c r="A6048">
        <v>18964</v>
      </c>
      <c r="B6048" t="s">
        <v>12073</v>
      </c>
      <c r="C6048" t="s">
        <v>12074</v>
      </c>
    </row>
    <row r="6049" spans="1:3" x14ac:dyDescent="0.15">
      <c r="A6049">
        <v>18963</v>
      </c>
      <c r="B6049" t="s">
        <v>12075</v>
      </c>
      <c r="C6049" t="s">
        <v>12076</v>
      </c>
    </row>
    <row r="6050" spans="1:3" x14ac:dyDescent="0.15">
      <c r="A6050">
        <v>18962</v>
      </c>
      <c r="B6050" t="s">
        <v>12077</v>
      </c>
      <c r="C6050" t="s">
        <v>12078</v>
      </c>
    </row>
    <row r="6051" spans="1:3" x14ac:dyDescent="0.15">
      <c r="A6051">
        <v>18961</v>
      </c>
      <c r="B6051" t="s">
        <v>12079</v>
      </c>
      <c r="C6051" t="s">
        <v>12080</v>
      </c>
    </row>
    <row r="6052" spans="1:3" x14ac:dyDescent="0.15">
      <c r="A6052">
        <v>18960</v>
      </c>
      <c r="B6052" t="s">
        <v>12081</v>
      </c>
      <c r="C6052" t="s">
        <v>12082</v>
      </c>
    </row>
    <row r="6053" spans="1:3" x14ac:dyDescent="0.15">
      <c r="A6053">
        <v>18959</v>
      </c>
      <c r="B6053" t="s">
        <v>12083</v>
      </c>
      <c r="C6053" t="s">
        <v>12084</v>
      </c>
    </row>
    <row r="6054" spans="1:3" x14ac:dyDescent="0.15">
      <c r="A6054">
        <v>18958</v>
      </c>
      <c r="B6054" t="s">
        <v>12085</v>
      </c>
      <c r="C6054" t="s">
        <v>12086</v>
      </c>
    </row>
    <row r="6055" spans="1:3" x14ac:dyDescent="0.15">
      <c r="A6055">
        <v>18957</v>
      </c>
      <c r="B6055" t="s">
        <v>12087</v>
      </c>
      <c r="C6055" t="s">
        <v>12088</v>
      </c>
    </row>
    <row r="6056" spans="1:3" x14ac:dyDescent="0.15">
      <c r="A6056">
        <v>18956</v>
      </c>
      <c r="B6056" t="s">
        <v>12089</v>
      </c>
      <c r="C6056" t="s">
        <v>12090</v>
      </c>
    </row>
    <row r="6057" spans="1:3" x14ac:dyDescent="0.15">
      <c r="A6057">
        <v>18955</v>
      </c>
      <c r="B6057" t="s">
        <v>12091</v>
      </c>
      <c r="C6057" t="s">
        <v>12092</v>
      </c>
    </row>
    <row r="6058" spans="1:3" x14ac:dyDescent="0.15">
      <c r="A6058">
        <v>18954</v>
      </c>
      <c r="B6058" t="s">
        <v>12093</v>
      </c>
      <c r="C6058" t="s">
        <v>12094</v>
      </c>
    </row>
    <row r="6059" spans="1:3" x14ac:dyDescent="0.15">
      <c r="A6059">
        <v>18953</v>
      </c>
      <c r="B6059" t="s">
        <v>12095</v>
      </c>
      <c r="C6059" t="s">
        <v>12096</v>
      </c>
    </row>
    <row r="6060" spans="1:3" x14ac:dyDescent="0.15">
      <c r="A6060">
        <v>18952</v>
      </c>
      <c r="B6060" t="s">
        <v>12097</v>
      </c>
      <c r="C6060" t="s">
        <v>12098</v>
      </c>
    </row>
    <row r="6061" spans="1:3" x14ac:dyDescent="0.15">
      <c r="A6061">
        <v>18951</v>
      </c>
      <c r="B6061" t="s">
        <v>12099</v>
      </c>
      <c r="C6061" t="s">
        <v>12100</v>
      </c>
    </row>
    <row r="6062" spans="1:3" x14ac:dyDescent="0.15">
      <c r="A6062">
        <v>18950</v>
      </c>
      <c r="B6062" t="s">
        <v>12101</v>
      </c>
      <c r="C6062" t="s">
        <v>12102</v>
      </c>
    </row>
    <row r="6063" spans="1:3" x14ac:dyDescent="0.15">
      <c r="A6063">
        <v>18949</v>
      </c>
      <c r="B6063" t="s">
        <v>12103</v>
      </c>
      <c r="C6063" t="s">
        <v>12104</v>
      </c>
    </row>
    <row r="6064" spans="1:3" x14ac:dyDescent="0.15">
      <c r="A6064">
        <v>18948</v>
      </c>
      <c r="B6064" t="s">
        <v>12105</v>
      </c>
      <c r="C6064" t="s">
        <v>12106</v>
      </c>
    </row>
    <row r="6065" spans="1:3" x14ac:dyDescent="0.15">
      <c r="A6065">
        <v>18947</v>
      </c>
      <c r="B6065" t="s">
        <v>12107</v>
      </c>
      <c r="C6065" t="s">
        <v>12108</v>
      </c>
    </row>
    <row r="6066" spans="1:3" x14ac:dyDescent="0.15">
      <c r="A6066">
        <v>18946</v>
      </c>
      <c r="B6066" t="s">
        <v>12109</v>
      </c>
      <c r="C6066" t="s">
        <v>12110</v>
      </c>
    </row>
    <row r="6067" spans="1:3" x14ac:dyDescent="0.15">
      <c r="A6067">
        <v>18945</v>
      </c>
      <c r="B6067" t="s">
        <v>12111</v>
      </c>
      <c r="C6067" t="s">
        <v>12112</v>
      </c>
    </row>
    <row r="6068" spans="1:3" x14ac:dyDescent="0.15">
      <c r="A6068">
        <v>18944</v>
      </c>
      <c r="B6068" t="s">
        <v>12113</v>
      </c>
      <c r="C6068" t="s">
        <v>12114</v>
      </c>
    </row>
    <row r="6069" spans="1:3" x14ac:dyDescent="0.15">
      <c r="A6069">
        <v>18943</v>
      </c>
      <c r="B6069" t="s">
        <v>12115</v>
      </c>
      <c r="C6069" t="s">
        <v>12116</v>
      </c>
    </row>
    <row r="6070" spans="1:3" x14ac:dyDescent="0.15">
      <c r="A6070">
        <v>18942</v>
      </c>
      <c r="B6070" t="s">
        <v>12117</v>
      </c>
      <c r="C6070" t="s">
        <v>12118</v>
      </c>
    </row>
    <row r="6071" spans="1:3" x14ac:dyDescent="0.15">
      <c r="A6071">
        <v>18941</v>
      </c>
      <c r="B6071" t="s">
        <v>12119</v>
      </c>
      <c r="C6071" t="s">
        <v>12120</v>
      </c>
    </row>
    <row r="6072" spans="1:3" x14ac:dyDescent="0.15">
      <c r="A6072">
        <v>18940</v>
      </c>
      <c r="B6072" t="s">
        <v>12121</v>
      </c>
      <c r="C6072" t="s">
        <v>12122</v>
      </c>
    </row>
    <row r="6073" spans="1:3" x14ac:dyDescent="0.15">
      <c r="A6073">
        <v>18939</v>
      </c>
      <c r="B6073" t="s">
        <v>12123</v>
      </c>
      <c r="C6073" t="s">
        <v>12124</v>
      </c>
    </row>
    <row r="6074" spans="1:3" x14ac:dyDescent="0.15">
      <c r="A6074">
        <v>18938</v>
      </c>
      <c r="B6074" t="s">
        <v>12125</v>
      </c>
      <c r="C6074" t="s">
        <v>12126</v>
      </c>
    </row>
    <row r="6075" spans="1:3" x14ac:dyDescent="0.15">
      <c r="A6075">
        <v>18937</v>
      </c>
      <c r="B6075" t="s">
        <v>12127</v>
      </c>
      <c r="C6075" t="s">
        <v>12128</v>
      </c>
    </row>
    <row r="6076" spans="1:3" x14ac:dyDescent="0.15">
      <c r="A6076">
        <v>18936</v>
      </c>
      <c r="B6076" t="s">
        <v>12129</v>
      </c>
      <c r="C6076" t="s">
        <v>12130</v>
      </c>
    </row>
    <row r="6077" spans="1:3" x14ac:dyDescent="0.15">
      <c r="A6077">
        <v>18935</v>
      </c>
      <c r="B6077" t="s">
        <v>12131</v>
      </c>
      <c r="C6077" t="s">
        <v>12132</v>
      </c>
    </row>
    <row r="6078" spans="1:3" x14ac:dyDescent="0.15">
      <c r="A6078">
        <v>18934</v>
      </c>
      <c r="B6078" t="s">
        <v>12133</v>
      </c>
      <c r="C6078" t="s">
        <v>12134</v>
      </c>
    </row>
    <row r="6079" spans="1:3" x14ac:dyDescent="0.15">
      <c r="A6079">
        <v>18933</v>
      </c>
      <c r="B6079" t="s">
        <v>12135</v>
      </c>
      <c r="C6079" t="s">
        <v>3319</v>
      </c>
    </row>
    <row r="6080" spans="1:3" x14ac:dyDescent="0.15">
      <c r="A6080">
        <v>18932</v>
      </c>
      <c r="B6080" t="s">
        <v>12136</v>
      </c>
      <c r="C6080" t="s">
        <v>12137</v>
      </c>
    </row>
    <row r="6081" spans="1:3" x14ac:dyDescent="0.15">
      <c r="A6081">
        <v>18931</v>
      </c>
      <c r="B6081" t="s">
        <v>12138</v>
      </c>
      <c r="C6081" t="s">
        <v>12139</v>
      </c>
    </row>
    <row r="6082" spans="1:3" x14ac:dyDescent="0.15">
      <c r="A6082">
        <v>18930</v>
      </c>
      <c r="B6082" t="s">
        <v>12140</v>
      </c>
      <c r="C6082" t="s">
        <v>12141</v>
      </c>
    </row>
    <row r="6083" spans="1:3" x14ac:dyDescent="0.15">
      <c r="A6083">
        <v>18929</v>
      </c>
      <c r="B6083" t="s">
        <v>12142</v>
      </c>
      <c r="C6083" t="s">
        <v>12143</v>
      </c>
    </row>
    <row r="6084" spans="1:3" x14ac:dyDescent="0.15">
      <c r="A6084">
        <v>18928</v>
      </c>
      <c r="B6084" t="s">
        <v>12144</v>
      </c>
      <c r="C6084" t="s">
        <v>12145</v>
      </c>
    </row>
    <row r="6085" spans="1:3" x14ac:dyDescent="0.15">
      <c r="A6085">
        <v>18927</v>
      </c>
      <c r="B6085" t="s">
        <v>12146</v>
      </c>
      <c r="C6085" t="s">
        <v>12147</v>
      </c>
    </row>
    <row r="6086" spans="1:3" x14ac:dyDescent="0.15">
      <c r="A6086">
        <v>18926</v>
      </c>
      <c r="B6086" t="s">
        <v>12148</v>
      </c>
      <c r="C6086" t="s">
        <v>12149</v>
      </c>
    </row>
    <row r="6087" spans="1:3" x14ac:dyDescent="0.15">
      <c r="A6087">
        <v>18925</v>
      </c>
      <c r="B6087" t="s">
        <v>12150</v>
      </c>
      <c r="C6087" t="s">
        <v>12151</v>
      </c>
    </row>
    <row r="6088" spans="1:3" x14ac:dyDescent="0.15">
      <c r="A6088">
        <v>18924</v>
      </c>
      <c r="B6088" t="s">
        <v>12152</v>
      </c>
      <c r="C6088" t="s">
        <v>12153</v>
      </c>
    </row>
    <row r="6089" spans="1:3" x14ac:dyDescent="0.15">
      <c r="A6089">
        <v>18923</v>
      </c>
      <c r="B6089" t="s">
        <v>12154</v>
      </c>
      <c r="C6089" t="s">
        <v>12155</v>
      </c>
    </row>
    <row r="6090" spans="1:3" x14ac:dyDescent="0.15">
      <c r="A6090">
        <v>18922</v>
      </c>
      <c r="B6090" t="s">
        <v>12156</v>
      </c>
      <c r="C6090" t="s">
        <v>12157</v>
      </c>
    </row>
    <row r="6091" spans="1:3" x14ac:dyDescent="0.15">
      <c r="A6091">
        <v>18921</v>
      </c>
      <c r="B6091" t="s">
        <v>12158</v>
      </c>
      <c r="C6091" t="s">
        <v>12159</v>
      </c>
    </row>
    <row r="6092" spans="1:3" x14ac:dyDescent="0.15">
      <c r="A6092">
        <v>18920</v>
      </c>
      <c r="B6092" t="s">
        <v>12160</v>
      </c>
      <c r="C6092" t="s">
        <v>12161</v>
      </c>
    </row>
    <row r="6093" spans="1:3" x14ac:dyDescent="0.15">
      <c r="A6093">
        <v>18919</v>
      </c>
      <c r="B6093" t="s">
        <v>12162</v>
      </c>
      <c r="C6093" t="s">
        <v>12163</v>
      </c>
    </row>
    <row r="6094" spans="1:3" x14ac:dyDescent="0.15">
      <c r="A6094">
        <v>18918</v>
      </c>
      <c r="B6094" t="s">
        <v>12164</v>
      </c>
      <c r="C6094" t="s">
        <v>12165</v>
      </c>
    </row>
    <row r="6095" spans="1:3" x14ac:dyDescent="0.15">
      <c r="A6095">
        <v>18917</v>
      </c>
      <c r="B6095" t="s">
        <v>12166</v>
      </c>
      <c r="C6095" t="s">
        <v>12167</v>
      </c>
    </row>
    <row r="6096" spans="1:3" x14ac:dyDescent="0.15">
      <c r="A6096">
        <v>18916</v>
      </c>
      <c r="B6096" t="s">
        <v>12168</v>
      </c>
      <c r="C6096" t="s">
        <v>12169</v>
      </c>
    </row>
    <row r="6097" spans="1:3" x14ac:dyDescent="0.15">
      <c r="A6097">
        <v>18915</v>
      </c>
      <c r="B6097" t="s">
        <v>12170</v>
      </c>
      <c r="C6097" t="s">
        <v>12171</v>
      </c>
    </row>
    <row r="6098" spans="1:3" x14ac:dyDescent="0.15">
      <c r="A6098">
        <v>18914</v>
      </c>
      <c r="B6098" t="s">
        <v>12172</v>
      </c>
      <c r="C6098" t="s">
        <v>12173</v>
      </c>
    </row>
    <row r="6099" spans="1:3" x14ac:dyDescent="0.15">
      <c r="A6099">
        <v>18913</v>
      </c>
      <c r="B6099" t="s">
        <v>12174</v>
      </c>
      <c r="C6099" t="s">
        <v>12175</v>
      </c>
    </row>
    <row r="6100" spans="1:3" x14ac:dyDescent="0.15">
      <c r="A6100">
        <v>18912</v>
      </c>
      <c r="B6100" t="s">
        <v>12176</v>
      </c>
      <c r="C6100" t="s">
        <v>12177</v>
      </c>
    </row>
    <row r="6101" spans="1:3" x14ac:dyDescent="0.15">
      <c r="A6101">
        <v>18911</v>
      </c>
      <c r="B6101" t="s">
        <v>12178</v>
      </c>
      <c r="C6101" t="s">
        <v>12179</v>
      </c>
    </row>
    <row r="6102" spans="1:3" x14ac:dyDescent="0.15">
      <c r="A6102">
        <v>18910</v>
      </c>
      <c r="B6102" t="s">
        <v>12180</v>
      </c>
      <c r="C6102" t="s">
        <v>12181</v>
      </c>
    </row>
    <row r="6103" spans="1:3" x14ac:dyDescent="0.15">
      <c r="A6103">
        <v>18909</v>
      </c>
      <c r="B6103" t="s">
        <v>12182</v>
      </c>
      <c r="C6103" t="s">
        <v>12183</v>
      </c>
    </row>
    <row r="6104" spans="1:3" x14ac:dyDescent="0.15">
      <c r="A6104">
        <v>18908</v>
      </c>
      <c r="B6104" t="s">
        <v>12184</v>
      </c>
      <c r="C6104" t="s">
        <v>12185</v>
      </c>
    </row>
    <row r="6105" spans="1:3" x14ac:dyDescent="0.15">
      <c r="A6105">
        <v>18907</v>
      </c>
      <c r="B6105" t="s">
        <v>12186</v>
      </c>
      <c r="C6105" t="s">
        <v>12187</v>
      </c>
    </row>
    <row r="6106" spans="1:3" x14ac:dyDescent="0.15">
      <c r="A6106">
        <v>18906</v>
      </c>
      <c r="B6106" t="s">
        <v>12188</v>
      </c>
      <c r="C6106" t="s">
        <v>12189</v>
      </c>
    </row>
    <row r="6107" spans="1:3" x14ac:dyDescent="0.15">
      <c r="A6107">
        <v>18905</v>
      </c>
      <c r="B6107" t="s">
        <v>12190</v>
      </c>
      <c r="C6107" t="s">
        <v>12191</v>
      </c>
    </row>
    <row r="6108" spans="1:3" x14ac:dyDescent="0.15">
      <c r="A6108">
        <v>18904</v>
      </c>
      <c r="B6108" t="s">
        <v>12192</v>
      </c>
      <c r="C6108" t="s">
        <v>12193</v>
      </c>
    </row>
    <row r="6109" spans="1:3" x14ac:dyDescent="0.15">
      <c r="A6109">
        <v>18903</v>
      </c>
      <c r="B6109" t="s">
        <v>12194</v>
      </c>
      <c r="C6109" t="s">
        <v>12195</v>
      </c>
    </row>
    <row r="6110" spans="1:3" x14ac:dyDescent="0.15">
      <c r="A6110">
        <v>18902</v>
      </c>
      <c r="B6110" t="s">
        <v>12196</v>
      </c>
      <c r="C6110" t="s">
        <v>12197</v>
      </c>
    </row>
    <row r="6111" spans="1:3" x14ac:dyDescent="0.15">
      <c r="A6111">
        <v>18901</v>
      </c>
      <c r="B6111" t="s">
        <v>12198</v>
      </c>
      <c r="C6111" t="s">
        <v>12199</v>
      </c>
    </row>
    <row r="6112" spans="1:3" x14ac:dyDescent="0.15">
      <c r="A6112">
        <v>18900</v>
      </c>
      <c r="B6112" t="s">
        <v>12200</v>
      </c>
      <c r="C6112" t="s">
        <v>12201</v>
      </c>
    </row>
    <row r="6113" spans="1:3" x14ac:dyDescent="0.15">
      <c r="A6113">
        <v>18899</v>
      </c>
      <c r="B6113" t="s">
        <v>12202</v>
      </c>
      <c r="C6113" t="s">
        <v>12203</v>
      </c>
    </row>
    <row r="6114" spans="1:3" x14ac:dyDescent="0.15">
      <c r="A6114">
        <v>18898</v>
      </c>
      <c r="B6114" t="s">
        <v>12204</v>
      </c>
      <c r="C6114" t="s">
        <v>12205</v>
      </c>
    </row>
    <row r="6115" spans="1:3" x14ac:dyDescent="0.15">
      <c r="A6115">
        <v>18897</v>
      </c>
      <c r="B6115" t="s">
        <v>12206</v>
      </c>
      <c r="C6115" t="s">
        <v>12207</v>
      </c>
    </row>
    <row r="6116" spans="1:3" x14ac:dyDescent="0.15">
      <c r="A6116">
        <v>18896</v>
      </c>
      <c r="B6116" t="s">
        <v>12208</v>
      </c>
      <c r="C6116" t="s">
        <v>12209</v>
      </c>
    </row>
    <row r="6117" spans="1:3" x14ac:dyDescent="0.15">
      <c r="A6117">
        <v>18895</v>
      </c>
      <c r="B6117" t="s">
        <v>12210</v>
      </c>
      <c r="C6117" t="s">
        <v>12211</v>
      </c>
    </row>
    <row r="6118" spans="1:3" x14ac:dyDescent="0.15">
      <c r="A6118">
        <v>18894</v>
      </c>
      <c r="B6118" t="s">
        <v>12212</v>
      </c>
      <c r="C6118" t="s">
        <v>12213</v>
      </c>
    </row>
    <row r="6119" spans="1:3" x14ac:dyDescent="0.15">
      <c r="A6119">
        <v>18893</v>
      </c>
      <c r="B6119" t="s">
        <v>12214</v>
      </c>
      <c r="C6119" t="s">
        <v>12215</v>
      </c>
    </row>
    <row r="6120" spans="1:3" x14ac:dyDescent="0.15">
      <c r="A6120">
        <v>18892</v>
      </c>
      <c r="B6120" t="s">
        <v>12216</v>
      </c>
      <c r="C6120" t="s">
        <v>12217</v>
      </c>
    </row>
    <row r="6121" spans="1:3" x14ac:dyDescent="0.15">
      <c r="A6121">
        <v>18891</v>
      </c>
      <c r="B6121" t="s">
        <v>12218</v>
      </c>
      <c r="C6121" t="s">
        <v>12219</v>
      </c>
    </row>
    <row r="6122" spans="1:3" x14ac:dyDescent="0.15">
      <c r="A6122">
        <v>18890</v>
      </c>
      <c r="B6122" t="s">
        <v>12220</v>
      </c>
      <c r="C6122" t="s">
        <v>12221</v>
      </c>
    </row>
    <row r="6123" spans="1:3" x14ac:dyDescent="0.15">
      <c r="A6123">
        <v>18889</v>
      </c>
      <c r="B6123" t="s">
        <v>12222</v>
      </c>
      <c r="C6123" t="s">
        <v>12223</v>
      </c>
    </row>
    <row r="6124" spans="1:3" x14ac:dyDescent="0.15">
      <c r="A6124">
        <v>18888</v>
      </c>
      <c r="B6124" t="s">
        <v>12224</v>
      </c>
      <c r="C6124" t="s">
        <v>12225</v>
      </c>
    </row>
    <row r="6125" spans="1:3" x14ac:dyDescent="0.15">
      <c r="A6125">
        <v>18887</v>
      </c>
      <c r="B6125" t="s">
        <v>12226</v>
      </c>
      <c r="C6125" t="s">
        <v>12227</v>
      </c>
    </row>
    <row r="6126" spans="1:3" x14ac:dyDescent="0.15">
      <c r="A6126">
        <v>18886</v>
      </c>
      <c r="B6126" t="s">
        <v>12228</v>
      </c>
      <c r="C6126" t="s">
        <v>12229</v>
      </c>
    </row>
    <row r="6127" spans="1:3" x14ac:dyDescent="0.15">
      <c r="A6127">
        <v>18885</v>
      </c>
      <c r="B6127" t="s">
        <v>12230</v>
      </c>
      <c r="C6127" t="s">
        <v>12231</v>
      </c>
    </row>
    <row r="6128" spans="1:3" x14ac:dyDescent="0.15">
      <c r="A6128">
        <v>18884</v>
      </c>
      <c r="B6128" t="s">
        <v>12232</v>
      </c>
      <c r="C6128" t="s">
        <v>12233</v>
      </c>
    </row>
    <row r="6129" spans="1:3" x14ac:dyDescent="0.15">
      <c r="A6129">
        <v>18883</v>
      </c>
      <c r="B6129" t="s">
        <v>12234</v>
      </c>
      <c r="C6129" t="s">
        <v>12235</v>
      </c>
    </row>
    <row r="6130" spans="1:3" x14ac:dyDescent="0.15">
      <c r="A6130">
        <v>18882</v>
      </c>
      <c r="B6130" t="s">
        <v>12236</v>
      </c>
      <c r="C6130" t="s">
        <v>12237</v>
      </c>
    </row>
    <row r="6131" spans="1:3" x14ac:dyDescent="0.15">
      <c r="A6131">
        <v>18881</v>
      </c>
      <c r="B6131" t="s">
        <v>12238</v>
      </c>
      <c r="C6131" t="s">
        <v>12239</v>
      </c>
    </row>
    <row r="6132" spans="1:3" x14ac:dyDescent="0.15">
      <c r="A6132">
        <v>18880</v>
      </c>
      <c r="B6132" t="s">
        <v>12240</v>
      </c>
      <c r="C6132" t="s">
        <v>12241</v>
      </c>
    </row>
    <row r="6133" spans="1:3" x14ac:dyDescent="0.15">
      <c r="A6133">
        <v>18879</v>
      </c>
      <c r="B6133" t="s">
        <v>12242</v>
      </c>
      <c r="C6133" t="s">
        <v>12243</v>
      </c>
    </row>
    <row r="6134" spans="1:3" x14ac:dyDescent="0.15">
      <c r="A6134">
        <v>18878</v>
      </c>
      <c r="B6134" t="s">
        <v>12244</v>
      </c>
      <c r="C6134" t="s">
        <v>12245</v>
      </c>
    </row>
    <row r="6135" spans="1:3" x14ac:dyDescent="0.15">
      <c r="A6135">
        <v>18877</v>
      </c>
      <c r="B6135" t="s">
        <v>12246</v>
      </c>
      <c r="C6135" t="s">
        <v>12247</v>
      </c>
    </row>
    <row r="6136" spans="1:3" x14ac:dyDescent="0.15">
      <c r="A6136">
        <v>18876</v>
      </c>
      <c r="B6136" t="s">
        <v>12248</v>
      </c>
      <c r="C6136" t="s">
        <v>12249</v>
      </c>
    </row>
    <row r="6137" spans="1:3" x14ac:dyDescent="0.15">
      <c r="A6137">
        <v>18875</v>
      </c>
      <c r="B6137" t="s">
        <v>12250</v>
      </c>
      <c r="C6137" t="s">
        <v>12251</v>
      </c>
    </row>
    <row r="6138" spans="1:3" x14ac:dyDescent="0.15">
      <c r="A6138">
        <v>18874</v>
      </c>
      <c r="B6138" t="s">
        <v>12252</v>
      </c>
      <c r="C6138" t="s">
        <v>12253</v>
      </c>
    </row>
    <row r="6139" spans="1:3" x14ac:dyDescent="0.15">
      <c r="A6139">
        <v>18873</v>
      </c>
      <c r="B6139" t="s">
        <v>12254</v>
      </c>
      <c r="C6139" t="s">
        <v>12255</v>
      </c>
    </row>
    <row r="6140" spans="1:3" x14ac:dyDescent="0.15">
      <c r="A6140">
        <v>18872</v>
      </c>
      <c r="B6140" t="s">
        <v>12256</v>
      </c>
      <c r="C6140" t="s">
        <v>12257</v>
      </c>
    </row>
    <row r="6141" spans="1:3" x14ac:dyDescent="0.15">
      <c r="A6141">
        <v>18871</v>
      </c>
      <c r="B6141" t="s">
        <v>12258</v>
      </c>
      <c r="C6141" t="s">
        <v>12259</v>
      </c>
    </row>
    <row r="6142" spans="1:3" x14ac:dyDescent="0.15">
      <c r="A6142">
        <v>18870</v>
      </c>
      <c r="B6142" t="s">
        <v>12260</v>
      </c>
      <c r="C6142" t="s">
        <v>12261</v>
      </c>
    </row>
    <row r="6143" spans="1:3" x14ac:dyDescent="0.15">
      <c r="A6143">
        <v>18869</v>
      </c>
      <c r="B6143" t="s">
        <v>12262</v>
      </c>
      <c r="C6143" t="s">
        <v>12263</v>
      </c>
    </row>
    <row r="6144" spans="1:3" x14ac:dyDescent="0.15">
      <c r="A6144">
        <v>18868</v>
      </c>
      <c r="B6144" t="s">
        <v>12264</v>
      </c>
      <c r="C6144" t="s">
        <v>12265</v>
      </c>
    </row>
    <row r="6145" spans="1:3" x14ac:dyDescent="0.15">
      <c r="A6145">
        <v>18867</v>
      </c>
      <c r="B6145" t="s">
        <v>12266</v>
      </c>
      <c r="C6145" t="s">
        <v>12267</v>
      </c>
    </row>
    <row r="6146" spans="1:3" x14ac:dyDescent="0.15">
      <c r="A6146">
        <v>18866</v>
      </c>
      <c r="B6146" t="s">
        <v>12268</v>
      </c>
      <c r="C6146" t="s">
        <v>12269</v>
      </c>
    </row>
    <row r="6147" spans="1:3" x14ac:dyDescent="0.15">
      <c r="A6147">
        <v>18865</v>
      </c>
      <c r="B6147" t="s">
        <v>12270</v>
      </c>
      <c r="C6147" t="s">
        <v>12271</v>
      </c>
    </row>
    <row r="6148" spans="1:3" x14ac:dyDescent="0.15">
      <c r="A6148">
        <v>18864</v>
      </c>
      <c r="B6148" t="s">
        <v>12272</v>
      </c>
      <c r="C6148" t="s">
        <v>12273</v>
      </c>
    </row>
    <row r="6149" spans="1:3" x14ac:dyDescent="0.15">
      <c r="A6149">
        <v>18863</v>
      </c>
      <c r="B6149" t="s">
        <v>12274</v>
      </c>
      <c r="C6149" t="s">
        <v>12275</v>
      </c>
    </row>
    <row r="6150" spans="1:3" x14ac:dyDescent="0.15">
      <c r="A6150">
        <v>18862</v>
      </c>
      <c r="B6150" t="s">
        <v>12276</v>
      </c>
      <c r="C6150" t="s">
        <v>12277</v>
      </c>
    </row>
    <row r="6151" spans="1:3" x14ac:dyDescent="0.15">
      <c r="A6151">
        <v>18861</v>
      </c>
      <c r="B6151" t="s">
        <v>12278</v>
      </c>
      <c r="C6151" t="s">
        <v>12279</v>
      </c>
    </row>
    <row r="6152" spans="1:3" x14ac:dyDescent="0.15">
      <c r="A6152">
        <v>18860</v>
      </c>
      <c r="B6152" t="s">
        <v>12280</v>
      </c>
      <c r="C6152" t="s">
        <v>12281</v>
      </c>
    </row>
    <row r="6153" spans="1:3" x14ac:dyDescent="0.15">
      <c r="A6153">
        <v>18859</v>
      </c>
      <c r="B6153" t="s">
        <v>12282</v>
      </c>
      <c r="C6153" t="s">
        <v>12283</v>
      </c>
    </row>
    <row r="6154" spans="1:3" x14ac:dyDescent="0.15">
      <c r="A6154">
        <v>18858</v>
      </c>
      <c r="B6154" t="s">
        <v>12284</v>
      </c>
      <c r="C6154" t="s">
        <v>12285</v>
      </c>
    </row>
    <row r="6155" spans="1:3" x14ac:dyDescent="0.15">
      <c r="A6155">
        <v>18857</v>
      </c>
      <c r="B6155" t="s">
        <v>12286</v>
      </c>
      <c r="C6155" t="s">
        <v>12287</v>
      </c>
    </row>
    <row r="6156" spans="1:3" x14ac:dyDescent="0.15">
      <c r="A6156">
        <v>18856</v>
      </c>
      <c r="B6156" t="s">
        <v>12288</v>
      </c>
      <c r="C6156" t="s">
        <v>12289</v>
      </c>
    </row>
    <row r="6157" spans="1:3" x14ac:dyDescent="0.15">
      <c r="A6157">
        <v>18855</v>
      </c>
      <c r="B6157" t="s">
        <v>12290</v>
      </c>
      <c r="C6157" t="s">
        <v>12291</v>
      </c>
    </row>
    <row r="6158" spans="1:3" x14ac:dyDescent="0.15">
      <c r="A6158">
        <v>18854</v>
      </c>
      <c r="B6158" t="s">
        <v>12292</v>
      </c>
      <c r="C6158" t="s">
        <v>12293</v>
      </c>
    </row>
    <row r="6159" spans="1:3" x14ac:dyDescent="0.15">
      <c r="A6159">
        <v>18853</v>
      </c>
      <c r="B6159" t="s">
        <v>12294</v>
      </c>
      <c r="C6159" t="s">
        <v>12295</v>
      </c>
    </row>
    <row r="6160" spans="1:3" x14ac:dyDescent="0.15">
      <c r="A6160">
        <v>18852</v>
      </c>
      <c r="B6160" t="s">
        <v>12296</v>
      </c>
      <c r="C6160" t="s">
        <v>12297</v>
      </c>
    </row>
    <row r="6161" spans="1:3" x14ac:dyDescent="0.15">
      <c r="A6161">
        <v>18851</v>
      </c>
      <c r="B6161" t="s">
        <v>12298</v>
      </c>
      <c r="C6161" t="s">
        <v>12299</v>
      </c>
    </row>
    <row r="6162" spans="1:3" x14ac:dyDescent="0.15">
      <c r="A6162">
        <v>18850</v>
      </c>
      <c r="B6162" t="s">
        <v>12300</v>
      </c>
      <c r="C6162" t="s">
        <v>12301</v>
      </c>
    </row>
    <row r="6163" spans="1:3" x14ac:dyDescent="0.15">
      <c r="A6163">
        <v>18849</v>
      </c>
      <c r="B6163" t="s">
        <v>12302</v>
      </c>
      <c r="C6163" t="s">
        <v>12303</v>
      </c>
    </row>
    <row r="6164" spans="1:3" x14ac:dyDescent="0.15">
      <c r="A6164">
        <v>18848</v>
      </c>
      <c r="B6164" t="s">
        <v>12304</v>
      </c>
      <c r="C6164" t="s">
        <v>12305</v>
      </c>
    </row>
    <row r="6165" spans="1:3" x14ac:dyDescent="0.15">
      <c r="A6165">
        <v>18847</v>
      </c>
      <c r="B6165" t="s">
        <v>12306</v>
      </c>
      <c r="C6165" t="s">
        <v>12307</v>
      </c>
    </row>
    <row r="6166" spans="1:3" x14ac:dyDescent="0.15">
      <c r="A6166">
        <v>18846</v>
      </c>
      <c r="B6166" t="s">
        <v>12308</v>
      </c>
      <c r="C6166" t="s">
        <v>12309</v>
      </c>
    </row>
    <row r="6167" spans="1:3" x14ac:dyDescent="0.15">
      <c r="A6167">
        <v>18845</v>
      </c>
      <c r="B6167" t="s">
        <v>12310</v>
      </c>
      <c r="C6167" t="s">
        <v>12311</v>
      </c>
    </row>
    <row r="6168" spans="1:3" x14ac:dyDescent="0.15">
      <c r="A6168">
        <v>18844</v>
      </c>
      <c r="B6168" t="s">
        <v>12312</v>
      </c>
      <c r="C6168" t="s">
        <v>12313</v>
      </c>
    </row>
    <row r="6169" spans="1:3" x14ac:dyDescent="0.15">
      <c r="A6169">
        <v>18843</v>
      </c>
      <c r="B6169" t="s">
        <v>12314</v>
      </c>
      <c r="C6169" t="s">
        <v>12315</v>
      </c>
    </row>
    <row r="6170" spans="1:3" x14ac:dyDescent="0.15">
      <c r="A6170">
        <v>18842</v>
      </c>
      <c r="B6170" t="s">
        <v>12316</v>
      </c>
      <c r="C6170" t="s">
        <v>12317</v>
      </c>
    </row>
    <row r="6171" spans="1:3" x14ac:dyDescent="0.15">
      <c r="A6171">
        <v>18841</v>
      </c>
      <c r="B6171" t="s">
        <v>12318</v>
      </c>
      <c r="C6171" t="s">
        <v>12319</v>
      </c>
    </row>
    <row r="6172" spans="1:3" x14ac:dyDescent="0.15">
      <c r="A6172">
        <v>18840</v>
      </c>
      <c r="B6172" t="s">
        <v>12320</v>
      </c>
      <c r="C6172" t="s">
        <v>12321</v>
      </c>
    </row>
    <row r="6173" spans="1:3" x14ac:dyDescent="0.15">
      <c r="A6173">
        <v>18839</v>
      </c>
      <c r="B6173" t="s">
        <v>12322</v>
      </c>
      <c r="C6173" t="s">
        <v>12323</v>
      </c>
    </row>
    <row r="6174" spans="1:3" x14ac:dyDescent="0.15">
      <c r="A6174">
        <v>18838</v>
      </c>
      <c r="B6174" t="s">
        <v>12324</v>
      </c>
      <c r="C6174" t="s">
        <v>12325</v>
      </c>
    </row>
    <row r="6175" spans="1:3" x14ac:dyDescent="0.15">
      <c r="A6175">
        <v>18837</v>
      </c>
      <c r="B6175" t="s">
        <v>12326</v>
      </c>
      <c r="C6175" t="s">
        <v>12327</v>
      </c>
    </row>
    <row r="6176" spans="1:3" x14ac:dyDescent="0.15">
      <c r="A6176">
        <v>18836</v>
      </c>
      <c r="B6176" t="s">
        <v>12328</v>
      </c>
      <c r="C6176" t="s">
        <v>12329</v>
      </c>
    </row>
    <row r="6177" spans="1:3" x14ac:dyDescent="0.15">
      <c r="A6177">
        <v>18835</v>
      </c>
      <c r="B6177" t="s">
        <v>12330</v>
      </c>
      <c r="C6177" t="s">
        <v>12331</v>
      </c>
    </row>
    <row r="6178" spans="1:3" x14ac:dyDescent="0.15">
      <c r="A6178">
        <v>18834</v>
      </c>
      <c r="B6178" t="s">
        <v>12332</v>
      </c>
      <c r="C6178" t="s">
        <v>12333</v>
      </c>
    </row>
    <row r="6179" spans="1:3" x14ac:dyDescent="0.15">
      <c r="A6179">
        <v>18833</v>
      </c>
      <c r="B6179" t="s">
        <v>12334</v>
      </c>
      <c r="C6179" t="s">
        <v>12335</v>
      </c>
    </row>
    <row r="6180" spans="1:3" x14ac:dyDescent="0.15">
      <c r="A6180">
        <v>18832</v>
      </c>
      <c r="B6180" t="s">
        <v>12336</v>
      </c>
      <c r="C6180" t="s">
        <v>12337</v>
      </c>
    </row>
    <row r="6181" spans="1:3" x14ac:dyDescent="0.15">
      <c r="A6181">
        <v>18831</v>
      </c>
      <c r="B6181" t="s">
        <v>12338</v>
      </c>
      <c r="C6181" t="s">
        <v>12339</v>
      </c>
    </row>
    <row r="6182" spans="1:3" x14ac:dyDescent="0.15">
      <c r="A6182">
        <v>18830</v>
      </c>
      <c r="B6182" t="s">
        <v>12340</v>
      </c>
      <c r="C6182" t="s">
        <v>12341</v>
      </c>
    </row>
    <row r="6183" spans="1:3" x14ac:dyDescent="0.15">
      <c r="A6183">
        <v>18829</v>
      </c>
      <c r="B6183" t="s">
        <v>12342</v>
      </c>
      <c r="C6183" t="s">
        <v>12343</v>
      </c>
    </row>
    <row r="6184" spans="1:3" x14ac:dyDescent="0.15">
      <c r="A6184">
        <v>18828</v>
      </c>
      <c r="B6184" t="s">
        <v>12344</v>
      </c>
      <c r="C6184" t="s">
        <v>12345</v>
      </c>
    </row>
    <row r="6185" spans="1:3" x14ac:dyDescent="0.15">
      <c r="A6185">
        <v>18827</v>
      </c>
      <c r="B6185" t="s">
        <v>12346</v>
      </c>
      <c r="C6185" t="s">
        <v>12347</v>
      </c>
    </row>
    <row r="6186" spans="1:3" x14ac:dyDescent="0.15">
      <c r="A6186">
        <v>18826</v>
      </c>
      <c r="B6186" t="s">
        <v>12348</v>
      </c>
      <c r="C6186" t="s">
        <v>12349</v>
      </c>
    </row>
    <row r="6187" spans="1:3" x14ac:dyDescent="0.15">
      <c r="A6187">
        <v>18825</v>
      </c>
      <c r="B6187" t="s">
        <v>12350</v>
      </c>
      <c r="C6187" t="s">
        <v>12351</v>
      </c>
    </row>
    <row r="6188" spans="1:3" x14ac:dyDescent="0.15">
      <c r="A6188">
        <v>18824</v>
      </c>
      <c r="B6188" t="s">
        <v>12352</v>
      </c>
      <c r="C6188" t="s">
        <v>12353</v>
      </c>
    </row>
    <row r="6189" spans="1:3" x14ac:dyDescent="0.15">
      <c r="A6189">
        <v>18823</v>
      </c>
      <c r="B6189" t="s">
        <v>12354</v>
      </c>
      <c r="C6189" t="s">
        <v>12355</v>
      </c>
    </row>
    <row r="6190" spans="1:3" x14ac:dyDescent="0.15">
      <c r="A6190">
        <v>18822</v>
      </c>
      <c r="B6190" t="s">
        <v>12356</v>
      </c>
      <c r="C6190" t="s">
        <v>12357</v>
      </c>
    </row>
    <row r="6191" spans="1:3" x14ac:dyDescent="0.15">
      <c r="A6191">
        <v>18821</v>
      </c>
      <c r="B6191" t="s">
        <v>12358</v>
      </c>
      <c r="C6191" t="s">
        <v>12359</v>
      </c>
    </row>
    <row r="6192" spans="1:3" x14ac:dyDescent="0.15">
      <c r="A6192">
        <v>18820</v>
      </c>
      <c r="B6192" t="s">
        <v>12360</v>
      </c>
      <c r="C6192" t="s">
        <v>12361</v>
      </c>
    </row>
    <row r="6193" spans="1:3" x14ac:dyDescent="0.15">
      <c r="A6193">
        <v>18819</v>
      </c>
      <c r="B6193" t="s">
        <v>12362</v>
      </c>
      <c r="C6193" t="s">
        <v>12363</v>
      </c>
    </row>
    <row r="6194" spans="1:3" x14ac:dyDescent="0.15">
      <c r="A6194">
        <v>18818</v>
      </c>
      <c r="B6194" t="s">
        <v>12364</v>
      </c>
      <c r="C6194" t="s">
        <v>12365</v>
      </c>
    </row>
    <row r="6195" spans="1:3" x14ac:dyDescent="0.15">
      <c r="A6195">
        <v>18817</v>
      </c>
      <c r="B6195" t="s">
        <v>12366</v>
      </c>
      <c r="C6195" t="s">
        <v>12367</v>
      </c>
    </row>
    <row r="6196" spans="1:3" x14ac:dyDescent="0.15">
      <c r="A6196">
        <v>18816</v>
      </c>
      <c r="B6196" t="s">
        <v>12368</v>
      </c>
      <c r="C6196" t="s">
        <v>12369</v>
      </c>
    </row>
    <row r="6197" spans="1:3" x14ac:dyDescent="0.15">
      <c r="A6197">
        <v>18815</v>
      </c>
      <c r="B6197" t="s">
        <v>12370</v>
      </c>
      <c r="C6197" t="s">
        <v>12371</v>
      </c>
    </row>
    <row r="6198" spans="1:3" x14ac:dyDescent="0.15">
      <c r="A6198">
        <v>18814</v>
      </c>
      <c r="B6198" t="s">
        <v>12372</v>
      </c>
      <c r="C6198" t="s">
        <v>12373</v>
      </c>
    </row>
    <row r="6199" spans="1:3" x14ac:dyDescent="0.15">
      <c r="A6199">
        <v>18813</v>
      </c>
      <c r="B6199" t="s">
        <v>12374</v>
      </c>
      <c r="C6199" t="s">
        <v>12375</v>
      </c>
    </row>
    <row r="6200" spans="1:3" x14ac:dyDescent="0.15">
      <c r="A6200">
        <v>18812</v>
      </c>
      <c r="B6200" t="s">
        <v>12376</v>
      </c>
      <c r="C6200" t="s">
        <v>12377</v>
      </c>
    </row>
    <row r="6201" spans="1:3" x14ac:dyDescent="0.15">
      <c r="A6201">
        <v>18811</v>
      </c>
      <c r="B6201" t="s">
        <v>12378</v>
      </c>
      <c r="C6201" t="s">
        <v>12379</v>
      </c>
    </row>
    <row r="6202" spans="1:3" x14ac:dyDescent="0.15">
      <c r="A6202">
        <v>18810</v>
      </c>
      <c r="B6202" t="s">
        <v>12380</v>
      </c>
      <c r="C6202" t="s">
        <v>12381</v>
      </c>
    </row>
    <row r="6203" spans="1:3" x14ac:dyDescent="0.15">
      <c r="A6203">
        <v>18809</v>
      </c>
      <c r="B6203" t="s">
        <v>12382</v>
      </c>
      <c r="C6203" t="s">
        <v>12383</v>
      </c>
    </row>
    <row r="6204" spans="1:3" x14ac:dyDescent="0.15">
      <c r="A6204">
        <v>18808</v>
      </c>
      <c r="B6204" t="s">
        <v>12384</v>
      </c>
      <c r="C6204" t="s">
        <v>12385</v>
      </c>
    </row>
    <row r="6205" spans="1:3" x14ac:dyDescent="0.15">
      <c r="A6205">
        <v>18807</v>
      </c>
      <c r="B6205" t="s">
        <v>12386</v>
      </c>
      <c r="C6205" t="s">
        <v>12387</v>
      </c>
    </row>
    <row r="6206" spans="1:3" x14ac:dyDescent="0.15">
      <c r="A6206">
        <v>18806</v>
      </c>
      <c r="B6206" t="s">
        <v>12388</v>
      </c>
      <c r="C6206" t="s">
        <v>12389</v>
      </c>
    </row>
    <row r="6207" spans="1:3" x14ac:dyDescent="0.15">
      <c r="A6207">
        <v>18805</v>
      </c>
      <c r="B6207" t="s">
        <v>12390</v>
      </c>
      <c r="C6207" t="s">
        <v>12391</v>
      </c>
    </row>
    <row r="6208" spans="1:3" x14ac:dyDescent="0.15">
      <c r="A6208">
        <v>18804</v>
      </c>
      <c r="B6208" t="s">
        <v>12392</v>
      </c>
      <c r="C6208" t="s">
        <v>12393</v>
      </c>
    </row>
    <row r="6209" spans="1:3" x14ac:dyDescent="0.15">
      <c r="A6209">
        <v>18803</v>
      </c>
      <c r="B6209" t="s">
        <v>12394</v>
      </c>
      <c r="C6209" t="s">
        <v>12395</v>
      </c>
    </row>
    <row r="6210" spans="1:3" x14ac:dyDescent="0.15">
      <c r="A6210">
        <v>18802</v>
      </c>
      <c r="B6210" t="s">
        <v>12396</v>
      </c>
      <c r="C6210" t="s">
        <v>12397</v>
      </c>
    </row>
    <row r="6211" spans="1:3" x14ac:dyDescent="0.15">
      <c r="A6211">
        <v>18801</v>
      </c>
      <c r="B6211" t="s">
        <v>12398</v>
      </c>
      <c r="C6211" t="s">
        <v>12399</v>
      </c>
    </row>
    <row r="6212" spans="1:3" x14ac:dyDescent="0.15">
      <c r="A6212">
        <v>18800</v>
      </c>
      <c r="B6212" t="s">
        <v>12400</v>
      </c>
      <c r="C6212" t="s">
        <v>12401</v>
      </c>
    </row>
    <row r="6213" spans="1:3" x14ac:dyDescent="0.15">
      <c r="A6213">
        <v>18799</v>
      </c>
      <c r="B6213" t="s">
        <v>12402</v>
      </c>
      <c r="C6213" t="s">
        <v>12403</v>
      </c>
    </row>
    <row r="6214" spans="1:3" x14ac:dyDescent="0.15">
      <c r="A6214">
        <v>18798</v>
      </c>
      <c r="B6214" t="s">
        <v>12404</v>
      </c>
      <c r="C6214" t="s">
        <v>12405</v>
      </c>
    </row>
    <row r="6215" spans="1:3" x14ac:dyDescent="0.15">
      <c r="A6215">
        <v>18797</v>
      </c>
      <c r="B6215" t="s">
        <v>12406</v>
      </c>
      <c r="C6215" t="s">
        <v>12407</v>
      </c>
    </row>
    <row r="6216" spans="1:3" x14ac:dyDescent="0.15">
      <c r="A6216">
        <v>18796</v>
      </c>
      <c r="B6216" t="s">
        <v>12408</v>
      </c>
      <c r="C6216" t="s">
        <v>12409</v>
      </c>
    </row>
    <row r="6217" spans="1:3" x14ac:dyDescent="0.15">
      <c r="A6217">
        <v>18795</v>
      </c>
      <c r="B6217" t="s">
        <v>12410</v>
      </c>
      <c r="C6217" t="s">
        <v>12411</v>
      </c>
    </row>
    <row r="6218" spans="1:3" x14ac:dyDescent="0.15">
      <c r="A6218">
        <v>18794</v>
      </c>
      <c r="B6218" t="s">
        <v>12412</v>
      </c>
      <c r="C6218" t="s">
        <v>12413</v>
      </c>
    </row>
    <row r="6219" spans="1:3" x14ac:dyDescent="0.15">
      <c r="A6219">
        <v>18793</v>
      </c>
      <c r="B6219" t="s">
        <v>12414</v>
      </c>
      <c r="C6219" t="s">
        <v>12415</v>
      </c>
    </row>
    <row r="6220" spans="1:3" x14ac:dyDescent="0.15">
      <c r="A6220">
        <v>18792</v>
      </c>
      <c r="B6220" t="s">
        <v>12416</v>
      </c>
      <c r="C6220" t="s">
        <v>12417</v>
      </c>
    </row>
    <row r="6221" spans="1:3" x14ac:dyDescent="0.15">
      <c r="A6221">
        <v>18791</v>
      </c>
      <c r="B6221" t="s">
        <v>12418</v>
      </c>
      <c r="C6221" t="s">
        <v>12419</v>
      </c>
    </row>
    <row r="6222" spans="1:3" x14ac:dyDescent="0.15">
      <c r="A6222">
        <v>18790</v>
      </c>
      <c r="B6222" t="s">
        <v>12420</v>
      </c>
      <c r="C6222" t="s">
        <v>12421</v>
      </c>
    </row>
    <row r="6223" spans="1:3" x14ac:dyDescent="0.15">
      <c r="A6223">
        <v>18789</v>
      </c>
      <c r="B6223" t="s">
        <v>12422</v>
      </c>
      <c r="C6223" t="s">
        <v>12423</v>
      </c>
    </row>
    <row r="6224" spans="1:3" x14ac:dyDescent="0.15">
      <c r="A6224">
        <v>18788</v>
      </c>
      <c r="B6224" t="s">
        <v>12424</v>
      </c>
      <c r="C6224" t="s">
        <v>12425</v>
      </c>
    </row>
    <row r="6225" spans="1:3" x14ac:dyDescent="0.15">
      <c r="A6225">
        <v>18787</v>
      </c>
      <c r="B6225" t="s">
        <v>12426</v>
      </c>
      <c r="C6225" t="s">
        <v>12427</v>
      </c>
    </row>
    <row r="6226" spans="1:3" x14ac:dyDescent="0.15">
      <c r="A6226">
        <v>18786</v>
      </c>
      <c r="B6226" t="s">
        <v>12428</v>
      </c>
      <c r="C6226" t="s">
        <v>12429</v>
      </c>
    </row>
    <row r="6227" spans="1:3" x14ac:dyDescent="0.15">
      <c r="A6227">
        <v>18785</v>
      </c>
      <c r="B6227" t="s">
        <v>12430</v>
      </c>
      <c r="C6227" t="s">
        <v>12431</v>
      </c>
    </row>
    <row r="6228" spans="1:3" x14ac:dyDescent="0.15">
      <c r="A6228">
        <v>18784</v>
      </c>
      <c r="B6228" t="s">
        <v>12432</v>
      </c>
      <c r="C6228" t="s">
        <v>12433</v>
      </c>
    </row>
    <row r="6229" spans="1:3" x14ac:dyDescent="0.15">
      <c r="A6229">
        <v>18783</v>
      </c>
      <c r="B6229" t="s">
        <v>12434</v>
      </c>
      <c r="C6229" t="s">
        <v>12435</v>
      </c>
    </row>
    <row r="6230" spans="1:3" x14ac:dyDescent="0.15">
      <c r="A6230">
        <v>18782</v>
      </c>
      <c r="B6230" t="s">
        <v>12436</v>
      </c>
      <c r="C6230" t="s">
        <v>12437</v>
      </c>
    </row>
    <row r="6231" spans="1:3" x14ac:dyDescent="0.15">
      <c r="A6231">
        <v>18781</v>
      </c>
      <c r="B6231" t="s">
        <v>12438</v>
      </c>
      <c r="C6231" t="s">
        <v>12439</v>
      </c>
    </row>
    <row r="6232" spans="1:3" x14ac:dyDescent="0.15">
      <c r="A6232">
        <v>18780</v>
      </c>
      <c r="B6232" t="s">
        <v>12440</v>
      </c>
      <c r="C6232" t="s">
        <v>12441</v>
      </c>
    </row>
    <row r="6233" spans="1:3" x14ac:dyDescent="0.15">
      <c r="A6233">
        <v>18779</v>
      </c>
      <c r="B6233" t="s">
        <v>12442</v>
      </c>
      <c r="C6233" t="s">
        <v>12443</v>
      </c>
    </row>
    <row r="6234" spans="1:3" x14ac:dyDescent="0.15">
      <c r="A6234">
        <v>18778</v>
      </c>
      <c r="B6234" t="s">
        <v>12444</v>
      </c>
      <c r="C6234" t="s">
        <v>12445</v>
      </c>
    </row>
    <row r="6235" spans="1:3" x14ac:dyDescent="0.15">
      <c r="A6235">
        <v>18777</v>
      </c>
      <c r="B6235" t="s">
        <v>12446</v>
      </c>
      <c r="C6235" t="s">
        <v>12447</v>
      </c>
    </row>
    <row r="6236" spans="1:3" x14ac:dyDescent="0.15">
      <c r="A6236">
        <v>18776</v>
      </c>
      <c r="B6236" t="s">
        <v>12448</v>
      </c>
      <c r="C6236" t="s">
        <v>12449</v>
      </c>
    </row>
    <row r="6237" spans="1:3" x14ac:dyDescent="0.15">
      <c r="A6237">
        <v>18775</v>
      </c>
      <c r="B6237" t="s">
        <v>12450</v>
      </c>
      <c r="C6237" t="s">
        <v>12451</v>
      </c>
    </row>
    <row r="6238" spans="1:3" x14ac:dyDescent="0.15">
      <c r="A6238">
        <v>18774</v>
      </c>
      <c r="B6238" t="s">
        <v>12452</v>
      </c>
      <c r="C6238" t="s">
        <v>12453</v>
      </c>
    </row>
    <row r="6239" spans="1:3" x14ac:dyDescent="0.15">
      <c r="A6239">
        <v>18773</v>
      </c>
      <c r="B6239" t="s">
        <v>12454</v>
      </c>
      <c r="C6239" t="s">
        <v>12455</v>
      </c>
    </row>
    <row r="6240" spans="1:3" x14ac:dyDescent="0.15">
      <c r="A6240">
        <v>18772</v>
      </c>
      <c r="B6240" t="s">
        <v>12456</v>
      </c>
      <c r="C6240" t="s">
        <v>12457</v>
      </c>
    </row>
    <row r="6241" spans="1:3" x14ac:dyDescent="0.15">
      <c r="A6241">
        <v>18771</v>
      </c>
      <c r="B6241" t="s">
        <v>12458</v>
      </c>
      <c r="C6241" t="s">
        <v>12459</v>
      </c>
    </row>
    <row r="6242" spans="1:3" x14ac:dyDescent="0.15">
      <c r="A6242">
        <v>18770</v>
      </c>
      <c r="B6242" t="s">
        <v>12460</v>
      </c>
      <c r="C6242" t="s">
        <v>12461</v>
      </c>
    </row>
    <row r="6243" spans="1:3" x14ac:dyDescent="0.15">
      <c r="A6243">
        <v>18769</v>
      </c>
      <c r="B6243" t="s">
        <v>12462</v>
      </c>
      <c r="C6243" t="s">
        <v>12463</v>
      </c>
    </row>
    <row r="6244" spans="1:3" x14ac:dyDescent="0.15">
      <c r="A6244">
        <v>18768</v>
      </c>
      <c r="B6244" t="s">
        <v>12464</v>
      </c>
      <c r="C6244" t="s">
        <v>12465</v>
      </c>
    </row>
    <row r="6245" spans="1:3" x14ac:dyDescent="0.15">
      <c r="A6245">
        <v>18767</v>
      </c>
      <c r="B6245" t="s">
        <v>12466</v>
      </c>
      <c r="C6245" t="s">
        <v>12467</v>
      </c>
    </row>
    <row r="6246" spans="1:3" x14ac:dyDescent="0.15">
      <c r="A6246">
        <v>18766</v>
      </c>
      <c r="B6246" t="s">
        <v>12468</v>
      </c>
      <c r="C6246" t="s">
        <v>12469</v>
      </c>
    </row>
    <row r="6247" spans="1:3" x14ac:dyDescent="0.15">
      <c r="A6247">
        <v>18765</v>
      </c>
      <c r="B6247" t="s">
        <v>12470</v>
      </c>
      <c r="C6247" t="s">
        <v>12471</v>
      </c>
    </row>
    <row r="6248" spans="1:3" x14ac:dyDescent="0.15">
      <c r="A6248">
        <v>18764</v>
      </c>
      <c r="B6248" t="s">
        <v>12472</v>
      </c>
      <c r="C6248" t="s">
        <v>12473</v>
      </c>
    </row>
    <row r="6249" spans="1:3" x14ac:dyDescent="0.15">
      <c r="A6249">
        <v>18763</v>
      </c>
      <c r="B6249" t="s">
        <v>12474</v>
      </c>
      <c r="C6249" t="s">
        <v>12475</v>
      </c>
    </row>
    <row r="6250" spans="1:3" x14ac:dyDescent="0.15">
      <c r="A6250">
        <v>18762</v>
      </c>
      <c r="B6250" t="s">
        <v>12476</v>
      </c>
      <c r="C6250" t="s">
        <v>12477</v>
      </c>
    </row>
    <row r="6251" spans="1:3" x14ac:dyDescent="0.15">
      <c r="A6251">
        <v>18761</v>
      </c>
      <c r="B6251" t="s">
        <v>12478</v>
      </c>
      <c r="C6251" t="s">
        <v>12479</v>
      </c>
    </row>
    <row r="6252" spans="1:3" x14ac:dyDescent="0.15">
      <c r="A6252">
        <v>18760</v>
      </c>
      <c r="B6252" t="s">
        <v>12480</v>
      </c>
      <c r="C6252" t="s">
        <v>12481</v>
      </c>
    </row>
    <row r="6253" spans="1:3" x14ac:dyDescent="0.15">
      <c r="A6253">
        <v>18759</v>
      </c>
      <c r="B6253" t="s">
        <v>12482</v>
      </c>
      <c r="C6253" t="s">
        <v>12483</v>
      </c>
    </row>
    <row r="6254" spans="1:3" x14ac:dyDescent="0.15">
      <c r="A6254">
        <v>18758</v>
      </c>
      <c r="B6254" t="s">
        <v>12484</v>
      </c>
      <c r="C6254" t="s">
        <v>12485</v>
      </c>
    </row>
    <row r="6255" spans="1:3" x14ac:dyDescent="0.15">
      <c r="A6255">
        <v>18757</v>
      </c>
      <c r="B6255" t="s">
        <v>12486</v>
      </c>
      <c r="C6255" t="s">
        <v>12487</v>
      </c>
    </row>
    <row r="6256" spans="1:3" x14ac:dyDescent="0.15">
      <c r="A6256">
        <v>18756</v>
      </c>
      <c r="B6256" t="s">
        <v>12488</v>
      </c>
      <c r="C6256" t="s">
        <v>12489</v>
      </c>
    </row>
    <row r="6257" spans="1:3" x14ac:dyDescent="0.15">
      <c r="A6257">
        <v>18755</v>
      </c>
      <c r="B6257" t="s">
        <v>12490</v>
      </c>
      <c r="C6257" t="s">
        <v>12491</v>
      </c>
    </row>
    <row r="6258" spans="1:3" x14ac:dyDescent="0.15">
      <c r="A6258">
        <v>18754</v>
      </c>
      <c r="B6258" t="s">
        <v>12492</v>
      </c>
      <c r="C6258" t="s">
        <v>12493</v>
      </c>
    </row>
    <row r="6259" spans="1:3" x14ac:dyDescent="0.15">
      <c r="A6259">
        <v>18753</v>
      </c>
      <c r="B6259" t="s">
        <v>12494</v>
      </c>
      <c r="C6259" t="s">
        <v>12495</v>
      </c>
    </row>
    <row r="6260" spans="1:3" x14ac:dyDescent="0.15">
      <c r="A6260">
        <v>18752</v>
      </c>
      <c r="B6260" t="s">
        <v>12496</v>
      </c>
      <c r="C6260" t="s">
        <v>12497</v>
      </c>
    </row>
    <row r="6261" spans="1:3" x14ac:dyDescent="0.15">
      <c r="A6261">
        <v>18751</v>
      </c>
      <c r="B6261" t="s">
        <v>12498</v>
      </c>
      <c r="C6261" t="s">
        <v>12499</v>
      </c>
    </row>
    <row r="6262" spans="1:3" x14ac:dyDescent="0.15">
      <c r="A6262">
        <v>18750</v>
      </c>
      <c r="B6262" t="s">
        <v>12500</v>
      </c>
      <c r="C6262" t="s">
        <v>12501</v>
      </c>
    </row>
    <row r="6263" spans="1:3" x14ac:dyDescent="0.15">
      <c r="A6263">
        <v>18749</v>
      </c>
      <c r="B6263" t="s">
        <v>12502</v>
      </c>
      <c r="C6263" t="s">
        <v>12503</v>
      </c>
    </row>
    <row r="6264" spans="1:3" x14ac:dyDescent="0.15">
      <c r="A6264">
        <v>18748</v>
      </c>
      <c r="B6264" t="s">
        <v>12504</v>
      </c>
      <c r="C6264" t="s">
        <v>12505</v>
      </c>
    </row>
    <row r="6265" spans="1:3" x14ac:dyDescent="0.15">
      <c r="A6265">
        <v>18747</v>
      </c>
      <c r="B6265" t="s">
        <v>12506</v>
      </c>
      <c r="C6265" t="s">
        <v>12507</v>
      </c>
    </row>
    <row r="6266" spans="1:3" x14ac:dyDescent="0.15">
      <c r="A6266">
        <v>18746</v>
      </c>
      <c r="B6266" t="s">
        <v>12508</v>
      </c>
      <c r="C6266" t="s">
        <v>12509</v>
      </c>
    </row>
    <row r="6267" spans="1:3" x14ac:dyDescent="0.15">
      <c r="A6267">
        <v>18745</v>
      </c>
      <c r="B6267" t="s">
        <v>12510</v>
      </c>
      <c r="C6267" t="s">
        <v>12511</v>
      </c>
    </row>
    <row r="6268" spans="1:3" x14ac:dyDescent="0.15">
      <c r="A6268">
        <v>18744</v>
      </c>
      <c r="B6268" t="s">
        <v>12512</v>
      </c>
      <c r="C6268" t="s">
        <v>12513</v>
      </c>
    </row>
    <row r="6269" spans="1:3" x14ac:dyDescent="0.15">
      <c r="A6269">
        <v>18743</v>
      </c>
      <c r="B6269" t="s">
        <v>12514</v>
      </c>
      <c r="C6269" t="s">
        <v>12515</v>
      </c>
    </row>
    <row r="6270" spans="1:3" x14ac:dyDescent="0.15">
      <c r="A6270">
        <v>18742</v>
      </c>
      <c r="B6270" t="s">
        <v>12516</v>
      </c>
      <c r="C6270" t="s">
        <v>12517</v>
      </c>
    </row>
    <row r="6271" spans="1:3" x14ac:dyDescent="0.15">
      <c r="A6271">
        <v>18741</v>
      </c>
      <c r="B6271" t="s">
        <v>12518</v>
      </c>
      <c r="C6271" t="s">
        <v>12519</v>
      </c>
    </row>
    <row r="6272" spans="1:3" x14ac:dyDescent="0.15">
      <c r="A6272">
        <v>18740</v>
      </c>
      <c r="B6272" t="s">
        <v>12520</v>
      </c>
      <c r="C6272" t="s">
        <v>12521</v>
      </c>
    </row>
    <row r="6273" spans="1:3" x14ac:dyDescent="0.15">
      <c r="A6273">
        <v>18739</v>
      </c>
      <c r="B6273" t="s">
        <v>12522</v>
      </c>
      <c r="C6273" t="s">
        <v>12523</v>
      </c>
    </row>
    <row r="6274" spans="1:3" x14ac:dyDescent="0.15">
      <c r="A6274">
        <v>18738</v>
      </c>
      <c r="B6274" t="s">
        <v>12524</v>
      </c>
      <c r="C6274" t="s">
        <v>12525</v>
      </c>
    </row>
    <row r="6275" spans="1:3" x14ac:dyDescent="0.15">
      <c r="A6275">
        <v>18737</v>
      </c>
      <c r="B6275" t="s">
        <v>12526</v>
      </c>
      <c r="C6275" t="s">
        <v>12527</v>
      </c>
    </row>
    <row r="6276" spans="1:3" x14ac:dyDescent="0.15">
      <c r="A6276">
        <v>18736</v>
      </c>
      <c r="B6276" t="s">
        <v>12528</v>
      </c>
      <c r="C6276" t="s">
        <v>12529</v>
      </c>
    </row>
    <row r="6277" spans="1:3" x14ac:dyDescent="0.15">
      <c r="A6277">
        <v>18735</v>
      </c>
      <c r="B6277" t="s">
        <v>12530</v>
      </c>
      <c r="C6277" t="s">
        <v>12531</v>
      </c>
    </row>
    <row r="6278" spans="1:3" x14ac:dyDescent="0.15">
      <c r="A6278">
        <v>18734</v>
      </c>
      <c r="B6278" t="s">
        <v>12532</v>
      </c>
      <c r="C6278" t="s">
        <v>12533</v>
      </c>
    </row>
    <row r="6279" spans="1:3" x14ac:dyDescent="0.15">
      <c r="A6279">
        <v>18733</v>
      </c>
      <c r="B6279" t="s">
        <v>12534</v>
      </c>
      <c r="C6279" t="s">
        <v>12535</v>
      </c>
    </row>
    <row r="6280" spans="1:3" x14ac:dyDescent="0.15">
      <c r="A6280">
        <v>18732</v>
      </c>
      <c r="B6280" t="s">
        <v>12536</v>
      </c>
      <c r="C6280" t="s">
        <v>12537</v>
      </c>
    </row>
    <row r="6281" spans="1:3" x14ac:dyDescent="0.15">
      <c r="A6281">
        <v>18731</v>
      </c>
      <c r="B6281" t="s">
        <v>12538</v>
      </c>
      <c r="C6281" t="s">
        <v>12539</v>
      </c>
    </row>
    <row r="6282" spans="1:3" x14ac:dyDescent="0.15">
      <c r="A6282">
        <v>18730</v>
      </c>
      <c r="B6282" t="s">
        <v>12540</v>
      </c>
      <c r="C6282" t="s">
        <v>12541</v>
      </c>
    </row>
    <row r="6283" spans="1:3" x14ac:dyDescent="0.15">
      <c r="A6283">
        <v>18729</v>
      </c>
      <c r="B6283" t="s">
        <v>12542</v>
      </c>
      <c r="C6283" t="s">
        <v>12543</v>
      </c>
    </row>
    <row r="6284" spans="1:3" x14ac:dyDescent="0.15">
      <c r="A6284">
        <v>18728</v>
      </c>
      <c r="B6284" t="s">
        <v>12544</v>
      </c>
      <c r="C6284" t="s">
        <v>12545</v>
      </c>
    </row>
    <row r="6285" spans="1:3" x14ac:dyDescent="0.15">
      <c r="A6285">
        <v>18727</v>
      </c>
      <c r="B6285" t="s">
        <v>12546</v>
      </c>
      <c r="C6285" t="s">
        <v>12547</v>
      </c>
    </row>
    <row r="6286" spans="1:3" x14ac:dyDescent="0.15">
      <c r="A6286">
        <v>18726</v>
      </c>
      <c r="B6286" t="s">
        <v>12548</v>
      </c>
      <c r="C6286" t="s">
        <v>12549</v>
      </c>
    </row>
    <row r="6287" spans="1:3" x14ac:dyDescent="0.15">
      <c r="A6287">
        <v>18725</v>
      </c>
      <c r="B6287" t="s">
        <v>12550</v>
      </c>
      <c r="C6287" t="s">
        <v>12551</v>
      </c>
    </row>
    <row r="6288" spans="1:3" x14ac:dyDescent="0.15">
      <c r="A6288">
        <v>18724</v>
      </c>
      <c r="B6288" t="s">
        <v>12552</v>
      </c>
      <c r="C6288" t="s">
        <v>12553</v>
      </c>
    </row>
    <row r="6289" spans="1:3" x14ac:dyDescent="0.15">
      <c r="A6289">
        <v>18723</v>
      </c>
      <c r="B6289" t="s">
        <v>12554</v>
      </c>
      <c r="C6289" t="s">
        <v>12555</v>
      </c>
    </row>
    <row r="6290" spans="1:3" x14ac:dyDescent="0.15">
      <c r="A6290">
        <v>18722</v>
      </c>
      <c r="B6290" t="s">
        <v>12556</v>
      </c>
      <c r="C6290" t="s">
        <v>12557</v>
      </c>
    </row>
    <row r="6291" spans="1:3" x14ac:dyDescent="0.15">
      <c r="A6291">
        <v>18721</v>
      </c>
      <c r="B6291" t="s">
        <v>12558</v>
      </c>
      <c r="C6291" t="s">
        <v>12559</v>
      </c>
    </row>
    <row r="6292" spans="1:3" x14ac:dyDescent="0.15">
      <c r="A6292">
        <v>18720</v>
      </c>
      <c r="B6292" t="s">
        <v>12560</v>
      </c>
      <c r="C6292" t="s">
        <v>12561</v>
      </c>
    </row>
    <row r="6293" spans="1:3" x14ac:dyDescent="0.15">
      <c r="A6293">
        <v>18719</v>
      </c>
      <c r="B6293" t="s">
        <v>12562</v>
      </c>
      <c r="C6293" t="s">
        <v>12563</v>
      </c>
    </row>
    <row r="6294" spans="1:3" x14ac:dyDescent="0.15">
      <c r="A6294">
        <v>18718</v>
      </c>
      <c r="B6294" t="s">
        <v>12564</v>
      </c>
      <c r="C6294" t="s">
        <v>12565</v>
      </c>
    </row>
    <row r="6295" spans="1:3" x14ac:dyDescent="0.15">
      <c r="A6295">
        <v>18717</v>
      </c>
      <c r="B6295" t="s">
        <v>12566</v>
      </c>
      <c r="C6295" t="s">
        <v>12567</v>
      </c>
    </row>
    <row r="6296" spans="1:3" x14ac:dyDescent="0.15">
      <c r="A6296">
        <v>18716</v>
      </c>
      <c r="B6296" t="s">
        <v>12568</v>
      </c>
      <c r="C6296" t="s">
        <v>12569</v>
      </c>
    </row>
    <row r="6297" spans="1:3" x14ac:dyDescent="0.15">
      <c r="A6297">
        <v>18715</v>
      </c>
      <c r="B6297" t="s">
        <v>12570</v>
      </c>
      <c r="C6297" t="s">
        <v>12571</v>
      </c>
    </row>
    <row r="6298" spans="1:3" x14ac:dyDescent="0.15">
      <c r="A6298">
        <v>18714</v>
      </c>
      <c r="B6298" t="s">
        <v>12572</v>
      </c>
      <c r="C6298" t="s">
        <v>12573</v>
      </c>
    </row>
    <row r="6299" spans="1:3" x14ac:dyDescent="0.15">
      <c r="A6299">
        <v>18713</v>
      </c>
      <c r="B6299" t="s">
        <v>12574</v>
      </c>
      <c r="C6299" t="s">
        <v>12575</v>
      </c>
    </row>
    <row r="6300" spans="1:3" x14ac:dyDescent="0.15">
      <c r="A6300">
        <v>18712</v>
      </c>
      <c r="B6300" t="s">
        <v>12576</v>
      </c>
      <c r="C6300" t="s">
        <v>12577</v>
      </c>
    </row>
    <row r="6301" spans="1:3" x14ac:dyDescent="0.15">
      <c r="A6301">
        <v>18711</v>
      </c>
      <c r="B6301" t="s">
        <v>12578</v>
      </c>
      <c r="C6301" t="s">
        <v>12579</v>
      </c>
    </row>
    <row r="6302" spans="1:3" x14ac:dyDescent="0.15">
      <c r="A6302">
        <v>18710</v>
      </c>
      <c r="B6302" t="s">
        <v>12580</v>
      </c>
      <c r="C6302" t="s">
        <v>12581</v>
      </c>
    </row>
    <row r="6303" spans="1:3" x14ac:dyDescent="0.15">
      <c r="A6303">
        <v>18709</v>
      </c>
      <c r="B6303" t="s">
        <v>12582</v>
      </c>
      <c r="C6303" t="s">
        <v>12583</v>
      </c>
    </row>
    <row r="6304" spans="1:3" x14ac:dyDescent="0.15">
      <c r="A6304">
        <v>18708</v>
      </c>
      <c r="B6304" t="s">
        <v>12584</v>
      </c>
      <c r="C6304" t="s">
        <v>12585</v>
      </c>
    </row>
    <row r="6305" spans="1:3" x14ac:dyDescent="0.15">
      <c r="A6305">
        <v>18707</v>
      </c>
      <c r="B6305" t="s">
        <v>12586</v>
      </c>
      <c r="C6305" t="s">
        <v>12587</v>
      </c>
    </row>
    <row r="6306" spans="1:3" x14ac:dyDescent="0.15">
      <c r="A6306">
        <v>18706</v>
      </c>
      <c r="B6306" t="s">
        <v>12588</v>
      </c>
      <c r="C6306" t="s">
        <v>12589</v>
      </c>
    </row>
    <row r="6307" spans="1:3" x14ac:dyDescent="0.15">
      <c r="A6307">
        <v>18705</v>
      </c>
      <c r="B6307" t="s">
        <v>12590</v>
      </c>
      <c r="C6307" t="s">
        <v>12591</v>
      </c>
    </row>
    <row r="6308" spans="1:3" x14ac:dyDescent="0.15">
      <c r="A6308">
        <v>18704</v>
      </c>
      <c r="B6308" t="s">
        <v>12592</v>
      </c>
      <c r="C6308" t="s">
        <v>12593</v>
      </c>
    </row>
    <row r="6309" spans="1:3" x14ac:dyDescent="0.15">
      <c r="A6309">
        <v>18703</v>
      </c>
      <c r="B6309" t="s">
        <v>12594</v>
      </c>
      <c r="C6309" t="s">
        <v>12595</v>
      </c>
    </row>
    <row r="6310" spans="1:3" x14ac:dyDescent="0.15">
      <c r="A6310">
        <v>18702</v>
      </c>
      <c r="B6310" t="s">
        <v>12596</v>
      </c>
      <c r="C6310" t="s">
        <v>12597</v>
      </c>
    </row>
    <row r="6311" spans="1:3" x14ac:dyDescent="0.15">
      <c r="A6311">
        <v>18701</v>
      </c>
      <c r="B6311" t="s">
        <v>12598</v>
      </c>
      <c r="C6311" t="s">
        <v>12599</v>
      </c>
    </row>
    <row r="6312" spans="1:3" x14ac:dyDescent="0.15">
      <c r="A6312">
        <v>18700</v>
      </c>
      <c r="B6312" t="s">
        <v>12600</v>
      </c>
      <c r="C6312" t="s">
        <v>12601</v>
      </c>
    </row>
    <row r="6313" spans="1:3" x14ac:dyDescent="0.15">
      <c r="A6313">
        <v>18699</v>
      </c>
      <c r="B6313" t="s">
        <v>12602</v>
      </c>
      <c r="C6313" t="s">
        <v>12603</v>
      </c>
    </row>
    <row r="6314" spans="1:3" x14ac:dyDescent="0.15">
      <c r="A6314">
        <v>18698</v>
      </c>
      <c r="B6314" t="s">
        <v>12604</v>
      </c>
      <c r="C6314" t="s">
        <v>12605</v>
      </c>
    </row>
    <row r="6315" spans="1:3" x14ac:dyDescent="0.15">
      <c r="A6315">
        <v>18697</v>
      </c>
      <c r="B6315" t="s">
        <v>12606</v>
      </c>
      <c r="C6315" t="s">
        <v>12607</v>
      </c>
    </row>
    <row r="6316" spans="1:3" x14ac:dyDescent="0.15">
      <c r="A6316">
        <v>18696</v>
      </c>
      <c r="B6316" t="s">
        <v>12608</v>
      </c>
      <c r="C6316" t="s">
        <v>12609</v>
      </c>
    </row>
    <row r="6317" spans="1:3" x14ac:dyDescent="0.15">
      <c r="A6317">
        <v>18695</v>
      </c>
      <c r="B6317" t="s">
        <v>12610</v>
      </c>
      <c r="C6317" t="s">
        <v>12611</v>
      </c>
    </row>
    <row r="6318" spans="1:3" x14ac:dyDescent="0.15">
      <c r="A6318">
        <v>18694</v>
      </c>
      <c r="B6318" t="s">
        <v>12612</v>
      </c>
      <c r="C6318" t="s">
        <v>12613</v>
      </c>
    </row>
    <row r="6319" spans="1:3" x14ac:dyDescent="0.15">
      <c r="A6319">
        <v>18693</v>
      </c>
      <c r="B6319" t="s">
        <v>12614</v>
      </c>
      <c r="C6319" t="s">
        <v>12615</v>
      </c>
    </row>
    <row r="6320" spans="1:3" x14ac:dyDescent="0.15">
      <c r="A6320">
        <v>18692</v>
      </c>
      <c r="B6320" t="s">
        <v>12616</v>
      </c>
      <c r="C6320" t="s">
        <v>12617</v>
      </c>
    </row>
    <row r="6321" spans="1:3" x14ac:dyDescent="0.15">
      <c r="A6321">
        <v>18691</v>
      </c>
      <c r="B6321" t="s">
        <v>12618</v>
      </c>
      <c r="C6321" t="s">
        <v>12619</v>
      </c>
    </row>
    <row r="6322" spans="1:3" x14ac:dyDescent="0.15">
      <c r="A6322">
        <v>18690</v>
      </c>
      <c r="B6322" t="s">
        <v>12620</v>
      </c>
      <c r="C6322" t="s">
        <v>12621</v>
      </c>
    </row>
    <row r="6323" spans="1:3" x14ac:dyDescent="0.15">
      <c r="A6323">
        <v>18689</v>
      </c>
      <c r="B6323" t="s">
        <v>12622</v>
      </c>
      <c r="C6323" t="s">
        <v>12623</v>
      </c>
    </row>
    <row r="6324" spans="1:3" x14ac:dyDescent="0.15">
      <c r="A6324">
        <v>18688</v>
      </c>
      <c r="B6324" t="s">
        <v>12624</v>
      </c>
      <c r="C6324" t="s">
        <v>12625</v>
      </c>
    </row>
    <row r="6325" spans="1:3" x14ac:dyDescent="0.15">
      <c r="A6325">
        <v>18687</v>
      </c>
      <c r="B6325" t="s">
        <v>12626</v>
      </c>
      <c r="C6325" t="s">
        <v>12627</v>
      </c>
    </row>
    <row r="6326" spans="1:3" x14ac:dyDescent="0.15">
      <c r="A6326">
        <v>18686</v>
      </c>
      <c r="B6326" t="s">
        <v>12628</v>
      </c>
      <c r="C6326" t="s">
        <v>12629</v>
      </c>
    </row>
    <row r="6327" spans="1:3" x14ac:dyDescent="0.15">
      <c r="A6327">
        <v>18685</v>
      </c>
      <c r="B6327" t="s">
        <v>12630</v>
      </c>
      <c r="C6327" t="s">
        <v>12631</v>
      </c>
    </row>
    <row r="6328" spans="1:3" x14ac:dyDescent="0.15">
      <c r="A6328">
        <v>18684</v>
      </c>
      <c r="B6328" t="s">
        <v>12632</v>
      </c>
      <c r="C6328" t="s">
        <v>12633</v>
      </c>
    </row>
    <row r="6329" spans="1:3" x14ac:dyDescent="0.15">
      <c r="A6329">
        <v>18683</v>
      </c>
      <c r="B6329" t="s">
        <v>12634</v>
      </c>
      <c r="C6329" t="s">
        <v>12635</v>
      </c>
    </row>
    <row r="6330" spans="1:3" x14ac:dyDescent="0.15">
      <c r="A6330">
        <v>18682</v>
      </c>
      <c r="B6330" t="s">
        <v>12636</v>
      </c>
      <c r="C6330" t="s">
        <v>12637</v>
      </c>
    </row>
    <row r="6331" spans="1:3" x14ac:dyDescent="0.15">
      <c r="A6331">
        <v>18681</v>
      </c>
      <c r="B6331" t="s">
        <v>12638</v>
      </c>
      <c r="C6331" t="s">
        <v>12639</v>
      </c>
    </row>
    <row r="6332" spans="1:3" x14ac:dyDescent="0.15">
      <c r="A6332">
        <v>18680</v>
      </c>
      <c r="B6332" t="s">
        <v>12640</v>
      </c>
      <c r="C6332" t="s">
        <v>12641</v>
      </c>
    </row>
    <row r="6333" spans="1:3" x14ac:dyDescent="0.15">
      <c r="A6333">
        <v>18679</v>
      </c>
      <c r="B6333" t="s">
        <v>12642</v>
      </c>
      <c r="C6333" t="s">
        <v>12643</v>
      </c>
    </row>
    <row r="6334" spans="1:3" x14ac:dyDescent="0.15">
      <c r="A6334">
        <v>18678</v>
      </c>
      <c r="B6334" t="s">
        <v>12644</v>
      </c>
      <c r="C6334" t="s">
        <v>12645</v>
      </c>
    </row>
    <row r="6335" spans="1:3" x14ac:dyDescent="0.15">
      <c r="A6335">
        <v>18677</v>
      </c>
      <c r="B6335" t="s">
        <v>12646</v>
      </c>
      <c r="C6335" t="s">
        <v>12647</v>
      </c>
    </row>
    <row r="6336" spans="1:3" x14ac:dyDescent="0.15">
      <c r="A6336">
        <v>18676</v>
      </c>
      <c r="B6336" t="s">
        <v>12648</v>
      </c>
      <c r="C6336" t="s">
        <v>12649</v>
      </c>
    </row>
    <row r="6337" spans="1:3" x14ac:dyDescent="0.15">
      <c r="A6337">
        <v>18675</v>
      </c>
      <c r="B6337" t="s">
        <v>12650</v>
      </c>
      <c r="C6337" t="s">
        <v>12651</v>
      </c>
    </row>
    <row r="6338" spans="1:3" x14ac:dyDescent="0.15">
      <c r="A6338">
        <v>18674</v>
      </c>
      <c r="B6338" t="s">
        <v>12652</v>
      </c>
      <c r="C6338" t="s">
        <v>12653</v>
      </c>
    </row>
    <row r="6339" spans="1:3" x14ac:dyDescent="0.15">
      <c r="A6339">
        <v>18673</v>
      </c>
      <c r="B6339" t="s">
        <v>12654</v>
      </c>
      <c r="C6339" t="s">
        <v>12655</v>
      </c>
    </row>
    <row r="6340" spans="1:3" x14ac:dyDescent="0.15">
      <c r="A6340">
        <v>18672</v>
      </c>
      <c r="B6340" t="s">
        <v>12656</v>
      </c>
      <c r="C6340" t="s">
        <v>12657</v>
      </c>
    </row>
    <row r="6341" spans="1:3" x14ac:dyDescent="0.15">
      <c r="A6341">
        <v>18671</v>
      </c>
      <c r="B6341" t="s">
        <v>12658</v>
      </c>
      <c r="C6341" t="s">
        <v>12659</v>
      </c>
    </row>
    <row r="6342" spans="1:3" x14ac:dyDescent="0.15">
      <c r="A6342">
        <v>18670</v>
      </c>
      <c r="B6342" t="s">
        <v>12660</v>
      </c>
      <c r="C6342" t="s">
        <v>12661</v>
      </c>
    </row>
    <row r="6343" spans="1:3" x14ac:dyDescent="0.15">
      <c r="A6343">
        <v>18669</v>
      </c>
      <c r="B6343" t="s">
        <v>12662</v>
      </c>
      <c r="C6343" t="s">
        <v>12663</v>
      </c>
    </row>
    <row r="6344" spans="1:3" x14ac:dyDescent="0.15">
      <c r="A6344">
        <v>18668</v>
      </c>
      <c r="B6344" t="s">
        <v>12664</v>
      </c>
      <c r="C6344" t="s">
        <v>12665</v>
      </c>
    </row>
    <row r="6345" spans="1:3" x14ac:dyDescent="0.15">
      <c r="A6345">
        <v>18667</v>
      </c>
      <c r="B6345" t="s">
        <v>12666</v>
      </c>
      <c r="C6345" t="s">
        <v>12667</v>
      </c>
    </row>
    <row r="6346" spans="1:3" x14ac:dyDescent="0.15">
      <c r="A6346">
        <v>18666</v>
      </c>
      <c r="B6346" t="s">
        <v>12668</v>
      </c>
      <c r="C6346" t="s">
        <v>12669</v>
      </c>
    </row>
    <row r="6347" spans="1:3" x14ac:dyDescent="0.15">
      <c r="A6347">
        <v>18665</v>
      </c>
      <c r="B6347" t="s">
        <v>12670</v>
      </c>
      <c r="C6347" t="s">
        <v>12671</v>
      </c>
    </row>
    <row r="6348" spans="1:3" x14ac:dyDescent="0.15">
      <c r="A6348">
        <v>18664</v>
      </c>
      <c r="B6348" t="s">
        <v>12672</v>
      </c>
      <c r="C6348" t="s">
        <v>12673</v>
      </c>
    </row>
    <row r="6349" spans="1:3" x14ac:dyDescent="0.15">
      <c r="A6349">
        <v>18663</v>
      </c>
      <c r="B6349" t="s">
        <v>12674</v>
      </c>
      <c r="C6349" t="s">
        <v>12675</v>
      </c>
    </row>
    <row r="6350" spans="1:3" x14ac:dyDescent="0.15">
      <c r="A6350">
        <v>18662</v>
      </c>
      <c r="B6350" t="s">
        <v>12676</v>
      </c>
      <c r="C6350" t="s">
        <v>12677</v>
      </c>
    </row>
    <row r="6351" spans="1:3" x14ac:dyDescent="0.15">
      <c r="A6351">
        <v>18661</v>
      </c>
      <c r="B6351" t="s">
        <v>12678</v>
      </c>
      <c r="C6351" t="s">
        <v>12679</v>
      </c>
    </row>
    <row r="6352" spans="1:3" x14ac:dyDescent="0.15">
      <c r="A6352">
        <v>18660</v>
      </c>
      <c r="B6352" t="s">
        <v>12680</v>
      </c>
      <c r="C6352" t="s">
        <v>12681</v>
      </c>
    </row>
    <row r="6353" spans="1:3" x14ac:dyDescent="0.15">
      <c r="A6353">
        <v>18659</v>
      </c>
      <c r="B6353" t="s">
        <v>12682</v>
      </c>
      <c r="C6353" t="s">
        <v>12683</v>
      </c>
    </row>
    <row r="6354" spans="1:3" x14ac:dyDescent="0.15">
      <c r="A6354">
        <v>18658</v>
      </c>
      <c r="B6354" t="s">
        <v>12684</v>
      </c>
      <c r="C6354" t="s">
        <v>12685</v>
      </c>
    </row>
    <row r="6355" spans="1:3" x14ac:dyDescent="0.15">
      <c r="A6355">
        <v>18657</v>
      </c>
      <c r="B6355" t="s">
        <v>12686</v>
      </c>
      <c r="C6355" t="s">
        <v>12687</v>
      </c>
    </row>
    <row r="6356" spans="1:3" x14ac:dyDescent="0.15">
      <c r="A6356">
        <v>18656</v>
      </c>
      <c r="B6356" t="s">
        <v>12688</v>
      </c>
      <c r="C6356" t="s">
        <v>12689</v>
      </c>
    </row>
    <row r="6357" spans="1:3" x14ac:dyDescent="0.15">
      <c r="A6357">
        <v>18655</v>
      </c>
      <c r="B6357" t="s">
        <v>12690</v>
      </c>
      <c r="C6357" t="s">
        <v>12691</v>
      </c>
    </row>
    <row r="6358" spans="1:3" x14ac:dyDescent="0.15">
      <c r="A6358">
        <v>18654</v>
      </c>
      <c r="B6358" t="s">
        <v>12692</v>
      </c>
      <c r="C6358" t="s">
        <v>12693</v>
      </c>
    </row>
    <row r="6359" spans="1:3" x14ac:dyDescent="0.15">
      <c r="A6359">
        <v>18653</v>
      </c>
      <c r="B6359" t="s">
        <v>12694</v>
      </c>
      <c r="C6359" t="s">
        <v>12695</v>
      </c>
    </row>
    <row r="6360" spans="1:3" x14ac:dyDescent="0.15">
      <c r="A6360">
        <v>18652</v>
      </c>
      <c r="B6360" t="s">
        <v>12696</v>
      </c>
      <c r="C6360" t="s">
        <v>12697</v>
      </c>
    </row>
    <row r="6361" spans="1:3" x14ac:dyDescent="0.15">
      <c r="A6361">
        <v>18651</v>
      </c>
      <c r="B6361" t="s">
        <v>12698</v>
      </c>
      <c r="C6361" t="s">
        <v>12699</v>
      </c>
    </row>
    <row r="6362" spans="1:3" x14ac:dyDescent="0.15">
      <c r="A6362">
        <v>18650</v>
      </c>
      <c r="B6362" t="s">
        <v>12700</v>
      </c>
      <c r="C6362" t="s">
        <v>12701</v>
      </c>
    </row>
    <row r="6363" spans="1:3" x14ac:dyDescent="0.15">
      <c r="A6363">
        <v>18649</v>
      </c>
      <c r="B6363" t="s">
        <v>12702</v>
      </c>
      <c r="C6363" t="s">
        <v>12703</v>
      </c>
    </row>
    <row r="6364" spans="1:3" x14ac:dyDescent="0.15">
      <c r="A6364">
        <v>18648</v>
      </c>
      <c r="B6364" t="s">
        <v>12704</v>
      </c>
      <c r="C6364" t="s">
        <v>12705</v>
      </c>
    </row>
    <row r="6365" spans="1:3" x14ac:dyDescent="0.15">
      <c r="A6365">
        <v>18647</v>
      </c>
      <c r="B6365" t="s">
        <v>12706</v>
      </c>
      <c r="C6365" t="s">
        <v>12707</v>
      </c>
    </row>
    <row r="6366" spans="1:3" x14ac:dyDescent="0.15">
      <c r="A6366">
        <v>18646</v>
      </c>
      <c r="B6366" t="s">
        <v>12708</v>
      </c>
      <c r="C6366" t="s">
        <v>12709</v>
      </c>
    </row>
    <row r="6367" spans="1:3" x14ac:dyDescent="0.15">
      <c r="A6367">
        <v>18645</v>
      </c>
      <c r="B6367" t="s">
        <v>12710</v>
      </c>
      <c r="C6367" t="s">
        <v>12711</v>
      </c>
    </row>
    <row r="6368" spans="1:3" x14ac:dyDescent="0.15">
      <c r="A6368">
        <v>18644</v>
      </c>
      <c r="B6368" t="s">
        <v>12712</v>
      </c>
      <c r="C6368" t="s">
        <v>12713</v>
      </c>
    </row>
    <row r="6369" spans="1:3" x14ac:dyDescent="0.15">
      <c r="A6369">
        <v>18643</v>
      </c>
      <c r="B6369" t="s">
        <v>12714</v>
      </c>
      <c r="C6369" t="s">
        <v>12715</v>
      </c>
    </row>
    <row r="6370" spans="1:3" x14ac:dyDescent="0.15">
      <c r="A6370">
        <v>18642</v>
      </c>
      <c r="B6370" t="s">
        <v>12716</v>
      </c>
      <c r="C6370" t="s">
        <v>12717</v>
      </c>
    </row>
    <row r="6371" spans="1:3" x14ac:dyDescent="0.15">
      <c r="A6371">
        <v>18641</v>
      </c>
      <c r="B6371" t="s">
        <v>12718</v>
      </c>
      <c r="C6371" t="s">
        <v>12719</v>
      </c>
    </row>
    <row r="6372" spans="1:3" x14ac:dyDescent="0.15">
      <c r="A6372">
        <v>18640</v>
      </c>
      <c r="B6372" t="s">
        <v>12720</v>
      </c>
      <c r="C6372" t="s">
        <v>12721</v>
      </c>
    </row>
    <row r="6373" spans="1:3" x14ac:dyDescent="0.15">
      <c r="A6373">
        <v>18639</v>
      </c>
      <c r="B6373" t="s">
        <v>12722</v>
      </c>
      <c r="C6373" t="s">
        <v>12723</v>
      </c>
    </row>
    <row r="6374" spans="1:3" x14ac:dyDescent="0.15">
      <c r="A6374">
        <v>18638</v>
      </c>
      <c r="B6374" t="s">
        <v>12724</v>
      </c>
      <c r="C6374" t="s">
        <v>12725</v>
      </c>
    </row>
    <row r="6375" spans="1:3" x14ac:dyDescent="0.15">
      <c r="A6375">
        <v>18637</v>
      </c>
      <c r="B6375" t="s">
        <v>12726</v>
      </c>
      <c r="C6375" t="s">
        <v>12727</v>
      </c>
    </row>
    <row r="6376" spans="1:3" x14ac:dyDescent="0.15">
      <c r="A6376">
        <v>18636</v>
      </c>
      <c r="B6376" t="s">
        <v>12728</v>
      </c>
      <c r="C6376" t="s">
        <v>12729</v>
      </c>
    </row>
    <row r="6377" spans="1:3" x14ac:dyDescent="0.15">
      <c r="A6377">
        <v>18635</v>
      </c>
      <c r="B6377" t="s">
        <v>12730</v>
      </c>
      <c r="C6377" t="s">
        <v>12731</v>
      </c>
    </row>
    <row r="6378" spans="1:3" x14ac:dyDescent="0.15">
      <c r="A6378">
        <v>18634</v>
      </c>
      <c r="B6378" t="s">
        <v>12732</v>
      </c>
      <c r="C6378" t="s">
        <v>12733</v>
      </c>
    </row>
    <row r="6379" spans="1:3" x14ac:dyDescent="0.15">
      <c r="A6379">
        <v>18633</v>
      </c>
      <c r="B6379" t="s">
        <v>12734</v>
      </c>
      <c r="C6379" t="s">
        <v>12735</v>
      </c>
    </row>
    <row r="6380" spans="1:3" x14ac:dyDescent="0.15">
      <c r="A6380">
        <v>18632</v>
      </c>
      <c r="B6380" t="s">
        <v>12736</v>
      </c>
      <c r="C6380" t="s">
        <v>12737</v>
      </c>
    </row>
    <row r="6381" spans="1:3" x14ac:dyDescent="0.15">
      <c r="A6381">
        <v>18631</v>
      </c>
      <c r="B6381" t="s">
        <v>12738</v>
      </c>
      <c r="C6381" t="s">
        <v>12739</v>
      </c>
    </row>
    <row r="6382" spans="1:3" x14ac:dyDescent="0.15">
      <c r="A6382">
        <v>18630</v>
      </c>
      <c r="B6382" t="s">
        <v>12740</v>
      </c>
      <c r="C6382" t="s">
        <v>12741</v>
      </c>
    </row>
    <row r="6383" spans="1:3" x14ac:dyDescent="0.15">
      <c r="A6383">
        <v>18629</v>
      </c>
      <c r="B6383" t="s">
        <v>12742</v>
      </c>
      <c r="C6383" t="s">
        <v>12743</v>
      </c>
    </row>
    <row r="6384" spans="1:3" x14ac:dyDescent="0.15">
      <c r="A6384">
        <v>18628</v>
      </c>
      <c r="B6384" t="s">
        <v>12744</v>
      </c>
      <c r="C6384" t="s">
        <v>12745</v>
      </c>
    </row>
    <row r="6385" spans="1:3" x14ac:dyDescent="0.15">
      <c r="A6385">
        <v>18627</v>
      </c>
      <c r="B6385" t="s">
        <v>12746</v>
      </c>
      <c r="C6385" t="s">
        <v>12747</v>
      </c>
    </row>
    <row r="6386" spans="1:3" x14ac:dyDescent="0.15">
      <c r="A6386">
        <v>18626</v>
      </c>
      <c r="B6386" t="s">
        <v>12748</v>
      </c>
      <c r="C6386" t="s">
        <v>12749</v>
      </c>
    </row>
    <row r="6387" spans="1:3" x14ac:dyDescent="0.15">
      <c r="A6387">
        <v>18625</v>
      </c>
      <c r="B6387" t="s">
        <v>12750</v>
      </c>
      <c r="C6387" t="s">
        <v>12751</v>
      </c>
    </row>
    <row r="6388" spans="1:3" x14ac:dyDescent="0.15">
      <c r="A6388">
        <v>18624</v>
      </c>
      <c r="B6388" t="s">
        <v>12752</v>
      </c>
      <c r="C6388" t="s">
        <v>12753</v>
      </c>
    </row>
    <row r="6389" spans="1:3" x14ac:dyDescent="0.15">
      <c r="A6389">
        <v>18623</v>
      </c>
      <c r="B6389" t="s">
        <v>12754</v>
      </c>
      <c r="C6389" t="s">
        <v>12755</v>
      </c>
    </row>
    <row r="6390" spans="1:3" x14ac:dyDescent="0.15">
      <c r="A6390">
        <v>18622</v>
      </c>
      <c r="B6390" t="s">
        <v>12756</v>
      </c>
      <c r="C6390" t="s">
        <v>12757</v>
      </c>
    </row>
    <row r="6391" spans="1:3" x14ac:dyDescent="0.15">
      <c r="A6391">
        <v>18621</v>
      </c>
      <c r="B6391" t="s">
        <v>12758</v>
      </c>
      <c r="C6391" t="s">
        <v>12759</v>
      </c>
    </row>
    <row r="6392" spans="1:3" x14ac:dyDescent="0.15">
      <c r="A6392">
        <v>18620</v>
      </c>
      <c r="B6392" t="s">
        <v>12760</v>
      </c>
      <c r="C6392" t="s">
        <v>12761</v>
      </c>
    </row>
    <row r="6393" spans="1:3" x14ac:dyDescent="0.15">
      <c r="A6393">
        <v>18619</v>
      </c>
      <c r="B6393" t="s">
        <v>12762</v>
      </c>
      <c r="C6393" t="s">
        <v>12763</v>
      </c>
    </row>
    <row r="6394" spans="1:3" x14ac:dyDescent="0.15">
      <c r="A6394">
        <v>18618</v>
      </c>
      <c r="B6394" t="s">
        <v>12764</v>
      </c>
      <c r="C6394" t="s">
        <v>12765</v>
      </c>
    </row>
    <row r="6395" spans="1:3" x14ac:dyDescent="0.15">
      <c r="A6395">
        <v>18617</v>
      </c>
      <c r="B6395" t="s">
        <v>12766</v>
      </c>
      <c r="C6395" t="s">
        <v>12767</v>
      </c>
    </row>
    <row r="6396" spans="1:3" x14ac:dyDescent="0.15">
      <c r="A6396">
        <v>18616</v>
      </c>
      <c r="B6396" t="s">
        <v>12768</v>
      </c>
      <c r="C6396" t="s">
        <v>12769</v>
      </c>
    </row>
    <row r="6397" spans="1:3" x14ac:dyDescent="0.15">
      <c r="A6397">
        <v>18615</v>
      </c>
      <c r="B6397" t="s">
        <v>12770</v>
      </c>
      <c r="C6397" t="s">
        <v>12771</v>
      </c>
    </row>
    <row r="6398" spans="1:3" x14ac:dyDescent="0.15">
      <c r="A6398">
        <v>18614</v>
      </c>
      <c r="B6398" t="s">
        <v>12772</v>
      </c>
      <c r="C6398" t="s">
        <v>12773</v>
      </c>
    </row>
    <row r="6399" spans="1:3" x14ac:dyDescent="0.15">
      <c r="A6399">
        <v>18613</v>
      </c>
      <c r="B6399" t="s">
        <v>12774</v>
      </c>
      <c r="C6399" t="s">
        <v>12775</v>
      </c>
    </row>
    <row r="6400" spans="1:3" x14ac:dyDescent="0.15">
      <c r="A6400">
        <v>18612</v>
      </c>
      <c r="B6400" t="s">
        <v>12776</v>
      </c>
      <c r="C6400" t="s">
        <v>12777</v>
      </c>
    </row>
    <row r="6401" spans="1:3" x14ac:dyDescent="0.15">
      <c r="A6401">
        <v>18611</v>
      </c>
      <c r="B6401" t="s">
        <v>12778</v>
      </c>
      <c r="C6401" t="s">
        <v>12779</v>
      </c>
    </row>
    <row r="6402" spans="1:3" x14ac:dyDescent="0.15">
      <c r="A6402">
        <v>18610</v>
      </c>
      <c r="B6402" t="s">
        <v>12780</v>
      </c>
      <c r="C6402" t="s">
        <v>12781</v>
      </c>
    </row>
    <row r="6403" spans="1:3" x14ac:dyDescent="0.15">
      <c r="A6403">
        <v>18609</v>
      </c>
      <c r="B6403" t="s">
        <v>12782</v>
      </c>
      <c r="C6403" t="s">
        <v>12783</v>
      </c>
    </row>
    <row r="6404" spans="1:3" x14ac:dyDescent="0.15">
      <c r="A6404">
        <v>18608</v>
      </c>
      <c r="B6404" t="s">
        <v>12784</v>
      </c>
      <c r="C6404" t="s">
        <v>12785</v>
      </c>
    </row>
    <row r="6405" spans="1:3" x14ac:dyDescent="0.15">
      <c r="A6405">
        <v>18607</v>
      </c>
      <c r="B6405" t="s">
        <v>12786</v>
      </c>
      <c r="C6405" t="s">
        <v>12787</v>
      </c>
    </row>
    <row r="6406" spans="1:3" x14ac:dyDescent="0.15">
      <c r="A6406">
        <v>18606</v>
      </c>
      <c r="B6406" t="s">
        <v>12788</v>
      </c>
      <c r="C6406" t="s">
        <v>12789</v>
      </c>
    </row>
    <row r="6407" spans="1:3" x14ac:dyDescent="0.15">
      <c r="A6407">
        <v>18605</v>
      </c>
      <c r="B6407" t="s">
        <v>12790</v>
      </c>
      <c r="C6407" t="s">
        <v>12791</v>
      </c>
    </row>
    <row r="6408" spans="1:3" x14ac:dyDescent="0.15">
      <c r="A6408">
        <v>18604</v>
      </c>
      <c r="B6408" t="s">
        <v>12792</v>
      </c>
      <c r="C6408" t="s">
        <v>12793</v>
      </c>
    </row>
    <row r="6409" spans="1:3" x14ac:dyDescent="0.15">
      <c r="A6409">
        <v>18603</v>
      </c>
      <c r="B6409" t="s">
        <v>12794</v>
      </c>
      <c r="C6409" t="s">
        <v>12795</v>
      </c>
    </row>
    <row r="6410" spans="1:3" x14ac:dyDescent="0.15">
      <c r="A6410">
        <v>18602</v>
      </c>
      <c r="B6410" t="s">
        <v>12796</v>
      </c>
      <c r="C6410" t="s">
        <v>12797</v>
      </c>
    </row>
    <row r="6411" spans="1:3" x14ac:dyDescent="0.15">
      <c r="A6411">
        <v>18601</v>
      </c>
      <c r="B6411" t="s">
        <v>12798</v>
      </c>
      <c r="C6411" t="s">
        <v>12799</v>
      </c>
    </row>
    <row r="6412" spans="1:3" x14ac:dyDescent="0.15">
      <c r="A6412">
        <v>18600</v>
      </c>
      <c r="B6412" t="s">
        <v>12800</v>
      </c>
      <c r="C6412" t="s">
        <v>12801</v>
      </c>
    </row>
    <row r="6413" spans="1:3" x14ac:dyDescent="0.15">
      <c r="A6413">
        <v>18599</v>
      </c>
      <c r="B6413" t="s">
        <v>12802</v>
      </c>
      <c r="C6413" t="s">
        <v>12803</v>
      </c>
    </row>
    <row r="6414" spans="1:3" x14ac:dyDescent="0.15">
      <c r="A6414">
        <v>18598</v>
      </c>
      <c r="B6414" t="s">
        <v>12804</v>
      </c>
      <c r="C6414" t="s">
        <v>12805</v>
      </c>
    </row>
    <row r="6415" spans="1:3" x14ac:dyDescent="0.15">
      <c r="A6415">
        <v>18597</v>
      </c>
      <c r="B6415" t="s">
        <v>12806</v>
      </c>
      <c r="C6415" t="s">
        <v>12807</v>
      </c>
    </row>
    <row r="6416" spans="1:3" x14ac:dyDescent="0.15">
      <c r="A6416">
        <v>18596</v>
      </c>
      <c r="B6416" t="s">
        <v>12808</v>
      </c>
      <c r="C6416" t="s">
        <v>12809</v>
      </c>
    </row>
    <row r="6417" spans="1:3" x14ac:dyDescent="0.15">
      <c r="A6417">
        <v>18595</v>
      </c>
      <c r="B6417" t="s">
        <v>12810</v>
      </c>
      <c r="C6417" t="s">
        <v>12811</v>
      </c>
    </row>
    <row r="6418" spans="1:3" x14ac:dyDescent="0.15">
      <c r="A6418">
        <v>18594</v>
      </c>
      <c r="B6418" t="s">
        <v>12812</v>
      </c>
      <c r="C6418" t="s">
        <v>12813</v>
      </c>
    </row>
    <row r="6419" spans="1:3" x14ac:dyDescent="0.15">
      <c r="A6419">
        <v>18593</v>
      </c>
      <c r="B6419" t="s">
        <v>12814</v>
      </c>
      <c r="C6419" t="s">
        <v>12815</v>
      </c>
    </row>
    <row r="6420" spans="1:3" x14ac:dyDescent="0.15">
      <c r="A6420">
        <v>18592</v>
      </c>
      <c r="B6420" t="s">
        <v>12816</v>
      </c>
      <c r="C6420" t="s">
        <v>12817</v>
      </c>
    </row>
    <row r="6421" spans="1:3" x14ac:dyDescent="0.15">
      <c r="A6421">
        <v>18591</v>
      </c>
      <c r="B6421" t="s">
        <v>12818</v>
      </c>
      <c r="C6421" t="s">
        <v>12819</v>
      </c>
    </row>
    <row r="6422" spans="1:3" x14ac:dyDescent="0.15">
      <c r="A6422">
        <v>18590</v>
      </c>
      <c r="B6422" t="s">
        <v>12820</v>
      </c>
      <c r="C6422" t="s">
        <v>12821</v>
      </c>
    </row>
    <row r="6423" spans="1:3" x14ac:dyDescent="0.15">
      <c r="A6423">
        <v>18589</v>
      </c>
      <c r="B6423" t="s">
        <v>12822</v>
      </c>
      <c r="C6423" t="s">
        <v>12823</v>
      </c>
    </row>
    <row r="6424" spans="1:3" x14ac:dyDescent="0.15">
      <c r="A6424">
        <v>18588</v>
      </c>
      <c r="B6424" t="s">
        <v>12824</v>
      </c>
      <c r="C6424" t="s">
        <v>12825</v>
      </c>
    </row>
    <row r="6425" spans="1:3" x14ac:dyDescent="0.15">
      <c r="A6425">
        <v>18587</v>
      </c>
      <c r="B6425" t="s">
        <v>12826</v>
      </c>
      <c r="C6425" t="s">
        <v>12827</v>
      </c>
    </row>
    <row r="6426" spans="1:3" x14ac:dyDescent="0.15">
      <c r="A6426">
        <v>18586</v>
      </c>
      <c r="B6426" t="s">
        <v>12828</v>
      </c>
      <c r="C6426" t="s">
        <v>12829</v>
      </c>
    </row>
    <row r="6427" spans="1:3" x14ac:dyDescent="0.15">
      <c r="A6427">
        <v>18585</v>
      </c>
      <c r="B6427" t="s">
        <v>12830</v>
      </c>
      <c r="C6427" t="s">
        <v>12831</v>
      </c>
    </row>
    <row r="6428" spans="1:3" x14ac:dyDescent="0.15">
      <c r="A6428">
        <v>18584</v>
      </c>
      <c r="B6428" t="s">
        <v>12832</v>
      </c>
      <c r="C6428" t="s">
        <v>12833</v>
      </c>
    </row>
    <row r="6429" spans="1:3" x14ac:dyDescent="0.15">
      <c r="A6429">
        <v>18583</v>
      </c>
      <c r="B6429" t="s">
        <v>12834</v>
      </c>
      <c r="C6429" t="s">
        <v>12835</v>
      </c>
    </row>
    <row r="6430" spans="1:3" x14ac:dyDescent="0.15">
      <c r="A6430">
        <v>18582</v>
      </c>
      <c r="B6430" t="s">
        <v>12836</v>
      </c>
      <c r="C6430" t="s">
        <v>12837</v>
      </c>
    </row>
    <row r="6431" spans="1:3" x14ac:dyDescent="0.15">
      <c r="A6431">
        <v>18581</v>
      </c>
      <c r="B6431" t="s">
        <v>12838</v>
      </c>
      <c r="C6431" t="s">
        <v>12839</v>
      </c>
    </row>
    <row r="6432" spans="1:3" x14ac:dyDescent="0.15">
      <c r="A6432">
        <v>18580</v>
      </c>
      <c r="B6432" t="s">
        <v>12840</v>
      </c>
      <c r="C6432" t="s">
        <v>12841</v>
      </c>
    </row>
    <row r="6433" spans="1:3" x14ac:dyDescent="0.15">
      <c r="A6433">
        <v>18579</v>
      </c>
      <c r="B6433" t="s">
        <v>12842</v>
      </c>
      <c r="C6433" t="s">
        <v>12843</v>
      </c>
    </row>
    <row r="6434" spans="1:3" x14ac:dyDescent="0.15">
      <c r="A6434">
        <v>18578</v>
      </c>
      <c r="B6434" t="s">
        <v>12844</v>
      </c>
      <c r="C6434" t="s">
        <v>12845</v>
      </c>
    </row>
    <row r="6435" spans="1:3" x14ac:dyDescent="0.15">
      <c r="A6435">
        <v>18577</v>
      </c>
      <c r="B6435" t="s">
        <v>12846</v>
      </c>
      <c r="C6435" t="s">
        <v>12847</v>
      </c>
    </row>
    <row r="6436" spans="1:3" x14ac:dyDescent="0.15">
      <c r="A6436">
        <v>18576</v>
      </c>
      <c r="B6436" t="s">
        <v>12848</v>
      </c>
      <c r="C6436" t="s">
        <v>12849</v>
      </c>
    </row>
    <row r="6437" spans="1:3" x14ac:dyDescent="0.15">
      <c r="A6437">
        <v>18575</v>
      </c>
      <c r="B6437" t="s">
        <v>12850</v>
      </c>
      <c r="C6437" t="s">
        <v>12851</v>
      </c>
    </row>
    <row r="6438" spans="1:3" x14ac:dyDescent="0.15">
      <c r="A6438">
        <v>18574</v>
      </c>
      <c r="B6438" t="s">
        <v>12852</v>
      </c>
      <c r="C6438" t="s">
        <v>12853</v>
      </c>
    </row>
    <row r="6439" spans="1:3" x14ac:dyDescent="0.15">
      <c r="A6439">
        <v>18573</v>
      </c>
      <c r="B6439" t="s">
        <v>12854</v>
      </c>
      <c r="C6439" t="s">
        <v>12855</v>
      </c>
    </row>
    <row r="6440" spans="1:3" x14ac:dyDescent="0.15">
      <c r="A6440">
        <v>18572</v>
      </c>
      <c r="B6440" t="s">
        <v>12856</v>
      </c>
      <c r="C6440" t="s">
        <v>12857</v>
      </c>
    </row>
    <row r="6441" spans="1:3" x14ac:dyDescent="0.15">
      <c r="A6441">
        <v>18571</v>
      </c>
      <c r="B6441" t="s">
        <v>12858</v>
      </c>
      <c r="C6441" t="s">
        <v>12859</v>
      </c>
    </row>
    <row r="6442" spans="1:3" x14ac:dyDescent="0.15">
      <c r="A6442">
        <v>18570</v>
      </c>
      <c r="B6442" t="s">
        <v>12860</v>
      </c>
      <c r="C6442" t="s">
        <v>12861</v>
      </c>
    </row>
    <row r="6443" spans="1:3" x14ac:dyDescent="0.15">
      <c r="A6443">
        <v>18569</v>
      </c>
      <c r="B6443" t="s">
        <v>12862</v>
      </c>
      <c r="C6443" t="s">
        <v>12863</v>
      </c>
    </row>
    <row r="6444" spans="1:3" x14ac:dyDescent="0.15">
      <c r="A6444">
        <v>18568</v>
      </c>
      <c r="B6444" t="s">
        <v>12864</v>
      </c>
      <c r="C6444" t="s">
        <v>12865</v>
      </c>
    </row>
    <row r="6445" spans="1:3" x14ac:dyDescent="0.15">
      <c r="A6445">
        <v>18567</v>
      </c>
      <c r="B6445" t="s">
        <v>12866</v>
      </c>
      <c r="C6445" t="s">
        <v>12867</v>
      </c>
    </row>
    <row r="6446" spans="1:3" x14ac:dyDescent="0.15">
      <c r="A6446">
        <v>18566</v>
      </c>
      <c r="B6446" t="s">
        <v>12868</v>
      </c>
      <c r="C6446" t="s">
        <v>12869</v>
      </c>
    </row>
    <row r="6447" spans="1:3" x14ac:dyDescent="0.15">
      <c r="A6447">
        <v>18565</v>
      </c>
      <c r="B6447" t="s">
        <v>12870</v>
      </c>
      <c r="C6447" t="s">
        <v>12871</v>
      </c>
    </row>
    <row r="6448" spans="1:3" x14ac:dyDescent="0.15">
      <c r="A6448">
        <v>18564</v>
      </c>
      <c r="B6448" t="s">
        <v>12872</v>
      </c>
      <c r="C6448" t="s">
        <v>12873</v>
      </c>
    </row>
    <row r="6449" spans="1:3" x14ac:dyDescent="0.15">
      <c r="A6449">
        <v>18563</v>
      </c>
      <c r="B6449" t="s">
        <v>12874</v>
      </c>
      <c r="C6449" t="s">
        <v>12875</v>
      </c>
    </row>
    <row r="6450" spans="1:3" x14ac:dyDescent="0.15">
      <c r="A6450">
        <v>18562</v>
      </c>
      <c r="B6450" t="s">
        <v>12876</v>
      </c>
      <c r="C6450" t="s">
        <v>12877</v>
      </c>
    </row>
    <row r="6451" spans="1:3" x14ac:dyDescent="0.15">
      <c r="A6451">
        <v>18561</v>
      </c>
      <c r="B6451" t="s">
        <v>12878</v>
      </c>
      <c r="C6451" t="s">
        <v>12879</v>
      </c>
    </row>
    <row r="6452" spans="1:3" x14ac:dyDescent="0.15">
      <c r="A6452">
        <v>18560</v>
      </c>
      <c r="B6452" t="s">
        <v>12880</v>
      </c>
      <c r="C6452" t="s">
        <v>12881</v>
      </c>
    </row>
    <row r="6453" spans="1:3" x14ac:dyDescent="0.15">
      <c r="A6453">
        <v>18559</v>
      </c>
      <c r="B6453" t="s">
        <v>12882</v>
      </c>
      <c r="C6453" t="s">
        <v>12883</v>
      </c>
    </row>
    <row r="6454" spans="1:3" x14ac:dyDescent="0.15">
      <c r="A6454">
        <v>18558</v>
      </c>
      <c r="B6454" t="s">
        <v>12884</v>
      </c>
      <c r="C6454" t="s">
        <v>12885</v>
      </c>
    </row>
    <row r="6455" spans="1:3" x14ac:dyDescent="0.15">
      <c r="A6455">
        <v>18557</v>
      </c>
      <c r="B6455" t="s">
        <v>12886</v>
      </c>
      <c r="C6455" t="s">
        <v>12887</v>
      </c>
    </row>
    <row r="6456" spans="1:3" x14ac:dyDescent="0.15">
      <c r="A6456">
        <v>18556</v>
      </c>
      <c r="B6456" t="s">
        <v>12888</v>
      </c>
      <c r="C6456" t="s">
        <v>12889</v>
      </c>
    </row>
    <row r="6457" spans="1:3" x14ac:dyDescent="0.15">
      <c r="A6457">
        <v>18555</v>
      </c>
      <c r="B6457" t="s">
        <v>12890</v>
      </c>
      <c r="C6457" t="s">
        <v>12891</v>
      </c>
    </row>
    <row r="6458" spans="1:3" x14ac:dyDescent="0.15">
      <c r="A6458">
        <v>18554</v>
      </c>
      <c r="B6458" t="s">
        <v>12892</v>
      </c>
      <c r="C6458" t="s">
        <v>12893</v>
      </c>
    </row>
    <row r="6459" spans="1:3" x14ac:dyDescent="0.15">
      <c r="A6459">
        <v>18553</v>
      </c>
      <c r="B6459" t="s">
        <v>12894</v>
      </c>
      <c r="C6459" t="s">
        <v>12895</v>
      </c>
    </row>
    <row r="6460" spans="1:3" x14ac:dyDescent="0.15">
      <c r="A6460">
        <v>18552</v>
      </c>
      <c r="B6460" t="s">
        <v>12896</v>
      </c>
      <c r="C6460" t="s">
        <v>12897</v>
      </c>
    </row>
    <row r="6461" spans="1:3" x14ac:dyDescent="0.15">
      <c r="A6461">
        <v>18551</v>
      </c>
      <c r="B6461" t="s">
        <v>12898</v>
      </c>
      <c r="C6461" t="s">
        <v>12899</v>
      </c>
    </row>
    <row r="6462" spans="1:3" x14ac:dyDescent="0.15">
      <c r="A6462">
        <v>18550</v>
      </c>
      <c r="B6462" t="s">
        <v>12900</v>
      </c>
      <c r="C6462" t="s">
        <v>12901</v>
      </c>
    </row>
    <row r="6463" spans="1:3" x14ac:dyDescent="0.15">
      <c r="A6463">
        <v>18549</v>
      </c>
      <c r="B6463" t="s">
        <v>12902</v>
      </c>
      <c r="C6463" t="s">
        <v>12903</v>
      </c>
    </row>
    <row r="6464" spans="1:3" x14ac:dyDescent="0.15">
      <c r="A6464">
        <v>18548</v>
      </c>
      <c r="B6464" t="s">
        <v>12904</v>
      </c>
      <c r="C6464" t="s">
        <v>12905</v>
      </c>
    </row>
    <row r="6465" spans="1:3" x14ac:dyDescent="0.15">
      <c r="A6465">
        <v>18547</v>
      </c>
      <c r="B6465" t="s">
        <v>12906</v>
      </c>
      <c r="C6465" t="s">
        <v>12907</v>
      </c>
    </row>
    <row r="6466" spans="1:3" x14ac:dyDescent="0.15">
      <c r="A6466">
        <v>18546</v>
      </c>
      <c r="B6466" t="s">
        <v>12908</v>
      </c>
      <c r="C6466" t="s">
        <v>12909</v>
      </c>
    </row>
    <row r="6467" spans="1:3" x14ac:dyDescent="0.15">
      <c r="A6467">
        <v>18545</v>
      </c>
      <c r="B6467" t="s">
        <v>12910</v>
      </c>
      <c r="C6467" t="s">
        <v>12911</v>
      </c>
    </row>
    <row r="6468" spans="1:3" x14ac:dyDescent="0.15">
      <c r="A6468">
        <v>18544</v>
      </c>
      <c r="B6468" t="s">
        <v>12912</v>
      </c>
      <c r="C6468" t="s">
        <v>12913</v>
      </c>
    </row>
    <row r="6469" spans="1:3" x14ac:dyDescent="0.15">
      <c r="A6469">
        <v>18543</v>
      </c>
      <c r="B6469" t="s">
        <v>12914</v>
      </c>
      <c r="C6469" t="s">
        <v>12915</v>
      </c>
    </row>
    <row r="6470" spans="1:3" x14ac:dyDescent="0.15">
      <c r="A6470">
        <v>18542</v>
      </c>
      <c r="B6470" t="s">
        <v>12916</v>
      </c>
      <c r="C6470" t="s">
        <v>12917</v>
      </c>
    </row>
    <row r="6471" spans="1:3" x14ac:dyDescent="0.15">
      <c r="A6471">
        <v>18541</v>
      </c>
      <c r="B6471" t="s">
        <v>12918</v>
      </c>
      <c r="C6471" t="s">
        <v>12919</v>
      </c>
    </row>
    <row r="6472" spans="1:3" x14ac:dyDescent="0.15">
      <c r="A6472">
        <v>18540</v>
      </c>
      <c r="B6472" t="s">
        <v>12920</v>
      </c>
      <c r="C6472" t="s">
        <v>12921</v>
      </c>
    </row>
    <row r="6473" spans="1:3" x14ac:dyDescent="0.15">
      <c r="A6473">
        <v>18539</v>
      </c>
      <c r="B6473" t="s">
        <v>12922</v>
      </c>
      <c r="C6473" t="s">
        <v>12923</v>
      </c>
    </row>
    <row r="6474" spans="1:3" x14ac:dyDescent="0.15">
      <c r="A6474">
        <v>18538</v>
      </c>
      <c r="B6474" t="s">
        <v>12924</v>
      </c>
      <c r="C6474" t="s">
        <v>12925</v>
      </c>
    </row>
    <row r="6475" spans="1:3" x14ac:dyDescent="0.15">
      <c r="A6475">
        <v>18537</v>
      </c>
      <c r="B6475" t="s">
        <v>12926</v>
      </c>
      <c r="C6475" t="s">
        <v>12927</v>
      </c>
    </row>
    <row r="6476" spans="1:3" x14ac:dyDescent="0.15">
      <c r="A6476">
        <v>18536</v>
      </c>
      <c r="B6476" t="s">
        <v>12928</v>
      </c>
      <c r="C6476" t="s">
        <v>12929</v>
      </c>
    </row>
    <row r="6477" spans="1:3" x14ac:dyDescent="0.15">
      <c r="A6477">
        <v>18535</v>
      </c>
      <c r="B6477" t="s">
        <v>12930</v>
      </c>
      <c r="C6477" t="s">
        <v>12931</v>
      </c>
    </row>
    <row r="6478" spans="1:3" x14ac:dyDescent="0.15">
      <c r="A6478">
        <v>18534</v>
      </c>
      <c r="B6478" t="s">
        <v>12932</v>
      </c>
      <c r="C6478" t="s">
        <v>12933</v>
      </c>
    </row>
    <row r="6479" spans="1:3" x14ac:dyDescent="0.15">
      <c r="A6479">
        <v>18533</v>
      </c>
      <c r="B6479" t="s">
        <v>12934</v>
      </c>
      <c r="C6479" t="s">
        <v>12935</v>
      </c>
    </row>
    <row r="6480" spans="1:3" x14ac:dyDescent="0.15">
      <c r="A6480">
        <v>18532</v>
      </c>
      <c r="B6480" t="s">
        <v>12936</v>
      </c>
      <c r="C6480" t="s">
        <v>12937</v>
      </c>
    </row>
    <row r="6481" spans="1:3" x14ac:dyDescent="0.15">
      <c r="A6481">
        <v>18531</v>
      </c>
      <c r="B6481" t="s">
        <v>12938</v>
      </c>
      <c r="C6481" t="s">
        <v>12939</v>
      </c>
    </row>
    <row r="6482" spans="1:3" x14ac:dyDescent="0.15">
      <c r="A6482">
        <v>18530</v>
      </c>
      <c r="B6482" t="s">
        <v>12940</v>
      </c>
      <c r="C6482" t="s">
        <v>12941</v>
      </c>
    </row>
    <row r="6483" spans="1:3" x14ac:dyDescent="0.15">
      <c r="A6483">
        <v>18529</v>
      </c>
      <c r="B6483" t="s">
        <v>12942</v>
      </c>
      <c r="C6483" t="s">
        <v>12943</v>
      </c>
    </row>
    <row r="6484" spans="1:3" x14ac:dyDescent="0.15">
      <c r="A6484">
        <v>18528</v>
      </c>
      <c r="B6484" t="s">
        <v>12944</v>
      </c>
      <c r="C6484" t="s">
        <v>12945</v>
      </c>
    </row>
    <row r="6485" spans="1:3" x14ac:dyDescent="0.15">
      <c r="A6485">
        <v>18527</v>
      </c>
      <c r="B6485" t="s">
        <v>12946</v>
      </c>
      <c r="C6485" t="s">
        <v>12947</v>
      </c>
    </row>
    <row r="6486" spans="1:3" x14ac:dyDescent="0.15">
      <c r="A6486">
        <v>18526</v>
      </c>
      <c r="B6486" t="s">
        <v>12948</v>
      </c>
      <c r="C6486" t="s">
        <v>12949</v>
      </c>
    </row>
    <row r="6487" spans="1:3" x14ac:dyDescent="0.15">
      <c r="A6487">
        <v>18525</v>
      </c>
      <c r="B6487" t="s">
        <v>12950</v>
      </c>
      <c r="C6487" t="s">
        <v>12951</v>
      </c>
    </row>
    <row r="6488" spans="1:3" x14ac:dyDescent="0.15">
      <c r="A6488">
        <v>18524</v>
      </c>
      <c r="B6488" t="s">
        <v>12952</v>
      </c>
      <c r="C6488" t="s">
        <v>12953</v>
      </c>
    </row>
    <row r="6489" spans="1:3" x14ac:dyDescent="0.15">
      <c r="A6489">
        <v>18523</v>
      </c>
      <c r="B6489" t="s">
        <v>12954</v>
      </c>
      <c r="C6489" t="s">
        <v>12955</v>
      </c>
    </row>
    <row r="6490" spans="1:3" x14ac:dyDescent="0.15">
      <c r="A6490">
        <v>18522</v>
      </c>
      <c r="B6490" t="s">
        <v>12956</v>
      </c>
      <c r="C6490" t="s">
        <v>12957</v>
      </c>
    </row>
    <row r="6491" spans="1:3" x14ac:dyDescent="0.15">
      <c r="A6491">
        <v>18521</v>
      </c>
      <c r="B6491" t="s">
        <v>12958</v>
      </c>
      <c r="C6491" t="s">
        <v>12959</v>
      </c>
    </row>
    <row r="6492" spans="1:3" x14ac:dyDescent="0.15">
      <c r="A6492">
        <v>18520</v>
      </c>
      <c r="B6492" t="s">
        <v>12960</v>
      </c>
      <c r="C6492" t="s">
        <v>12961</v>
      </c>
    </row>
    <row r="6493" spans="1:3" x14ac:dyDescent="0.15">
      <c r="A6493">
        <v>18519</v>
      </c>
      <c r="B6493" t="s">
        <v>12962</v>
      </c>
      <c r="C6493" t="s">
        <v>12963</v>
      </c>
    </row>
    <row r="6494" spans="1:3" x14ac:dyDescent="0.15">
      <c r="A6494">
        <v>18518</v>
      </c>
      <c r="B6494" t="s">
        <v>12964</v>
      </c>
      <c r="C6494" t="s">
        <v>12965</v>
      </c>
    </row>
    <row r="6495" spans="1:3" x14ac:dyDescent="0.15">
      <c r="A6495">
        <v>18517</v>
      </c>
      <c r="B6495" t="s">
        <v>12966</v>
      </c>
      <c r="C6495" t="s">
        <v>12967</v>
      </c>
    </row>
    <row r="6496" spans="1:3" x14ac:dyDescent="0.15">
      <c r="A6496">
        <v>18516</v>
      </c>
      <c r="B6496" t="s">
        <v>12968</v>
      </c>
      <c r="C6496" t="s">
        <v>12969</v>
      </c>
    </row>
    <row r="6497" spans="1:3" x14ac:dyDescent="0.15">
      <c r="A6497">
        <v>18515</v>
      </c>
      <c r="B6497" t="s">
        <v>12970</v>
      </c>
      <c r="C6497" t="s">
        <v>12971</v>
      </c>
    </row>
    <row r="6498" spans="1:3" x14ac:dyDescent="0.15">
      <c r="A6498">
        <v>18514</v>
      </c>
      <c r="B6498" t="s">
        <v>12972</v>
      </c>
      <c r="C6498" t="s">
        <v>12973</v>
      </c>
    </row>
    <row r="6499" spans="1:3" x14ac:dyDescent="0.15">
      <c r="A6499">
        <v>18513</v>
      </c>
      <c r="B6499" t="s">
        <v>12974</v>
      </c>
      <c r="C6499" t="s">
        <v>12975</v>
      </c>
    </row>
    <row r="6500" spans="1:3" x14ac:dyDescent="0.15">
      <c r="A6500">
        <v>18512</v>
      </c>
      <c r="B6500" t="s">
        <v>12976</v>
      </c>
      <c r="C6500" t="s">
        <v>12977</v>
      </c>
    </row>
    <row r="6501" spans="1:3" x14ac:dyDescent="0.15">
      <c r="A6501">
        <v>18511</v>
      </c>
      <c r="B6501" t="s">
        <v>12978</v>
      </c>
      <c r="C6501" t="s">
        <v>12979</v>
      </c>
    </row>
    <row r="6502" spans="1:3" x14ac:dyDescent="0.15">
      <c r="A6502">
        <v>18510</v>
      </c>
      <c r="B6502" t="s">
        <v>12980</v>
      </c>
      <c r="C6502" t="s">
        <v>12981</v>
      </c>
    </row>
    <row r="6503" spans="1:3" x14ac:dyDescent="0.15">
      <c r="A6503">
        <v>18509</v>
      </c>
      <c r="B6503" t="s">
        <v>12982</v>
      </c>
      <c r="C6503" t="s">
        <v>12983</v>
      </c>
    </row>
    <row r="6504" spans="1:3" x14ac:dyDescent="0.15">
      <c r="A6504">
        <v>18508</v>
      </c>
      <c r="B6504" t="s">
        <v>12984</v>
      </c>
      <c r="C6504" t="s">
        <v>12985</v>
      </c>
    </row>
    <row r="6505" spans="1:3" x14ac:dyDescent="0.15">
      <c r="A6505">
        <v>18507</v>
      </c>
      <c r="B6505" t="s">
        <v>12986</v>
      </c>
      <c r="C6505" t="s">
        <v>12987</v>
      </c>
    </row>
    <row r="6506" spans="1:3" x14ac:dyDescent="0.15">
      <c r="A6506">
        <v>18506</v>
      </c>
      <c r="B6506" t="s">
        <v>12988</v>
      </c>
      <c r="C6506" t="s">
        <v>12989</v>
      </c>
    </row>
    <row r="6507" spans="1:3" x14ac:dyDescent="0.15">
      <c r="A6507">
        <v>18505</v>
      </c>
      <c r="B6507" t="s">
        <v>12990</v>
      </c>
      <c r="C6507" t="s">
        <v>12991</v>
      </c>
    </row>
    <row r="6508" spans="1:3" x14ac:dyDescent="0.15">
      <c r="A6508">
        <v>18504</v>
      </c>
      <c r="B6508" t="s">
        <v>12992</v>
      </c>
      <c r="C6508" t="s">
        <v>12993</v>
      </c>
    </row>
    <row r="6509" spans="1:3" x14ac:dyDescent="0.15">
      <c r="A6509">
        <v>18503</v>
      </c>
      <c r="B6509" t="s">
        <v>12994</v>
      </c>
      <c r="C6509" t="s">
        <v>12995</v>
      </c>
    </row>
    <row r="6510" spans="1:3" x14ac:dyDescent="0.15">
      <c r="A6510">
        <v>18502</v>
      </c>
      <c r="B6510" t="s">
        <v>12996</v>
      </c>
      <c r="C6510" t="s">
        <v>12997</v>
      </c>
    </row>
    <row r="6511" spans="1:3" x14ac:dyDescent="0.15">
      <c r="A6511">
        <v>18501</v>
      </c>
      <c r="B6511" t="s">
        <v>12998</v>
      </c>
      <c r="C6511" t="s">
        <v>12999</v>
      </c>
    </row>
    <row r="6512" spans="1:3" x14ac:dyDescent="0.15">
      <c r="A6512">
        <v>18500</v>
      </c>
      <c r="B6512" t="s">
        <v>13000</v>
      </c>
      <c r="C6512" t="s">
        <v>13001</v>
      </c>
    </row>
    <row r="6513" spans="1:3" x14ac:dyDescent="0.15">
      <c r="A6513">
        <v>18499</v>
      </c>
      <c r="B6513" t="s">
        <v>13002</v>
      </c>
      <c r="C6513" t="s">
        <v>13003</v>
      </c>
    </row>
    <row r="6514" spans="1:3" x14ac:dyDescent="0.15">
      <c r="A6514">
        <v>18498</v>
      </c>
      <c r="B6514" t="s">
        <v>13004</v>
      </c>
      <c r="C6514" t="s">
        <v>13005</v>
      </c>
    </row>
    <row r="6515" spans="1:3" x14ac:dyDescent="0.15">
      <c r="A6515">
        <v>18497</v>
      </c>
      <c r="B6515" t="s">
        <v>13006</v>
      </c>
      <c r="C6515" t="s">
        <v>13007</v>
      </c>
    </row>
    <row r="6516" spans="1:3" x14ac:dyDescent="0.15">
      <c r="A6516">
        <v>18496</v>
      </c>
      <c r="B6516" t="s">
        <v>13008</v>
      </c>
      <c r="C6516" t="s">
        <v>13009</v>
      </c>
    </row>
    <row r="6517" spans="1:3" x14ac:dyDescent="0.15">
      <c r="A6517">
        <v>18495</v>
      </c>
      <c r="B6517" t="s">
        <v>13010</v>
      </c>
      <c r="C6517" t="s">
        <v>13011</v>
      </c>
    </row>
    <row r="6518" spans="1:3" x14ac:dyDescent="0.15">
      <c r="A6518">
        <v>18494</v>
      </c>
      <c r="B6518" t="s">
        <v>13012</v>
      </c>
      <c r="C6518" t="s">
        <v>13013</v>
      </c>
    </row>
    <row r="6519" spans="1:3" x14ac:dyDescent="0.15">
      <c r="A6519">
        <v>18493</v>
      </c>
      <c r="B6519" t="s">
        <v>13014</v>
      </c>
      <c r="C6519" t="s">
        <v>13015</v>
      </c>
    </row>
    <row r="6520" spans="1:3" x14ac:dyDescent="0.15">
      <c r="A6520">
        <v>18492</v>
      </c>
      <c r="B6520" t="s">
        <v>13016</v>
      </c>
      <c r="C6520" t="s">
        <v>13017</v>
      </c>
    </row>
    <row r="6521" spans="1:3" x14ac:dyDescent="0.15">
      <c r="A6521">
        <v>18491</v>
      </c>
      <c r="B6521" t="s">
        <v>13018</v>
      </c>
      <c r="C6521" t="s">
        <v>13019</v>
      </c>
    </row>
    <row r="6522" spans="1:3" x14ac:dyDescent="0.15">
      <c r="A6522">
        <v>18490</v>
      </c>
      <c r="B6522" t="s">
        <v>13020</v>
      </c>
      <c r="C6522" t="s">
        <v>13021</v>
      </c>
    </row>
    <row r="6523" spans="1:3" x14ac:dyDescent="0.15">
      <c r="A6523">
        <v>18489</v>
      </c>
      <c r="B6523" t="s">
        <v>13022</v>
      </c>
      <c r="C6523" t="s">
        <v>13023</v>
      </c>
    </row>
    <row r="6524" spans="1:3" x14ac:dyDescent="0.15">
      <c r="A6524">
        <v>18488</v>
      </c>
      <c r="B6524" t="s">
        <v>13024</v>
      </c>
      <c r="C6524" t="s">
        <v>13025</v>
      </c>
    </row>
    <row r="6525" spans="1:3" x14ac:dyDescent="0.15">
      <c r="A6525">
        <v>18487</v>
      </c>
      <c r="B6525" t="s">
        <v>13026</v>
      </c>
      <c r="C6525" t="s">
        <v>13027</v>
      </c>
    </row>
    <row r="6526" spans="1:3" x14ac:dyDescent="0.15">
      <c r="A6526">
        <v>18486</v>
      </c>
      <c r="B6526" t="s">
        <v>13028</v>
      </c>
      <c r="C6526" t="s">
        <v>13029</v>
      </c>
    </row>
    <row r="6527" spans="1:3" x14ac:dyDescent="0.15">
      <c r="A6527">
        <v>18485</v>
      </c>
      <c r="B6527" t="s">
        <v>13030</v>
      </c>
      <c r="C6527" t="s">
        <v>13031</v>
      </c>
    </row>
    <row r="6528" spans="1:3" x14ac:dyDescent="0.15">
      <c r="A6528">
        <v>18484</v>
      </c>
      <c r="B6528" t="s">
        <v>13032</v>
      </c>
      <c r="C6528" t="s">
        <v>13033</v>
      </c>
    </row>
    <row r="6529" spans="1:3" x14ac:dyDescent="0.15">
      <c r="A6529">
        <v>18483</v>
      </c>
      <c r="B6529" t="s">
        <v>13034</v>
      </c>
      <c r="C6529" t="s">
        <v>13035</v>
      </c>
    </row>
    <row r="6530" spans="1:3" x14ac:dyDescent="0.15">
      <c r="A6530">
        <v>18482</v>
      </c>
      <c r="B6530" t="s">
        <v>13036</v>
      </c>
      <c r="C6530" t="s">
        <v>13037</v>
      </c>
    </row>
    <row r="6531" spans="1:3" x14ac:dyDescent="0.15">
      <c r="A6531">
        <v>18481</v>
      </c>
      <c r="B6531" t="s">
        <v>13038</v>
      </c>
      <c r="C6531" t="s">
        <v>13039</v>
      </c>
    </row>
    <row r="6532" spans="1:3" x14ac:dyDescent="0.15">
      <c r="A6532">
        <v>18480</v>
      </c>
      <c r="B6532" t="s">
        <v>13040</v>
      </c>
      <c r="C6532" t="s">
        <v>13041</v>
      </c>
    </row>
    <row r="6533" spans="1:3" x14ac:dyDescent="0.15">
      <c r="A6533">
        <v>18479</v>
      </c>
      <c r="B6533" t="s">
        <v>13042</v>
      </c>
      <c r="C6533" t="s">
        <v>13043</v>
      </c>
    </row>
    <row r="6534" spans="1:3" x14ac:dyDescent="0.15">
      <c r="A6534">
        <v>18478</v>
      </c>
      <c r="B6534" t="s">
        <v>13044</v>
      </c>
      <c r="C6534" t="s">
        <v>13045</v>
      </c>
    </row>
    <row r="6535" spans="1:3" x14ac:dyDescent="0.15">
      <c r="A6535">
        <v>18477</v>
      </c>
      <c r="B6535" t="s">
        <v>13046</v>
      </c>
      <c r="C6535" t="s">
        <v>13047</v>
      </c>
    </row>
    <row r="6536" spans="1:3" x14ac:dyDescent="0.15">
      <c r="A6536">
        <v>18476</v>
      </c>
      <c r="B6536" t="s">
        <v>13048</v>
      </c>
      <c r="C6536" t="s">
        <v>13049</v>
      </c>
    </row>
    <row r="6537" spans="1:3" x14ac:dyDescent="0.15">
      <c r="A6537">
        <v>18475</v>
      </c>
      <c r="B6537" t="s">
        <v>13050</v>
      </c>
      <c r="C6537" t="s">
        <v>13051</v>
      </c>
    </row>
    <row r="6538" spans="1:3" x14ac:dyDescent="0.15">
      <c r="A6538">
        <v>18474</v>
      </c>
      <c r="B6538" t="s">
        <v>13052</v>
      </c>
      <c r="C6538" t="s">
        <v>13053</v>
      </c>
    </row>
    <row r="6539" spans="1:3" x14ac:dyDescent="0.15">
      <c r="A6539">
        <v>18473</v>
      </c>
      <c r="B6539" t="s">
        <v>13054</v>
      </c>
      <c r="C6539" t="s">
        <v>13055</v>
      </c>
    </row>
    <row r="6540" spans="1:3" x14ac:dyDescent="0.15">
      <c r="A6540">
        <v>18472</v>
      </c>
      <c r="B6540" t="s">
        <v>13056</v>
      </c>
      <c r="C6540" t="s">
        <v>13057</v>
      </c>
    </row>
    <row r="6541" spans="1:3" x14ac:dyDescent="0.15">
      <c r="A6541">
        <v>18471</v>
      </c>
      <c r="B6541" t="s">
        <v>13058</v>
      </c>
      <c r="C6541" t="s">
        <v>13059</v>
      </c>
    </row>
    <row r="6542" spans="1:3" x14ac:dyDescent="0.15">
      <c r="A6542">
        <v>18470</v>
      </c>
      <c r="B6542" t="s">
        <v>13060</v>
      </c>
      <c r="C6542" t="s">
        <v>13061</v>
      </c>
    </row>
    <row r="6543" spans="1:3" x14ac:dyDescent="0.15">
      <c r="A6543">
        <v>18469</v>
      </c>
      <c r="B6543" t="s">
        <v>13062</v>
      </c>
      <c r="C6543" t="s">
        <v>13063</v>
      </c>
    </row>
    <row r="6544" spans="1:3" x14ac:dyDescent="0.15">
      <c r="A6544">
        <v>18468</v>
      </c>
      <c r="B6544" t="s">
        <v>13064</v>
      </c>
      <c r="C6544" t="s">
        <v>13065</v>
      </c>
    </row>
    <row r="6545" spans="1:3" x14ac:dyDescent="0.15">
      <c r="A6545">
        <v>18467</v>
      </c>
      <c r="B6545" t="s">
        <v>13066</v>
      </c>
      <c r="C6545" t="s">
        <v>13067</v>
      </c>
    </row>
    <row r="6546" spans="1:3" x14ac:dyDescent="0.15">
      <c r="A6546">
        <v>18466</v>
      </c>
      <c r="B6546" t="s">
        <v>13068</v>
      </c>
      <c r="C6546" t="s">
        <v>13069</v>
      </c>
    </row>
    <row r="6547" spans="1:3" x14ac:dyDescent="0.15">
      <c r="A6547">
        <v>18465</v>
      </c>
      <c r="B6547" t="s">
        <v>13070</v>
      </c>
      <c r="C6547" t="s">
        <v>13071</v>
      </c>
    </row>
    <row r="6548" spans="1:3" x14ac:dyDescent="0.15">
      <c r="A6548">
        <v>18464</v>
      </c>
      <c r="B6548" t="s">
        <v>13072</v>
      </c>
      <c r="C6548" t="s">
        <v>13073</v>
      </c>
    </row>
    <row r="6549" spans="1:3" x14ac:dyDescent="0.15">
      <c r="A6549">
        <v>18463</v>
      </c>
      <c r="B6549" t="s">
        <v>13074</v>
      </c>
      <c r="C6549" t="s">
        <v>13075</v>
      </c>
    </row>
    <row r="6550" spans="1:3" x14ac:dyDescent="0.15">
      <c r="A6550">
        <v>18462</v>
      </c>
      <c r="B6550" t="s">
        <v>13076</v>
      </c>
      <c r="C6550" t="s">
        <v>13077</v>
      </c>
    </row>
    <row r="6551" spans="1:3" x14ac:dyDescent="0.15">
      <c r="A6551">
        <v>18461</v>
      </c>
      <c r="B6551" t="s">
        <v>13078</v>
      </c>
      <c r="C6551" t="s">
        <v>13079</v>
      </c>
    </row>
    <row r="6552" spans="1:3" x14ac:dyDescent="0.15">
      <c r="A6552">
        <v>18460</v>
      </c>
      <c r="B6552" t="s">
        <v>13080</v>
      </c>
      <c r="C6552" t="s">
        <v>13081</v>
      </c>
    </row>
    <row r="6553" spans="1:3" x14ac:dyDescent="0.15">
      <c r="A6553">
        <v>18459</v>
      </c>
      <c r="B6553" t="s">
        <v>13082</v>
      </c>
      <c r="C6553" t="s">
        <v>13083</v>
      </c>
    </row>
    <row r="6554" spans="1:3" x14ac:dyDescent="0.15">
      <c r="A6554">
        <v>18458</v>
      </c>
      <c r="B6554" t="s">
        <v>13084</v>
      </c>
      <c r="C6554" t="s">
        <v>13085</v>
      </c>
    </row>
    <row r="6555" spans="1:3" x14ac:dyDescent="0.15">
      <c r="A6555">
        <v>18457</v>
      </c>
      <c r="B6555" t="s">
        <v>13086</v>
      </c>
      <c r="C6555" t="s">
        <v>13087</v>
      </c>
    </row>
    <row r="6556" spans="1:3" x14ac:dyDescent="0.15">
      <c r="A6556">
        <v>18456</v>
      </c>
      <c r="B6556" t="s">
        <v>13088</v>
      </c>
      <c r="C6556" t="s">
        <v>13089</v>
      </c>
    </row>
    <row r="6557" spans="1:3" x14ac:dyDescent="0.15">
      <c r="A6557">
        <v>18455</v>
      </c>
      <c r="B6557" t="s">
        <v>13090</v>
      </c>
      <c r="C6557" t="s">
        <v>13091</v>
      </c>
    </row>
    <row r="6558" spans="1:3" x14ac:dyDescent="0.15">
      <c r="A6558">
        <v>18454</v>
      </c>
      <c r="B6558" t="s">
        <v>13092</v>
      </c>
      <c r="C6558" t="s">
        <v>13093</v>
      </c>
    </row>
    <row r="6559" spans="1:3" x14ac:dyDescent="0.15">
      <c r="A6559">
        <v>18453</v>
      </c>
      <c r="B6559" t="s">
        <v>13094</v>
      </c>
      <c r="C6559" t="s">
        <v>13095</v>
      </c>
    </row>
    <row r="6560" spans="1:3" x14ac:dyDescent="0.15">
      <c r="A6560">
        <v>18452</v>
      </c>
      <c r="B6560" t="s">
        <v>13096</v>
      </c>
      <c r="C6560" t="s">
        <v>13097</v>
      </c>
    </row>
    <row r="6561" spans="1:3" x14ac:dyDescent="0.15">
      <c r="A6561">
        <v>18451</v>
      </c>
      <c r="B6561" t="s">
        <v>13098</v>
      </c>
      <c r="C6561" t="s">
        <v>13099</v>
      </c>
    </row>
    <row r="6562" spans="1:3" x14ac:dyDescent="0.15">
      <c r="A6562">
        <v>18450</v>
      </c>
      <c r="B6562" t="s">
        <v>13100</v>
      </c>
      <c r="C6562" t="s">
        <v>13101</v>
      </c>
    </row>
    <row r="6563" spans="1:3" x14ac:dyDescent="0.15">
      <c r="A6563">
        <v>18449</v>
      </c>
      <c r="B6563" t="s">
        <v>13102</v>
      </c>
      <c r="C6563" t="s">
        <v>13103</v>
      </c>
    </row>
    <row r="6564" spans="1:3" x14ac:dyDescent="0.15">
      <c r="A6564">
        <v>18448</v>
      </c>
      <c r="B6564" t="s">
        <v>13104</v>
      </c>
      <c r="C6564" t="s">
        <v>13105</v>
      </c>
    </row>
    <row r="6565" spans="1:3" x14ac:dyDescent="0.15">
      <c r="A6565">
        <v>18447</v>
      </c>
      <c r="B6565" t="s">
        <v>13106</v>
      </c>
      <c r="C6565" t="s">
        <v>13107</v>
      </c>
    </row>
    <row r="6566" spans="1:3" x14ac:dyDescent="0.15">
      <c r="A6566">
        <v>18446</v>
      </c>
      <c r="B6566" t="s">
        <v>13108</v>
      </c>
      <c r="C6566" t="s">
        <v>13109</v>
      </c>
    </row>
    <row r="6567" spans="1:3" x14ac:dyDescent="0.15">
      <c r="A6567">
        <v>18445</v>
      </c>
      <c r="B6567" t="s">
        <v>13110</v>
      </c>
      <c r="C6567" t="s">
        <v>13111</v>
      </c>
    </row>
    <row r="6568" spans="1:3" x14ac:dyDescent="0.15">
      <c r="A6568">
        <v>18444</v>
      </c>
      <c r="B6568" t="s">
        <v>13112</v>
      </c>
      <c r="C6568" t="s">
        <v>13113</v>
      </c>
    </row>
    <row r="6569" spans="1:3" x14ac:dyDescent="0.15">
      <c r="A6569">
        <v>18443</v>
      </c>
      <c r="B6569" t="s">
        <v>13114</v>
      </c>
      <c r="C6569" t="s">
        <v>13115</v>
      </c>
    </row>
    <row r="6570" spans="1:3" x14ac:dyDescent="0.15">
      <c r="A6570">
        <v>18442</v>
      </c>
      <c r="B6570" t="s">
        <v>13116</v>
      </c>
      <c r="C6570" t="s">
        <v>13117</v>
      </c>
    </row>
    <row r="6571" spans="1:3" x14ac:dyDescent="0.15">
      <c r="A6571">
        <v>18441</v>
      </c>
      <c r="B6571" t="s">
        <v>13118</v>
      </c>
      <c r="C6571" t="s">
        <v>13119</v>
      </c>
    </row>
    <row r="6572" spans="1:3" x14ac:dyDescent="0.15">
      <c r="A6572">
        <v>18440</v>
      </c>
      <c r="B6572" t="s">
        <v>13120</v>
      </c>
      <c r="C6572" t="s">
        <v>13121</v>
      </c>
    </row>
    <row r="6573" spans="1:3" x14ac:dyDescent="0.15">
      <c r="A6573">
        <v>18439</v>
      </c>
      <c r="B6573" t="s">
        <v>13122</v>
      </c>
      <c r="C6573" t="s">
        <v>491</v>
      </c>
    </row>
    <row r="6574" spans="1:3" x14ac:dyDescent="0.15">
      <c r="A6574">
        <v>18438</v>
      </c>
      <c r="B6574" t="s">
        <v>13123</v>
      </c>
      <c r="C6574" t="s">
        <v>13124</v>
      </c>
    </row>
    <row r="6575" spans="1:3" x14ac:dyDescent="0.15">
      <c r="A6575">
        <v>18437</v>
      </c>
      <c r="B6575" t="s">
        <v>13125</v>
      </c>
      <c r="C6575" t="s">
        <v>13126</v>
      </c>
    </row>
    <row r="6576" spans="1:3" x14ac:dyDescent="0.15">
      <c r="A6576">
        <v>18436</v>
      </c>
      <c r="B6576" t="s">
        <v>13127</v>
      </c>
      <c r="C6576" t="s">
        <v>13128</v>
      </c>
    </row>
    <row r="6577" spans="1:3" x14ac:dyDescent="0.15">
      <c r="A6577">
        <v>18435</v>
      </c>
      <c r="B6577" t="s">
        <v>13129</v>
      </c>
      <c r="C6577" t="s">
        <v>13130</v>
      </c>
    </row>
    <row r="6578" spans="1:3" x14ac:dyDescent="0.15">
      <c r="A6578">
        <v>18434</v>
      </c>
      <c r="B6578" t="s">
        <v>13131</v>
      </c>
      <c r="C6578" t="s">
        <v>13132</v>
      </c>
    </row>
    <row r="6579" spans="1:3" x14ac:dyDescent="0.15">
      <c r="A6579">
        <v>18433</v>
      </c>
      <c r="B6579" t="s">
        <v>13133</v>
      </c>
      <c r="C6579" t="s">
        <v>13134</v>
      </c>
    </row>
    <row r="6580" spans="1:3" x14ac:dyDescent="0.15">
      <c r="A6580">
        <v>18432</v>
      </c>
      <c r="B6580" t="s">
        <v>13135</v>
      </c>
      <c r="C6580" t="s">
        <v>13136</v>
      </c>
    </row>
    <row r="6581" spans="1:3" x14ac:dyDescent="0.15">
      <c r="A6581">
        <v>18431</v>
      </c>
      <c r="B6581" t="s">
        <v>13137</v>
      </c>
      <c r="C6581" t="s">
        <v>13138</v>
      </c>
    </row>
    <row r="6582" spans="1:3" x14ac:dyDescent="0.15">
      <c r="A6582">
        <v>18430</v>
      </c>
      <c r="B6582" t="s">
        <v>13139</v>
      </c>
      <c r="C6582" t="s">
        <v>13140</v>
      </c>
    </row>
    <row r="6583" spans="1:3" x14ac:dyDescent="0.15">
      <c r="A6583">
        <v>18429</v>
      </c>
      <c r="B6583" t="s">
        <v>13141</v>
      </c>
      <c r="C6583" t="s">
        <v>13142</v>
      </c>
    </row>
    <row r="6584" spans="1:3" x14ac:dyDescent="0.15">
      <c r="A6584">
        <v>18428</v>
      </c>
      <c r="B6584" t="s">
        <v>13143</v>
      </c>
      <c r="C6584" t="s">
        <v>13144</v>
      </c>
    </row>
    <row r="6585" spans="1:3" x14ac:dyDescent="0.15">
      <c r="A6585">
        <v>18427</v>
      </c>
      <c r="B6585" t="s">
        <v>13145</v>
      </c>
      <c r="C6585" t="s">
        <v>13146</v>
      </c>
    </row>
    <row r="6586" spans="1:3" x14ac:dyDescent="0.15">
      <c r="A6586">
        <v>18426</v>
      </c>
      <c r="B6586" t="s">
        <v>13147</v>
      </c>
      <c r="C6586" t="s">
        <v>13148</v>
      </c>
    </row>
    <row r="6587" spans="1:3" x14ac:dyDescent="0.15">
      <c r="A6587">
        <v>18425</v>
      </c>
      <c r="B6587" t="s">
        <v>13149</v>
      </c>
      <c r="C6587" t="s">
        <v>13150</v>
      </c>
    </row>
    <row r="6588" spans="1:3" x14ac:dyDescent="0.15">
      <c r="A6588">
        <v>18424</v>
      </c>
      <c r="B6588" t="s">
        <v>13151</v>
      </c>
      <c r="C6588" t="s">
        <v>13152</v>
      </c>
    </row>
    <row r="6589" spans="1:3" x14ac:dyDescent="0.15">
      <c r="A6589">
        <v>18423</v>
      </c>
      <c r="B6589" t="s">
        <v>13153</v>
      </c>
      <c r="C6589" t="s">
        <v>13154</v>
      </c>
    </row>
    <row r="6590" spans="1:3" x14ac:dyDescent="0.15">
      <c r="A6590">
        <v>18422</v>
      </c>
      <c r="B6590" t="s">
        <v>13155</v>
      </c>
      <c r="C6590" t="s">
        <v>13156</v>
      </c>
    </row>
    <row r="6591" spans="1:3" x14ac:dyDescent="0.15">
      <c r="A6591">
        <v>18421</v>
      </c>
      <c r="B6591" t="s">
        <v>13157</v>
      </c>
      <c r="C6591" t="s">
        <v>13158</v>
      </c>
    </row>
    <row r="6592" spans="1:3" x14ac:dyDescent="0.15">
      <c r="A6592">
        <v>18420</v>
      </c>
      <c r="B6592" t="s">
        <v>13159</v>
      </c>
      <c r="C6592" t="s">
        <v>13160</v>
      </c>
    </row>
    <row r="6593" spans="1:3" x14ac:dyDescent="0.15">
      <c r="A6593">
        <v>18419</v>
      </c>
      <c r="B6593" t="s">
        <v>13161</v>
      </c>
      <c r="C6593" t="s">
        <v>13162</v>
      </c>
    </row>
    <row r="6594" spans="1:3" x14ac:dyDescent="0.15">
      <c r="A6594">
        <v>18418</v>
      </c>
      <c r="B6594" t="s">
        <v>13163</v>
      </c>
      <c r="C6594" t="s">
        <v>13164</v>
      </c>
    </row>
    <row r="6595" spans="1:3" x14ac:dyDescent="0.15">
      <c r="A6595">
        <v>18417</v>
      </c>
      <c r="B6595" t="s">
        <v>13165</v>
      </c>
      <c r="C6595" t="s">
        <v>13166</v>
      </c>
    </row>
    <row r="6596" spans="1:3" x14ac:dyDescent="0.15">
      <c r="A6596">
        <v>18416</v>
      </c>
      <c r="B6596" t="s">
        <v>13167</v>
      </c>
      <c r="C6596" t="s">
        <v>13168</v>
      </c>
    </row>
    <row r="6597" spans="1:3" x14ac:dyDescent="0.15">
      <c r="A6597">
        <v>18415</v>
      </c>
      <c r="B6597" t="s">
        <v>13169</v>
      </c>
      <c r="C6597" t="s">
        <v>13170</v>
      </c>
    </row>
    <row r="6598" spans="1:3" x14ac:dyDescent="0.15">
      <c r="A6598">
        <v>18414</v>
      </c>
      <c r="B6598" t="s">
        <v>13171</v>
      </c>
      <c r="C6598" t="s">
        <v>13172</v>
      </c>
    </row>
    <row r="6599" spans="1:3" x14ac:dyDescent="0.15">
      <c r="A6599">
        <v>18413</v>
      </c>
      <c r="B6599" t="s">
        <v>13173</v>
      </c>
      <c r="C6599" t="s">
        <v>13174</v>
      </c>
    </row>
    <row r="6600" spans="1:3" x14ac:dyDescent="0.15">
      <c r="A6600">
        <v>18412</v>
      </c>
      <c r="B6600" t="s">
        <v>13175</v>
      </c>
      <c r="C6600" t="s">
        <v>13176</v>
      </c>
    </row>
    <row r="6601" spans="1:3" x14ac:dyDescent="0.15">
      <c r="A6601">
        <v>18411</v>
      </c>
      <c r="B6601" t="s">
        <v>13177</v>
      </c>
      <c r="C6601" t="s">
        <v>13178</v>
      </c>
    </row>
    <row r="6602" spans="1:3" x14ac:dyDescent="0.15">
      <c r="A6602">
        <v>18410</v>
      </c>
      <c r="B6602" t="s">
        <v>13179</v>
      </c>
      <c r="C6602" t="s">
        <v>13180</v>
      </c>
    </row>
    <row r="6603" spans="1:3" x14ac:dyDescent="0.15">
      <c r="A6603">
        <v>18409</v>
      </c>
      <c r="B6603" t="s">
        <v>13181</v>
      </c>
      <c r="C6603" t="s">
        <v>13182</v>
      </c>
    </row>
    <row r="6604" spans="1:3" x14ac:dyDescent="0.15">
      <c r="A6604">
        <v>18408</v>
      </c>
      <c r="B6604" t="s">
        <v>13183</v>
      </c>
      <c r="C6604" t="s">
        <v>13184</v>
      </c>
    </row>
    <row r="6605" spans="1:3" x14ac:dyDescent="0.15">
      <c r="A6605">
        <v>18407</v>
      </c>
      <c r="B6605" t="s">
        <v>13185</v>
      </c>
      <c r="C6605" t="s">
        <v>13186</v>
      </c>
    </row>
    <row r="6606" spans="1:3" x14ac:dyDescent="0.15">
      <c r="A6606">
        <v>18406</v>
      </c>
      <c r="B6606" t="s">
        <v>13187</v>
      </c>
      <c r="C6606" t="s">
        <v>13188</v>
      </c>
    </row>
    <row r="6607" spans="1:3" x14ac:dyDescent="0.15">
      <c r="A6607">
        <v>18405</v>
      </c>
      <c r="B6607" t="s">
        <v>13189</v>
      </c>
      <c r="C6607" t="s">
        <v>13190</v>
      </c>
    </row>
    <row r="6608" spans="1:3" x14ac:dyDescent="0.15">
      <c r="A6608">
        <v>18404</v>
      </c>
      <c r="B6608" t="s">
        <v>13191</v>
      </c>
      <c r="C6608" t="s">
        <v>13192</v>
      </c>
    </row>
    <row r="6609" spans="1:3" x14ac:dyDescent="0.15">
      <c r="A6609">
        <v>18403</v>
      </c>
      <c r="B6609" t="s">
        <v>13193</v>
      </c>
      <c r="C6609" t="s">
        <v>13194</v>
      </c>
    </row>
    <row r="6610" spans="1:3" x14ac:dyDescent="0.15">
      <c r="A6610">
        <v>18402</v>
      </c>
      <c r="B6610" t="s">
        <v>13195</v>
      </c>
      <c r="C6610" t="s">
        <v>13196</v>
      </c>
    </row>
    <row r="6611" spans="1:3" x14ac:dyDescent="0.15">
      <c r="A6611">
        <v>18401</v>
      </c>
      <c r="B6611" t="s">
        <v>13197</v>
      </c>
      <c r="C6611" t="s">
        <v>13198</v>
      </c>
    </row>
    <row r="6612" spans="1:3" x14ac:dyDescent="0.15">
      <c r="A6612">
        <v>18400</v>
      </c>
      <c r="B6612" t="s">
        <v>13199</v>
      </c>
      <c r="C6612" t="s">
        <v>13200</v>
      </c>
    </row>
    <row r="6613" spans="1:3" x14ac:dyDescent="0.15">
      <c r="A6613">
        <v>18399</v>
      </c>
      <c r="B6613" t="s">
        <v>13201</v>
      </c>
      <c r="C6613" t="s">
        <v>13202</v>
      </c>
    </row>
    <row r="6614" spans="1:3" x14ac:dyDescent="0.15">
      <c r="A6614">
        <v>18398</v>
      </c>
      <c r="B6614" t="s">
        <v>13203</v>
      </c>
      <c r="C6614" t="s">
        <v>13204</v>
      </c>
    </row>
    <row r="6615" spans="1:3" x14ac:dyDescent="0.15">
      <c r="A6615">
        <v>18397</v>
      </c>
      <c r="B6615" t="s">
        <v>13205</v>
      </c>
      <c r="C6615" t="s">
        <v>13206</v>
      </c>
    </row>
    <row r="6616" spans="1:3" x14ac:dyDescent="0.15">
      <c r="A6616">
        <v>18396</v>
      </c>
      <c r="B6616" t="s">
        <v>13207</v>
      </c>
      <c r="C6616" t="s">
        <v>13208</v>
      </c>
    </row>
    <row r="6617" spans="1:3" x14ac:dyDescent="0.15">
      <c r="A6617">
        <v>18395</v>
      </c>
      <c r="B6617" t="s">
        <v>13209</v>
      </c>
      <c r="C6617" t="s">
        <v>13210</v>
      </c>
    </row>
    <row r="6618" spans="1:3" x14ac:dyDescent="0.15">
      <c r="A6618">
        <v>18394</v>
      </c>
      <c r="B6618" t="s">
        <v>13211</v>
      </c>
      <c r="C6618" t="s">
        <v>13212</v>
      </c>
    </row>
    <row r="6619" spans="1:3" x14ac:dyDescent="0.15">
      <c r="A6619">
        <v>18393</v>
      </c>
      <c r="B6619" t="s">
        <v>13213</v>
      </c>
      <c r="C6619" t="s">
        <v>13214</v>
      </c>
    </row>
    <row r="6620" spans="1:3" x14ac:dyDescent="0.15">
      <c r="A6620">
        <v>18392</v>
      </c>
      <c r="B6620" t="s">
        <v>13215</v>
      </c>
      <c r="C6620" t="s">
        <v>13216</v>
      </c>
    </row>
    <row r="6621" spans="1:3" x14ac:dyDescent="0.15">
      <c r="A6621">
        <v>18391</v>
      </c>
      <c r="B6621" t="s">
        <v>13217</v>
      </c>
      <c r="C6621" t="s">
        <v>13218</v>
      </c>
    </row>
    <row r="6622" spans="1:3" x14ac:dyDescent="0.15">
      <c r="A6622">
        <v>18390</v>
      </c>
      <c r="B6622" t="s">
        <v>13219</v>
      </c>
      <c r="C6622" t="s">
        <v>13220</v>
      </c>
    </row>
    <row r="6623" spans="1:3" x14ac:dyDescent="0.15">
      <c r="A6623">
        <v>18389</v>
      </c>
      <c r="B6623" t="s">
        <v>13221</v>
      </c>
      <c r="C6623" t="s">
        <v>13222</v>
      </c>
    </row>
    <row r="6624" spans="1:3" x14ac:dyDescent="0.15">
      <c r="A6624">
        <v>18388</v>
      </c>
      <c r="B6624" t="s">
        <v>13223</v>
      </c>
      <c r="C6624" t="s">
        <v>13224</v>
      </c>
    </row>
    <row r="6625" spans="1:3" x14ac:dyDescent="0.15">
      <c r="A6625">
        <v>18387</v>
      </c>
      <c r="B6625" t="s">
        <v>13225</v>
      </c>
      <c r="C6625" t="s">
        <v>13226</v>
      </c>
    </row>
    <row r="6626" spans="1:3" x14ac:dyDescent="0.15">
      <c r="A6626">
        <v>18386</v>
      </c>
      <c r="B6626" t="s">
        <v>13227</v>
      </c>
      <c r="C6626" t="s">
        <v>13228</v>
      </c>
    </row>
    <row r="6627" spans="1:3" x14ac:dyDescent="0.15">
      <c r="A6627">
        <v>18385</v>
      </c>
      <c r="B6627" t="s">
        <v>13229</v>
      </c>
      <c r="C6627" t="s">
        <v>13230</v>
      </c>
    </row>
    <row r="6628" spans="1:3" x14ac:dyDescent="0.15">
      <c r="A6628">
        <v>18384</v>
      </c>
      <c r="B6628" t="s">
        <v>13231</v>
      </c>
      <c r="C6628" t="s">
        <v>13232</v>
      </c>
    </row>
    <row r="6629" spans="1:3" x14ac:dyDescent="0.15">
      <c r="A6629">
        <v>18383</v>
      </c>
      <c r="B6629" t="s">
        <v>13233</v>
      </c>
      <c r="C6629" t="s">
        <v>13234</v>
      </c>
    </row>
    <row r="6630" spans="1:3" x14ac:dyDescent="0.15">
      <c r="A6630">
        <v>18382</v>
      </c>
      <c r="B6630" t="s">
        <v>13235</v>
      </c>
      <c r="C6630" t="s">
        <v>13236</v>
      </c>
    </row>
    <row r="6631" spans="1:3" x14ac:dyDescent="0.15">
      <c r="A6631">
        <v>18381</v>
      </c>
      <c r="B6631" t="s">
        <v>13237</v>
      </c>
      <c r="C6631" t="s">
        <v>13238</v>
      </c>
    </row>
    <row r="6632" spans="1:3" x14ac:dyDescent="0.15">
      <c r="A6632">
        <v>18380</v>
      </c>
      <c r="B6632" t="s">
        <v>13239</v>
      </c>
      <c r="C6632" t="s">
        <v>13240</v>
      </c>
    </row>
    <row r="6633" spans="1:3" x14ac:dyDescent="0.15">
      <c r="A6633">
        <v>18379</v>
      </c>
      <c r="B6633" t="s">
        <v>13241</v>
      </c>
      <c r="C6633" t="s">
        <v>13242</v>
      </c>
    </row>
    <row r="6634" spans="1:3" x14ac:dyDescent="0.15">
      <c r="A6634">
        <v>18378</v>
      </c>
      <c r="B6634" t="s">
        <v>13243</v>
      </c>
      <c r="C6634" t="s">
        <v>13244</v>
      </c>
    </row>
    <row r="6635" spans="1:3" x14ac:dyDescent="0.15">
      <c r="A6635">
        <v>18377</v>
      </c>
      <c r="B6635" t="s">
        <v>13245</v>
      </c>
      <c r="C6635" t="s">
        <v>13246</v>
      </c>
    </row>
    <row r="6636" spans="1:3" x14ac:dyDescent="0.15">
      <c r="A6636">
        <v>18376</v>
      </c>
      <c r="B6636" t="s">
        <v>13247</v>
      </c>
      <c r="C6636" t="s">
        <v>13248</v>
      </c>
    </row>
    <row r="6637" spans="1:3" x14ac:dyDescent="0.15">
      <c r="A6637">
        <v>18375</v>
      </c>
      <c r="B6637" t="s">
        <v>13249</v>
      </c>
      <c r="C6637" t="s">
        <v>13250</v>
      </c>
    </row>
    <row r="6638" spans="1:3" x14ac:dyDescent="0.15">
      <c r="A6638">
        <v>18374</v>
      </c>
      <c r="B6638" t="s">
        <v>13251</v>
      </c>
      <c r="C6638" t="s">
        <v>13252</v>
      </c>
    </row>
    <row r="6639" spans="1:3" x14ac:dyDescent="0.15">
      <c r="A6639">
        <v>18373</v>
      </c>
      <c r="B6639" t="s">
        <v>13253</v>
      </c>
      <c r="C6639" t="s">
        <v>13065</v>
      </c>
    </row>
    <row r="6640" spans="1:3" x14ac:dyDescent="0.15">
      <c r="A6640">
        <v>18372</v>
      </c>
      <c r="B6640" t="s">
        <v>13254</v>
      </c>
      <c r="C6640" t="s">
        <v>13255</v>
      </c>
    </row>
    <row r="6641" spans="1:3" x14ac:dyDescent="0.15">
      <c r="A6641">
        <v>18371</v>
      </c>
      <c r="B6641" t="s">
        <v>13256</v>
      </c>
      <c r="C6641" t="s">
        <v>13257</v>
      </c>
    </row>
    <row r="6642" spans="1:3" x14ac:dyDescent="0.15">
      <c r="A6642">
        <v>18370</v>
      </c>
      <c r="B6642" t="s">
        <v>13258</v>
      </c>
      <c r="C6642" t="s">
        <v>13259</v>
      </c>
    </row>
    <row r="6643" spans="1:3" x14ac:dyDescent="0.15">
      <c r="A6643">
        <v>18369</v>
      </c>
      <c r="B6643" t="s">
        <v>13260</v>
      </c>
      <c r="C6643" t="s">
        <v>13261</v>
      </c>
    </row>
    <row r="6644" spans="1:3" x14ac:dyDescent="0.15">
      <c r="A6644">
        <v>18368</v>
      </c>
      <c r="B6644" t="s">
        <v>13262</v>
      </c>
      <c r="C6644" t="s">
        <v>13263</v>
      </c>
    </row>
    <row r="6645" spans="1:3" x14ac:dyDescent="0.15">
      <c r="A6645">
        <v>18367</v>
      </c>
      <c r="B6645" t="s">
        <v>13264</v>
      </c>
      <c r="C6645" t="s">
        <v>13265</v>
      </c>
    </row>
    <row r="6646" spans="1:3" x14ac:dyDescent="0.15">
      <c r="A6646">
        <v>18366</v>
      </c>
      <c r="B6646" t="s">
        <v>13266</v>
      </c>
      <c r="C6646" t="s">
        <v>13267</v>
      </c>
    </row>
    <row r="6647" spans="1:3" x14ac:dyDescent="0.15">
      <c r="A6647">
        <v>18365</v>
      </c>
      <c r="B6647" t="s">
        <v>13268</v>
      </c>
      <c r="C6647" t="s">
        <v>13269</v>
      </c>
    </row>
    <row r="6648" spans="1:3" x14ac:dyDescent="0.15">
      <c r="A6648">
        <v>18364</v>
      </c>
      <c r="B6648" t="s">
        <v>13270</v>
      </c>
      <c r="C6648" t="s">
        <v>13271</v>
      </c>
    </row>
    <row r="6649" spans="1:3" x14ac:dyDescent="0.15">
      <c r="A6649">
        <v>18363</v>
      </c>
      <c r="B6649" t="s">
        <v>13272</v>
      </c>
      <c r="C6649" t="s">
        <v>13273</v>
      </c>
    </row>
    <row r="6650" spans="1:3" x14ac:dyDescent="0.15">
      <c r="A6650">
        <v>18362</v>
      </c>
      <c r="B6650" t="s">
        <v>13274</v>
      </c>
      <c r="C6650" t="s">
        <v>13275</v>
      </c>
    </row>
    <row r="6651" spans="1:3" x14ac:dyDescent="0.15">
      <c r="A6651">
        <v>18361</v>
      </c>
      <c r="B6651" t="s">
        <v>13276</v>
      </c>
      <c r="C6651" t="s">
        <v>13277</v>
      </c>
    </row>
    <row r="6652" spans="1:3" x14ac:dyDescent="0.15">
      <c r="A6652">
        <v>18360</v>
      </c>
      <c r="B6652" t="s">
        <v>13278</v>
      </c>
      <c r="C6652" t="s">
        <v>13279</v>
      </c>
    </row>
    <row r="6653" spans="1:3" x14ac:dyDescent="0.15">
      <c r="A6653">
        <v>18359</v>
      </c>
      <c r="B6653" t="s">
        <v>13280</v>
      </c>
      <c r="C6653" t="s">
        <v>13281</v>
      </c>
    </row>
    <row r="6654" spans="1:3" x14ac:dyDescent="0.15">
      <c r="A6654">
        <v>18358</v>
      </c>
      <c r="B6654" t="s">
        <v>13282</v>
      </c>
      <c r="C6654" t="s">
        <v>13283</v>
      </c>
    </row>
    <row r="6655" spans="1:3" x14ac:dyDescent="0.15">
      <c r="A6655">
        <v>18357</v>
      </c>
      <c r="B6655" t="s">
        <v>13284</v>
      </c>
      <c r="C6655" t="s">
        <v>13285</v>
      </c>
    </row>
    <row r="6656" spans="1:3" x14ac:dyDescent="0.15">
      <c r="A6656">
        <v>18356</v>
      </c>
      <c r="B6656" t="s">
        <v>13286</v>
      </c>
      <c r="C6656" t="s">
        <v>13287</v>
      </c>
    </row>
    <row r="6657" spans="1:3" x14ac:dyDescent="0.15">
      <c r="A6657">
        <v>18355</v>
      </c>
      <c r="B6657" t="s">
        <v>13288</v>
      </c>
      <c r="C6657" t="s">
        <v>13289</v>
      </c>
    </row>
    <row r="6658" spans="1:3" x14ac:dyDescent="0.15">
      <c r="A6658">
        <v>18354</v>
      </c>
      <c r="B6658" t="s">
        <v>13290</v>
      </c>
      <c r="C6658" t="s">
        <v>13291</v>
      </c>
    </row>
    <row r="6659" spans="1:3" x14ac:dyDescent="0.15">
      <c r="A6659">
        <v>18353</v>
      </c>
      <c r="B6659" t="s">
        <v>13292</v>
      </c>
      <c r="C6659" t="s">
        <v>13293</v>
      </c>
    </row>
    <row r="6660" spans="1:3" x14ac:dyDescent="0.15">
      <c r="A6660">
        <v>18352</v>
      </c>
      <c r="B6660" t="s">
        <v>13294</v>
      </c>
      <c r="C6660" t="s">
        <v>13295</v>
      </c>
    </row>
    <row r="6661" spans="1:3" x14ac:dyDescent="0.15">
      <c r="A6661">
        <v>18351</v>
      </c>
      <c r="B6661" t="s">
        <v>13296</v>
      </c>
      <c r="C6661" t="s">
        <v>13297</v>
      </c>
    </row>
    <row r="6662" spans="1:3" x14ac:dyDescent="0.15">
      <c r="A6662">
        <v>18350</v>
      </c>
      <c r="B6662" t="s">
        <v>13298</v>
      </c>
      <c r="C6662" t="s">
        <v>13299</v>
      </c>
    </row>
    <row r="6663" spans="1:3" x14ac:dyDescent="0.15">
      <c r="A6663">
        <v>18349</v>
      </c>
      <c r="B6663" t="s">
        <v>13300</v>
      </c>
      <c r="C6663" t="s">
        <v>13301</v>
      </c>
    </row>
    <row r="6664" spans="1:3" x14ac:dyDescent="0.15">
      <c r="A6664">
        <v>18348</v>
      </c>
      <c r="B6664" t="s">
        <v>13302</v>
      </c>
      <c r="C6664" t="s">
        <v>13303</v>
      </c>
    </row>
    <row r="6665" spans="1:3" x14ac:dyDescent="0.15">
      <c r="A6665">
        <v>18347</v>
      </c>
      <c r="B6665" t="s">
        <v>13304</v>
      </c>
      <c r="C6665" t="s">
        <v>13305</v>
      </c>
    </row>
    <row r="6666" spans="1:3" x14ac:dyDescent="0.15">
      <c r="A6666">
        <v>18346</v>
      </c>
      <c r="B6666" t="s">
        <v>13306</v>
      </c>
      <c r="C6666" t="s">
        <v>13307</v>
      </c>
    </row>
    <row r="6667" spans="1:3" x14ac:dyDescent="0.15">
      <c r="A6667">
        <v>18345</v>
      </c>
      <c r="B6667" t="s">
        <v>13308</v>
      </c>
      <c r="C6667" t="s">
        <v>13309</v>
      </c>
    </row>
    <row r="6668" spans="1:3" x14ac:dyDescent="0.15">
      <c r="A6668">
        <v>18344</v>
      </c>
      <c r="B6668" t="s">
        <v>13310</v>
      </c>
      <c r="C6668" t="s">
        <v>13311</v>
      </c>
    </row>
    <row r="6669" spans="1:3" x14ac:dyDescent="0.15">
      <c r="A6669">
        <v>18343</v>
      </c>
      <c r="B6669" t="s">
        <v>13312</v>
      </c>
      <c r="C6669" t="s">
        <v>13313</v>
      </c>
    </row>
    <row r="6670" spans="1:3" x14ac:dyDescent="0.15">
      <c r="A6670">
        <v>18342</v>
      </c>
      <c r="B6670" t="s">
        <v>13314</v>
      </c>
      <c r="C6670" t="s">
        <v>13315</v>
      </c>
    </row>
    <row r="6671" spans="1:3" x14ac:dyDescent="0.15">
      <c r="A6671">
        <v>18341</v>
      </c>
      <c r="B6671" t="s">
        <v>13316</v>
      </c>
      <c r="C6671" t="s">
        <v>13317</v>
      </c>
    </row>
    <row r="6672" spans="1:3" x14ac:dyDescent="0.15">
      <c r="A6672">
        <v>18340</v>
      </c>
      <c r="B6672" t="s">
        <v>13318</v>
      </c>
      <c r="C6672" t="s">
        <v>13319</v>
      </c>
    </row>
    <row r="6673" spans="1:3" x14ac:dyDescent="0.15">
      <c r="A6673">
        <v>18339</v>
      </c>
      <c r="B6673" t="s">
        <v>13320</v>
      </c>
      <c r="C6673" t="s">
        <v>13321</v>
      </c>
    </row>
    <row r="6674" spans="1:3" x14ac:dyDescent="0.15">
      <c r="A6674">
        <v>18338</v>
      </c>
      <c r="B6674" t="s">
        <v>13322</v>
      </c>
      <c r="C6674" t="s">
        <v>13323</v>
      </c>
    </row>
    <row r="6675" spans="1:3" x14ac:dyDescent="0.15">
      <c r="A6675">
        <v>18337</v>
      </c>
      <c r="B6675" t="s">
        <v>13324</v>
      </c>
      <c r="C6675" t="s">
        <v>13325</v>
      </c>
    </row>
    <row r="6676" spans="1:3" x14ac:dyDescent="0.15">
      <c r="A6676">
        <v>18336</v>
      </c>
      <c r="B6676" t="s">
        <v>13326</v>
      </c>
      <c r="C6676" t="s">
        <v>13327</v>
      </c>
    </row>
    <row r="6677" spans="1:3" x14ac:dyDescent="0.15">
      <c r="A6677">
        <v>18335</v>
      </c>
      <c r="B6677" t="s">
        <v>13328</v>
      </c>
      <c r="C6677" t="s">
        <v>13329</v>
      </c>
    </row>
    <row r="6678" spans="1:3" x14ac:dyDescent="0.15">
      <c r="A6678">
        <v>18334</v>
      </c>
      <c r="B6678" t="s">
        <v>13330</v>
      </c>
      <c r="C6678" t="s">
        <v>13331</v>
      </c>
    </row>
    <row r="6679" spans="1:3" x14ac:dyDescent="0.15">
      <c r="A6679">
        <v>18333</v>
      </c>
      <c r="B6679" t="s">
        <v>13332</v>
      </c>
      <c r="C6679" t="s">
        <v>13333</v>
      </c>
    </row>
    <row r="6680" spans="1:3" x14ac:dyDescent="0.15">
      <c r="A6680">
        <v>18332</v>
      </c>
      <c r="B6680" t="s">
        <v>13334</v>
      </c>
      <c r="C6680" t="s">
        <v>13335</v>
      </c>
    </row>
    <row r="6681" spans="1:3" x14ac:dyDescent="0.15">
      <c r="A6681">
        <v>18331</v>
      </c>
      <c r="B6681" t="s">
        <v>13336</v>
      </c>
      <c r="C6681" t="s">
        <v>13337</v>
      </c>
    </row>
    <row r="6682" spans="1:3" x14ac:dyDescent="0.15">
      <c r="A6682">
        <v>18330</v>
      </c>
      <c r="B6682" t="s">
        <v>13338</v>
      </c>
      <c r="C6682" t="s">
        <v>13339</v>
      </c>
    </row>
    <row r="6683" spans="1:3" x14ac:dyDescent="0.15">
      <c r="A6683">
        <v>18329</v>
      </c>
      <c r="B6683" t="s">
        <v>13340</v>
      </c>
      <c r="C6683" t="s">
        <v>13341</v>
      </c>
    </row>
    <row r="6684" spans="1:3" x14ac:dyDescent="0.15">
      <c r="A6684">
        <v>18328</v>
      </c>
      <c r="B6684" t="s">
        <v>13342</v>
      </c>
      <c r="C6684" t="s">
        <v>13343</v>
      </c>
    </row>
    <row r="6685" spans="1:3" x14ac:dyDescent="0.15">
      <c r="A6685">
        <v>18327</v>
      </c>
      <c r="B6685" t="s">
        <v>13344</v>
      </c>
      <c r="C6685" t="s">
        <v>13345</v>
      </c>
    </row>
    <row r="6686" spans="1:3" x14ac:dyDescent="0.15">
      <c r="A6686">
        <v>18326</v>
      </c>
      <c r="B6686" t="s">
        <v>13346</v>
      </c>
      <c r="C6686" t="s">
        <v>13347</v>
      </c>
    </row>
    <row r="6687" spans="1:3" x14ac:dyDescent="0.15">
      <c r="A6687">
        <v>18325</v>
      </c>
      <c r="B6687" t="s">
        <v>13348</v>
      </c>
      <c r="C6687" t="s">
        <v>13349</v>
      </c>
    </row>
    <row r="6688" spans="1:3" x14ac:dyDescent="0.15">
      <c r="A6688">
        <v>18324</v>
      </c>
      <c r="B6688" t="s">
        <v>13350</v>
      </c>
      <c r="C6688" t="s">
        <v>13351</v>
      </c>
    </row>
    <row r="6689" spans="1:3" x14ac:dyDescent="0.15">
      <c r="A6689">
        <v>18323</v>
      </c>
      <c r="B6689" t="s">
        <v>13352</v>
      </c>
      <c r="C6689" t="s">
        <v>13353</v>
      </c>
    </row>
    <row r="6690" spans="1:3" x14ac:dyDescent="0.15">
      <c r="A6690">
        <v>18322</v>
      </c>
      <c r="B6690" t="s">
        <v>13354</v>
      </c>
      <c r="C6690" t="s">
        <v>13355</v>
      </c>
    </row>
    <row r="6691" spans="1:3" x14ac:dyDescent="0.15">
      <c r="A6691">
        <v>18321</v>
      </c>
      <c r="B6691" t="s">
        <v>13356</v>
      </c>
      <c r="C6691" t="s">
        <v>13357</v>
      </c>
    </row>
    <row r="6692" spans="1:3" x14ac:dyDescent="0.15">
      <c r="A6692">
        <v>18320</v>
      </c>
      <c r="B6692" t="s">
        <v>13358</v>
      </c>
      <c r="C6692" t="s">
        <v>13359</v>
      </c>
    </row>
    <row r="6693" spans="1:3" x14ac:dyDescent="0.15">
      <c r="A6693">
        <v>18319</v>
      </c>
      <c r="B6693" t="s">
        <v>13360</v>
      </c>
      <c r="C6693" t="s">
        <v>13361</v>
      </c>
    </row>
    <row r="6694" spans="1:3" x14ac:dyDescent="0.15">
      <c r="A6694">
        <v>18318</v>
      </c>
      <c r="B6694" t="s">
        <v>13362</v>
      </c>
      <c r="C6694" t="s">
        <v>13363</v>
      </c>
    </row>
    <row r="6695" spans="1:3" x14ac:dyDescent="0.15">
      <c r="A6695">
        <v>18317</v>
      </c>
      <c r="B6695" t="s">
        <v>13364</v>
      </c>
      <c r="C6695" t="s">
        <v>13365</v>
      </c>
    </row>
    <row r="6696" spans="1:3" x14ac:dyDescent="0.15">
      <c r="A6696">
        <v>18316</v>
      </c>
      <c r="B6696" t="s">
        <v>13366</v>
      </c>
      <c r="C6696" t="s">
        <v>13367</v>
      </c>
    </row>
    <row r="6697" spans="1:3" x14ac:dyDescent="0.15">
      <c r="A6697">
        <v>18315</v>
      </c>
      <c r="B6697" t="s">
        <v>13368</v>
      </c>
      <c r="C6697" t="s">
        <v>13369</v>
      </c>
    </row>
    <row r="6698" spans="1:3" x14ac:dyDescent="0.15">
      <c r="A6698">
        <v>18314</v>
      </c>
      <c r="B6698" t="s">
        <v>13370</v>
      </c>
      <c r="C6698" t="s">
        <v>13371</v>
      </c>
    </row>
    <row r="6699" spans="1:3" x14ac:dyDescent="0.15">
      <c r="A6699">
        <v>18313</v>
      </c>
      <c r="B6699" t="s">
        <v>13372</v>
      </c>
      <c r="C6699" t="s">
        <v>13373</v>
      </c>
    </row>
    <row r="6700" spans="1:3" x14ac:dyDescent="0.15">
      <c r="A6700">
        <v>18312</v>
      </c>
      <c r="B6700" t="s">
        <v>13374</v>
      </c>
      <c r="C6700" t="s">
        <v>13375</v>
      </c>
    </row>
    <row r="6701" spans="1:3" x14ac:dyDescent="0.15">
      <c r="A6701">
        <v>18311</v>
      </c>
      <c r="B6701" t="s">
        <v>13376</v>
      </c>
      <c r="C6701" t="s">
        <v>13377</v>
      </c>
    </row>
    <row r="6702" spans="1:3" x14ac:dyDescent="0.15">
      <c r="A6702">
        <v>18310</v>
      </c>
      <c r="B6702" t="s">
        <v>13378</v>
      </c>
      <c r="C6702" t="s">
        <v>13379</v>
      </c>
    </row>
    <row r="6703" spans="1:3" x14ac:dyDescent="0.15">
      <c r="A6703">
        <v>18309</v>
      </c>
      <c r="B6703" t="s">
        <v>13380</v>
      </c>
      <c r="C6703" t="s">
        <v>13381</v>
      </c>
    </row>
    <row r="6704" spans="1:3" x14ac:dyDescent="0.15">
      <c r="A6704">
        <v>18308</v>
      </c>
      <c r="B6704" t="s">
        <v>13382</v>
      </c>
      <c r="C6704" t="s">
        <v>13383</v>
      </c>
    </row>
    <row r="6705" spans="1:3" x14ac:dyDescent="0.15">
      <c r="A6705">
        <v>18307</v>
      </c>
      <c r="B6705" t="s">
        <v>13384</v>
      </c>
      <c r="C6705" t="s">
        <v>13385</v>
      </c>
    </row>
    <row r="6706" spans="1:3" x14ac:dyDescent="0.15">
      <c r="A6706">
        <v>18306</v>
      </c>
      <c r="B6706" t="s">
        <v>13386</v>
      </c>
      <c r="C6706" t="s">
        <v>13387</v>
      </c>
    </row>
    <row r="6707" spans="1:3" x14ac:dyDescent="0.15">
      <c r="A6707">
        <v>18305</v>
      </c>
      <c r="B6707" t="s">
        <v>13388</v>
      </c>
      <c r="C6707" t="s">
        <v>13389</v>
      </c>
    </row>
    <row r="6708" spans="1:3" x14ac:dyDescent="0.15">
      <c r="A6708">
        <v>18304</v>
      </c>
      <c r="B6708" t="s">
        <v>13390</v>
      </c>
      <c r="C6708" t="s">
        <v>13391</v>
      </c>
    </row>
    <row r="6709" spans="1:3" x14ac:dyDescent="0.15">
      <c r="A6709">
        <v>18303</v>
      </c>
      <c r="B6709" t="s">
        <v>13392</v>
      </c>
      <c r="C6709" t="s">
        <v>13393</v>
      </c>
    </row>
    <row r="6710" spans="1:3" x14ac:dyDescent="0.15">
      <c r="A6710">
        <v>18302</v>
      </c>
      <c r="B6710" t="s">
        <v>13394</v>
      </c>
      <c r="C6710" t="s">
        <v>13395</v>
      </c>
    </row>
    <row r="6711" spans="1:3" x14ac:dyDescent="0.15">
      <c r="A6711">
        <v>18301</v>
      </c>
      <c r="B6711" t="s">
        <v>13396</v>
      </c>
      <c r="C6711" t="s">
        <v>13397</v>
      </c>
    </row>
    <row r="6712" spans="1:3" x14ac:dyDescent="0.15">
      <c r="A6712">
        <v>18300</v>
      </c>
      <c r="B6712" t="s">
        <v>13398</v>
      </c>
      <c r="C6712" t="s">
        <v>13399</v>
      </c>
    </row>
    <row r="6713" spans="1:3" x14ac:dyDescent="0.15">
      <c r="A6713">
        <v>18299</v>
      </c>
      <c r="B6713" t="s">
        <v>13400</v>
      </c>
      <c r="C6713" t="s">
        <v>13401</v>
      </c>
    </row>
    <row r="6714" spans="1:3" x14ac:dyDescent="0.15">
      <c r="A6714">
        <v>18298</v>
      </c>
      <c r="B6714" t="s">
        <v>13402</v>
      </c>
      <c r="C6714" t="s">
        <v>13403</v>
      </c>
    </row>
    <row r="6715" spans="1:3" x14ac:dyDescent="0.15">
      <c r="A6715">
        <v>18297</v>
      </c>
      <c r="B6715" t="s">
        <v>13404</v>
      </c>
      <c r="C6715" t="s">
        <v>13405</v>
      </c>
    </row>
    <row r="6716" spans="1:3" x14ac:dyDescent="0.15">
      <c r="A6716">
        <v>18296</v>
      </c>
      <c r="B6716" t="s">
        <v>13406</v>
      </c>
      <c r="C6716" t="s">
        <v>13407</v>
      </c>
    </row>
    <row r="6717" spans="1:3" x14ac:dyDescent="0.15">
      <c r="A6717">
        <v>18295</v>
      </c>
      <c r="B6717" t="s">
        <v>13408</v>
      </c>
      <c r="C6717" t="s">
        <v>13409</v>
      </c>
    </row>
    <row r="6718" spans="1:3" x14ac:dyDescent="0.15">
      <c r="A6718">
        <v>18294</v>
      </c>
      <c r="B6718" t="s">
        <v>13410</v>
      </c>
      <c r="C6718" t="s">
        <v>13411</v>
      </c>
    </row>
    <row r="6719" spans="1:3" x14ac:dyDescent="0.15">
      <c r="A6719">
        <v>18293</v>
      </c>
      <c r="B6719" t="s">
        <v>13412</v>
      </c>
      <c r="C6719" t="s">
        <v>13413</v>
      </c>
    </row>
    <row r="6720" spans="1:3" x14ac:dyDescent="0.15">
      <c r="A6720">
        <v>18292</v>
      </c>
      <c r="B6720" t="s">
        <v>13414</v>
      </c>
      <c r="C6720" t="s">
        <v>13415</v>
      </c>
    </row>
    <row r="6721" spans="1:3" x14ac:dyDescent="0.15">
      <c r="A6721">
        <v>18291</v>
      </c>
      <c r="B6721" t="s">
        <v>13416</v>
      </c>
      <c r="C6721" t="s">
        <v>13417</v>
      </c>
    </row>
    <row r="6722" spans="1:3" x14ac:dyDescent="0.15">
      <c r="A6722">
        <v>18290</v>
      </c>
      <c r="B6722" t="s">
        <v>13418</v>
      </c>
      <c r="C6722" t="s">
        <v>13419</v>
      </c>
    </row>
    <row r="6723" spans="1:3" x14ac:dyDescent="0.15">
      <c r="A6723">
        <v>18289</v>
      </c>
      <c r="B6723" t="s">
        <v>13420</v>
      </c>
      <c r="C6723" t="s">
        <v>13421</v>
      </c>
    </row>
    <row r="6724" spans="1:3" x14ac:dyDescent="0.15">
      <c r="A6724">
        <v>18288</v>
      </c>
      <c r="B6724" t="s">
        <v>13422</v>
      </c>
      <c r="C6724" t="s">
        <v>13423</v>
      </c>
    </row>
    <row r="6725" spans="1:3" x14ac:dyDescent="0.15">
      <c r="A6725">
        <v>18287</v>
      </c>
      <c r="B6725" t="s">
        <v>13424</v>
      </c>
      <c r="C6725" t="s">
        <v>13425</v>
      </c>
    </row>
    <row r="6726" spans="1:3" x14ac:dyDescent="0.15">
      <c r="A6726">
        <v>18286</v>
      </c>
      <c r="B6726" t="s">
        <v>13426</v>
      </c>
      <c r="C6726" t="s">
        <v>13427</v>
      </c>
    </row>
    <row r="6727" spans="1:3" x14ac:dyDescent="0.15">
      <c r="A6727">
        <v>18285</v>
      </c>
      <c r="B6727" t="s">
        <v>13428</v>
      </c>
      <c r="C6727" t="s">
        <v>13429</v>
      </c>
    </row>
    <row r="6728" spans="1:3" x14ac:dyDescent="0.15">
      <c r="A6728">
        <v>18284</v>
      </c>
      <c r="B6728" t="s">
        <v>13430</v>
      </c>
      <c r="C6728" t="s">
        <v>13431</v>
      </c>
    </row>
    <row r="6729" spans="1:3" x14ac:dyDescent="0.15">
      <c r="A6729">
        <v>18283</v>
      </c>
      <c r="B6729" t="s">
        <v>13432</v>
      </c>
      <c r="C6729" t="s">
        <v>13433</v>
      </c>
    </row>
    <row r="6730" spans="1:3" x14ac:dyDescent="0.15">
      <c r="A6730">
        <v>18282</v>
      </c>
      <c r="B6730" t="s">
        <v>13434</v>
      </c>
      <c r="C6730" t="s">
        <v>13435</v>
      </c>
    </row>
    <row r="6731" spans="1:3" x14ac:dyDescent="0.15">
      <c r="A6731">
        <v>18281</v>
      </c>
      <c r="B6731" t="s">
        <v>13436</v>
      </c>
      <c r="C6731" t="s">
        <v>13437</v>
      </c>
    </row>
    <row r="6732" spans="1:3" x14ac:dyDescent="0.15">
      <c r="A6732">
        <v>18280</v>
      </c>
      <c r="B6732" t="s">
        <v>13438</v>
      </c>
      <c r="C6732" t="s">
        <v>13439</v>
      </c>
    </row>
    <row r="6733" spans="1:3" x14ac:dyDescent="0.15">
      <c r="A6733">
        <v>18279</v>
      </c>
      <c r="B6733" t="s">
        <v>13440</v>
      </c>
      <c r="C6733" t="s">
        <v>13441</v>
      </c>
    </row>
    <row r="6734" spans="1:3" x14ac:dyDescent="0.15">
      <c r="A6734">
        <v>18278</v>
      </c>
      <c r="B6734" t="s">
        <v>13442</v>
      </c>
      <c r="C6734" t="s">
        <v>13443</v>
      </c>
    </row>
    <row r="6735" spans="1:3" x14ac:dyDescent="0.15">
      <c r="A6735">
        <v>18277</v>
      </c>
      <c r="B6735" t="s">
        <v>13444</v>
      </c>
      <c r="C6735" t="s">
        <v>13445</v>
      </c>
    </row>
    <row r="6736" spans="1:3" x14ac:dyDescent="0.15">
      <c r="A6736">
        <v>18276</v>
      </c>
      <c r="B6736" t="s">
        <v>13446</v>
      </c>
      <c r="C6736" t="s">
        <v>13447</v>
      </c>
    </row>
    <row r="6737" spans="1:3" x14ac:dyDescent="0.15">
      <c r="A6737">
        <v>18275</v>
      </c>
      <c r="B6737" t="s">
        <v>13448</v>
      </c>
      <c r="C6737" t="s">
        <v>13449</v>
      </c>
    </row>
    <row r="6738" spans="1:3" x14ac:dyDescent="0.15">
      <c r="A6738">
        <v>18274</v>
      </c>
      <c r="B6738" t="s">
        <v>13450</v>
      </c>
      <c r="C6738" t="s">
        <v>13451</v>
      </c>
    </row>
    <row r="6739" spans="1:3" x14ac:dyDescent="0.15">
      <c r="A6739">
        <v>18273</v>
      </c>
      <c r="B6739" t="s">
        <v>13452</v>
      </c>
      <c r="C6739" t="s">
        <v>13453</v>
      </c>
    </row>
    <row r="6740" spans="1:3" x14ac:dyDescent="0.15">
      <c r="A6740">
        <v>18272</v>
      </c>
      <c r="B6740" t="s">
        <v>13454</v>
      </c>
      <c r="C6740" t="s">
        <v>13455</v>
      </c>
    </row>
    <row r="6741" spans="1:3" x14ac:dyDescent="0.15">
      <c r="A6741">
        <v>18271</v>
      </c>
      <c r="B6741" t="s">
        <v>13456</v>
      </c>
      <c r="C6741" t="s">
        <v>13457</v>
      </c>
    </row>
    <row r="6742" spans="1:3" x14ac:dyDescent="0.15">
      <c r="A6742">
        <v>18270</v>
      </c>
      <c r="B6742" t="s">
        <v>13458</v>
      </c>
      <c r="C6742" t="s">
        <v>13459</v>
      </c>
    </row>
    <row r="6743" spans="1:3" x14ac:dyDescent="0.15">
      <c r="A6743">
        <v>18269</v>
      </c>
      <c r="B6743" t="s">
        <v>13460</v>
      </c>
      <c r="C6743" t="s">
        <v>13461</v>
      </c>
    </row>
    <row r="6744" spans="1:3" x14ac:dyDescent="0.15">
      <c r="A6744">
        <v>18268</v>
      </c>
      <c r="B6744" t="s">
        <v>13462</v>
      </c>
      <c r="C6744" t="s">
        <v>13463</v>
      </c>
    </row>
    <row r="6745" spans="1:3" x14ac:dyDescent="0.15">
      <c r="A6745">
        <v>18267</v>
      </c>
      <c r="B6745" t="s">
        <v>13464</v>
      </c>
      <c r="C6745" t="s">
        <v>13465</v>
      </c>
    </row>
    <row r="6746" spans="1:3" x14ac:dyDescent="0.15">
      <c r="A6746">
        <v>18266</v>
      </c>
      <c r="B6746" t="s">
        <v>13466</v>
      </c>
      <c r="C6746" t="s">
        <v>13467</v>
      </c>
    </row>
    <row r="6747" spans="1:3" x14ac:dyDescent="0.15">
      <c r="A6747">
        <v>18265</v>
      </c>
      <c r="B6747" t="s">
        <v>13468</v>
      </c>
      <c r="C6747" t="s">
        <v>13469</v>
      </c>
    </row>
    <row r="6748" spans="1:3" x14ac:dyDescent="0.15">
      <c r="A6748">
        <v>18264</v>
      </c>
      <c r="B6748" t="s">
        <v>13470</v>
      </c>
      <c r="C6748" t="s">
        <v>13471</v>
      </c>
    </row>
    <row r="6749" spans="1:3" x14ac:dyDescent="0.15">
      <c r="A6749">
        <v>18263</v>
      </c>
      <c r="B6749" t="s">
        <v>13472</v>
      </c>
      <c r="C6749" t="s">
        <v>13473</v>
      </c>
    </row>
    <row r="6750" spans="1:3" x14ac:dyDescent="0.15">
      <c r="A6750">
        <v>18262</v>
      </c>
      <c r="B6750" t="s">
        <v>13474</v>
      </c>
      <c r="C6750" t="s">
        <v>13475</v>
      </c>
    </row>
    <row r="6751" spans="1:3" x14ac:dyDescent="0.15">
      <c r="A6751">
        <v>18261</v>
      </c>
      <c r="B6751" t="s">
        <v>13476</v>
      </c>
      <c r="C6751" t="s">
        <v>13477</v>
      </c>
    </row>
    <row r="6752" spans="1:3" x14ac:dyDescent="0.15">
      <c r="A6752">
        <v>18260</v>
      </c>
      <c r="B6752" t="s">
        <v>13478</v>
      </c>
      <c r="C6752" t="s">
        <v>13479</v>
      </c>
    </row>
    <row r="6753" spans="1:3" x14ac:dyDescent="0.15">
      <c r="A6753">
        <v>18259</v>
      </c>
      <c r="B6753" t="s">
        <v>13480</v>
      </c>
      <c r="C6753" t="s">
        <v>13481</v>
      </c>
    </row>
    <row r="6754" spans="1:3" x14ac:dyDescent="0.15">
      <c r="A6754">
        <v>18258</v>
      </c>
      <c r="B6754" t="s">
        <v>13482</v>
      </c>
      <c r="C6754" t="s">
        <v>13483</v>
      </c>
    </row>
    <row r="6755" spans="1:3" x14ac:dyDescent="0.15">
      <c r="A6755">
        <v>18257</v>
      </c>
      <c r="B6755" t="s">
        <v>13484</v>
      </c>
      <c r="C6755" t="s">
        <v>13485</v>
      </c>
    </row>
    <row r="6756" spans="1:3" x14ac:dyDescent="0.15">
      <c r="A6756">
        <v>18256</v>
      </c>
      <c r="B6756" t="s">
        <v>13486</v>
      </c>
      <c r="C6756" t="s">
        <v>13487</v>
      </c>
    </row>
    <row r="6757" spans="1:3" x14ac:dyDescent="0.15">
      <c r="A6757">
        <v>18255</v>
      </c>
      <c r="B6757" t="s">
        <v>13488</v>
      </c>
      <c r="C6757" t="s">
        <v>13489</v>
      </c>
    </row>
    <row r="6758" spans="1:3" x14ac:dyDescent="0.15">
      <c r="A6758">
        <v>18254</v>
      </c>
      <c r="B6758" t="s">
        <v>13490</v>
      </c>
      <c r="C6758" t="s">
        <v>13491</v>
      </c>
    </row>
    <row r="6759" spans="1:3" x14ac:dyDescent="0.15">
      <c r="A6759">
        <v>18253</v>
      </c>
      <c r="B6759" t="s">
        <v>13492</v>
      </c>
      <c r="C6759" t="s">
        <v>13493</v>
      </c>
    </row>
    <row r="6760" spans="1:3" x14ac:dyDescent="0.15">
      <c r="A6760">
        <v>18252</v>
      </c>
      <c r="B6760" t="s">
        <v>13494</v>
      </c>
      <c r="C6760" t="s">
        <v>13495</v>
      </c>
    </row>
    <row r="6761" spans="1:3" x14ac:dyDescent="0.15">
      <c r="A6761">
        <v>18251</v>
      </c>
      <c r="B6761" t="s">
        <v>13496</v>
      </c>
      <c r="C6761" t="s">
        <v>13497</v>
      </c>
    </row>
    <row r="6762" spans="1:3" x14ac:dyDescent="0.15">
      <c r="A6762">
        <v>18250</v>
      </c>
      <c r="B6762" t="s">
        <v>13498</v>
      </c>
      <c r="C6762" t="s">
        <v>13499</v>
      </c>
    </row>
    <row r="6763" spans="1:3" x14ac:dyDescent="0.15">
      <c r="A6763">
        <v>18249</v>
      </c>
      <c r="B6763" t="s">
        <v>13500</v>
      </c>
      <c r="C6763" t="s">
        <v>13501</v>
      </c>
    </row>
    <row r="6764" spans="1:3" x14ac:dyDescent="0.15">
      <c r="A6764">
        <v>18248</v>
      </c>
      <c r="B6764" t="s">
        <v>13502</v>
      </c>
      <c r="C6764" t="s">
        <v>13503</v>
      </c>
    </row>
    <row r="6765" spans="1:3" x14ac:dyDescent="0.15">
      <c r="A6765">
        <v>18247</v>
      </c>
      <c r="B6765" t="s">
        <v>13504</v>
      </c>
      <c r="C6765" t="s">
        <v>13505</v>
      </c>
    </row>
    <row r="6766" spans="1:3" x14ac:dyDescent="0.15">
      <c r="A6766">
        <v>18246</v>
      </c>
      <c r="B6766" t="s">
        <v>13506</v>
      </c>
      <c r="C6766" t="s">
        <v>13507</v>
      </c>
    </row>
    <row r="6767" spans="1:3" x14ac:dyDescent="0.15">
      <c r="A6767">
        <v>18245</v>
      </c>
      <c r="B6767" t="s">
        <v>13508</v>
      </c>
      <c r="C6767" t="s">
        <v>13509</v>
      </c>
    </row>
    <row r="6768" spans="1:3" x14ac:dyDescent="0.15">
      <c r="A6768">
        <v>18244</v>
      </c>
      <c r="B6768" t="s">
        <v>13510</v>
      </c>
      <c r="C6768" t="s">
        <v>13511</v>
      </c>
    </row>
    <row r="6769" spans="1:3" x14ac:dyDescent="0.15">
      <c r="A6769">
        <v>18243</v>
      </c>
      <c r="B6769" t="s">
        <v>13512</v>
      </c>
      <c r="C6769" t="s">
        <v>13513</v>
      </c>
    </row>
    <row r="6770" spans="1:3" x14ac:dyDescent="0.15">
      <c r="A6770">
        <v>18242</v>
      </c>
      <c r="B6770" t="s">
        <v>13514</v>
      </c>
      <c r="C6770" t="s">
        <v>13515</v>
      </c>
    </row>
    <row r="6771" spans="1:3" x14ac:dyDescent="0.15">
      <c r="A6771">
        <v>18241</v>
      </c>
      <c r="B6771" t="s">
        <v>13516</v>
      </c>
      <c r="C6771" t="s">
        <v>13517</v>
      </c>
    </row>
    <row r="6772" spans="1:3" x14ac:dyDescent="0.15">
      <c r="A6772">
        <v>18240</v>
      </c>
      <c r="B6772" t="s">
        <v>13518</v>
      </c>
      <c r="C6772" t="s">
        <v>13519</v>
      </c>
    </row>
    <row r="6773" spans="1:3" x14ac:dyDescent="0.15">
      <c r="A6773">
        <v>18239</v>
      </c>
      <c r="B6773" t="s">
        <v>13520</v>
      </c>
      <c r="C6773" t="s">
        <v>13521</v>
      </c>
    </row>
    <row r="6774" spans="1:3" x14ac:dyDescent="0.15">
      <c r="A6774">
        <v>18238</v>
      </c>
      <c r="B6774" t="s">
        <v>13522</v>
      </c>
      <c r="C6774" t="s">
        <v>13523</v>
      </c>
    </row>
    <row r="6775" spans="1:3" x14ac:dyDescent="0.15">
      <c r="A6775">
        <v>18237</v>
      </c>
      <c r="B6775" t="s">
        <v>13524</v>
      </c>
      <c r="C6775" t="s">
        <v>13525</v>
      </c>
    </row>
    <row r="6776" spans="1:3" x14ac:dyDescent="0.15">
      <c r="A6776">
        <v>18236</v>
      </c>
      <c r="B6776" t="s">
        <v>13526</v>
      </c>
      <c r="C6776" t="s">
        <v>13527</v>
      </c>
    </row>
    <row r="6777" spans="1:3" x14ac:dyDescent="0.15">
      <c r="A6777">
        <v>18235</v>
      </c>
      <c r="B6777" t="s">
        <v>13528</v>
      </c>
      <c r="C6777" t="s">
        <v>13529</v>
      </c>
    </row>
    <row r="6778" spans="1:3" x14ac:dyDescent="0.15">
      <c r="A6778">
        <v>18234</v>
      </c>
      <c r="B6778" t="s">
        <v>13530</v>
      </c>
      <c r="C6778" t="s">
        <v>13531</v>
      </c>
    </row>
    <row r="6779" spans="1:3" x14ac:dyDescent="0.15">
      <c r="A6779">
        <v>18233</v>
      </c>
      <c r="B6779" t="s">
        <v>13532</v>
      </c>
      <c r="C6779" t="s">
        <v>13533</v>
      </c>
    </row>
    <row r="6780" spans="1:3" x14ac:dyDescent="0.15">
      <c r="A6780">
        <v>18232</v>
      </c>
      <c r="B6780" t="s">
        <v>13534</v>
      </c>
      <c r="C6780" t="s">
        <v>13535</v>
      </c>
    </row>
    <row r="6781" spans="1:3" x14ac:dyDescent="0.15">
      <c r="A6781">
        <v>18231</v>
      </c>
      <c r="B6781" t="s">
        <v>13536</v>
      </c>
      <c r="C6781" t="s">
        <v>13537</v>
      </c>
    </row>
    <row r="6782" spans="1:3" x14ac:dyDescent="0.15">
      <c r="A6782">
        <v>18230</v>
      </c>
      <c r="B6782" t="s">
        <v>13538</v>
      </c>
      <c r="C6782" t="s">
        <v>13539</v>
      </c>
    </row>
    <row r="6783" spans="1:3" x14ac:dyDescent="0.15">
      <c r="A6783">
        <v>18229</v>
      </c>
      <c r="B6783" t="s">
        <v>13540</v>
      </c>
      <c r="C6783" t="s">
        <v>13541</v>
      </c>
    </row>
    <row r="6784" spans="1:3" x14ac:dyDescent="0.15">
      <c r="A6784">
        <v>18228</v>
      </c>
      <c r="B6784" t="s">
        <v>13542</v>
      </c>
      <c r="C6784" t="s">
        <v>13543</v>
      </c>
    </row>
    <row r="6785" spans="1:3" x14ac:dyDescent="0.15">
      <c r="A6785">
        <v>18227</v>
      </c>
      <c r="B6785" t="s">
        <v>13544</v>
      </c>
      <c r="C6785" t="s">
        <v>13545</v>
      </c>
    </row>
    <row r="6786" spans="1:3" x14ac:dyDescent="0.15">
      <c r="A6786">
        <v>18226</v>
      </c>
      <c r="B6786" t="s">
        <v>13546</v>
      </c>
      <c r="C6786" t="s">
        <v>13547</v>
      </c>
    </row>
    <row r="6787" spans="1:3" x14ac:dyDescent="0.15">
      <c r="A6787">
        <v>18225</v>
      </c>
      <c r="B6787" t="s">
        <v>13548</v>
      </c>
      <c r="C6787" t="s">
        <v>13549</v>
      </c>
    </row>
    <row r="6788" spans="1:3" x14ac:dyDescent="0.15">
      <c r="A6788">
        <v>18224</v>
      </c>
      <c r="B6788" t="s">
        <v>13550</v>
      </c>
      <c r="C6788" t="s">
        <v>13551</v>
      </c>
    </row>
    <row r="6789" spans="1:3" x14ac:dyDescent="0.15">
      <c r="A6789">
        <v>18223</v>
      </c>
      <c r="B6789" t="s">
        <v>13552</v>
      </c>
      <c r="C6789" t="s">
        <v>13553</v>
      </c>
    </row>
    <row r="6790" spans="1:3" x14ac:dyDescent="0.15">
      <c r="A6790">
        <v>18222</v>
      </c>
      <c r="B6790" t="s">
        <v>13554</v>
      </c>
      <c r="C6790" t="s">
        <v>13555</v>
      </c>
    </row>
    <row r="6791" spans="1:3" x14ac:dyDescent="0.15">
      <c r="A6791">
        <v>18221</v>
      </c>
      <c r="B6791" t="s">
        <v>13556</v>
      </c>
      <c r="C6791" t="s">
        <v>13557</v>
      </c>
    </row>
    <row r="6792" spans="1:3" x14ac:dyDescent="0.15">
      <c r="A6792">
        <v>18220</v>
      </c>
      <c r="B6792" t="s">
        <v>13558</v>
      </c>
      <c r="C6792" t="s">
        <v>13559</v>
      </c>
    </row>
    <row r="6793" spans="1:3" x14ac:dyDescent="0.15">
      <c r="A6793">
        <v>18219</v>
      </c>
      <c r="B6793" t="s">
        <v>13560</v>
      </c>
      <c r="C6793" t="s">
        <v>3793</v>
      </c>
    </row>
    <row r="6794" spans="1:3" x14ac:dyDescent="0.15">
      <c r="A6794">
        <v>18218</v>
      </c>
      <c r="B6794" t="s">
        <v>13561</v>
      </c>
      <c r="C6794" t="s">
        <v>13562</v>
      </c>
    </row>
    <row r="6795" spans="1:3" x14ac:dyDescent="0.15">
      <c r="A6795">
        <v>18217</v>
      </c>
      <c r="B6795" t="s">
        <v>13563</v>
      </c>
      <c r="C6795" t="s">
        <v>13564</v>
      </c>
    </row>
    <row r="6796" spans="1:3" x14ac:dyDescent="0.15">
      <c r="A6796">
        <v>18216</v>
      </c>
      <c r="B6796" t="s">
        <v>13565</v>
      </c>
      <c r="C6796" t="s">
        <v>13566</v>
      </c>
    </row>
    <row r="6797" spans="1:3" x14ac:dyDescent="0.15">
      <c r="A6797">
        <v>18215</v>
      </c>
      <c r="B6797" t="s">
        <v>13567</v>
      </c>
      <c r="C6797" t="s">
        <v>13568</v>
      </c>
    </row>
    <row r="6798" spans="1:3" x14ac:dyDescent="0.15">
      <c r="A6798">
        <v>18214</v>
      </c>
      <c r="B6798" t="s">
        <v>13569</v>
      </c>
      <c r="C6798" t="s">
        <v>13570</v>
      </c>
    </row>
    <row r="6799" spans="1:3" x14ac:dyDescent="0.15">
      <c r="A6799">
        <v>18213</v>
      </c>
      <c r="B6799" t="s">
        <v>13571</v>
      </c>
      <c r="C6799" t="s">
        <v>13572</v>
      </c>
    </row>
    <row r="6800" spans="1:3" x14ac:dyDescent="0.15">
      <c r="A6800">
        <v>18212</v>
      </c>
      <c r="B6800" t="s">
        <v>13573</v>
      </c>
      <c r="C6800" t="s">
        <v>13574</v>
      </c>
    </row>
    <row r="6801" spans="1:3" x14ac:dyDescent="0.15">
      <c r="A6801">
        <v>18211</v>
      </c>
      <c r="B6801" t="s">
        <v>13575</v>
      </c>
      <c r="C6801" t="s">
        <v>13576</v>
      </c>
    </row>
    <row r="6802" spans="1:3" x14ac:dyDescent="0.15">
      <c r="A6802">
        <v>18210</v>
      </c>
      <c r="B6802" t="s">
        <v>13577</v>
      </c>
      <c r="C6802" t="s">
        <v>13578</v>
      </c>
    </row>
    <row r="6803" spans="1:3" x14ac:dyDescent="0.15">
      <c r="A6803">
        <v>18209</v>
      </c>
      <c r="B6803" t="s">
        <v>13579</v>
      </c>
      <c r="C6803" t="s">
        <v>13580</v>
      </c>
    </row>
    <row r="6804" spans="1:3" x14ac:dyDescent="0.15">
      <c r="A6804">
        <v>18208</v>
      </c>
      <c r="B6804" t="s">
        <v>13581</v>
      </c>
      <c r="C6804" t="s">
        <v>13582</v>
      </c>
    </row>
    <row r="6805" spans="1:3" x14ac:dyDescent="0.15">
      <c r="A6805">
        <v>18207</v>
      </c>
      <c r="B6805" t="s">
        <v>13583</v>
      </c>
      <c r="C6805" t="s">
        <v>13584</v>
      </c>
    </row>
    <row r="6806" spans="1:3" x14ac:dyDescent="0.15">
      <c r="A6806">
        <v>18206</v>
      </c>
      <c r="B6806" t="s">
        <v>13585</v>
      </c>
      <c r="C6806" t="s">
        <v>13586</v>
      </c>
    </row>
    <row r="6807" spans="1:3" x14ac:dyDescent="0.15">
      <c r="A6807">
        <v>18205</v>
      </c>
      <c r="B6807" t="s">
        <v>13587</v>
      </c>
      <c r="C6807" t="s">
        <v>13588</v>
      </c>
    </row>
    <row r="6808" spans="1:3" x14ac:dyDescent="0.15">
      <c r="A6808">
        <v>18204</v>
      </c>
      <c r="B6808" t="s">
        <v>13589</v>
      </c>
      <c r="C6808" t="s">
        <v>13590</v>
      </c>
    </row>
    <row r="6809" spans="1:3" x14ac:dyDescent="0.15">
      <c r="A6809">
        <v>18203</v>
      </c>
      <c r="B6809" t="s">
        <v>13591</v>
      </c>
      <c r="C6809" t="s">
        <v>13592</v>
      </c>
    </row>
    <row r="6810" spans="1:3" x14ac:dyDescent="0.15">
      <c r="A6810">
        <v>18202</v>
      </c>
      <c r="B6810" t="s">
        <v>13593</v>
      </c>
      <c r="C6810" t="s">
        <v>13594</v>
      </c>
    </row>
    <row r="6811" spans="1:3" x14ac:dyDescent="0.15">
      <c r="A6811">
        <v>18201</v>
      </c>
      <c r="B6811" t="s">
        <v>13595</v>
      </c>
      <c r="C6811" t="s">
        <v>13596</v>
      </c>
    </row>
    <row r="6812" spans="1:3" x14ac:dyDescent="0.15">
      <c r="A6812">
        <v>18200</v>
      </c>
      <c r="B6812" t="s">
        <v>13597</v>
      </c>
      <c r="C6812" t="s">
        <v>13598</v>
      </c>
    </row>
    <row r="6813" spans="1:3" x14ac:dyDescent="0.15">
      <c r="A6813">
        <v>18199</v>
      </c>
      <c r="B6813" t="s">
        <v>13599</v>
      </c>
      <c r="C6813" t="s">
        <v>13600</v>
      </c>
    </row>
    <row r="6814" spans="1:3" x14ac:dyDescent="0.15">
      <c r="A6814">
        <v>18198</v>
      </c>
      <c r="B6814" t="s">
        <v>13601</v>
      </c>
      <c r="C6814" t="s">
        <v>13602</v>
      </c>
    </row>
    <row r="6815" spans="1:3" x14ac:dyDescent="0.15">
      <c r="A6815">
        <v>18197</v>
      </c>
      <c r="B6815" t="s">
        <v>13603</v>
      </c>
      <c r="C6815" t="s">
        <v>13604</v>
      </c>
    </row>
    <row r="6816" spans="1:3" x14ac:dyDescent="0.15">
      <c r="A6816">
        <v>18196</v>
      </c>
      <c r="B6816" t="s">
        <v>13605</v>
      </c>
      <c r="C6816" t="s">
        <v>13606</v>
      </c>
    </row>
    <row r="6817" spans="1:3" x14ac:dyDescent="0.15">
      <c r="A6817">
        <v>18195</v>
      </c>
      <c r="B6817" t="s">
        <v>13607</v>
      </c>
      <c r="C6817" t="s">
        <v>13608</v>
      </c>
    </row>
    <row r="6818" spans="1:3" x14ac:dyDescent="0.15">
      <c r="A6818">
        <v>18194</v>
      </c>
      <c r="B6818" t="s">
        <v>13609</v>
      </c>
      <c r="C6818" t="s">
        <v>13610</v>
      </c>
    </row>
    <row r="6819" spans="1:3" x14ac:dyDescent="0.15">
      <c r="A6819">
        <v>18193</v>
      </c>
      <c r="B6819" t="s">
        <v>13611</v>
      </c>
      <c r="C6819" t="s">
        <v>13612</v>
      </c>
    </row>
    <row r="6820" spans="1:3" x14ac:dyDescent="0.15">
      <c r="A6820">
        <v>18192</v>
      </c>
      <c r="B6820" t="s">
        <v>13613</v>
      </c>
      <c r="C6820" t="s">
        <v>13614</v>
      </c>
    </row>
    <row r="6821" spans="1:3" x14ac:dyDescent="0.15">
      <c r="A6821">
        <v>18191</v>
      </c>
      <c r="B6821" t="s">
        <v>13615</v>
      </c>
      <c r="C6821" t="s">
        <v>13616</v>
      </c>
    </row>
    <row r="6822" spans="1:3" x14ac:dyDescent="0.15">
      <c r="A6822">
        <v>18190</v>
      </c>
      <c r="B6822" t="s">
        <v>13617</v>
      </c>
      <c r="C6822" t="s">
        <v>13618</v>
      </c>
    </row>
    <row r="6823" spans="1:3" x14ac:dyDescent="0.15">
      <c r="A6823">
        <v>18189</v>
      </c>
      <c r="B6823" t="s">
        <v>13619</v>
      </c>
      <c r="C6823" t="s">
        <v>13620</v>
      </c>
    </row>
    <row r="6824" spans="1:3" x14ac:dyDescent="0.15">
      <c r="A6824">
        <v>18188</v>
      </c>
      <c r="B6824" t="s">
        <v>13621</v>
      </c>
      <c r="C6824" t="s">
        <v>13622</v>
      </c>
    </row>
    <row r="6825" spans="1:3" x14ac:dyDescent="0.15">
      <c r="A6825">
        <v>18187</v>
      </c>
      <c r="B6825" t="s">
        <v>13623</v>
      </c>
      <c r="C6825" t="s">
        <v>13624</v>
      </c>
    </row>
    <row r="6826" spans="1:3" x14ac:dyDescent="0.15">
      <c r="A6826">
        <v>18186</v>
      </c>
      <c r="B6826" t="s">
        <v>13625</v>
      </c>
      <c r="C6826" t="s">
        <v>13626</v>
      </c>
    </row>
    <row r="6827" spans="1:3" x14ac:dyDescent="0.15">
      <c r="A6827">
        <v>18185</v>
      </c>
      <c r="B6827" t="s">
        <v>13627</v>
      </c>
      <c r="C6827" t="s">
        <v>13628</v>
      </c>
    </row>
    <row r="6828" spans="1:3" x14ac:dyDescent="0.15">
      <c r="A6828">
        <v>18184</v>
      </c>
      <c r="B6828" t="s">
        <v>13629</v>
      </c>
      <c r="C6828" t="s">
        <v>13630</v>
      </c>
    </row>
    <row r="6829" spans="1:3" x14ac:dyDescent="0.15">
      <c r="A6829">
        <v>18183</v>
      </c>
      <c r="B6829" t="s">
        <v>13631</v>
      </c>
      <c r="C6829" t="s">
        <v>13632</v>
      </c>
    </row>
    <row r="6830" spans="1:3" x14ac:dyDescent="0.15">
      <c r="A6830">
        <v>18182</v>
      </c>
      <c r="B6830" t="s">
        <v>13633</v>
      </c>
      <c r="C6830" t="s">
        <v>13634</v>
      </c>
    </row>
    <row r="6831" spans="1:3" x14ac:dyDescent="0.15">
      <c r="A6831">
        <v>18181</v>
      </c>
      <c r="B6831" t="s">
        <v>13635</v>
      </c>
      <c r="C6831" t="s">
        <v>13636</v>
      </c>
    </row>
    <row r="6832" spans="1:3" x14ac:dyDescent="0.15">
      <c r="A6832">
        <v>18180</v>
      </c>
      <c r="B6832" t="s">
        <v>13637</v>
      </c>
      <c r="C6832" t="s">
        <v>13638</v>
      </c>
    </row>
    <row r="6833" spans="1:3" x14ac:dyDescent="0.15">
      <c r="A6833">
        <v>18179</v>
      </c>
      <c r="B6833" t="s">
        <v>13639</v>
      </c>
      <c r="C6833" t="s">
        <v>13640</v>
      </c>
    </row>
    <row r="6834" spans="1:3" x14ac:dyDescent="0.15">
      <c r="A6834">
        <v>18178</v>
      </c>
      <c r="B6834" t="s">
        <v>13641</v>
      </c>
      <c r="C6834" t="s">
        <v>13642</v>
      </c>
    </row>
    <row r="6835" spans="1:3" x14ac:dyDescent="0.15">
      <c r="A6835">
        <v>18177</v>
      </c>
      <c r="B6835" t="s">
        <v>13643</v>
      </c>
      <c r="C6835" t="s">
        <v>13644</v>
      </c>
    </row>
    <row r="6836" spans="1:3" x14ac:dyDescent="0.15">
      <c r="A6836">
        <v>18176</v>
      </c>
      <c r="B6836" t="s">
        <v>13645</v>
      </c>
      <c r="C6836" t="s">
        <v>13646</v>
      </c>
    </row>
    <row r="6837" spans="1:3" x14ac:dyDescent="0.15">
      <c r="A6837">
        <v>18175</v>
      </c>
      <c r="B6837" t="s">
        <v>13647</v>
      </c>
      <c r="C6837" t="s">
        <v>13648</v>
      </c>
    </row>
    <row r="6838" spans="1:3" x14ac:dyDescent="0.15">
      <c r="A6838">
        <v>18174</v>
      </c>
      <c r="B6838" t="s">
        <v>13649</v>
      </c>
      <c r="C6838" t="s">
        <v>13650</v>
      </c>
    </row>
    <row r="6839" spans="1:3" x14ac:dyDescent="0.15">
      <c r="A6839">
        <v>18173</v>
      </c>
      <c r="B6839" t="s">
        <v>13651</v>
      </c>
      <c r="C6839" t="s">
        <v>13652</v>
      </c>
    </row>
    <row r="6840" spans="1:3" x14ac:dyDescent="0.15">
      <c r="A6840">
        <v>18172</v>
      </c>
      <c r="B6840" t="s">
        <v>13653</v>
      </c>
      <c r="C6840" t="s">
        <v>13654</v>
      </c>
    </row>
    <row r="6841" spans="1:3" x14ac:dyDescent="0.15">
      <c r="A6841">
        <v>18171</v>
      </c>
      <c r="B6841" t="s">
        <v>13655</v>
      </c>
      <c r="C6841" t="s">
        <v>13656</v>
      </c>
    </row>
    <row r="6842" spans="1:3" x14ac:dyDescent="0.15">
      <c r="A6842">
        <v>18170</v>
      </c>
      <c r="B6842" t="s">
        <v>13657</v>
      </c>
      <c r="C6842" t="s">
        <v>13658</v>
      </c>
    </row>
    <row r="6843" spans="1:3" x14ac:dyDescent="0.15">
      <c r="A6843">
        <v>18169</v>
      </c>
      <c r="B6843" t="s">
        <v>13659</v>
      </c>
      <c r="C6843" t="s">
        <v>13660</v>
      </c>
    </row>
    <row r="6844" spans="1:3" x14ac:dyDescent="0.15">
      <c r="A6844">
        <v>18168</v>
      </c>
      <c r="B6844" t="s">
        <v>13661</v>
      </c>
      <c r="C6844" t="s">
        <v>13662</v>
      </c>
    </row>
    <row r="6845" spans="1:3" x14ac:dyDescent="0.15">
      <c r="A6845">
        <v>18167</v>
      </c>
      <c r="B6845" t="s">
        <v>13663</v>
      </c>
      <c r="C6845" t="s">
        <v>13664</v>
      </c>
    </row>
    <row r="6846" spans="1:3" x14ac:dyDescent="0.15">
      <c r="A6846">
        <v>18166</v>
      </c>
      <c r="B6846" t="s">
        <v>13665</v>
      </c>
      <c r="C6846" t="s">
        <v>13666</v>
      </c>
    </row>
    <row r="6847" spans="1:3" x14ac:dyDescent="0.15">
      <c r="A6847">
        <v>18165</v>
      </c>
      <c r="B6847" t="s">
        <v>13667</v>
      </c>
      <c r="C6847" t="s">
        <v>13668</v>
      </c>
    </row>
    <row r="6848" spans="1:3" x14ac:dyDescent="0.15">
      <c r="A6848">
        <v>18164</v>
      </c>
      <c r="B6848" t="s">
        <v>13669</v>
      </c>
      <c r="C6848" t="s">
        <v>13670</v>
      </c>
    </row>
    <row r="6849" spans="1:3" x14ac:dyDescent="0.15">
      <c r="A6849">
        <v>18163</v>
      </c>
      <c r="B6849" t="s">
        <v>13671</v>
      </c>
      <c r="C6849" t="s">
        <v>13672</v>
      </c>
    </row>
    <row r="6850" spans="1:3" x14ac:dyDescent="0.15">
      <c r="A6850">
        <v>18162</v>
      </c>
      <c r="B6850" t="s">
        <v>13673</v>
      </c>
      <c r="C6850" t="s">
        <v>13674</v>
      </c>
    </row>
    <row r="6851" spans="1:3" x14ac:dyDescent="0.15">
      <c r="A6851">
        <v>18161</v>
      </c>
      <c r="B6851" t="s">
        <v>13675</v>
      </c>
      <c r="C6851" t="s">
        <v>13676</v>
      </c>
    </row>
    <row r="6852" spans="1:3" x14ac:dyDescent="0.15">
      <c r="A6852">
        <v>18160</v>
      </c>
      <c r="B6852" t="s">
        <v>13677</v>
      </c>
      <c r="C6852" t="s">
        <v>13678</v>
      </c>
    </row>
    <row r="6853" spans="1:3" x14ac:dyDescent="0.15">
      <c r="A6853">
        <v>18159</v>
      </c>
      <c r="B6853" t="s">
        <v>13679</v>
      </c>
      <c r="C6853" t="s">
        <v>13680</v>
      </c>
    </row>
    <row r="6854" spans="1:3" x14ac:dyDescent="0.15">
      <c r="A6854">
        <v>18158</v>
      </c>
      <c r="B6854" t="s">
        <v>13681</v>
      </c>
      <c r="C6854" t="s">
        <v>13682</v>
      </c>
    </row>
    <row r="6855" spans="1:3" x14ac:dyDescent="0.15">
      <c r="A6855">
        <v>18157</v>
      </c>
      <c r="B6855" t="s">
        <v>13683</v>
      </c>
      <c r="C6855" t="s">
        <v>13684</v>
      </c>
    </row>
    <row r="6856" spans="1:3" x14ac:dyDescent="0.15">
      <c r="A6856">
        <v>18156</v>
      </c>
      <c r="B6856" t="s">
        <v>13685</v>
      </c>
      <c r="C6856" t="s">
        <v>13686</v>
      </c>
    </row>
    <row r="6857" spans="1:3" x14ac:dyDescent="0.15">
      <c r="A6857">
        <v>18155</v>
      </c>
      <c r="B6857" t="s">
        <v>13687</v>
      </c>
      <c r="C6857" t="s">
        <v>13688</v>
      </c>
    </row>
    <row r="6858" spans="1:3" x14ac:dyDescent="0.15">
      <c r="A6858">
        <v>18154</v>
      </c>
      <c r="B6858" t="s">
        <v>13689</v>
      </c>
      <c r="C6858" t="s">
        <v>13690</v>
      </c>
    </row>
    <row r="6859" spans="1:3" x14ac:dyDescent="0.15">
      <c r="A6859">
        <v>18153</v>
      </c>
      <c r="B6859" t="s">
        <v>13691</v>
      </c>
      <c r="C6859" t="s">
        <v>13692</v>
      </c>
    </row>
    <row r="6860" spans="1:3" x14ac:dyDescent="0.15">
      <c r="A6860">
        <v>18152</v>
      </c>
      <c r="B6860" t="s">
        <v>13693</v>
      </c>
      <c r="C6860" t="s">
        <v>13694</v>
      </c>
    </row>
    <row r="6861" spans="1:3" x14ac:dyDescent="0.15">
      <c r="A6861">
        <v>18151</v>
      </c>
      <c r="B6861" t="s">
        <v>13695</v>
      </c>
      <c r="C6861" t="s">
        <v>13696</v>
      </c>
    </row>
    <row r="6862" spans="1:3" x14ac:dyDescent="0.15">
      <c r="A6862">
        <v>18150</v>
      </c>
      <c r="B6862" t="s">
        <v>13697</v>
      </c>
      <c r="C6862" t="s">
        <v>13698</v>
      </c>
    </row>
    <row r="6863" spans="1:3" x14ac:dyDescent="0.15">
      <c r="A6863">
        <v>18149</v>
      </c>
      <c r="B6863" t="s">
        <v>13699</v>
      </c>
      <c r="C6863" t="s">
        <v>13700</v>
      </c>
    </row>
    <row r="6864" spans="1:3" x14ac:dyDescent="0.15">
      <c r="A6864">
        <v>18148</v>
      </c>
      <c r="B6864" t="s">
        <v>13701</v>
      </c>
      <c r="C6864" t="s">
        <v>13702</v>
      </c>
    </row>
    <row r="6865" spans="1:3" x14ac:dyDescent="0.15">
      <c r="A6865">
        <v>18147</v>
      </c>
      <c r="B6865" t="s">
        <v>13703</v>
      </c>
      <c r="C6865" t="s">
        <v>13704</v>
      </c>
    </row>
    <row r="6866" spans="1:3" x14ac:dyDescent="0.15">
      <c r="A6866">
        <v>18146</v>
      </c>
      <c r="B6866" t="s">
        <v>13705</v>
      </c>
      <c r="C6866" t="s">
        <v>13706</v>
      </c>
    </row>
    <row r="6867" spans="1:3" x14ac:dyDescent="0.15">
      <c r="A6867">
        <v>18145</v>
      </c>
      <c r="B6867" t="s">
        <v>13707</v>
      </c>
      <c r="C6867" t="s">
        <v>13708</v>
      </c>
    </row>
    <row r="6868" spans="1:3" x14ac:dyDescent="0.15">
      <c r="A6868">
        <v>18144</v>
      </c>
      <c r="B6868" t="s">
        <v>13709</v>
      </c>
      <c r="C6868" t="s">
        <v>13710</v>
      </c>
    </row>
    <row r="6869" spans="1:3" x14ac:dyDescent="0.15">
      <c r="A6869">
        <v>18143</v>
      </c>
      <c r="B6869" t="s">
        <v>13711</v>
      </c>
      <c r="C6869" t="s">
        <v>13712</v>
      </c>
    </row>
    <row r="6870" spans="1:3" x14ac:dyDescent="0.15">
      <c r="A6870">
        <v>18142</v>
      </c>
      <c r="B6870" t="s">
        <v>13713</v>
      </c>
      <c r="C6870" t="s">
        <v>13714</v>
      </c>
    </row>
    <row r="6871" spans="1:3" x14ac:dyDescent="0.15">
      <c r="A6871">
        <v>18141</v>
      </c>
      <c r="B6871" t="s">
        <v>13715</v>
      </c>
      <c r="C6871" t="s">
        <v>13716</v>
      </c>
    </row>
    <row r="6872" spans="1:3" x14ac:dyDescent="0.15">
      <c r="A6872">
        <v>18140</v>
      </c>
      <c r="B6872" t="s">
        <v>13717</v>
      </c>
      <c r="C6872" t="s">
        <v>13718</v>
      </c>
    </row>
    <row r="6873" spans="1:3" x14ac:dyDescent="0.15">
      <c r="A6873">
        <v>18139</v>
      </c>
      <c r="B6873" t="s">
        <v>13719</v>
      </c>
      <c r="C6873" t="s">
        <v>13720</v>
      </c>
    </row>
    <row r="6874" spans="1:3" x14ac:dyDescent="0.15">
      <c r="A6874">
        <v>18138</v>
      </c>
      <c r="B6874" t="s">
        <v>13721</v>
      </c>
      <c r="C6874" t="s">
        <v>13722</v>
      </c>
    </row>
    <row r="6875" spans="1:3" x14ac:dyDescent="0.15">
      <c r="A6875">
        <v>18137</v>
      </c>
      <c r="B6875" t="s">
        <v>13723</v>
      </c>
      <c r="C6875" t="s">
        <v>13724</v>
      </c>
    </row>
    <row r="6876" spans="1:3" x14ac:dyDescent="0.15">
      <c r="A6876">
        <v>18136</v>
      </c>
      <c r="B6876" t="s">
        <v>13725</v>
      </c>
      <c r="C6876" t="s">
        <v>13726</v>
      </c>
    </row>
    <row r="6877" spans="1:3" x14ac:dyDescent="0.15">
      <c r="A6877">
        <v>18135</v>
      </c>
      <c r="B6877" t="s">
        <v>13727</v>
      </c>
      <c r="C6877" t="s">
        <v>13728</v>
      </c>
    </row>
    <row r="6878" spans="1:3" x14ac:dyDescent="0.15">
      <c r="A6878">
        <v>18134</v>
      </c>
      <c r="B6878" t="s">
        <v>13729</v>
      </c>
      <c r="C6878" t="s">
        <v>13730</v>
      </c>
    </row>
    <row r="6879" spans="1:3" x14ac:dyDescent="0.15">
      <c r="A6879">
        <v>18133</v>
      </c>
      <c r="B6879" t="s">
        <v>13731</v>
      </c>
      <c r="C6879" t="s">
        <v>13732</v>
      </c>
    </row>
    <row r="6880" spans="1:3" x14ac:dyDescent="0.15">
      <c r="A6880">
        <v>18132</v>
      </c>
      <c r="B6880" t="s">
        <v>13733</v>
      </c>
      <c r="C6880" t="s">
        <v>13734</v>
      </c>
    </row>
    <row r="6881" spans="1:3" x14ac:dyDescent="0.15">
      <c r="A6881">
        <v>18131</v>
      </c>
      <c r="B6881" t="s">
        <v>13735</v>
      </c>
      <c r="C6881" t="s">
        <v>13736</v>
      </c>
    </row>
    <row r="6882" spans="1:3" x14ac:dyDescent="0.15">
      <c r="A6882">
        <v>18130</v>
      </c>
      <c r="B6882" t="s">
        <v>13737</v>
      </c>
      <c r="C6882" t="s">
        <v>13738</v>
      </c>
    </row>
    <row r="6883" spans="1:3" x14ac:dyDescent="0.15">
      <c r="A6883">
        <v>18129</v>
      </c>
      <c r="B6883" t="s">
        <v>13739</v>
      </c>
      <c r="C6883" t="s">
        <v>13740</v>
      </c>
    </row>
    <row r="6884" spans="1:3" x14ac:dyDescent="0.15">
      <c r="A6884">
        <v>18128</v>
      </c>
      <c r="B6884" t="s">
        <v>13741</v>
      </c>
      <c r="C6884" t="s">
        <v>13742</v>
      </c>
    </row>
    <row r="6885" spans="1:3" x14ac:dyDescent="0.15">
      <c r="A6885">
        <v>18127</v>
      </c>
      <c r="B6885" t="s">
        <v>13743</v>
      </c>
      <c r="C6885" t="s">
        <v>13744</v>
      </c>
    </row>
    <row r="6886" spans="1:3" x14ac:dyDescent="0.15">
      <c r="A6886">
        <v>18126</v>
      </c>
      <c r="B6886" t="s">
        <v>13745</v>
      </c>
      <c r="C6886" t="s">
        <v>13746</v>
      </c>
    </row>
    <row r="6887" spans="1:3" x14ac:dyDescent="0.15">
      <c r="A6887">
        <v>18125</v>
      </c>
      <c r="B6887" t="s">
        <v>13747</v>
      </c>
      <c r="C6887" t="s">
        <v>13748</v>
      </c>
    </row>
    <row r="6888" spans="1:3" x14ac:dyDescent="0.15">
      <c r="A6888">
        <v>18124</v>
      </c>
      <c r="B6888" t="s">
        <v>13749</v>
      </c>
      <c r="C6888" t="s">
        <v>13750</v>
      </c>
    </row>
    <row r="6889" spans="1:3" x14ac:dyDescent="0.15">
      <c r="A6889">
        <v>18123</v>
      </c>
      <c r="B6889" t="s">
        <v>13751</v>
      </c>
      <c r="C6889" t="s">
        <v>13752</v>
      </c>
    </row>
    <row r="6890" spans="1:3" x14ac:dyDescent="0.15">
      <c r="A6890">
        <v>18122</v>
      </c>
      <c r="B6890" t="s">
        <v>13753</v>
      </c>
      <c r="C6890" t="s">
        <v>13754</v>
      </c>
    </row>
    <row r="6891" spans="1:3" x14ac:dyDescent="0.15">
      <c r="A6891">
        <v>18121</v>
      </c>
      <c r="B6891" t="s">
        <v>13755</v>
      </c>
      <c r="C6891" t="s">
        <v>13756</v>
      </c>
    </row>
    <row r="6892" spans="1:3" x14ac:dyDescent="0.15">
      <c r="A6892">
        <v>18120</v>
      </c>
      <c r="B6892" t="s">
        <v>13757</v>
      </c>
      <c r="C6892" t="s">
        <v>13758</v>
      </c>
    </row>
    <row r="6893" spans="1:3" x14ac:dyDescent="0.15">
      <c r="A6893">
        <v>18119</v>
      </c>
      <c r="B6893" t="s">
        <v>13759</v>
      </c>
      <c r="C6893" t="s">
        <v>13760</v>
      </c>
    </row>
    <row r="6894" spans="1:3" x14ac:dyDescent="0.15">
      <c r="A6894">
        <v>18118</v>
      </c>
      <c r="B6894" t="s">
        <v>13761</v>
      </c>
      <c r="C6894" t="s">
        <v>13762</v>
      </c>
    </row>
    <row r="6895" spans="1:3" x14ac:dyDescent="0.15">
      <c r="A6895">
        <v>18117</v>
      </c>
      <c r="B6895" t="s">
        <v>13763</v>
      </c>
      <c r="C6895" t="s">
        <v>13764</v>
      </c>
    </row>
    <row r="6896" spans="1:3" x14ac:dyDescent="0.15">
      <c r="A6896">
        <v>18116</v>
      </c>
      <c r="B6896" t="s">
        <v>13765</v>
      </c>
      <c r="C6896" t="s">
        <v>13766</v>
      </c>
    </row>
    <row r="6897" spans="1:3" x14ac:dyDescent="0.15">
      <c r="A6897">
        <v>18115</v>
      </c>
      <c r="B6897" t="s">
        <v>13767</v>
      </c>
      <c r="C6897" t="s">
        <v>13768</v>
      </c>
    </row>
    <row r="6898" spans="1:3" x14ac:dyDescent="0.15">
      <c r="A6898">
        <v>18114</v>
      </c>
      <c r="B6898" t="s">
        <v>13769</v>
      </c>
      <c r="C6898" t="s">
        <v>13770</v>
      </c>
    </row>
    <row r="6899" spans="1:3" x14ac:dyDescent="0.15">
      <c r="A6899">
        <v>18113</v>
      </c>
      <c r="B6899" t="s">
        <v>13771</v>
      </c>
      <c r="C6899" t="s">
        <v>13772</v>
      </c>
    </row>
    <row r="6900" spans="1:3" x14ac:dyDescent="0.15">
      <c r="A6900">
        <v>18112</v>
      </c>
      <c r="B6900" t="s">
        <v>13773</v>
      </c>
      <c r="C6900" t="s">
        <v>13774</v>
      </c>
    </row>
    <row r="6901" spans="1:3" x14ac:dyDescent="0.15">
      <c r="A6901">
        <v>18111</v>
      </c>
      <c r="B6901" t="s">
        <v>13775</v>
      </c>
      <c r="C6901" t="s">
        <v>13776</v>
      </c>
    </row>
    <row r="6902" spans="1:3" x14ac:dyDescent="0.15">
      <c r="A6902">
        <v>18110</v>
      </c>
      <c r="B6902" t="s">
        <v>13777</v>
      </c>
      <c r="C6902" t="s">
        <v>13778</v>
      </c>
    </row>
    <row r="6903" spans="1:3" x14ac:dyDescent="0.15">
      <c r="A6903">
        <v>18109</v>
      </c>
      <c r="B6903" t="s">
        <v>13779</v>
      </c>
      <c r="C6903" t="s">
        <v>13780</v>
      </c>
    </row>
    <row r="6904" spans="1:3" x14ac:dyDescent="0.15">
      <c r="A6904">
        <v>18108</v>
      </c>
      <c r="B6904" t="s">
        <v>13781</v>
      </c>
      <c r="C6904" t="s">
        <v>13782</v>
      </c>
    </row>
    <row r="6905" spans="1:3" x14ac:dyDescent="0.15">
      <c r="A6905">
        <v>18107</v>
      </c>
      <c r="B6905" t="s">
        <v>13783</v>
      </c>
      <c r="C6905" t="s">
        <v>13784</v>
      </c>
    </row>
    <row r="6906" spans="1:3" x14ac:dyDescent="0.15">
      <c r="A6906">
        <v>18106</v>
      </c>
      <c r="B6906" t="s">
        <v>13785</v>
      </c>
      <c r="C6906" t="s">
        <v>13786</v>
      </c>
    </row>
    <row r="6907" spans="1:3" x14ac:dyDescent="0.15">
      <c r="A6907">
        <v>18105</v>
      </c>
      <c r="B6907" t="s">
        <v>13787</v>
      </c>
      <c r="C6907" t="s">
        <v>13788</v>
      </c>
    </row>
    <row r="6908" spans="1:3" x14ac:dyDescent="0.15">
      <c r="A6908">
        <v>18104</v>
      </c>
      <c r="B6908" t="s">
        <v>13789</v>
      </c>
      <c r="C6908" t="s">
        <v>13790</v>
      </c>
    </row>
    <row r="6909" spans="1:3" x14ac:dyDescent="0.15">
      <c r="A6909">
        <v>18103</v>
      </c>
      <c r="B6909" t="s">
        <v>13791</v>
      </c>
      <c r="C6909" t="s">
        <v>13792</v>
      </c>
    </row>
    <row r="6910" spans="1:3" x14ac:dyDescent="0.15">
      <c r="A6910">
        <v>18102</v>
      </c>
      <c r="B6910" t="s">
        <v>13793</v>
      </c>
      <c r="C6910" t="s">
        <v>13794</v>
      </c>
    </row>
    <row r="6911" spans="1:3" x14ac:dyDescent="0.15">
      <c r="A6911">
        <v>18101</v>
      </c>
      <c r="B6911" t="s">
        <v>13795</v>
      </c>
      <c r="C6911" t="s">
        <v>13796</v>
      </c>
    </row>
    <row r="6912" spans="1:3" x14ac:dyDescent="0.15">
      <c r="A6912">
        <v>18100</v>
      </c>
      <c r="B6912" t="s">
        <v>13797</v>
      </c>
      <c r="C6912" t="s">
        <v>13798</v>
      </c>
    </row>
    <row r="6913" spans="1:3" x14ac:dyDescent="0.15">
      <c r="A6913">
        <v>18099</v>
      </c>
      <c r="B6913" t="s">
        <v>13799</v>
      </c>
      <c r="C6913" t="s">
        <v>13800</v>
      </c>
    </row>
    <row r="6914" spans="1:3" x14ac:dyDescent="0.15">
      <c r="A6914">
        <v>18098</v>
      </c>
      <c r="B6914" t="s">
        <v>13801</v>
      </c>
      <c r="C6914" t="s">
        <v>13802</v>
      </c>
    </row>
    <row r="6915" spans="1:3" x14ac:dyDescent="0.15">
      <c r="A6915">
        <v>18097</v>
      </c>
      <c r="B6915" t="s">
        <v>13803</v>
      </c>
      <c r="C6915" t="s">
        <v>13804</v>
      </c>
    </row>
    <row r="6916" spans="1:3" x14ac:dyDescent="0.15">
      <c r="A6916">
        <v>18096</v>
      </c>
      <c r="B6916" t="s">
        <v>13805</v>
      </c>
      <c r="C6916" t="s">
        <v>13806</v>
      </c>
    </row>
    <row r="6917" spans="1:3" x14ac:dyDescent="0.15">
      <c r="A6917">
        <v>18095</v>
      </c>
      <c r="B6917" t="s">
        <v>13807</v>
      </c>
      <c r="C6917" t="s">
        <v>13808</v>
      </c>
    </row>
    <row r="6918" spans="1:3" x14ac:dyDescent="0.15">
      <c r="A6918">
        <v>18094</v>
      </c>
      <c r="B6918" t="s">
        <v>13809</v>
      </c>
      <c r="C6918" t="s">
        <v>13810</v>
      </c>
    </row>
    <row r="6919" spans="1:3" x14ac:dyDescent="0.15">
      <c r="A6919">
        <v>18093</v>
      </c>
      <c r="B6919" t="s">
        <v>13811</v>
      </c>
      <c r="C6919" t="s">
        <v>13812</v>
      </c>
    </row>
    <row r="6920" spans="1:3" x14ac:dyDescent="0.15">
      <c r="A6920">
        <v>18092</v>
      </c>
      <c r="B6920" t="s">
        <v>13813</v>
      </c>
      <c r="C6920" t="s">
        <v>13814</v>
      </c>
    </row>
    <row r="6921" spans="1:3" x14ac:dyDescent="0.15">
      <c r="A6921">
        <v>18091</v>
      </c>
      <c r="B6921" t="s">
        <v>13815</v>
      </c>
      <c r="C6921" t="s">
        <v>13816</v>
      </c>
    </row>
    <row r="6922" spans="1:3" x14ac:dyDescent="0.15">
      <c r="A6922">
        <v>18090</v>
      </c>
      <c r="B6922" t="s">
        <v>13817</v>
      </c>
      <c r="C6922" t="s">
        <v>13818</v>
      </c>
    </row>
    <row r="6923" spans="1:3" x14ac:dyDescent="0.15">
      <c r="A6923">
        <v>18089</v>
      </c>
      <c r="B6923" t="s">
        <v>13819</v>
      </c>
      <c r="C6923" t="s">
        <v>13820</v>
      </c>
    </row>
    <row r="6924" spans="1:3" x14ac:dyDescent="0.15">
      <c r="A6924">
        <v>18088</v>
      </c>
      <c r="B6924" t="s">
        <v>13821</v>
      </c>
      <c r="C6924" t="s">
        <v>13822</v>
      </c>
    </row>
    <row r="6925" spans="1:3" x14ac:dyDescent="0.15">
      <c r="A6925">
        <v>18087</v>
      </c>
      <c r="B6925" t="s">
        <v>13823</v>
      </c>
      <c r="C6925" t="s">
        <v>13824</v>
      </c>
    </row>
    <row r="6926" spans="1:3" x14ac:dyDescent="0.15">
      <c r="A6926">
        <v>18086</v>
      </c>
      <c r="B6926" t="s">
        <v>13825</v>
      </c>
      <c r="C6926" t="s">
        <v>13826</v>
      </c>
    </row>
    <row r="6927" spans="1:3" x14ac:dyDescent="0.15">
      <c r="A6927">
        <v>18085</v>
      </c>
      <c r="B6927" t="s">
        <v>13827</v>
      </c>
      <c r="C6927" t="s">
        <v>13828</v>
      </c>
    </row>
    <row r="6928" spans="1:3" x14ac:dyDescent="0.15">
      <c r="A6928">
        <v>18084</v>
      </c>
      <c r="B6928" t="s">
        <v>13829</v>
      </c>
      <c r="C6928" t="s">
        <v>13830</v>
      </c>
    </row>
    <row r="6929" spans="1:3" x14ac:dyDescent="0.15">
      <c r="A6929">
        <v>18083</v>
      </c>
      <c r="B6929" t="s">
        <v>13831</v>
      </c>
      <c r="C6929" t="s">
        <v>13832</v>
      </c>
    </row>
    <row r="6930" spans="1:3" x14ac:dyDescent="0.15">
      <c r="A6930">
        <v>18082</v>
      </c>
      <c r="B6930" t="s">
        <v>13833</v>
      </c>
      <c r="C6930" t="s">
        <v>13834</v>
      </c>
    </row>
    <row r="6931" spans="1:3" x14ac:dyDescent="0.15">
      <c r="A6931">
        <v>18081</v>
      </c>
      <c r="B6931" t="s">
        <v>13835</v>
      </c>
      <c r="C6931" t="s">
        <v>13836</v>
      </c>
    </row>
    <row r="6932" spans="1:3" x14ac:dyDescent="0.15">
      <c r="A6932">
        <v>18080</v>
      </c>
      <c r="B6932" t="s">
        <v>13837</v>
      </c>
      <c r="C6932" t="s">
        <v>13838</v>
      </c>
    </row>
    <row r="6933" spans="1:3" x14ac:dyDescent="0.15">
      <c r="A6933">
        <v>18079</v>
      </c>
      <c r="B6933" t="s">
        <v>13839</v>
      </c>
      <c r="C6933" t="s">
        <v>13840</v>
      </c>
    </row>
    <row r="6934" spans="1:3" x14ac:dyDescent="0.15">
      <c r="A6934">
        <v>18078</v>
      </c>
      <c r="B6934" t="s">
        <v>13841</v>
      </c>
      <c r="C6934" t="s">
        <v>13842</v>
      </c>
    </row>
    <row r="6935" spans="1:3" x14ac:dyDescent="0.15">
      <c r="A6935">
        <v>18077</v>
      </c>
      <c r="B6935" t="s">
        <v>13843</v>
      </c>
      <c r="C6935" t="s">
        <v>13844</v>
      </c>
    </row>
    <row r="6936" spans="1:3" x14ac:dyDescent="0.15">
      <c r="A6936">
        <v>18076</v>
      </c>
      <c r="B6936" t="s">
        <v>13845</v>
      </c>
      <c r="C6936" t="s">
        <v>13846</v>
      </c>
    </row>
    <row r="6937" spans="1:3" x14ac:dyDescent="0.15">
      <c r="A6937">
        <v>18075</v>
      </c>
      <c r="B6937" t="s">
        <v>13847</v>
      </c>
      <c r="C6937" t="s">
        <v>13848</v>
      </c>
    </row>
    <row r="6938" spans="1:3" x14ac:dyDescent="0.15">
      <c r="A6938">
        <v>18074</v>
      </c>
      <c r="B6938" t="s">
        <v>13849</v>
      </c>
      <c r="C6938" t="s">
        <v>13850</v>
      </c>
    </row>
    <row r="6939" spans="1:3" x14ac:dyDescent="0.15">
      <c r="A6939">
        <v>18073</v>
      </c>
      <c r="B6939" t="s">
        <v>13851</v>
      </c>
      <c r="C6939" t="s">
        <v>13852</v>
      </c>
    </row>
    <row r="6940" spans="1:3" x14ac:dyDescent="0.15">
      <c r="A6940">
        <v>18072</v>
      </c>
      <c r="B6940" t="s">
        <v>13853</v>
      </c>
      <c r="C6940" t="s">
        <v>13854</v>
      </c>
    </row>
    <row r="6941" spans="1:3" x14ac:dyDescent="0.15">
      <c r="A6941">
        <v>18071</v>
      </c>
      <c r="B6941" t="s">
        <v>13855</v>
      </c>
      <c r="C6941" t="s">
        <v>13856</v>
      </c>
    </row>
    <row r="6942" spans="1:3" x14ac:dyDescent="0.15">
      <c r="A6942">
        <v>18070</v>
      </c>
      <c r="B6942" t="s">
        <v>13857</v>
      </c>
      <c r="C6942" t="s">
        <v>13858</v>
      </c>
    </row>
    <row r="6943" spans="1:3" x14ac:dyDescent="0.15">
      <c r="A6943">
        <v>18069</v>
      </c>
      <c r="B6943" t="s">
        <v>13859</v>
      </c>
      <c r="C6943" t="s">
        <v>13860</v>
      </c>
    </row>
    <row r="6944" spans="1:3" x14ac:dyDescent="0.15">
      <c r="A6944">
        <v>18068</v>
      </c>
      <c r="B6944" t="s">
        <v>13861</v>
      </c>
      <c r="C6944" t="s">
        <v>13862</v>
      </c>
    </row>
    <row r="6945" spans="1:3" x14ac:dyDescent="0.15">
      <c r="A6945">
        <v>18067</v>
      </c>
      <c r="B6945" t="s">
        <v>13863</v>
      </c>
      <c r="C6945" t="s">
        <v>13864</v>
      </c>
    </row>
    <row r="6946" spans="1:3" x14ac:dyDescent="0.15">
      <c r="A6946">
        <v>18066</v>
      </c>
      <c r="B6946" t="s">
        <v>13865</v>
      </c>
      <c r="C6946" t="s">
        <v>13866</v>
      </c>
    </row>
    <row r="6947" spans="1:3" x14ac:dyDescent="0.15">
      <c r="A6947">
        <v>18065</v>
      </c>
      <c r="B6947" t="s">
        <v>13867</v>
      </c>
      <c r="C6947" t="s">
        <v>13868</v>
      </c>
    </row>
    <row r="6948" spans="1:3" x14ac:dyDescent="0.15">
      <c r="A6948">
        <v>18064</v>
      </c>
      <c r="B6948" t="s">
        <v>13869</v>
      </c>
      <c r="C6948" t="s">
        <v>13870</v>
      </c>
    </row>
    <row r="6949" spans="1:3" x14ac:dyDescent="0.15">
      <c r="A6949">
        <v>18063</v>
      </c>
      <c r="B6949" t="s">
        <v>13871</v>
      </c>
      <c r="C6949" t="s">
        <v>13872</v>
      </c>
    </row>
    <row r="6950" spans="1:3" x14ac:dyDescent="0.15">
      <c r="A6950">
        <v>18062</v>
      </c>
      <c r="B6950" t="s">
        <v>13873</v>
      </c>
      <c r="C6950" t="s">
        <v>13874</v>
      </c>
    </row>
    <row r="6951" spans="1:3" x14ac:dyDescent="0.15">
      <c r="A6951">
        <v>18061</v>
      </c>
      <c r="B6951" t="s">
        <v>13875</v>
      </c>
      <c r="C6951" t="s">
        <v>13876</v>
      </c>
    </row>
    <row r="6952" spans="1:3" x14ac:dyDescent="0.15">
      <c r="A6952">
        <v>18060</v>
      </c>
      <c r="B6952" t="s">
        <v>13877</v>
      </c>
      <c r="C6952" t="s">
        <v>13878</v>
      </c>
    </row>
    <row r="6953" spans="1:3" x14ac:dyDescent="0.15">
      <c r="A6953">
        <v>18059</v>
      </c>
      <c r="B6953" t="s">
        <v>13879</v>
      </c>
      <c r="C6953" t="s">
        <v>13880</v>
      </c>
    </row>
    <row r="6954" spans="1:3" x14ac:dyDescent="0.15">
      <c r="A6954">
        <v>18058</v>
      </c>
      <c r="B6954" t="s">
        <v>13881</v>
      </c>
      <c r="C6954" t="s">
        <v>13882</v>
      </c>
    </row>
    <row r="6955" spans="1:3" x14ac:dyDescent="0.15">
      <c r="A6955">
        <v>18057</v>
      </c>
      <c r="B6955" t="s">
        <v>13883</v>
      </c>
      <c r="C6955" t="s">
        <v>13884</v>
      </c>
    </row>
    <row r="6956" spans="1:3" x14ac:dyDescent="0.15">
      <c r="A6956">
        <v>18056</v>
      </c>
      <c r="B6956" t="s">
        <v>13885</v>
      </c>
      <c r="C6956" t="s">
        <v>13886</v>
      </c>
    </row>
    <row r="6957" spans="1:3" x14ac:dyDescent="0.15">
      <c r="A6957">
        <v>18055</v>
      </c>
      <c r="B6957" t="s">
        <v>13887</v>
      </c>
      <c r="C6957" t="s">
        <v>13888</v>
      </c>
    </row>
    <row r="6958" spans="1:3" x14ac:dyDescent="0.15">
      <c r="A6958">
        <v>18054</v>
      </c>
      <c r="B6958" t="s">
        <v>13889</v>
      </c>
      <c r="C6958" t="s">
        <v>13890</v>
      </c>
    </row>
    <row r="6959" spans="1:3" x14ac:dyDescent="0.15">
      <c r="A6959">
        <v>18053</v>
      </c>
      <c r="B6959" t="s">
        <v>13891</v>
      </c>
      <c r="C6959" t="s">
        <v>13892</v>
      </c>
    </row>
    <row r="6960" spans="1:3" x14ac:dyDescent="0.15">
      <c r="A6960">
        <v>18052</v>
      </c>
      <c r="B6960" t="s">
        <v>13893</v>
      </c>
      <c r="C6960" t="s">
        <v>13894</v>
      </c>
    </row>
    <row r="6961" spans="1:3" x14ac:dyDescent="0.15">
      <c r="A6961">
        <v>18051</v>
      </c>
      <c r="B6961" t="s">
        <v>13895</v>
      </c>
      <c r="C6961" t="s">
        <v>13896</v>
      </c>
    </row>
    <row r="6962" spans="1:3" x14ac:dyDescent="0.15">
      <c r="A6962">
        <v>18050</v>
      </c>
      <c r="B6962" t="s">
        <v>13897</v>
      </c>
      <c r="C6962" t="s">
        <v>13898</v>
      </c>
    </row>
    <row r="6963" spans="1:3" x14ac:dyDescent="0.15">
      <c r="A6963">
        <v>18049</v>
      </c>
      <c r="B6963" t="s">
        <v>13899</v>
      </c>
      <c r="C6963" t="s">
        <v>13900</v>
      </c>
    </row>
    <row r="6964" spans="1:3" x14ac:dyDescent="0.15">
      <c r="A6964">
        <v>18048</v>
      </c>
      <c r="B6964" t="s">
        <v>13901</v>
      </c>
      <c r="C6964" t="s">
        <v>13902</v>
      </c>
    </row>
    <row r="6965" spans="1:3" x14ac:dyDescent="0.15">
      <c r="A6965">
        <v>18047</v>
      </c>
      <c r="B6965" t="s">
        <v>13903</v>
      </c>
      <c r="C6965" t="s">
        <v>13904</v>
      </c>
    </row>
    <row r="6966" spans="1:3" x14ac:dyDescent="0.15">
      <c r="A6966">
        <v>18046</v>
      </c>
      <c r="B6966" t="s">
        <v>13905</v>
      </c>
      <c r="C6966" t="s">
        <v>13906</v>
      </c>
    </row>
    <row r="6967" spans="1:3" x14ac:dyDescent="0.15">
      <c r="A6967">
        <v>18045</v>
      </c>
      <c r="B6967" t="s">
        <v>13907</v>
      </c>
      <c r="C6967" t="s">
        <v>13908</v>
      </c>
    </row>
    <row r="6968" spans="1:3" x14ac:dyDescent="0.15">
      <c r="A6968">
        <v>18044</v>
      </c>
      <c r="B6968" t="s">
        <v>13909</v>
      </c>
      <c r="C6968" t="s">
        <v>13910</v>
      </c>
    </row>
    <row r="6969" spans="1:3" x14ac:dyDescent="0.15">
      <c r="A6969">
        <v>18043</v>
      </c>
      <c r="B6969" t="s">
        <v>13911</v>
      </c>
      <c r="C6969" t="s">
        <v>13912</v>
      </c>
    </row>
    <row r="6970" spans="1:3" x14ac:dyDescent="0.15">
      <c r="A6970">
        <v>18042</v>
      </c>
      <c r="B6970" t="s">
        <v>13913</v>
      </c>
      <c r="C6970" t="s">
        <v>491</v>
      </c>
    </row>
    <row r="6971" spans="1:3" x14ac:dyDescent="0.15">
      <c r="A6971">
        <v>18041</v>
      </c>
      <c r="B6971" t="s">
        <v>13914</v>
      </c>
      <c r="C6971" t="s">
        <v>13915</v>
      </c>
    </row>
    <row r="6972" spans="1:3" x14ac:dyDescent="0.15">
      <c r="A6972">
        <v>18040</v>
      </c>
      <c r="B6972" t="s">
        <v>13916</v>
      </c>
      <c r="C6972" t="s">
        <v>13917</v>
      </c>
    </row>
    <row r="6973" spans="1:3" x14ac:dyDescent="0.15">
      <c r="A6973">
        <v>18039</v>
      </c>
      <c r="B6973" t="s">
        <v>13918</v>
      </c>
      <c r="C6973" t="s">
        <v>13919</v>
      </c>
    </row>
    <row r="6974" spans="1:3" x14ac:dyDescent="0.15">
      <c r="A6974">
        <v>18038</v>
      </c>
      <c r="B6974" t="s">
        <v>13920</v>
      </c>
      <c r="C6974" t="s">
        <v>13921</v>
      </c>
    </row>
    <row r="6975" spans="1:3" x14ac:dyDescent="0.15">
      <c r="A6975">
        <v>18037</v>
      </c>
      <c r="B6975" t="s">
        <v>13922</v>
      </c>
      <c r="C6975" t="s">
        <v>13923</v>
      </c>
    </row>
    <row r="6976" spans="1:3" x14ac:dyDescent="0.15">
      <c r="A6976">
        <v>18036</v>
      </c>
      <c r="B6976" t="s">
        <v>13924</v>
      </c>
      <c r="C6976" t="s">
        <v>13925</v>
      </c>
    </row>
    <row r="6977" spans="1:3" x14ac:dyDescent="0.15">
      <c r="A6977">
        <v>18035</v>
      </c>
      <c r="B6977" t="s">
        <v>13926</v>
      </c>
      <c r="C6977" t="s">
        <v>13927</v>
      </c>
    </row>
    <row r="6978" spans="1:3" x14ac:dyDescent="0.15">
      <c r="A6978">
        <v>18034</v>
      </c>
      <c r="B6978" t="s">
        <v>13928</v>
      </c>
      <c r="C6978" t="s">
        <v>13929</v>
      </c>
    </row>
    <row r="6979" spans="1:3" x14ac:dyDescent="0.15">
      <c r="A6979">
        <v>18033</v>
      </c>
      <c r="B6979" t="s">
        <v>13930</v>
      </c>
      <c r="C6979" t="s">
        <v>13931</v>
      </c>
    </row>
    <row r="6980" spans="1:3" x14ac:dyDescent="0.15">
      <c r="A6980">
        <v>18032</v>
      </c>
      <c r="B6980" t="s">
        <v>13932</v>
      </c>
      <c r="C6980" t="s">
        <v>13933</v>
      </c>
    </row>
    <row r="6981" spans="1:3" x14ac:dyDescent="0.15">
      <c r="A6981">
        <v>18031</v>
      </c>
      <c r="B6981" t="s">
        <v>13934</v>
      </c>
      <c r="C6981" t="s">
        <v>13935</v>
      </c>
    </row>
    <row r="6982" spans="1:3" x14ac:dyDescent="0.15">
      <c r="A6982">
        <v>18030</v>
      </c>
      <c r="B6982" t="s">
        <v>13936</v>
      </c>
      <c r="C6982" t="s">
        <v>13937</v>
      </c>
    </row>
    <row r="6983" spans="1:3" x14ac:dyDescent="0.15">
      <c r="A6983">
        <v>18029</v>
      </c>
      <c r="B6983" t="s">
        <v>13938</v>
      </c>
      <c r="C6983" t="s">
        <v>13939</v>
      </c>
    </row>
    <row r="6984" spans="1:3" x14ac:dyDescent="0.15">
      <c r="A6984">
        <v>18028</v>
      </c>
      <c r="B6984" t="s">
        <v>13940</v>
      </c>
      <c r="C6984" t="s">
        <v>13941</v>
      </c>
    </row>
    <row r="6985" spans="1:3" x14ac:dyDescent="0.15">
      <c r="A6985">
        <v>18027</v>
      </c>
      <c r="B6985" t="s">
        <v>13942</v>
      </c>
      <c r="C6985" t="s">
        <v>13943</v>
      </c>
    </row>
    <row r="6986" spans="1:3" x14ac:dyDescent="0.15">
      <c r="A6986">
        <v>18026</v>
      </c>
      <c r="B6986" t="s">
        <v>13944</v>
      </c>
      <c r="C6986" t="s">
        <v>13945</v>
      </c>
    </row>
    <row r="6987" spans="1:3" x14ac:dyDescent="0.15">
      <c r="A6987">
        <v>18025</v>
      </c>
      <c r="B6987" t="s">
        <v>13946</v>
      </c>
      <c r="C6987" t="s">
        <v>13947</v>
      </c>
    </row>
    <row r="6988" spans="1:3" x14ac:dyDescent="0.15">
      <c r="A6988">
        <v>18024</v>
      </c>
      <c r="B6988" t="s">
        <v>13948</v>
      </c>
      <c r="C6988" t="s">
        <v>13949</v>
      </c>
    </row>
    <row r="6989" spans="1:3" x14ac:dyDescent="0.15">
      <c r="A6989">
        <v>18023</v>
      </c>
      <c r="B6989" t="s">
        <v>13950</v>
      </c>
      <c r="C6989" t="s">
        <v>13951</v>
      </c>
    </row>
    <row r="6990" spans="1:3" x14ac:dyDescent="0.15">
      <c r="A6990">
        <v>18022</v>
      </c>
      <c r="B6990" t="s">
        <v>13952</v>
      </c>
      <c r="C6990" t="s">
        <v>13953</v>
      </c>
    </row>
    <row r="6991" spans="1:3" x14ac:dyDescent="0.15">
      <c r="A6991">
        <v>18021</v>
      </c>
      <c r="B6991" t="s">
        <v>13954</v>
      </c>
      <c r="C6991" t="s">
        <v>13955</v>
      </c>
    </row>
    <row r="6992" spans="1:3" x14ac:dyDescent="0.15">
      <c r="A6992">
        <v>18020</v>
      </c>
      <c r="B6992" t="s">
        <v>13956</v>
      </c>
      <c r="C6992" t="s">
        <v>13957</v>
      </c>
    </row>
    <row r="6993" spans="1:3" x14ac:dyDescent="0.15">
      <c r="A6993">
        <v>18019</v>
      </c>
      <c r="B6993" t="s">
        <v>13958</v>
      </c>
      <c r="C6993" t="s">
        <v>13959</v>
      </c>
    </row>
    <row r="6994" spans="1:3" x14ac:dyDescent="0.15">
      <c r="A6994">
        <v>18018</v>
      </c>
      <c r="B6994" t="s">
        <v>13960</v>
      </c>
      <c r="C6994" t="s">
        <v>13961</v>
      </c>
    </row>
    <row r="6995" spans="1:3" x14ac:dyDescent="0.15">
      <c r="A6995">
        <v>18017</v>
      </c>
      <c r="B6995" t="s">
        <v>13962</v>
      </c>
      <c r="C6995" t="s">
        <v>13963</v>
      </c>
    </row>
    <row r="6996" spans="1:3" x14ac:dyDescent="0.15">
      <c r="A6996">
        <v>18016</v>
      </c>
      <c r="B6996" t="s">
        <v>13964</v>
      </c>
      <c r="C6996" t="s">
        <v>13965</v>
      </c>
    </row>
    <row r="6997" spans="1:3" x14ac:dyDescent="0.15">
      <c r="A6997">
        <v>18015</v>
      </c>
      <c r="B6997" t="s">
        <v>13966</v>
      </c>
      <c r="C6997" t="s">
        <v>13967</v>
      </c>
    </row>
    <row r="6998" spans="1:3" x14ac:dyDescent="0.15">
      <c r="A6998">
        <v>18014</v>
      </c>
      <c r="B6998" t="s">
        <v>13968</v>
      </c>
      <c r="C6998" t="s">
        <v>13969</v>
      </c>
    </row>
    <row r="6999" spans="1:3" x14ac:dyDescent="0.15">
      <c r="A6999">
        <v>18013</v>
      </c>
      <c r="B6999" t="s">
        <v>13970</v>
      </c>
      <c r="C6999" t="s">
        <v>13971</v>
      </c>
    </row>
    <row r="7000" spans="1:3" x14ac:dyDescent="0.15">
      <c r="A7000">
        <v>18012</v>
      </c>
      <c r="B7000" t="s">
        <v>13972</v>
      </c>
      <c r="C7000" t="s">
        <v>13973</v>
      </c>
    </row>
    <row r="7001" spans="1:3" x14ac:dyDescent="0.15">
      <c r="A7001">
        <v>18011</v>
      </c>
      <c r="B7001" t="s">
        <v>13974</v>
      </c>
      <c r="C7001" t="s">
        <v>13975</v>
      </c>
    </row>
    <row r="7002" spans="1:3" x14ac:dyDescent="0.15">
      <c r="A7002">
        <v>18010</v>
      </c>
      <c r="B7002" t="s">
        <v>13976</v>
      </c>
      <c r="C7002" t="s">
        <v>13977</v>
      </c>
    </row>
    <row r="7003" spans="1:3" x14ac:dyDescent="0.15">
      <c r="A7003">
        <v>18009</v>
      </c>
      <c r="B7003" t="s">
        <v>13978</v>
      </c>
      <c r="C7003" t="s">
        <v>13979</v>
      </c>
    </row>
    <row r="7004" spans="1:3" x14ac:dyDescent="0.15">
      <c r="A7004">
        <v>18008</v>
      </c>
      <c r="B7004" t="s">
        <v>13980</v>
      </c>
      <c r="C7004" t="s">
        <v>13981</v>
      </c>
    </row>
    <row r="7005" spans="1:3" x14ac:dyDescent="0.15">
      <c r="A7005">
        <v>18007</v>
      </c>
      <c r="B7005" t="s">
        <v>13982</v>
      </c>
      <c r="C7005" t="s">
        <v>13983</v>
      </c>
    </row>
    <row r="7006" spans="1:3" x14ac:dyDescent="0.15">
      <c r="A7006">
        <v>18006</v>
      </c>
      <c r="B7006" t="s">
        <v>13984</v>
      </c>
      <c r="C7006" t="s">
        <v>13985</v>
      </c>
    </row>
    <row r="7007" spans="1:3" x14ac:dyDescent="0.15">
      <c r="A7007">
        <v>18004</v>
      </c>
      <c r="B7007" t="s">
        <v>13986</v>
      </c>
      <c r="C7007" t="s">
        <v>13987</v>
      </c>
    </row>
    <row r="7008" spans="1:3" x14ac:dyDescent="0.15">
      <c r="A7008">
        <v>18003</v>
      </c>
      <c r="B7008" t="s">
        <v>13988</v>
      </c>
      <c r="C7008" t="s">
        <v>13989</v>
      </c>
    </row>
    <row r="7009" spans="1:3" x14ac:dyDescent="0.15">
      <c r="A7009">
        <v>18002</v>
      </c>
      <c r="B7009" t="s">
        <v>13990</v>
      </c>
      <c r="C7009" t="s">
        <v>13991</v>
      </c>
    </row>
    <row r="7010" spans="1:3" x14ac:dyDescent="0.15">
      <c r="A7010">
        <v>18001</v>
      </c>
      <c r="B7010" t="s">
        <v>13992</v>
      </c>
      <c r="C7010" t="s">
        <v>13993</v>
      </c>
    </row>
    <row r="7011" spans="1:3" x14ac:dyDescent="0.15">
      <c r="A7011">
        <v>18000</v>
      </c>
      <c r="B7011" t="s">
        <v>13994</v>
      </c>
      <c r="C7011" t="s">
        <v>13995</v>
      </c>
    </row>
    <row r="7012" spans="1:3" x14ac:dyDescent="0.15">
      <c r="A7012">
        <v>17999</v>
      </c>
      <c r="B7012" t="s">
        <v>13996</v>
      </c>
      <c r="C7012" t="s">
        <v>13997</v>
      </c>
    </row>
    <row r="7013" spans="1:3" x14ac:dyDescent="0.15">
      <c r="A7013">
        <v>17998</v>
      </c>
      <c r="B7013" t="s">
        <v>13998</v>
      </c>
      <c r="C7013" t="s">
        <v>13999</v>
      </c>
    </row>
    <row r="7014" spans="1:3" x14ac:dyDescent="0.15">
      <c r="A7014">
        <v>17997</v>
      </c>
      <c r="B7014" t="s">
        <v>14000</v>
      </c>
      <c r="C7014" t="s">
        <v>14001</v>
      </c>
    </row>
    <row r="7015" spans="1:3" x14ac:dyDescent="0.15">
      <c r="A7015">
        <v>17996</v>
      </c>
      <c r="B7015" t="s">
        <v>14002</v>
      </c>
      <c r="C7015" t="s">
        <v>14003</v>
      </c>
    </row>
    <row r="7016" spans="1:3" x14ac:dyDescent="0.15">
      <c r="A7016">
        <v>17995</v>
      </c>
      <c r="B7016" t="s">
        <v>14004</v>
      </c>
      <c r="C7016" t="s">
        <v>14005</v>
      </c>
    </row>
    <row r="7017" spans="1:3" x14ac:dyDescent="0.15">
      <c r="A7017">
        <v>17994</v>
      </c>
      <c r="B7017" t="s">
        <v>14006</v>
      </c>
      <c r="C7017" t="s">
        <v>14007</v>
      </c>
    </row>
    <row r="7018" spans="1:3" x14ac:dyDescent="0.15">
      <c r="A7018">
        <v>17993</v>
      </c>
      <c r="B7018" t="s">
        <v>14008</v>
      </c>
      <c r="C7018" t="s">
        <v>14009</v>
      </c>
    </row>
    <row r="7019" spans="1:3" x14ac:dyDescent="0.15">
      <c r="A7019">
        <v>17992</v>
      </c>
      <c r="B7019" t="s">
        <v>14010</v>
      </c>
      <c r="C7019" t="s">
        <v>14011</v>
      </c>
    </row>
    <row r="7020" spans="1:3" x14ac:dyDescent="0.15">
      <c r="A7020">
        <v>17991</v>
      </c>
      <c r="B7020" t="s">
        <v>14012</v>
      </c>
      <c r="C7020" t="s">
        <v>14013</v>
      </c>
    </row>
    <row r="7021" spans="1:3" x14ac:dyDescent="0.15">
      <c r="A7021">
        <v>17990</v>
      </c>
      <c r="B7021" t="s">
        <v>14014</v>
      </c>
      <c r="C7021" t="s">
        <v>14015</v>
      </c>
    </row>
    <row r="7022" spans="1:3" x14ac:dyDescent="0.15">
      <c r="A7022">
        <v>17989</v>
      </c>
      <c r="B7022" t="s">
        <v>14016</v>
      </c>
      <c r="C7022" t="s">
        <v>14017</v>
      </c>
    </row>
    <row r="7023" spans="1:3" x14ac:dyDescent="0.15">
      <c r="A7023">
        <v>17988</v>
      </c>
      <c r="B7023" t="s">
        <v>14018</v>
      </c>
      <c r="C7023" t="s">
        <v>14019</v>
      </c>
    </row>
    <row r="7024" spans="1:3" x14ac:dyDescent="0.15">
      <c r="A7024">
        <v>17987</v>
      </c>
      <c r="B7024" t="s">
        <v>14020</v>
      </c>
      <c r="C7024" t="s">
        <v>14021</v>
      </c>
    </row>
    <row r="7025" spans="1:3" x14ac:dyDescent="0.15">
      <c r="A7025">
        <v>17986</v>
      </c>
      <c r="B7025" t="s">
        <v>14022</v>
      </c>
      <c r="C7025" t="s">
        <v>14023</v>
      </c>
    </row>
    <row r="7026" spans="1:3" x14ac:dyDescent="0.15">
      <c r="A7026">
        <v>17985</v>
      </c>
      <c r="B7026" t="s">
        <v>14024</v>
      </c>
      <c r="C7026" t="s">
        <v>14025</v>
      </c>
    </row>
    <row r="7027" spans="1:3" x14ac:dyDescent="0.15">
      <c r="A7027">
        <v>17984</v>
      </c>
      <c r="B7027" t="s">
        <v>14026</v>
      </c>
      <c r="C7027" t="s">
        <v>14027</v>
      </c>
    </row>
    <row r="7028" spans="1:3" x14ac:dyDescent="0.15">
      <c r="A7028">
        <v>17983</v>
      </c>
      <c r="B7028" t="s">
        <v>14028</v>
      </c>
      <c r="C7028" t="s">
        <v>14029</v>
      </c>
    </row>
    <row r="7029" spans="1:3" x14ac:dyDescent="0.15">
      <c r="A7029">
        <v>17982</v>
      </c>
      <c r="B7029" t="s">
        <v>14030</v>
      </c>
      <c r="C7029" t="s">
        <v>14031</v>
      </c>
    </row>
    <row r="7030" spans="1:3" x14ac:dyDescent="0.15">
      <c r="A7030">
        <v>17981</v>
      </c>
      <c r="B7030" t="s">
        <v>14032</v>
      </c>
      <c r="C7030" t="s">
        <v>14033</v>
      </c>
    </row>
    <row r="7031" spans="1:3" x14ac:dyDescent="0.15">
      <c r="A7031">
        <v>17980</v>
      </c>
      <c r="B7031" t="s">
        <v>14034</v>
      </c>
      <c r="C7031" t="s">
        <v>14035</v>
      </c>
    </row>
    <row r="7032" spans="1:3" x14ac:dyDescent="0.15">
      <c r="A7032">
        <v>17979</v>
      </c>
      <c r="B7032" t="s">
        <v>14036</v>
      </c>
      <c r="C7032" t="s">
        <v>14037</v>
      </c>
    </row>
    <row r="7033" spans="1:3" x14ac:dyDescent="0.15">
      <c r="A7033">
        <v>17978</v>
      </c>
      <c r="B7033" t="s">
        <v>14038</v>
      </c>
      <c r="C7033" t="s">
        <v>14039</v>
      </c>
    </row>
    <row r="7034" spans="1:3" x14ac:dyDescent="0.15">
      <c r="A7034">
        <v>17977</v>
      </c>
      <c r="B7034" t="s">
        <v>14040</v>
      </c>
      <c r="C7034" t="s">
        <v>14041</v>
      </c>
    </row>
    <row r="7035" spans="1:3" x14ac:dyDescent="0.15">
      <c r="A7035">
        <v>17976</v>
      </c>
      <c r="B7035" t="s">
        <v>14042</v>
      </c>
      <c r="C7035" t="s">
        <v>14043</v>
      </c>
    </row>
    <row r="7036" spans="1:3" x14ac:dyDescent="0.15">
      <c r="A7036">
        <v>17975</v>
      </c>
      <c r="B7036" t="s">
        <v>14044</v>
      </c>
      <c r="C7036" t="s">
        <v>14045</v>
      </c>
    </row>
    <row r="7037" spans="1:3" x14ac:dyDescent="0.15">
      <c r="A7037">
        <v>17974</v>
      </c>
      <c r="B7037" t="s">
        <v>14046</v>
      </c>
      <c r="C7037" t="s">
        <v>14047</v>
      </c>
    </row>
    <row r="7038" spans="1:3" x14ac:dyDescent="0.15">
      <c r="A7038">
        <v>17973</v>
      </c>
      <c r="B7038" t="s">
        <v>14048</v>
      </c>
      <c r="C7038" t="s">
        <v>14049</v>
      </c>
    </row>
    <row r="7039" spans="1:3" x14ac:dyDescent="0.15">
      <c r="A7039">
        <v>17972</v>
      </c>
      <c r="B7039" t="s">
        <v>14050</v>
      </c>
      <c r="C7039" t="s">
        <v>14051</v>
      </c>
    </row>
    <row r="7040" spans="1:3" x14ac:dyDescent="0.15">
      <c r="A7040">
        <v>17971</v>
      </c>
      <c r="B7040" t="s">
        <v>14052</v>
      </c>
      <c r="C7040" t="s">
        <v>14053</v>
      </c>
    </row>
    <row r="7041" spans="1:3" x14ac:dyDescent="0.15">
      <c r="A7041">
        <v>17970</v>
      </c>
      <c r="B7041" t="s">
        <v>14054</v>
      </c>
      <c r="C7041" t="s">
        <v>14055</v>
      </c>
    </row>
    <row r="7042" spans="1:3" x14ac:dyDescent="0.15">
      <c r="A7042">
        <v>17969</v>
      </c>
      <c r="B7042" t="s">
        <v>14056</v>
      </c>
      <c r="C7042" t="s">
        <v>14057</v>
      </c>
    </row>
    <row r="7043" spans="1:3" x14ac:dyDescent="0.15">
      <c r="A7043">
        <v>17968</v>
      </c>
      <c r="B7043" t="s">
        <v>14058</v>
      </c>
      <c r="C7043" t="s">
        <v>14059</v>
      </c>
    </row>
    <row r="7044" spans="1:3" x14ac:dyDescent="0.15">
      <c r="A7044">
        <v>17967</v>
      </c>
      <c r="B7044" t="s">
        <v>14060</v>
      </c>
      <c r="C7044" t="s">
        <v>14061</v>
      </c>
    </row>
    <row r="7045" spans="1:3" x14ac:dyDescent="0.15">
      <c r="A7045">
        <v>17966</v>
      </c>
      <c r="B7045" t="s">
        <v>14062</v>
      </c>
      <c r="C7045" t="s">
        <v>14063</v>
      </c>
    </row>
    <row r="7046" spans="1:3" x14ac:dyDescent="0.15">
      <c r="A7046">
        <v>17965</v>
      </c>
      <c r="B7046" t="s">
        <v>14064</v>
      </c>
      <c r="C7046" t="s">
        <v>14065</v>
      </c>
    </row>
    <row r="7047" spans="1:3" x14ac:dyDescent="0.15">
      <c r="A7047">
        <v>17964</v>
      </c>
      <c r="B7047" t="s">
        <v>14066</v>
      </c>
      <c r="C7047" t="s">
        <v>14067</v>
      </c>
    </row>
    <row r="7048" spans="1:3" x14ac:dyDescent="0.15">
      <c r="A7048">
        <v>17963</v>
      </c>
      <c r="B7048" t="s">
        <v>14068</v>
      </c>
      <c r="C7048" t="s">
        <v>14069</v>
      </c>
    </row>
    <row r="7049" spans="1:3" x14ac:dyDescent="0.15">
      <c r="A7049">
        <v>17962</v>
      </c>
      <c r="B7049" t="s">
        <v>14070</v>
      </c>
      <c r="C7049" t="s">
        <v>14071</v>
      </c>
    </row>
    <row r="7050" spans="1:3" x14ac:dyDescent="0.15">
      <c r="A7050">
        <v>17961</v>
      </c>
      <c r="B7050" t="s">
        <v>14072</v>
      </c>
      <c r="C7050" t="s">
        <v>14073</v>
      </c>
    </row>
    <row r="7051" spans="1:3" x14ac:dyDescent="0.15">
      <c r="A7051">
        <v>17960</v>
      </c>
      <c r="B7051" t="s">
        <v>14074</v>
      </c>
      <c r="C7051" t="s">
        <v>14075</v>
      </c>
    </row>
    <row r="7052" spans="1:3" x14ac:dyDescent="0.15">
      <c r="A7052">
        <v>17959</v>
      </c>
      <c r="B7052" t="s">
        <v>14076</v>
      </c>
      <c r="C7052" t="s">
        <v>14077</v>
      </c>
    </row>
    <row r="7053" spans="1:3" x14ac:dyDescent="0.15">
      <c r="A7053">
        <v>17958</v>
      </c>
      <c r="B7053" t="s">
        <v>14078</v>
      </c>
      <c r="C7053" t="s">
        <v>14079</v>
      </c>
    </row>
    <row r="7054" spans="1:3" x14ac:dyDescent="0.15">
      <c r="A7054">
        <v>17957</v>
      </c>
      <c r="B7054" t="s">
        <v>14080</v>
      </c>
      <c r="C7054" t="s">
        <v>14081</v>
      </c>
    </row>
    <row r="7055" spans="1:3" x14ac:dyDescent="0.15">
      <c r="A7055">
        <v>17956</v>
      </c>
      <c r="B7055" t="s">
        <v>14082</v>
      </c>
      <c r="C7055" t="s">
        <v>14083</v>
      </c>
    </row>
    <row r="7056" spans="1:3" x14ac:dyDescent="0.15">
      <c r="A7056">
        <v>17955</v>
      </c>
      <c r="B7056" t="s">
        <v>14084</v>
      </c>
      <c r="C7056" t="s">
        <v>14085</v>
      </c>
    </row>
    <row r="7057" spans="1:3" x14ac:dyDescent="0.15">
      <c r="A7057">
        <v>17954</v>
      </c>
      <c r="B7057" t="s">
        <v>14086</v>
      </c>
      <c r="C7057" t="s">
        <v>14087</v>
      </c>
    </row>
    <row r="7058" spans="1:3" x14ac:dyDescent="0.15">
      <c r="A7058">
        <v>17953</v>
      </c>
      <c r="B7058" t="s">
        <v>14088</v>
      </c>
      <c r="C7058" t="s">
        <v>14089</v>
      </c>
    </row>
    <row r="7059" spans="1:3" x14ac:dyDescent="0.15">
      <c r="A7059">
        <v>17952</v>
      </c>
      <c r="B7059" t="s">
        <v>14090</v>
      </c>
      <c r="C7059" t="s">
        <v>14091</v>
      </c>
    </row>
    <row r="7060" spans="1:3" x14ac:dyDescent="0.15">
      <c r="A7060">
        <v>17951</v>
      </c>
      <c r="B7060" t="s">
        <v>14092</v>
      </c>
      <c r="C7060" t="s">
        <v>14093</v>
      </c>
    </row>
    <row r="7061" spans="1:3" x14ac:dyDescent="0.15">
      <c r="A7061">
        <v>17950</v>
      </c>
      <c r="B7061" t="s">
        <v>14094</v>
      </c>
      <c r="C7061" t="s">
        <v>14095</v>
      </c>
    </row>
    <row r="7062" spans="1:3" x14ac:dyDescent="0.15">
      <c r="A7062">
        <v>17949</v>
      </c>
      <c r="B7062" t="s">
        <v>14096</v>
      </c>
      <c r="C7062" t="s">
        <v>14097</v>
      </c>
    </row>
    <row r="7063" spans="1:3" x14ac:dyDescent="0.15">
      <c r="A7063">
        <v>17948</v>
      </c>
      <c r="B7063" t="s">
        <v>14098</v>
      </c>
      <c r="C7063" t="s">
        <v>14099</v>
      </c>
    </row>
    <row r="7064" spans="1:3" x14ac:dyDescent="0.15">
      <c r="A7064">
        <v>17947</v>
      </c>
      <c r="B7064" t="s">
        <v>14100</v>
      </c>
      <c r="C7064" t="s">
        <v>14101</v>
      </c>
    </row>
    <row r="7065" spans="1:3" x14ac:dyDescent="0.15">
      <c r="A7065">
        <v>17946</v>
      </c>
      <c r="B7065" t="s">
        <v>14102</v>
      </c>
      <c r="C7065" t="s">
        <v>14103</v>
      </c>
    </row>
    <row r="7066" spans="1:3" x14ac:dyDescent="0.15">
      <c r="A7066">
        <v>17945</v>
      </c>
      <c r="B7066" t="s">
        <v>14104</v>
      </c>
      <c r="C7066" t="s">
        <v>14105</v>
      </c>
    </row>
    <row r="7067" spans="1:3" x14ac:dyDescent="0.15">
      <c r="A7067">
        <v>17944</v>
      </c>
      <c r="B7067" t="s">
        <v>14106</v>
      </c>
      <c r="C7067" t="s">
        <v>14107</v>
      </c>
    </row>
    <row r="7068" spans="1:3" x14ac:dyDescent="0.15">
      <c r="A7068">
        <v>17943</v>
      </c>
      <c r="B7068" t="s">
        <v>14108</v>
      </c>
      <c r="C7068" t="s">
        <v>14109</v>
      </c>
    </row>
    <row r="7069" spans="1:3" x14ac:dyDescent="0.15">
      <c r="A7069">
        <v>17942</v>
      </c>
      <c r="B7069" t="s">
        <v>14110</v>
      </c>
      <c r="C7069" t="s">
        <v>14111</v>
      </c>
    </row>
    <row r="7070" spans="1:3" x14ac:dyDescent="0.15">
      <c r="A7070">
        <v>17941</v>
      </c>
      <c r="B7070" t="s">
        <v>14112</v>
      </c>
      <c r="C7070" t="s">
        <v>14113</v>
      </c>
    </row>
    <row r="7071" spans="1:3" x14ac:dyDescent="0.15">
      <c r="A7071">
        <v>17940</v>
      </c>
      <c r="B7071" t="s">
        <v>14114</v>
      </c>
      <c r="C7071" t="s">
        <v>14115</v>
      </c>
    </row>
    <row r="7072" spans="1:3" x14ac:dyDescent="0.15">
      <c r="A7072">
        <v>17939</v>
      </c>
      <c r="B7072" t="s">
        <v>14116</v>
      </c>
      <c r="C7072" t="s">
        <v>14117</v>
      </c>
    </row>
    <row r="7073" spans="1:3" x14ac:dyDescent="0.15">
      <c r="A7073">
        <v>17938</v>
      </c>
      <c r="B7073" t="s">
        <v>14118</v>
      </c>
      <c r="C7073" t="s">
        <v>14119</v>
      </c>
    </row>
    <row r="7074" spans="1:3" x14ac:dyDescent="0.15">
      <c r="A7074">
        <v>17937</v>
      </c>
      <c r="B7074" t="s">
        <v>14120</v>
      </c>
      <c r="C7074" t="s">
        <v>14121</v>
      </c>
    </row>
    <row r="7075" spans="1:3" x14ac:dyDescent="0.15">
      <c r="A7075">
        <v>17936</v>
      </c>
      <c r="B7075" t="s">
        <v>14122</v>
      </c>
      <c r="C7075" t="s">
        <v>14123</v>
      </c>
    </row>
    <row r="7076" spans="1:3" x14ac:dyDescent="0.15">
      <c r="A7076">
        <v>17935</v>
      </c>
      <c r="B7076" t="s">
        <v>14124</v>
      </c>
      <c r="C7076" t="s">
        <v>14125</v>
      </c>
    </row>
    <row r="7077" spans="1:3" x14ac:dyDescent="0.15">
      <c r="A7077">
        <v>17934</v>
      </c>
      <c r="B7077" t="s">
        <v>14126</v>
      </c>
      <c r="C7077" t="s">
        <v>14127</v>
      </c>
    </row>
    <row r="7078" spans="1:3" x14ac:dyDescent="0.15">
      <c r="A7078">
        <v>17933</v>
      </c>
      <c r="B7078" t="s">
        <v>14128</v>
      </c>
      <c r="C7078" t="s">
        <v>14129</v>
      </c>
    </row>
    <row r="7079" spans="1:3" x14ac:dyDescent="0.15">
      <c r="A7079">
        <v>17932</v>
      </c>
      <c r="B7079" t="s">
        <v>14130</v>
      </c>
      <c r="C7079" t="s">
        <v>14131</v>
      </c>
    </row>
    <row r="7080" spans="1:3" x14ac:dyDescent="0.15">
      <c r="A7080">
        <v>17931</v>
      </c>
      <c r="B7080" t="s">
        <v>14132</v>
      </c>
      <c r="C7080" t="s">
        <v>14133</v>
      </c>
    </row>
    <row r="7081" spans="1:3" x14ac:dyDescent="0.15">
      <c r="A7081">
        <v>17930</v>
      </c>
      <c r="B7081" t="s">
        <v>14134</v>
      </c>
      <c r="C7081" t="s">
        <v>14135</v>
      </c>
    </row>
    <row r="7082" spans="1:3" x14ac:dyDescent="0.15">
      <c r="A7082">
        <v>17929</v>
      </c>
      <c r="B7082" t="s">
        <v>14136</v>
      </c>
      <c r="C7082" t="s">
        <v>14137</v>
      </c>
    </row>
    <row r="7083" spans="1:3" x14ac:dyDescent="0.15">
      <c r="A7083">
        <v>17928</v>
      </c>
      <c r="B7083" t="s">
        <v>14138</v>
      </c>
      <c r="C7083" t="s">
        <v>14139</v>
      </c>
    </row>
    <row r="7084" spans="1:3" x14ac:dyDescent="0.15">
      <c r="A7084">
        <v>17927</v>
      </c>
      <c r="B7084" t="s">
        <v>14140</v>
      </c>
      <c r="C7084" t="s">
        <v>14141</v>
      </c>
    </row>
    <row r="7085" spans="1:3" x14ac:dyDescent="0.15">
      <c r="A7085">
        <v>17926</v>
      </c>
      <c r="B7085" t="s">
        <v>14142</v>
      </c>
      <c r="C7085" t="s">
        <v>14143</v>
      </c>
    </row>
    <row r="7086" spans="1:3" x14ac:dyDescent="0.15">
      <c r="A7086">
        <v>17925</v>
      </c>
      <c r="B7086" t="s">
        <v>14144</v>
      </c>
      <c r="C7086" t="s">
        <v>14145</v>
      </c>
    </row>
    <row r="7087" spans="1:3" x14ac:dyDescent="0.15">
      <c r="A7087">
        <v>17924</v>
      </c>
      <c r="B7087" t="s">
        <v>14146</v>
      </c>
      <c r="C7087" t="s">
        <v>14147</v>
      </c>
    </row>
    <row r="7088" spans="1:3" x14ac:dyDescent="0.15">
      <c r="A7088">
        <v>17923</v>
      </c>
      <c r="B7088" t="s">
        <v>14148</v>
      </c>
      <c r="C7088" t="s">
        <v>14149</v>
      </c>
    </row>
    <row r="7089" spans="1:3" x14ac:dyDescent="0.15">
      <c r="A7089">
        <v>17922</v>
      </c>
      <c r="B7089" t="s">
        <v>14150</v>
      </c>
      <c r="C7089" t="s">
        <v>14151</v>
      </c>
    </row>
    <row r="7090" spans="1:3" x14ac:dyDescent="0.15">
      <c r="A7090">
        <v>17921</v>
      </c>
      <c r="B7090" t="s">
        <v>14152</v>
      </c>
      <c r="C7090" t="s">
        <v>14153</v>
      </c>
    </row>
    <row r="7091" spans="1:3" x14ac:dyDescent="0.15">
      <c r="A7091">
        <v>17920</v>
      </c>
      <c r="B7091" t="s">
        <v>14154</v>
      </c>
      <c r="C7091" t="s">
        <v>14155</v>
      </c>
    </row>
    <row r="7092" spans="1:3" x14ac:dyDescent="0.15">
      <c r="A7092">
        <v>17919</v>
      </c>
      <c r="B7092" t="s">
        <v>14156</v>
      </c>
      <c r="C7092" t="s">
        <v>14157</v>
      </c>
    </row>
    <row r="7093" spans="1:3" x14ac:dyDescent="0.15">
      <c r="A7093">
        <v>17918</v>
      </c>
      <c r="B7093" t="s">
        <v>14158</v>
      </c>
      <c r="C7093" t="s">
        <v>14159</v>
      </c>
    </row>
    <row r="7094" spans="1:3" x14ac:dyDescent="0.15">
      <c r="A7094">
        <v>17917</v>
      </c>
      <c r="B7094" t="s">
        <v>14160</v>
      </c>
      <c r="C7094" t="s">
        <v>14161</v>
      </c>
    </row>
    <row r="7095" spans="1:3" x14ac:dyDescent="0.15">
      <c r="A7095">
        <v>17916</v>
      </c>
      <c r="B7095" t="s">
        <v>14162</v>
      </c>
      <c r="C7095" t="s">
        <v>14163</v>
      </c>
    </row>
    <row r="7096" spans="1:3" x14ac:dyDescent="0.15">
      <c r="A7096">
        <v>17915</v>
      </c>
      <c r="B7096" t="s">
        <v>14164</v>
      </c>
      <c r="C7096" t="s">
        <v>14165</v>
      </c>
    </row>
    <row r="7097" spans="1:3" x14ac:dyDescent="0.15">
      <c r="A7097">
        <v>17914</v>
      </c>
      <c r="B7097" t="s">
        <v>14166</v>
      </c>
      <c r="C7097" t="s">
        <v>14167</v>
      </c>
    </row>
    <row r="7098" spans="1:3" x14ac:dyDescent="0.15">
      <c r="A7098">
        <v>17913</v>
      </c>
      <c r="B7098" t="s">
        <v>14168</v>
      </c>
      <c r="C7098" t="s">
        <v>14169</v>
      </c>
    </row>
    <row r="7099" spans="1:3" x14ac:dyDescent="0.15">
      <c r="A7099">
        <v>17912</v>
      </c>
      <c r="B7099" t="s">
        <v>14170</v>
      </c>
      <c r="C7099" t="s">
        <v>14171</v>
      </c>
    </row>
    <row r="7100" spans="1:3" x14ac:dyDescent="0.15">
      <c r="A7100">
        <v>17911</v>
      </c>
      <c r="B7100" t="s">
        <v>14172</v>
      </c>
      <c r="C7100" t="s">
        <v>14173</v>
      </c>
    </row>
    <row r="7101" spans="1:3" x14ac:dyDescent="0.15">
      <c r="A7101">
        <v>17910</v>
      </c>
      <c r="B7101" t="s">
        <v>14174</v>
      </c>
      <c r="C7101" t="s">
        <v>14175</v>
      </c>
    </row>
    <row r="7102" spans="1:3" x14ac:dyDescent="0.15">
      <c r="A7102">
        <v>17909</v>
      </c>
      <c r="B7102" t="s">
        <v>14176</v>
      </c>
      <c r="C7102" t="s">
        <v>14177</v>
      </c>
    </row>
    <row r="7103" spans="1:3" x14ac:dyDescent="0.15">
      <c r="A7103">
        <v>17908</v>
      </c>
      <c r="B7103" t="s">
        <v>14178</v>
      </c>
      <c r="C7103" t="s">
        <v>14179</v>
      </c>
    </row>
    <row r="7104" spans="1:3" x14ac:dyDescent="0.15">
      <c r="A7104">
        <v>17907</v>
      </c>
      <c r="B7104" t="s">
        <v>14180</v>
      </c>
      <c r="C7104" t="s">
        <v>14181</v>
      </c>
    </row>
    <row r="7105" spans="1:3" x14ac:dyDescent="0.15">
      <c r="A7105">
        <v>17906</v>
      </c>
      <c r="B7105" t="s">
        <v>14182</v>
      </c>
      <c r="C7105" t="s">
        <v>14183</v>
      </c>
    </row>
    <row r="7106" spans="1:3" x14ac:dyDescent="0.15">
      <c r="A7106">
        <v>17905</v>
      </c>
      <c r="B7106" t="s">
        <v>14184</v>
      </c>
      <c r="C7106" t="s">
        <v>14185</v>
      </c>
    </row>
    <row r="7107" spans="1:3" x14ac:dyDescent="0.15">
      <c r="A7107">
        <v>17904</v>
      </c>
      <c r="B7107" t="s">
        <v>14186</v>
      </c>
      <c r="C7107" t="s">
        <v>14187</v>
      </c>
    </row>
    <row r="7108" spans="1:3" x14ac:dyDescent="0.15">
      <c r="A7108">
        <v>17903</v>
      </c>
      <c r="B7108" t="s">
        <v>14188</v>
      </c>
      <c r="C7108" t="s">
        <v>14189</v>
      </c>
    </row>
    <row r="7109" spans="1:3" x14ac:dyDescent="0.15">
      <c r="A7109">
        <v>17902</v>
      </c>
      <c r="B7109" t="s">
        <v>14190</v>
      </c>
      <c r="C7109" t="s">
        <v>14191</v>
      </c>
    </row>
    <row r="7110" spans="1:3" x14ac:dyDescent="0.15">
      <c r="A7110">
        <v>17901</v>
      </c>
      <c r="B7110" t="s">
        <v>14192</v>
      </c>
      <c r="C7110" t="s">
        <v>14193</v>
      </c>
    </row>
    <row r="7111" spans="1:3" x14ac:dyDescent="0.15">
      <c r="A7111">
        <v>17900</v>
      </c>
      <c r="B7111" t="s">
        <v>14194</v>
      </c>
      <c r="C7111" t="s">
        <v>14195</v>
      </c>
    </row>
    <row r="7112" spans="1:3" x14ac:dyDescent="0.15">
      <c r="A7112">
        <v>17899</v>
      </c>
      <c r="B7112" t="s">
        <v>14196</v>
      </c>
      <c r="C7112" t="s">
        <v>14197</v>
      </c>
    </row>
    <row r="7113" spans="1:3" x14ac:dyDescent="0.15">
      <c r="A7113">
        <v>17898</v>
      </c>
      <c r="B7113" t="s">
        <v>14198</v>
      </c>
      <c r="C7113" t="s">
        <v>14199</v>
      </c>
    </row>
    <row r="7114" spans="1:3" x14ac:dyDescent="0.15">
      <c r="A7114">
        <v>17897</v>
      </c>
      <c r="B7114" t="s">
        <v>14200</v>
      </c>
      <c r="C7114" t="s">
        <v>14201</v>
      </c>
    </row>
    <row r="7115" spans="1:3" x14ac:dyDescent="0.15">
      <c r="A7115">
        <v>17896</v>
      </c>
      <c r="B7115" t="s">
        <v>14202</v>
      </c>
      <c r="C7115" t="s">
        <v>14203</v>
      </c>
    </row>
    <row r="7116" spans="1:3" x14ac:dyDescent="0.15">
      <c r="A7116">
        <v>17895</v>
      </c>
      <c r="B7116" t="s">
        <v>14204</v>
      </c>
      <c r="C7116" t="s">
        <v>14205</v>
      </c>
    </row>
    <row r="7117" spans="1:3" x14ac:dyDescent="0.15">
      <c r="A7117">
        <v>17894</v>
      </c>
      <c r="B7117" t="s">
        <v>14206</v>
      </c>
      <c r="C7117" t="s">
        <v>14207</v>
      </c>
    </row>
    <row r="7118" spans="1:3" x14ac:dyDescent="0.15">
      <c r="A7118">
        <v>17893</v>
      </c>
      <c r="B7118" t="s">
        <v>14208</v>
      </c>
      <c r="C7118" t="s">
        <v>14209</v>
      </c>
    </row>
    <row r="7119" spans="1:3" x14ac:dyDescent="0.15">
      <c r="A7119">
        <v>17892</v>
      </c>
      <c r="B7119" t="s">
        <v>14210</v>
      </c>
      <c r="C7119" t="s">
        <v>14211</v>
      </c>
    </row>
    <row r="7120" spans="1:3" x14ac:dyDescent="0.15">
      <c r="A7120">
        <v>17891</v>
      </c>
      <c r="B7120" t="s">
        <v>14212</v>
      </c>
      <c r="C7120" t="s">
        <v>14213</v>
      </c>
    </row>
    <row r="7121" spans="1:3" x14ac:dyDescent="0.15">
      <c r="A7121">
        <v>17890</v>
      </c>
      <c r="B7121" t="s">
        <v>14214</v>
      </c>
      <c r="C7121" t="s">
        <v>14215</v>
      </c>
    </row>
    <row r="7122" spans="1:3" x14ac:dyDescent="0.15">
      <c r="A7122">
        <v>17889</v>
      </c>
      <c r="B7122" t="s">
        <v>14216</v>
      </c>
      <c r="C7122" t="s">
        <v>14217</v>
      </c>
    </row>
    <row r="7123" spans="1:3" x14ac:dyDescent="0.15">
      <c r="A7123">
        <v>17888</v>
      </c>
      <c r="B7123" t="s">
        <v>14218</v>
      </c>
      <c r="C7123" t="s">
        <v>14219</v>
      </c>
    </row>
    <row r="7124" spans="1:3" x14ac:dyDescent="0.15">
      <c r="A7124">
        <v>17887</v>
      </c>
      <c r="B7124" t="s">
        <v>14220</v>
      </c>
      <c r="C7124" t="s">
        <v>14221</v>
      </c>
    </row>
    <row r="7125" spans="1:3" x14ac:dyDescent="0.15">
      <c r="A7125">
        <v>17886</v>
      </c>
      <c r="B7125" t="s">
        <v>14222</v>
      </c>
      <c r="C7125" t="s">
        <v>14223</v>
      </c>
    </row>
    <row r="7126" spans="1:3" x14ac:dyDescent="0.15">
      <c r="A7126">
        <v>17885</v>
      </c>
      <c r="B7126" t="s">
        <v>14224</v>
      </c>
      <c r="C7126" t="s">
        <v>14225</v>
      </c>
    </row>
    <row r="7127" spans="1:3" x14ac:dyDescent="0.15">
      <c r="A7127">
        <v>17884</v>
      </c>
      <c r="B7127" t="s">
        <v>14226</v>
      </c>
      <c r="C7127" t="s">
        <v>14227</v>
      </c>
    </row>
    <row r="7128" spans="1:3" x14ac:dyDescent="0.15">
      <c r="A7128">
        <v>17883</v>
      </c>
      <c r="B7128" t="s">
        <v>14228</v>
      </c>
      <c r="C7128" t="s">
        <v>14229</v>
      </c>
    </row>
    <row r="7129" spans="1:3" x14ac:dyDescent="0.15">
      <c r="A7129">
        <v>17882</v>
      </c>
      <c r="B7129" t="s">
        <v>14230</v>
      </c>
      <c r="C7129" t="s">
        <v>14231</v>
      </c>
    </row>
    <row r="7130" spans="1:3" x14ac:dyDescent="0.15">
      <c r="A7130">
        <v>17881</v>
      </c>
      <c r="B7130" t="s">
        <v>14232</v>
      </c>
      <c r="C7130" t="s">
        <v>14233</v>
      </c>
    </row>
    <row r="7131" spans="1:3" x14ac:dyDescent="0.15">
      <c r="A7131">
        <v>17880</v>
      </c>
      <c r="B7131" t="s">
        <v>14234</v>
      </c>
      <c r="C7131" t="s">
        <v>14235</v>
      </c>
    </row>
    <row r="7132" spans="1:3" x14ac:dyDescent="0.15">
      <c r="A7132">
        <v>17879</v>
      </c>
      <c r="B7132" t="s">
        <v>14236</v>
      </c>
      <c r="C7132" t="s">
        <v>14237</v>
      </c>
    </row>
    <row r="7133" spans="1:3" x14ac:dyDescent="0.15">
      <c r="A7133">
        <v>17878</v>
      </c>
      <c r="B7133" t="s">
        <v>14238</v>
      </c>
      <c r="C7133" t="s">
        <v>14239</v>
      </c>
    </row>
    <row r="7134" spans="1:3" x14ac:dyDescent="0.15">
      <c r="A7134">
        <v>17877</v>
      </c>
      <c r="B7134" t="s">
        <v>14240</v>
      </c>
      <c r="C7134" t="s">
        <v>14241</v>
      </c>
    </row>
    <row r="7135" spans="1:3" x14ac:dyDescent="0.15">
      <c r="A7135">
        <v>17876</v>
      </c>
      <c r="B7135" t="s">
        <v>14242</v>
      </c>
      <c r="C7135" t="s">
        <v>14243</v>
      </c>
    </row>
    <row r="7136" spans="1:3" x14ac:dyDescent="0.15">
      <c r="A7136">
        <v>17875</v>
      </c>
      <c r="B7136" t="s">
        <v>14244</v>
      </c>
      <c r="C7136" t="s">
        <v>14245</v>
      </c>
    </row>
    <row r="7137" spans="1:3" x14ac:dyDescent="0.15">
      <c r="A7137">
        <v>17874</v>
      </c>
      <c r="B7137" t="s">
        <v>14246</v>
      </c>
      <c r="C7137" t="s">
        <v>14247</v>
      </c>
    </row>
    <row r="7138" spans="1:3" x14ac:dyDescent="0.15">
      <c r="A7138">
        <v>17873</v>
      </c>
      <c r="B7138" t="s">
        <v>14248</v>
      </c>
      <c r="C7138" t="s">
        <v>14249</v>
      </c>
    </row>
    <row r="7139" spans="1:3" x14ac:dyDescent="0.15">
      <c r="A7139">
        <v>17872</v>
      </c>
      <c r="B7139" t="s">
        <v>14250</v>
      </c>
      <c r="C7139" t="s">
        <v>14251</v>
      </c>
    </row>
    <row r="7140" spans="1:3" x14ac:dyDescent="0.15">
      <c r="A7140">
        <v>17871</v>
      </c>
      <c r="B7140" t="s">
        <v>14252</v>
      </c>
      <c r="C7140" t="s">
        <v>14253</v>
      </c>
    </row>
    <row r="7141" spans="1:3" x14ac:dyDescent="0.15">
      <c r="A7141">
        <v>17870</v>
      </c>
      <c r="B7141" t="s">
        <v>14254</v>
      </c>
      <c r="C7141" t="s">
        <v>14255</v>
      </c>
    </row>
    <row r="7142" spans="1:3" x14ac:dyDescent="0.15">
      <c r="A7142">
        <v>17869</v>
      </c>
      <c r="B7142" t="s">
        <v>14256</v>
      </c>
      <c r="C7142" t="s">
        <v>14257</v>
      </c>
    </row>
    <row r="7143" spans="1:3" x14ac:dyDescent="0.15">
      <c r="A7143">
        <v>17868</v>
      </c>
      <c r="B7143" t="s">
        <v>14258</v>
      </c>
      <c r="C7143" t="s">
        <v>14259</v>
      </c>
    </row>
    <row r="7144" spans="1:3" x14ac:dyDescent="0.15">
      <c r="A7144">
        <v>17867</v>
      </c>
      <c r="B7144" t="s">
        <v>14260</v>
      </c>
      <c r="C7144" t="s">
        <v>14261</v>
      </c>
    </row>
    <row r="7145" spans="1:3" x14ac:dyDescent="0.15">
      <c r="A7145">
        <v>17866</v>
      </c>
      <c r="B7145" t="s">
        <v>14262</v>
      </c>
      <c r="C7145" t="s">
        <v>14263</v>
      </c>
    </row>
    <row r="7146" spans="1:3" x14ac:dyDescent="0.15">
      <c r="A7146">
        <v>17865</v>
      </c>
      <c r="B7146" t="s">
        <v>14264</v>
      </c>
      <c r="C7146" t="s">
        <v>14265</v>
      </c>
    </row>
    <row r="7147" spans="1:3" x14ac:dyDescent="0.15">
      <c r="A7147">
        <v>17864</v>
      </c>
      <c r="B7147" t="s">
        <v>14266</v>
      </c>
      <c r="C7147" t="s">
        <v>14267</v>
      </c>
    </row>
    <row r="7148" spans="1:3" x14ac:dyDescent="0.15">
      <c r="A7148">
        <v>17863</v>
      </c>
      <c r="B7148" t="s">
        <v>14268</v>
      </c>
      <c r="C7148" t="s">
        <v>14269</v>
      </c>
    </row>
    <row r="7149" spans="1:3" x14ac:dyDescent="0.15">
      <c r="A7149">
        <v>17862</v>
      </c>
      <c r="B7149" t="s">
        <v>14270</v>
      </c>
      <c r="C7149" t="s">
        <v>14271</v>
      </c>
    </row>
    <row r="7150" spans="1:3" x14ac:dyDescent="0.15">
      <c r="A7150">
        <v>17861</v>
      </c>
      <c r="B7150" t="s">
        <v>14272</v>
      </c>
      <c r="C7150" t="s">
        <v>14273</v>
      </c>
    </row>
    <row r="7151" spans="1:3" x14ac:dyDescent="0.15">
      <c r="A7151">
        <v>17860</v>
      </c>
      <c r="B7151" t="s">
        <v>14274</v>
      </c>
      <c r="C7151" t="s">
        <v>14275</v>
      </c>
    </row>
    <row r="7152" spans="1:3" x14ac:dyDescent="0.15">
      <c r="A7152">
        <v>17859</v>
      </c>
      <c r="B7152" t="s">
        <v>14276</v>
      </c>
      <c r="C7152" t="s">
        <v>14277</v>
      </c>
    </row>
    <row r="7153" spans="1:3" x14ac:dyDescent="0.15">
      <c r="A7153">
        <v>17858</v>
      </c>
      <c r="B7153" t="s">
        <v>14278</v>
      </c>
      <c r="C7153" t="s">
        <v>14279</v>
      </c>
    </row>
    <row r="7154" spans="1:3" x14ac:dyDescent="0.15">
      <c r="A7154">
        <v>17857</v>
      </c>
      <c r="B7154" t="s">
        <v>14280</v>
      </c>
      <c r="C7154" t="s">
        <v>14281</v>
      </c>
    </row>
    <row r="7155" spans="1:3" x14ac:dyDescent="0.15">
      <c r="A7155">
        <v>17856</v>
      </c>
      <c r="B7155" t="s">
        <v>14282</v>
      </c>
      <c r="C7155" t="s">
        <v>14283</v>
      </c>
    </row>
    <row r="7156" spans="1:3" x14ac:dyDescent="0.15">
      <c r="A7156">
        <v>17855</v>
      </c>
      <c r="B7156" t="s">
        <v>14284</v>
      </c>
      <c r="C7156" t="s">
        <v>14285</v>
      </c>
    </row>
    <row r="7157" spans="1:3" x14ac:dyDescent="0.15">
      <c r="A7157">
        <v>17854</v>
      </c>
      <c r="B7157" t="s">
        <v>14286</v>
      </c>
      <c r="C7157" t="s">
        <v>14287</v>
      </c>
    </row>
    <row r="7158" spans="1:3" x14ac:dyDescent="0.15">
      <c r="A7158">
        <v>17853</v>
      </c>
      <c r="B7158" t="s">
        <v>14288</v>
      </c>
      <c r="C7158" t="s">
        <v>14289</v>
      </c>
    </row>
    <row r="7159" spans="1:3" x14ac:dyDescent="0.15">
      <c r="A7159">
        <v>17852</v>
      </c>
      <c r="B7159" t="s">
        <v>14290</v>
      </c>
      <c r="C7159" t="s">
        <v>14291</v>
      </c>
    </row>
    <row r="7160" spans="1:3" x14ac:dyDescent="0.15">
      <c r="A7160">
        <v>17851</v>
      </c>
      <c r="B7160" t="s">
        <v>14292</v>
      </c>
      <c r="C7160" t="s">
        <v>14293</v>
      </c>
    </row>
    <row r="7161" spans="1:3" x14ac:dyDescent="0.15">
      <c r="A7161">
        <v>17850</v>
      </c>
      <c r="B7161" t="s">
        <v>14294</v>
      </c>
      <c r="C7161" t="s">
        <v>14295</v>
      </c>
    </row>
    <row r="7162" spans="1:3" x14ac:dyDescent="0.15">
      <c r="A7162">
        <v>17849</v>
      </c>
      <c r="B7162" t="s">
        <v>14296</v>
      </c>
      <c r="C7162" t="s">
        <v>14297</v>
      </c>
    </row>
    <row r="7163" spans="1:3" x14ac:dyDescent="0.15">
      <c r="A7163">
        <v>17848</v>
      </c>
      <c r="B7163" t="s">
        <v>14298</v>
      </c>
      <c r="C7163" t="s">
        <v>14299</v>
      </c>
    </row>
    <row r="7164" spans="1:3" x14ac:dyDescent="0.15">
      <c r="A7164">
        <v>17847</v>
      </c>
      <c r="B7164" t="s">
        <v>14300</v>
      </c>
      <c r="C7164" t="s">
        <v>14301</v>
      </c>
    </row>
    <row r="7165" spans="1:3" x14ac:dyDescent="0.15">
      <c r="A7165">
        <v>17846</v>
      </c>
      <c r="B7165" t="s">
        <v>14302</v>
      </c>
      <c r="C7165" t="s">
        <v>14303</v>
      </c>
    </row>
    <row r="7166" spans="1:3" x14ac:dyDescent="0.15">
      <c r="A7166">
        <v>17845</v>
      </c>
      <c r="B7166" t="s">
        <v>14304</v>
      </c>
      <c r="C7166" t="s">
        <v>14305</v>
      </c>
    </row>
    <row r="7167" spans="1:3" x14ac:dyDescent="0.15">
      <c r="A7167">
        <v>17844</v>
      </c>
      <c r="B7167" t="s">
        <v>14306</v>
      </c>
      <c r="C7167" t="s">
        <v>14307</v>
      </c>
    </row>
    <row r="7168" spans="1:3" x14ac:dyDescent="0.15">
      <c r="A7168">
        <v>17843</v>
      </c>
      <c r="B7168" t="s">
        <v>14308</v>
      </c>
      <c r="C7168" t="s">
        <v>14309</v>
      </c>
    </row>
    <row r="7169" spans="1:3" x14ac:dyDescent="0.15">
      <c r="A7169">
        <v>17842</v>
      </c>
      <c r="B7169" t="s">
        <v>14310</v>
      </c>
      <c r="C7169" t="s">
        <v>14311</v>
      </c>
    </row>
    <row r="7170" spans="1:3" x14ac:dyDescent="0.15">
      <c r="A7170">
        <v>17841</v>
      </c>
      <c r="B7170" t="s">
        <v>14312</v>
      </c>
      <c r="C7170" t="s">
        <v>14313</v>
      </c>
    </row>
    <row r="7171" spans="1:3" x14ac:dyDescent="0.15">
      <c r="A7171">
        <v>17840</v>
      </c>
      <c r="B7171" t="s">
        <v>14314</v>
      </c>
      <c r="C7171" t="s">
        <v>14315</v>
      </c>
    </row>
    <row r="7172" spans="1:3" x14ac:dyDescent="0.15">
      <c r="A7172">
        <v>17839</v>
      </c>
      <c r="B7172" t="s">
        <v>14316</v>
      </c>
      <c r="C7172" t="s">
        <v>14317</v>
      </c>
    </row>
    <row r="7173" spans="1:3" x14ac:dyDescent="0.15">
      <c r="A7173">
        <v>17838</v>
      </c>
      <c r="B7173" t="s">
        <v>14318</v>
      </c>
      <c r="C7173" t="s">
        <v>14319</v>
      </c>
    </row>
    <row r="7174" spans="1:3" x14ac:dyDescent="0.15">
      <c r="A7174">
        <v>17837</v>
      </c>
      <c r="B7174" t="s">
        <v>14320</v>
      </c>
      <c r="C7174" t="s">
        <v>14321</v>
      </c>
    </row>
    <row r="7175" spans="1:3" x14ac:dyDescent="0.15">
      <c r="A7175">
        <v>17836</v>
      </c>
      <c r="B7175" t="s">
        <v>14322</v>
      </c>
      <c r="C7175" t="s">
        <v>14323</v>
      </c>
    </row>
    <row r="7176" spans="1:3" x14ac:dyDescent="0.15">
      <c r="A7176">
        <v>17835</v>
      </c>
      <c r="B7176" t="s">
        <v>14324</v>
      </c>
      <c r="C7176" t="s">
        <v>14325</v>
      </c>
    </row>
    <row r="7177" spans="1:3" x14ac:dyDescent="0.15">
      <c r="A7177">
        <v>17834</v>
      </c>
      <c r="B7177" t="s">
        <v>14326</v>
      </c>
      <c r="C7177" t="s">
        <v>14327</v>
      </c>
    </row>
    <row r="7178" spans="1:3" x14ac:dyDescent="0.15">
      <c r="A7178">
        <v>17833</v>
      </c>
      <c r="B7178" t="s">
        <v>14328</v>
      </c>
      <c r="C7178" t="s">
        <v>14329</v>
      </c>
    </row>
    <row r="7179" spans="1:3" x14ac:dyDescent="0.15">
      <c r="A7179">
        <v>17832</v>
      </c>
      <c r="B7179" t="s">
        <v>14330</v>
      </c>
      <c r="C7179" t="s">
        <v>14331</v>
      </c>
    </row>
    <row r="7180" spans="1:3" x14ac:dyDescent="0.15">
      <c r="A7180">
        <v>17831</v>
      </c>
      <c r="B7180" t="s">
        <v>14332</v>
      </c>
      <c r="C7180" t="s">
        <v>14333</v>
      </c>
    </row>
    <row r="7181" spans="1:3" x14ac:dyDescent="0.15">
      <c r="A7181">
        <v>17830</v>
      </c>
      <c r="B7181" t="s">
        <v>14334</v>
      </c>
      <c r="C7181" t="s">
        <v>14335</v>
      </c>
    </row>
    <row r="7182" spans="1:3" x14ac:dyDescent="0.15">
      <c r="A7182">
        <v>17829</v>
      </c>
      <c r="B7182" t="s">
        <v>14336</v>
      </c>
      <c r="C7182" t="s">
        <v>14337</v>
      </c>
    </row>
    <row r="7183" spans="1:3" x14ac:dyDescent="0.15">
      <c r="A7183">
        <v>17828</v>
      </c>
      <c r="B7183" t="s">
        <v>14338</v>
      </c>
      <c r="C7183" t="s">
        <v>14339</v>
      </c>
    </row>
    <row r="7184" spans="1:3" x14ac:dyDescent="0.15">
      <c r="A7184">
        <v>17827</v>
      </c>
      <c r="B7184" t="s">
        <v>14340</v>
      </c>
      <c r="C7184" t="s">
        <v>14341</v>
      </c>
    </row>
    <row r="7185" spans="1:3" x14ac:dyDescent="0.15">
      <c r="A7185">
        <v>17826</v>
      </c>
      <c r="B7185" t="s">
        <v>14342</v>
      </c>
      <c r="C7185" t="s">
        <v>14343</v>
      </c>
    </row>
    <row r="7186" spans="1:3" x14ac:dyDescent="0.15">
      <c r="A7186">
        <v>17825</v>
      </c>
      <c r="B7186" t="s">
        <v>14344</v>
      </c>
      <c r="C7186" t="s">
        <v>14345</v>
      </c>
    </row>
    <row r="7187" spans="1:3" x14ac:dyDescent="0.15">
      <c r="A7187">
        <v>17824</v>
      </c>
      <c r="B7187" t="s">
        <v>14346</v>
      </c>
      <c r="C7187" t="s">
        <v>14347</v>
      </c>
    </row>
    <row r="7188" spans="1:3" x14ac:dyDescent="0.15">
      <c r="A7188">
        <v>17823</v>
      </c>
      <c r="B7188" t="s">
        <v>14348</v>
      </c>
      <c r="C7188" t="s">
        <v>14349</v>
      </c>
    </row>
    <row r="7189" spans="1:3" x14ac:dyDescent="0.15">
      <c r="A7189">
        <v>17822</v>
      </c>
      <c r="B7189" t="s">
        <v>14350</v>
      </c>
      <c r="C7189" t="s">
        <v>14351</v>
      </c>
    </row>
    <row r="7190" spans="1:3" x14ac:dyDescent="0.15">
      <c r="A7190">
        <v>17821</v>
      </c>
      <c r="B7190" t="s">
        <v>14352</v>
      </c>
      <c r="C7190" t="s">
        <v>14353</v>
      </c>
    </row>
    <row r="7191" spans="1:3" x14ac:dyDescent="0.15">
      <c r="A7191">
        <v>17820</v>
      </c>
      <c r="B7191" t="s">
        <v>14354</v>
      </c>
      <c r="C7191" t="s">
        <v>14355</v>
      </c>
    </row>
    <row r="7192" spans="1:3" x14ac:dyDescent="0.15">
      <c r="A7192">
        <v>17819</v>
      </c>
      <c r="B7192" t="s">
        <v>14356</v>
      </c>
      <c r="C7192" t="s">
        <v>14357</v>
      </c>
    </row>
    <row r="7193" spans="1:3" x14ac:dyDescent="0.15">
      <c r="A7193">
        <v>17818</v>
      </c>
      <c r="B7193" t="s">
        <v>14358</v>
      </c>
      <c r="C7193" t="s">
        <v>14359</v>
      </c>
    </row>
    <row r="7194" spans="1:3" x14ac:dyDescent="0.15">
      <c r="A7194">
        <v>17817</v>
      </c>
      <c r="B7194" t="s">
        <v>14360</v>
      </c>
      <c r="C7194" t="s">
        <v>14361</v>
      </c>
    </row>
    <row r="7195" spans="1:3" x14ac:dyDescent="0.15">
      <c r="A7195">
        <v>17816</v>
      </c>
      <c r="B7195" t="s">
        <v>14362</v>
      </c>
      <c r="C7195" t="s">
        <v>14363</v>
      </c>
    </row>
    <row r="7196" spans="1:3" x14ac:dyDescent="0.15">
      <c r="A7196">
        <v>17815</v>
      </c>
      <c r="B7196" t="s">
        <v>14364</v>
      </c>
      <c r="C7196" t="s">
        <v>14365</v>
      </c>
    </row>
    <row r="7197" spans="1:3" x14ac:dyDescent="0.15">
      <c r="A7197">
        <v>17814</v>
      </c>
      <c r="B7197" t="s">
        <v>14366</v>
      </c>
      <c r="C7197" t="s">
        <v>14367</v>
      </c>
    </row>
    <row r="7198" spans="1:3" x14ac:dyDescent="0.15">
      <c r="A7198">
        <v>17813</v>
      </c>
      <c r="B7198" t="s">
        <v>14368</v>
      </c>
      <c r="C7198" t="s">
        <v>14369</v>
      </c>
    </row>
    <row r="7199" spans="1:3" x14ac:dyDescent="0.15">
      <c r="A7199">
        <v>17812</v>
      </c>
      <c r="B7199" t="s">
        <v>14370</v>
      </c>
      <c r="C7199" t="s">
        <v>14371</v>
      </c>
    </row>
    <row r="7200" spans="1:3" x14ac:dyDescent="0.15">
      <c r="A7200">
        <v>17811</v>
      </c>
      <c r="B7200" t="s">
        <v>14372</v>
      </c>
      <c r="C7200" t="s">
        <v>14373</v>
      </c>
    </row>
    <row r="7201" spans="1:3" x14ac:dyDescent="0.15">
      <c r="A7201">
        <v>17810</v>
      </c>
      <c r="B7201" t="s">
        <v>14374</v>
      </c>
      <c r="C7201" t="s">
        <v>14375</v>
      </c>
    </row>
    <row r="7202" spans="1:3" x14ac:dyDescent="0.15">
      <c r="A7202">
        <v>17809</v>
      </c>
      <c r="B7202" t="s">
        <v>14376</v>
      </c>
      <c r="C7202" t="s">
        <v>14377</v>
      </c>
    </row>
    <row r="7203" spans="1:3" x14ac:dyDescent="0.15">
      <c r="A7203">
        <v>17808</v>
      </c>
      <c r="B7203" t="s">
        <v>14378</v>
      </c>
      <c r="C7203" t="s">
        <v>14379</v>
      </c>
    </row>
    <row r="7204" spans="1:3" x14ac:dyDescent="0.15">
      <c r="A7204">
        <v>17807</v>
      </c>
      <c r="B7204" t="s">
        <v>14380</v>
      </c>
      <c r="C7204" t="s">
        <v>14381</v>
      </c>
    </row>
    <row r="7205" spans="1:3" x14ac:dyDescent="0.15">
      <c r="A7205">
        <v>17806</v>
      </c>
      <c r="B7205" t="s">
        <v>14382</v>
      </c>
      <c r="C7205" t="s">
        <v>14383</v>
      </c>
    </row>
    <row r="7206" spans="1:3" x14ac:dyDescent="0.15">
      <c r="A7206">
        <v>17805</v>
      </c>
      <c r="B7206" t="s">
        <v>14384</v>
      </c>
      <c r="C7206" t="s">
        <v>14385</v>
      </c>
    </row>
    <row r="7207" spans="1:3" x14ac:dyDescent="0.15">
      <c r="A7207">
        <v>17804</v>
      </c>
      <c r="B7207" t="s">
        <v>14386</v>
      </c>
      <c r="C7207" t="s">
        <v>14387</v>
      </c>
    </row>
    <row r="7208" spans="1:3" x14ac:dyDescent="0.15">
      <c r="A7208">
        <v>17803</v>
      </c>
      <c r="B7208" t="s">
        <v>14388</v>
      </c>
      <c r="C7208" t="s">
        <v>14389</v>
      </c>
    </row>
    <row r="7209" spans="1:3" x14ac:dyDescent="0.15">
      <c r="A7209">
        <v>17802</v>
      </c>
      <c r="B7209" t="s">
        <v>14390</v>
      </c>
      <c r="C7209" t="s">
        <v>14391</v>
      </c>
    </row>
    <row r="7210" spans="1:3" x14ac:dyDescent="0.15">
      <c r="A7210">
        <v>17801</v>
      </c>
      <c r="B7210" t="s">
        <v>14392</v>
      </c>
      <c r="C7210" t="s">
        <v>14393</v>
      </c>
    </row>
    <row r="7211" spans="1:3" x14ac:dyDescent="0.15">
      <c r="A7211">
        <v>17800</v>
      </c>
      <c r="B7211" t="s">
        <v>14394</v>
      </c>
      <c r="C7211" t="s">
        <v>14395</v>
      </c>
    </row>
    <row r="7212" spans="1:3" x14ac:dyDescent="0.15">
      <c r="A7212">
        <v>17799</v>
      </c>
      <c r="B7212" t="s">
        <v>14396</v>
      </c>
      <c r="C7212" t="s">
        <v>14397</v>
      </c>
    </row>
    <row r="7213" spans="1:3" x14ac:dyDescent="0.15">
      <c r="A7213">
        <v>17798</v>
      </c>
      <c r="B7213" t="s">
        <v>14398</v>
      </c>
      <c r="C7213" t="s">
        <v>14399</v>
      </c>
    </row>
    <row r="7214" spans="1:3" x14ac:dyDescent="0.15">
      <c r="A7214">
        <v>17797</v>
      </c>
      <c r="B7214" t="s">
        <v>14400</v>
      </c>
      <c r="C7214" t="s">
        <v>14401</v>
      </c>
    </row>
    <row r="7215" spans="1:3" x14ac:dyDescent="0.15">
      <c r="A7215">
        <v>17796</v>
      </c>
      <c r="B7215" t="s">
        <v>14402</v>
      </c>
      <c r="C7215" t="s">
        <v>14403</v>
      </c>
    </row>
    <row r="7216" spans="1:3" x14ac:dyDescent="0.15">
      <c r="A7216">
        <v>17795</v>
      </c>
      <c r="B7216" t="s">
        <v>14404</v>
      </c>
      <c r="C7216" t="s">
        <v>14405</v>
      </c>
    </row>
    <row r="7217" spans="1:3" x14ac:dyDescent="0.15">
      <c r="A7217">
        <v>17794</v>
      </c>
      <c r="B7217" t="s">
        <v>14406</v>
      </c>
      <c r="C7217" t="s">
        <v>14407</v>
      </c>
    </row>
    <row r="7218" spans="1:3" x14ac:dyDescent="0.15">
      <c r="A7218">
        <v>17793</v>
      </c>
      <c r="B7218" t="s">
        <v>14408</v>
      </c>
      <c r="C7218" t="s">
        <v>14409</v>
      </c>
    </row>
    <row r="7219" spans="1:3" x14ac:dyDescent="0.15">
      <c r="A7219">
        <v>17792</v>
      </c>
      <c r="B7219" t="s">
        <v>14410</v>
      </c>
      <c r="C7219" t="s">
        <v>14411</v>
      </c>
    </row>
    <row r="7220" spans="1:3" x14ac:dyDescent="0.15">
      <c r="A7220">
        <v>17791</v>
      </c>
      <c r="B7220" t="s">
        <v>14412</v>
      </c>
      <c r="C7220" t="s">
        <v>14413</v>
      </c>
    </row>
    <row r="7221" spans="1:3" x14ac:dyDescent="0.15">
      <c r="A7221">
        <v>17790</v>
      </c>
      <c r="B7221" t="s">
        <v>14414</v>
      </c>
      <c r="C7221" t="s">
        <v>14415</v>
      </c>
    </row>
    <row r="7222" spans="1:3" x14ac:dyDescent="0.15">
      <c r="A7222">
        <v>17789</v>
      </c>
      <c r="B7222" t="s">
        <v>14416</v>
      </c>
      <c r="C7222" t="s">
        <v>14417</v>
      </c>
    </row>
    <row r="7223" spans="1:3" x14ac:dyDescent="0.15">
      <c r="A7223">
        <v>17788</v>
      </c>
      <c r="B7223" t="s">
        <v>14418</v>
      </c>
      <c r="C7223" t="s">
        <v>14419</v>
      </c>
    </row>
    <row r="7224" spans="1:3" x14ac:dyDescent="0.15">
      <c r="A7224">
        <v>17787</v>
      </c>
      <c r="B7224" t="s">
        <v>14420</v>
      </c>
      <c r="C7224" t="s">
        <v>14421</v>
      </c>
    </row>
    <row r="7225" spans="1:3" x14ac:dyDescent="0.15">
      <c r="A7225">
        <v>17786</v>
      </c>
      <c r="B7225" t="s">
        <v>14422</v>
      </c>
      <c r="C7225" t="s">
        <v>14423</v>
      </c>
    </row>
    <row r="7226" spans="1:3" x14ac:dyDescent="0.15">
      <c r="A7226">
        <v>17785</v>
      </c>
      <c r="B7226" t="s">
        <v>14424</v>
      </c>
      <c r="C7226" t="s">
        <v>14425</v>
      </c>
    </row>
    <row r="7227" spans="1:3" x14ac:dyDescent="0.15">
      <c r="A7227">
        <v>17784</v>
      </c>
      <c r="B7227" t="s">
        <v>14426</v>
      </c>
      <c r="C7227" t="s">
        <v>14427</v>
      </c>
    </row>
    <row r="7228" spans="1:3" x14ac:dyDescent="0.15">
      <c r="A7228">
        <v>17783</v>
      </c>
      <c r="B7228" t="s">
        <v>14428</v>
      </c>
      <c r="C7228" t="s">
        <v>14429</v>
      </c>
    </row>
    <row r="7229" spans="1:3" x14ac:dyDescent="0.15">
      <c r="A7229">
        <v>17782</v>
      </c>
      <c r="B7229" t="s">
        <v>14430</v>
      </c>
      <c r="C7229" t="s">
        <v>14431</v>
      </c>
    </row>
    <row r="7230" spans="1:3" x14ac:dyDescent="0.15">
      <c r="A7230">
        <v>17781</v>
      </c>
      <c r="B7230" t="s">
        <v>14432</v>
      </c>
      <c r="C7230" t="s">
        <v>14433</v>
      </c>
    </row>
    <row r="7231" spans="1:3" x14ac:dyDescent="0.15">
      <c r="A7231">
        <v>17780</v>
      </c>
      <c r="B7231" t="s">
        <v>14434</v>
      </c>
      <c r="C7231" t="s">
        <v>14435</v>
      </c>
    </row>
    <row r="7232" spans="1:3" x14ac:dyDescent="0.15">
      <c r="A7232">
        <v>17779</v>
      </c>
      <c r="B7232" t="s">
        <v>14436</v>
      </c>
      <c r="C7232" t="s">
        <v>14437</v>
      </c>
    </row>
    <row r="7233" spans="1:3" x14ac:dyDescent="0.15">
      <c r="A7233">
        <v>17778</v>
      </c>
      <c r="B7233" t="s">
        <v>14438</v>
      </c>
      <c r="C7233" t="s">
        <v>14439</v>
      </c>
    </row>
    <row r="7234" spans="1:3" x14ac:dyDescent="0.15">
      <c r="A7234">
        <v>17777</v>
      </c>
      <c r="B7234" t="s">
        <v>14440</v>
      </c>
      <c r="C7234" t="s">
        <v>14441</v>
      </c>
    </row>
    <row r="7235" spans="1:3" x14ac:dyDescent="0.15">
      <c r="A7235">
        <v>17776</v>
      </c>
      <c r="B7235" t="s">
        <v>14442</v>
      </c>
      <c r="C7235" t="s">
        <v>14443</v>
      </c>
    </row>
    <row r="7236" spans="1:3" x14ac:dyDescent="0.15">
      <c r="A7236">
        <v>17775</v>
      </c>
      <c r="B7236" t="s">
        <v>14444</v>
      </c>
      <c r="C7236" t="s">
        <v>14445</v>
      </c>
    </row>
    <row r="7237" spans="1:3" x14ac:dyDescent="0.15">
      <c r="A7237">
        <v>17774</v>
      </c>
      <c r="B7237" t="s">
        <v>14446</v>
      </c>
      <c r="C7237" t="s">
        <v>14447</v>
      </c>
    </row>
    <row r="7238" spans="1:3" x14ac:dyDescent="0.15">
      <c r="A7238">
        <v>17773</v>
      </c>
      <c r="B7238" t="s">
        <v>14448</v>
      </c>
      <c r="C7238" t="s">
        <v>14449</v>
      </c>
    </row>
    <row r="7239" spans="1:3" x14ac:dyDescent="0.15">
      <c r="A7239">
        <v>17772</v>
      </c>
      <c r="B7239" t="s">
        <v>14450</v>
      </c>
      <c r="C7239" t="s">
        <v>14451</v>
      </c>
    </row>
    <row r="7240" spans="1:3" x14ac:dyDescent="0.15">
      <c r="A7240">
        <v>17771</v>
      </c>
      <c r="B7240" t="s">
        <v>14452</v>
      </c>
      <c r="C7240" t="s">
        <v>14453</v>
      </c>
    </row>
    <row r="7241" spans="1:3" x14ac:dyDescent="0.15">
      <c r="A7241">
        <v>17770</v>
      </c>
      <c r="B7241" t="s">
        <v>14454</v>
      </c>
      <c r="C7241" t="s">
        <v>14455</v>
      </c>
    </row>
    <row r="7242" spans="1:3" x14ac:dyDescent="0.15">
      <c r="A7242">
        <v>17769</v>
      </c>
      <c r="B7242" t="s">
        <v>14456</v>
      </c>
      <c r="C7242" t="s">
        <v>14457</v>
      </c>
    </row>
    <row r="7243" spans="1:3" x14ac:dyDescent="0.15">
      <c r="A7243">
        <v>17768</v>
      </c>
      <c r="B7243" t="s">
        <v>14458</v>
      </c>
      <c r="C7243" t="s">
        <v>14459</v>
      </c>
    </row>
    <row r="7244" spans="1:3" x14ac:dyDescent="0.15">
      <c r="A7244">
        <v>17767</v>
      </c>
      <c r="B7244" t="s">
        <v>14460</v>
      </c>
      <c r="C7244" t="s">
        <v>14461</v>
      </c>
    </row>
    <row r="7245" spans="1:3" x14ac:dyDescent="0.15">
      <c r="A7245">
        <v>17766</v>
      </c>
      <c r="B7245" t="s">
        <v>14462</v>
      </c>
      <c r="C7245" t="s">
        <v>14463</v>
      </c>
    </row>
    <row r="7246" spans="1:3" x14ac:dyDescent="0.15">
      <c r="A7246">
        <v>17765</v>
      </c>
      <c r="B7246" t="s">
        <v>14464</v>
      </c>
      <c r="C7246" t="s">
        <v>14465</v>
      </c>
    </row>
    <row r="7247" spans="1:3" x14ac:dyDescent="0.15">
      <c r="A7247">
        <v>17764</v>
      </c>
      <c r="B7247" t="s">
        <v>14466</v>
      </c>
      <c r="C7247" t="s">
        <v>14467</v>
      </c>
    </row>
    <row r="7248" spans="1:3" x14ac:dyDescent="0.15">
      <c r="A7248">
        <v>17763</v>
      </c>
      <c r="B7248" t="s">
        <v>14468</v>
      </c>
      <c r="C7248" t="s">
        <v>14469</v>
      </c>
    </row>
    <row r="7249" spans="1:3" x14ac:dyDescent="0.15">
      <c r="A7249">
        <v>17762</v>
      </c>
      <c r="B7249" t="s">
        <v>14470</v>
      </c>
      <c r="C7249" t="s">
        <v>14471</v>
      </c>
    </row>
    <row r="7250" spans="1:3" x14ac:dyDescent="0.15">
      <c r="A7250">
        <v>17761</v>
      </c>
      <c r="B7250" t="s">
        <v>14472</v>
      </c>
      <c r="C7250" t="s">
        <v>14473</v>
      </c>
    </row>
    <row r="7251" spans="1:3" x14ac:dyDescent="0.15">
      <c r="A7251">
        <v>17760</v>
      </c>
      <c r="B7251" t="s">
        <v>14474</v>
      </c>
      <c r="C7251" t="s">
        <v>14475</v>
      </c>
    </row>
    <row r="7252" spans="1:3" x14ac:dyDescent="0.15">
      <c r="A7252">
        <v>17759</v>
      </c>
      <c r="B7252" t="s">
        <v>14476</v>
      </c>
      <c r="C7252" t="s">
        <v>14477</v>
      </c>
    </row>
    <row r="7253" spans="1:3" x14ac:dyDescent="0.15">
      <c r="A7253">
        <v>17758</v>
      </c>
      <c r="B7253" t="s">
        <v>14478</v>
      </c>
      <c r="C7253" t="s">
        <v>14479</v>
      </c>
    </row>
    <row r="7254" spans="1:3" x14ac:dyDescent="0.15">
      <c r="A7254">
        <v>17757</v>
      </c>
      <c r="B7254" t="s">
        <v>14480</v>
      </c>
      <c r="C7254" t="s">
        <v>14481</v>
      </c>
    </row>
    <row r="7255" spans="1:3" x14ac:dyDescent="0.15">
      <c r="A7255">
        <v>17756</v>
      </c>
      <c r="B7255" t="s">
        <v>14482</v>
      </c>
      <c r="C7255" t="s">
        <v>14483</v>
      </c>
    </row>
    <row r="7256" spans="1:3" x14ac:dyDescent="0.15">
      <c r="A7256">
        <v>17755</v>
      </c>
      <c r="B7256" t="s">
        <v>14484</v>
      </c>
      <c r="C7256" t="s">
        <v>14485</v>
      </c>
    </row>
    <row r="7257" spans="1:3" x14ac:dyDescent="0.15">
      <c r="A7257">
        <v>17754</v>
      </c>
      <c r="B7257" t="s">
        <v>14486</v>
      </c>
      <c r="C7257" t="s">
        <v>14487</v>
      </c>
    </row>
    <row r="7258" spans="1:3" x14ac:dyDescent="0.15">
      <c r="A7258">
        <v>17753</v>
      </c>
      <c r="B7258" t="s">
        <v>14488</v>
      </c>
      <c r="C7258" t="s">
        <v>14489</v>
      </c>
    </row>
    <row r="7259" spans="1:3" x14ac:dyDescent="0.15">
      <c r="A7259">
        <v>17752</v>
      </c>
      <c r="B7259" t="s">
        <v>14490</v>
      </c>
      <c r="C7259" t="s">
        <v>14491</v>
      </c>
    </row>
    <row r="7260" spans="1:3" x14ac:dyDescent="0.15">
      <c r="A7260">
        <v>17751</v>
      </c>
      <c r="B7260" t="s">
        <v>14492</v>
      </c>
      <c r="C7260" t="s">
        <v>14493</v>
      </c>
    </row>
    <row r="7261" spans="1:3" x14ac:dyDescent="0.15">
      <c r="A7261">
        <v>17750</v>
      </c>
      <c r="B7261" t="s">
        <v>14494</v>
      </c>
      <c r="C7261" t="s">
        <v>14495</v>
      </c>
    </row>
    <row r="7262" spans="1:3" x14ac:dyDescent="0.15">
      <c r="A7262">
        <v>17749</v>
      </c>
      <c r="B7262" t="s">
        <v>14496</v>
      </c>
      <c r="C7262" t="s">
        <v>14497</v>
      </c>
    </row>
    <row r="7263" spans="1:3" x14ac:dyDescent="0.15">
      <c r="A7263">
        <v>17748</v>
      </c>
      <c r="B7263" t="s">
        <v>14498</v>
      </c>
      <c r="C7263" t="s">
        <v>14499</v>
      </c>
    </row>
    <row r="7264" spans="1:3" x14ac:dyDescent="0.15">
      <c r="A7264">
        <v>17747</v>
      </c>
      <c r="B7264" t="s">
        <v>14500</v>
      </c>
      <c r="C7264" t="s">
        <v>14501</v>
      </c>
    </row>
    <row r="7265" spans="1:3" x14ac:dyDescent="0.15">
      <c r="A7265">
        <v>17746</v>
      </c>
      <c r="B7265" t="s">
        <v>14502</v>
      </c>
      <c r="C7265" t="s">
        <v>14503</v>
      </c>
    </row>
    <row r="7266" spans="1:3" x14ac:dyDescent="0.15">
      <c r="A7266">
        <v>17745</v>
      </c>
      <c r="B7266" t="s">
        <v>14504</v>
      </c>
      <c r="C7266" t="s">
        <v>14505</v>
      </c>
    </row>
    <row r="7267" spans="1:3" x14ac:dyDescent="0.15">
      <c r="A7267">
        <v>17744</v>
      </c>
      <c r="B7267" t="s">
        <v>14506</v>
      </c>
      <c r="C7267" t="s">
        <v>14507</v>
      </c>
    </row>
    <row r="7268" spans="1:3" x14ac:dyDescent="0.15">
      <c r="A7268">
        <v>17743</v>
      </c>
      <c r="B7268" t="s">
        <v>14508</v>
      </c>
      <c r="C7268" t="s">
        <v>14509</v>
      </c>
    </row>
    <row r="7269" spans="1:3" x14ac:dyDescent="0.15">
      <c r="A7269">
        <v>17742</v>
      </c>
      <c r="B7269" t="s">
        <v>14510</v>
      </c>
      <c r="C7269" t="s">
        <v>14511</v>
      </c>
    </row>
    <row r="7270" spans="1:3" x14ac:dyDescent="0.15">
      <c r="A7270">
        <v>17741</v>
      </c>
      <c r="B7270" t="s">
        <v>14512</v>
      </c>
      <c r="C7270" t="s">
        <v>14513</v>
      </c>
    </row>
    <row r="7271" spans="1:3" x14ac:dyDescent="0.15">
      <c r="A7271">
        <v>17740</v>
      </c>
      <c r="B7271" t="s">
        <v>14514</v>
      </c>
      <c r="C7271" t="s">
        <v>14515</v>
      </c>
    </row>
    <row r="7272" spans="1:3" x14ac:dyDescent="0.15">
      <c r="A7272">
        <v>17739</v>
      </c>
      <c r="B7272" t="s">
        <v>14516</v>
      </c>
      <c r="C7272" t="s">
        <v>14517</v>
      </c>
    </row>
    <row r="7273" spans="1:3" x14ac:dyDescent="0.15">
      <c r="A7273">
        <v>17738</v>
      </c>
      <c r="B7273" t="s">
        <v>14518</v>
      </c>
      <c r="C7273" t="s">
        <v>14519</v>
      </c>
    </row>
    <row r="7274" spans="1:3" x14ac:dyDescent="0.15">
      <c r="A7274">
        <v>17737</v>
      </c>
      <c r="B7274" t="s">
        <v>14520</v>
      </c>
      <c r="C7274" t="s">
        <v>14521</v>
      </c>
    </row>
    <row r="7275" spans="1:3" x14ac:dyDescent="0.15">
      <c r="A7275">
        <v>17736</v>
      </c>
      <c r="B7275" t="s">
        <v>14522</v>
      </c>
      <c r="C7275" t="s">
        <v>14523</v>
      </c>
    </row>
    <row r="7276" spans="1:3" x14ac:dyDescent="0.15">
      <c r="A7276">
        <v>17735</v>
      </c>
      <c r="B7276" t="s">
        <v>14524</v>
      </c>
      <c r="C7276" t="s">
        <v>14525</v>
      </c>
    </row>
    <row r="7277" spans="1:3" x14ac:dyDescent="0.15">
      <c r="A7277">
        <v>17734</v>
      </c>
      <c r="B7277" t="s">
        <v>14526</v>
      </c>
      <c r="C7277" t="s">
        <v>14527</v>
      </c>
    </row>
    <row r="7278" spans="1:3" x14ac:dyDescent="0.15">
      <c r="A7278">
        <v>17733</v>
      </c>
      <c r="B7278" t="s">
        <v>14528</v>
      </c>
      <c r="C7278" t="s">
        <v>14529</v>
      </c>
    </row>
    <row r="7279" spans="1:3" x14ac:dyDescent="0.15">
      <c r="A7279">
        <v>17732</v>
      </c>
      <c r="B7279" t="s">
        <v>14530</v>
      </c>
      <c r="C7279" t="s">
        <v>14531</v>
      </c>
    </row>
    <row r="7280" spans="1:3" x14ac:dyDescent="0.15">
      <c r="A7280">
        <v>17731</v>
      </c>
      <c r="B7280" t="s">
        <v>14532</v>
      </c>
      <c r="C7280" t="s">
        <v>14533</v>
      </c>
    </row>
    <row r="7281" spans="1:3" x14ac:dyDescent="0.15">
      <c r="A7281">
        <v>17730</v>
      </c>
      <c r="B7281" t="s">
        <v>14534</v>
      </c>
      <c r="C7281" t="s">
        <v>14535</v>
      </c>
    </row>
    <row r="7282" spans="1:3" x14ac:dyDescent="0.15">
      <c r="A7282">
        <v>17729</v>
      </c>
      <c r="B7282" t="s">
        <v>14536</v>
      </c>
      <c r="C7282" t="s">
        <v>491</v>
      </c>
    </row>
    <row r="7283" spans="1:3" x14ac:dyDescent="0.15">
      <c r="A7283">
        <v>17728</v>
      </c>
      <c r="B7283" t="s">
        <v>14537</v>
      </c>
      <c r="C7283" t="s">
        <v>14538</v>
      </c>
    </row>
    <row r="7284" spans="1:3" x14ac:dyDescent="0.15">
      <c r="A7284">
        <v>17727</v>
      </c>
      <c r="B7284" t="s">
        <v>14539</v>
      </c>
      <c r="C7284" t="s">
        <v>14540</v>
      </c>
    </row>
    <row r="7285" spans="1:3" x14ac:dyDescent="0.15">
      <c r="A7285">
        <v>17726</v>
      </c>
      <c r="B7285" t="s">
        <v>14541</v>
      </c>
      <c r="C7285" t="s">
        <v>14542</v>
      </c>
    </row>
    <row r="7286" spans="1:3" x14ac:dyDescent="0.15">
      <c r="A7286">
        <v>17725</v>
      </c>
      <c r="B7286" t="s">
        <v>14543</v>
      </c>
      <c r="C7286" t="s">
        <v>14544</v>
      </c>
    </row>
    <row r="7287" spans="1:3" x14ac:dyDescent="0.15">
      <c r="A7287">
        <v>17724</v>
      </c>
      <c r="B7287" t="s">
        <v>14545</v>
      </c>
      <c r="C7287" t="s">
        <v>14546</v>
      </c>
    </row>
    <row r="7288" spans="1:3" x14ac:dyDescent="0.15">
      <c r="A7288">
        <v>17723</v>
      </c>
      <c r="B7288" t="s">
        <v>14547</v>
      </c>
      <c r="C7288" t="s">
        <v>14548</v>
      </c>
    </row>
    <row r="7289" spans="1:3" x14ac:dyDescent="0.15">
      <c r="A7289">
        <v>17722</v>
      </c>
      <c r="B7289" t="s">
        <v>14549</v>
      </c>
      <c r="C7289" t="s">
        <v>14550</v>
      </c>
    </row>
    <row r="7290" spans="1:3" x14ac:dyDescent="0.15">
      <c r="A7290">
        <v>17721</v>
      </c>
      <c r="B7290" t="s">
        <v>14551</v>
      </c>
      <c r="C7290" t="s">
        <v>14552</v>
      </c>
    </row>
    <row r="7291" spans="1:3" x14ac:dyDescent="0.15">
      <c r="A7291">
        <v>17720</v>
      </c>
      <c r="B7291" t="s">
        <v>14553</v>
      </c>
      <c r="C7291" t="s">
        <v>14554</v>
      </c>
    </row>
    <row r="7292" spans="1:3" x14ac:dyDescent="0.15">
      <c r="A7292">
        <v>17719</v>
      </c>
      <c r="B7292" t="s">
        <v>14555</v>
      </c>
      <c r="C7292" t="s">
        <v>14556</v>
      </c>
    </row>
    <row r="7293" spans="1:3" x14ac:dyDescent="0.15">
      <c r="A7293">
        <v>17718</v>
      </c>
      <c r="B7293" t="s">
        <v>14557</v>
      </c>
      <c r="C7293" t="s">
        <v>14558</v>
      </c>
    </row>
    <row r="7294" spans="1:3" x14ac:dyDescent="0.15">
      <c r="A7294">
        <v>17717</v>
      </c>
      <c r="B7294" t="s">
        <v>14559</v>
      </c>
      <c r="C7294" t="s">
        <v>14560</v>
      </c>
    </row>
    <row r="7295" spans="1:3" x14ac:dyDescent="0.15">
      <c r="A7295">
        <v>17716</v>
      </c>
      <c r="B7295" t="s">
        <v>14561</v>
      </c>
      <c r="C7295" t="s">
        <v>14562</v>
      </c>
    </row>
    <row r="7296" spans="1:3" x14ac:dyDescent="0.15">
      <c r="A7296">
        <v>17715</v>
      </c>
      <c r="B7296" t="s">
        <v>14563</v>
      </c>
      <c r="C7296" t="s">
        <v>14564</v>
      </c>
    </row>
    <row r="7297" spans="1:3" x14ac:dyDescent="0.15">
      <c r="A7297">
        <v>17714</v>
      </c>
      <c r="B7297" t="s">
        <v>14565</v>
      </c>
      <c r="C7297" t="s">
        <v>14566</v>
      </c>
    </row>
    <row r="7298" spans="1:3" x14ac:dyDescent="0.15">
      <c r="A7298">
        <v>17713</v>
      </c>
      <c r="B7298" t="s">
        <v>14567</v>
      </c>
      <c r="C7298" t="s">
        <v>14568</v>
      </c>
    </row>
    <row r="7299" spans="1:3" x14ac:dyDescent="0.15">
      <c r="A7299">
        <v>17712</v>
      </c>
      <c r="B7299" t="s">
        <v>14569</v>
      </c>
      <c r="C7299" t="s">
        <v>14570</v>
      </c>
    </row>
    <row r="7300" spans="1:3" x14ac:dyDescent="0.15">
      <c r="A7300">
        <v>17711</v>
      </c>
      <c r="B7300" t="s">
        <v>14571</v>
      </c>
      <c r="C7300" t="s">
        <v>14572</v>
      </c>
    </row>
    <row r="7301" spans="1:3" x14ac:dyDescent="0.15">
      <c r="A7301">
        <v>17710</v>
      </c>
      <c r="B7301" t="s">
        <v>14573</v>
      </c>
      <c r="C7301" t="s">
        <v>14574</v>
      </c>
    </row>
    <row r="7302" spans="1:3" x14ac:dyDescent="0.15">
      <c r="A7302">
        <v>17709</v>
      </c>
      <c r="B7302" t="s">
        <v>14575</v>
      </c>
      <c r="C7302" t="s">
        <v>14576</v>
      </c>
    </row>
    <row r="7303" spans="1:3" x14ac:dyDescent="0.15">
      <c r="A7303">
        <v>17708</v>
      </c>
      <c r="B7303" t="s">
        <v>14577</v>
      </c>
      <c r="C7303" t="s">
        <v>14578</v>
      </c>
    </row>
    <row r="7304" spans="1:3" x14ac:dyDescent="0.15">
      <c r="A7304">
        <v>17707</v>
      </c>
      <c r="B7304" t="s">
        <v>14579</v>
      </c>
      <c r="C7304" t="s">
        <v>14580</v>
      </c>
    </row>
    <row r="7305" spans="1:3" x14ac:dyDescent="0.15">
      <c r="A7305">
        <v>17706</v>
      </c>
      <c r="B7305" t="s">
        <v>14581</v>
      </c>
      <c r="C7305" t="s">
        <v>14582</v>
      </c>
    </row>
    <row r="7306" spans="1:3" x14ac:dyDescent="0.15">
      <c r="A7306">
        <v>17705</v>
      </c>
      <c r="B7306" t="s">
        <v>14583</v>
      </c>
      <c r="C7306" t="s">
        <v>14584</v>
      </c>
    </row>
    <row r="7307" spans="1:3" x14ac:dyDescent="0.15">
      <c r="A7307">
        <v>17704</v>
      </c>
      <c r="B7307" t="s">
        <v>14585</v>
      </c>
      <c r="C7307" t="s">
        <v>14586</v>
      </c>
    </row>
    <row r="7308" spans="1:3" x14ac:dyDescent="0.15">
      <c r="A7308">
        <v>17703</v>
      </c>
      <c r="B7308" t="s">
        <v>14587</v>
      </c>
      <c r="C7308" t="s">
        <v>14588</v>
      </c>
    </row>
    <row r="7309" spans="1:3" x14ac:dyDescent="0.15">
      <c r="A7309">
        <v>17702</v>
      </c>
      <c r="B7309" t="s">
        <v>14589</v>
      </c>
      <c r="C7309" t="s">
        <v>14590</v>
      </c>
    </row>
    <row r="7310" spans="1:3" x14ac:dyDescent="0.15">
      <c r="A7310">
        <v>17701</v>
      </c>
      <c r="B7310" t="s">
        <v>14591</v>
      </c>
      <c r="C7310" t="s">
        <v>14592</v>
      </c>
    </row>
    <row r="7311" spans="1:3" x14ac:dyDescent="0.15">
      <c r="A7311">
        <v>17700</v>
      </c>
      <c r="B7311" t="s">
        <v>14593</v>
      </c>
      <c r="C7311" t="s">
        <v>14594</v>
      </c>
    </row>
    <row r="7312" spans="1:3" x14ac:dyDescent="0.15">
      <c r="A7312">
        <v>17699</v>
      </c>
      <c r="B7312" t="s">
        <v>14595</v>
      </c>
      <c r="C7312" t="s">
        <v>14596</v>
      </c>
    </row>
    <row r="7313" spans="1:3" x14ac:dyDescent="0.15">
      <c r="A7313">
        <v>17698</v>
      </c>
      <c r="B7313" t="s">
        <v>14597</v>
      </c>
      <c r="C7313" t="s">
        <v>14598</v>
      </c>
    </row>
    <row r="7314" spans="1:3" x14ac:dyDescent="0.15">
      <c r="A7314">
        <v>17697</v>
      </c>
      <c r="B7314" t="s">
        <v>14599</v>
      </c>
      <c r="C7314" t="s">
        <v>14600</v>
      </c>
    </row>
    <row r="7315" spans="1:3" x14ac:dyDescent="0.15">
      <c r="A7315">
        <v>17696</v>
      </c>
      <c r="B7315" t="s">
        <v>14601</v>
      </c>
      <c r="C7315" t="s">
        <v>14602</v>
      </c>
    </row>
    <row r="7316" spans="1:3" x14ac:dyDescent="0.15">
      <c r="A7316">
        <v>17695</v>
      </c>
      <c r="B7316" t="s">
        <v>14603</v>
      </c>
      <c r="C7316" t="s">
        <v>14604</v>
      </c>
    </row>
    <row r="7317" spans="1:3" x14ac:dyDescent="0.15">
      <c r="A7317">
        <v>17694</v>
      </c>
      <c r="B7317" t="s">
        <v>14605</v>
      </c>
      <c r="C7317" t="s">
        <v>14606</v>
      </c>
    </row>
    <row r="7318" spans="1:3" x14ac:dyDescent="0.15">
      <c r="A7318">
        <v>17693</v>
      </c>
      <c r="B7318" t="s">
        <v>14607</v>
      </c>
      <c r="C7318" t="s">
        <v>14608</v>
      </c>
    </row>
    <row r="7319" spans="1:3" x14ac:dyDescent="0.15">
      <c r="A7319">
        <v>17692</v>
      </c>
      <c r="B7319" t="s">
        <v>14609</v>
      </c>
      <c r="C7319" t="s">
        <v>14610</v>
      </c>
    </row>
    <row r="7320" spans="1:3" x14ac:dyDescent="0.15">
      <c r="A7320">
        <v>17691</v>
      </c>
      <c r="B7320" t="s">
        <v>14611</v>
      </c>
      <c r="C7320" t="s">
        <v>14612</v>
      </c>
    </row>
    <row r="7321" spans="1:3" x14ac:dyDescent="0.15">
      <c r="A7321">
        <v>17690</v>
      </c>
      <c r="B7321" t="s">
        <v>14613</v>
      </c>
      <c r="C7321" t="s">
        <v>14614</v>
      </c>
    </row>
    <row r="7322" spans="1:3" x14ac:dyDescent="0.15">
      <c r="A7322">
        <v>17689</v>
      </c>
      <c r="B7322" t="s">
        <v>14615</v>
      </c>
      <c r="C7322" t="s">
        <v>14616</v>
      </c>
    </row>
    <row r="7323" spans="1:3" x14ac:dyDescent="0.15">
      <c r="A7323">
        <v>17688</v>
      </c>
      <c r="B7323" t="s">
        <v>14617</v>
      </c>
      <c r="C7323" t="s">
        <v>14618</v>
      </c>
    </row>
    <row r="7324" spans="1:3" x14ac:dyDescent="0.15">
      <c r="A7324">
        <v>17687</v>
      </c>
      <c r="B7324" t="s">
        <v>14619</v>
      </c>
      <c r="C7324" t="s">
        <v>14620</v>
      </c>
    </row>
    <row r="7325" spans="1:3" x14ac:dyDescent="0.15">
      <c r="A7325">
        <v>17686</v>
      </c>
      <c r="B7325" t="s">
        <v>14621</v>
      </c>
      <c r="C7325" t="s">
        <v>14622</v>
      </c>
    </row>
    <row r="7326" spans="1:3" x14ac:dyDescent="0.15">
      <c r="A7326">
        <v>17685</v>
      </c>
      <c r="B7326" t="s">
        <v>14623</v>
      </c>
      <c r="C7326" t="s">
        <v>14624</v>
      </c>
    </row>
    <row r="7327" spans="1:3" x14ac:dyDescent="0.15">
      <c r="A7327">
        <v>17684</v>
      </c>
      <c r="B7327" t="s">
        <v>14625</v>
      </c>
      <c r="C7327" t="s">
        <v>14626</v>
      </c>
    </row>
    <row r="7328" spans="1:3" x14ac:dyDescent="0.15">
      <c r="A7328">
        <v>17683</v>
      </c>
      <c r="B7328" t="s">
        <v>14627</v>
      </c>
      <c r="C7328" t="s">
        <v>14628</v>
      </c>
    </row>
    <row r="7329" spans="1:3" x14ac:dyDescent="0.15">
      <c r="A7329">
        <v>17682</v>
      </c>
      <c r="B7329" t="s">
        <v>14629</v>
      </c>
      <c r="C7329" t="s">
        <v>14630</v>
      </c>
    </row>
    <row r="7330" spans="1:3" x14ac:dyDescent="0.15">
      <c r="A7330">
        <v>17681</v>
      </c>
      <c r="B7330" t="s">
        <v>14631</v>
      </c>
      <c r="C7330" t="s">
        <v>14632</v>
      </c>
    </row>
    <row r="7331" spans="1:3" x14ac:dyDescent="0.15">
      <c r="A7331">
        <v>17680</v>
      </c>
      <c r="B7331" t="s">
        <v>14633</v>
      </c>
      <c r="C7331" t="s">
        <v>14634</v>
      </c>
    </row>
    <row r="7332" spans="1:3" x14ac:dyDescent="0.15">
      <c r="A7332">
        <v>17679</v>
      </c>
      <c r="B7332" t="s">
        <v>14635</v>
      </c>
      <c r="C7332" t="s">
        <v>14636</v>
      </c>
    </row>
    <row r="7333" spans="1:3" x14ac:dyDescent="0.15">
      <c r="A7333">
        <v>17678</v>
      </c>
      <c r="B7333" t="s">
        <v>14637</v>
      </c>
      <c r="C7333" t="s">
        <v>14638</v>
      </c>
    </row>
    <row r="7334" spans="1:3" x14ac:dyDescent="0.15">
      <c r="A7334">
        <v>17677</v>
      </c>
      <c r="B7334" t="s">
        <v>14639</v>
      </c>
      <c r="C7334" t="s">
        <v>14640</v>
      </c>
    </row>
    <row r="7335" spans="1:3" x14ac:dyDescent="0.15">
      <c r="A7335">
        <v>17676</v>
      </c>
      <c r="B7335" t="s">
        <v>14641</v>
      </c>
      <c r="C7335" t="s">
        <v>14642</v>
      </c>
    </row>
    <row r="7336" spans="1:3" x14ac:dyDescent="0.15">
      <c r="A7336">
        <v>17675</v>
      </c>
      <c r="B7336" t="s">
        <v>14643</v>
      </c>
      <c r="C7336" t="s">
        <v>14644</v>
      </c>
    </row>
    <row r="7337" spans="1:3" x14ac:dyDescent="0.15">
      <c r="A7337">
        <v>17674</v>
      </c>
      <c r="B7337" t="s">
        <v>14645</v>
      </c>
      <c r="C7337" t="s">
        <v>14646</v>
      </c>
    </row>
    <row r="7338" spans="1:3" x14ac:dyDescent="0.15">
      <c r="A7338">
        <v>17673</v>
      </c>
      <c r="B7338" t="s">
        <v>14647</v>
      </c>
      <c r="C7338" t="s">
        <v>14648</v>
      </c>
    </row>
    <row r="7339" spans="1:3" x14ac:dyDescent="0.15">
      <c r="A7339">
        <v>17672</v>
      </c>
      <c r="B7339" t="s">
        <v>14649</v>
      </c>
      <c r="C7339" t="s">
        <v>14650</v>
      </c>
    </row>
    <row r="7340" spans="1:3" x14ac:dyDescent="0.15">
      <c r="A7340">
        <v>17671</v>
      </c>
      <c r="B7340" t="s">
        <v>14651</v>
      </c>
      <c r="C7340" t="s">
        <v>14652</v>
      </c>
    </row>
    <row r="7341" spans="1:3" x14ac:dyDescent="0.15">
      <c r="A7341">
        <v>17670</v>
      </c>
      <c r="B7341" t="s">
        <v>14653</v>
      </c>
      <c r="C7341" t="s">
        <v>14654</v>
      </c>
    </row>
    <row r="7342" spans="1:3" x14ac:dyDescent="0.15">
      <c r="A7342">
        <v>17669</v>
      </c>
      <c r="B7342" t="s">
        <v>14655</v>
      </c>
      <c r="C7342" t="s">
        <v>14656</v>
      </c>
    </row>
    <row r="7343" spans="1:3" x14ac:dyDescent="0.15">
      <c r="A7343">
        <v>17668</v>
      </c>
      <c r="B7343" t="s">
        <v>14657</v>
      </c>
      <c r="C7343" t="s">
        <v>14658</v>
      </c>
    </row>
    <row r="7344" spans="1:3" x14ac:dyDescent="0.15">
      <c r="A7344">
        <v>17667</v>
      </c>
      <c r="B7344" t="s">
        <v>14659</v>
      </c>
      <c r="C7344" t="s">
        <v>14660</v>
      </c>
    </row>
    <row r="7345" spans="1:3" x14ac:dyDescent="0.15">
      <c r="A7345">
        <v>17666</v>
      </c>
      <c r="B7345" t="s">
        <v>14661</v>
      </c>
      <c r="C7345" t="s">
        <v>14662</v>
      </c>
    </row>
    <row r="7346" spans="1:3" x14ac:dyDescent="0.15">
      <c r="A7346">
        <v>17665</v>
      </c>
      <c r="B7346" t="s">
        <v>14663</v>
      </c>
      <c r="C7346" t="s">
        <v>14664</v>
      </c>
    </row>
    <row r="7347" spans="1:3" x14ac:dyDescent="0.15">
      <c r="A7347">
        <v>17664</v>
      </c>
      <c r="B7347" t="s">
        <v>14665</v>
      </c>
      <c r="C7347" t="s">
        <v>14666</v>
      </c>
    </row>
    <row r="7348" spans="1:3" x14ac:dyDescent="0.15">
      <c r="A7348">
        <v>17663</v>
      </c>
      <c r="B7348" t="s">
        <v>14667</v>
      </c>
      <c r="C7348" t="s">
        <v>14668</v>
      </c>
    </row>
    <row r="7349" spans="1:3" x14ac:dyDescent="0.15">
      <c r="A7349">
        <v>17662</v>
      </c>
      <c r="B7349" t="s">
        <v>14669</v>
      </c>
      <c r="C7349" t="s">
        <v>14670</v>
      </c>
    </row>
    <row r="7350" spans="1:3" x14ac:dyDescent="0.15">
      <c r="A7350">
        <v>17661</v>
      </c>
      <c r="B7350" t="s">
        <v>14671</v>
      </c>
      <c r="C7350" t="s">
        <v>14672</v>
      </c>
    </row>
    <row r="7351" spans="1:3" x14ac:dyDescent="0.15">
      <c r="A7351">
        <v>17660</v>
      </c>
      <c r="B7351" t="s">
        <v>14673</v>
      </c>
      <c r="C7351" t="s">
        <v>14674</v>
      </c>
    </row>
    <row r="7352" spans="1:3" x14ac:dyDescent="0.15">
      <c r="A7352">
        <v>17659</v>
      </c>
      <c r="B7352" t="s">
        <v>14675</v>
      </c>
      <c r="C7352" t="s">
        <v>14676</v>
      </c>
    </row>
    <row r="7353" spans="1:3" x14ac:dyDescent="0.15">
      <c r="A7353">
        <v>17658</v>
      </c>
      <c r="B7353" t="s">
        <v>14677</v>
      </c>
      <c r="C7353" t="s">
        <v>14678</v>
      </c>
    </row>
    <row r="7354" spans="1:3" x14ac:dyDescent="0.15">
      <c r="A7354">
        <v>17657</v>
      </c>
      <c r="B7354" t="s">
        <v>14679</v>
      </c>
      <c r="C7354" t="s">
        <v>14680</v>
      </c>
    </row>
    <row r="7355" spans="1:3" x14ac:dyDescent="0.15">
      <c r="A7355">
        <v>17656</v>
      </c>
      <c r="B7355" t="s">
        <v>14681</v>
      </c>
      <c r="C7355" t="s">
        <v>14682</v>
      </c>
    </row>
    <row r="7356" spans="1:3" x14ac:dyDescent="0.15">
      <c r="A7356">
        <v>17655</v>
      </c>
      <c r="B7356" t="s">
        <v>14683</v>
      </c>
      <c r="C7356" t="s">
        <v>14684</v>
      </c>
    </row>
    <row r="7357" spans="1:3" x14ac:dyDescent="0.15">
      <c r="A7357">
        <v>17654</v>
      </c>
      <c r="B7357" t="s">
        <v>14685</v>
      </c>
      <c r="C7357" t="s">
        <v>14686</v>
      </c>
    </row>
    <row r="7358" spans="1:3" x14ac:dyDescent="0.15">
      <c r="A7358">
        <v>17653</v>
      </c>
      <c r="B7358" t="s">
        <v>14687</v>
      </c>
      <c r="C7358" t="s">
        <v>14688</v>
      </c>
    </row>
    <row r="7359" spans="1:3" x14ac:dyDescent="0.15">
      <c r="A7359">
        <v>17652</v>
      </c>
      <c r="B7359" t="s">
        <v>14689</v>
      </c>
      <c r="C7359" t="s">
        <v>14690</v>
      </c>
    </row>
    <row r="7360" spans="1:3" x14ac:dyDescent="0.15">
      <c r="A7360">
        <v>17651</v>
      </c>
      <c r="B7360" t="s">
        <v>14691</v>
      </c>
      <c r="C7360" t="s">
        <v>14692</v>
      </c>
    </row>
    <row r="7361" spans="1:3" x14ac:dyDescent="0.15">
      <c r="A7361">
        <v>17650</v>
      </c>
      <c r="B7361" t="s">
        <v>14693</v>
      </c>
      <c r="C7361" t="s">
        <v>14694</v>
      </c>
    </row>
    <row r="7362" spans="1:3" x14ac:dyDescent="0.15">
      <c r="A7362">
        <v>17649</v>
      </c>
      <c r="B7362" t="s">
        <v>14695</v>
      </c>
      <c r="C7362" t="s">
        <v>14696</v>
      </c>
    </row>
    <row r="7363" spans="1:3" x14ac:dyDescent="0.15">
      <c r="A7363">
        <v>17648</v>
      </c>
      <c r="B7363" t="s">
        <v>14697</v>
      </c>
      <c r="C7363" t="s">
        <v>14698</v>
      </c>
    </row>
    <row r="7364" spans="1:3" x14ac:dyDescent="0.15">
      <c r="A7364">
        <v>17647</v>
      </c>
      <c r="B7364" t="s">
        <v>14699</v>
      </c>
      <c r="C7364" t="s">
        <v>14700</v>
      </c>
    </row>
    <row r="7365" spans="1:3" x14ac:dyDescent="0.15">
      <c r="A7365">
        <v>17646</v>
      </c>
      <c r="B7365" t="s">
        <v>14701</v>
      </c>
      <c r="C7365" t="s">
        <v>14702</v>
      </c>
    </row>
    <row r="7366" spans="1:3" x14ac:dyDescent="0.15">
      <c r="A7366">
        <v>17645</v>
      </c>
      <c r="B7366" t="s">
        <v>14703</v>
      </c>
      <c r="C7366" t="s">
        <v>14704</v>
      </c>
    </row>
    <row r="7367" spans="1:3" x14ac:dyDescent="0.15">
      <c r="A7367">
        <v>17644</v>
      </c>
      <c r="B7367" t="s">
        <v>14705</v>
      </c>
      <c r="C7367" t="s">
        <v>14706</v>
      </c>
    </row>
    <row r="7368" spans="1:3" x14ac:dyDescent="0.15">
      <c r="A7368">
        <v>17643</v>
      </c>
      <c r="B7368" t="s">
        <v>14707</v>
      </c>
      <c r="C7368" t="s">
        <v>14708</v>
      </c>
    </row>
    <row r="7369" spans="1:3" x14ac:dyDescent="0.15">
      <c r="A7369">
        <v>17642</v>
      </c>
      <c r="B7369" t="s">
        <v>14709</v>
      </c>
      <c r="C7369" t="s">
        <v>14710</v>
      </c>
    </row>
    <row r="7370" spans="1:3" x14ac:dyDescent="0.15">
      <c r="A7370">
        <v>17641</v>
      </c>
      <c r="B7370" t="s">
        <v>14711</v>
      </c>
      <c r="C7370" t="s">
        <v>14712</v>
      </c>
    </row>
    <row r="7371" spans="1:3" x14ac:dyDescent="0.15">
      <c r="A7371">
        <v>17640</v>
      </c>
      <c r="B7371" t="s">
        <v>14713</v>
      </c>
      <c r="C7371" t="s">
        <v>14714</v>
      </c>
    </row>
    <row r="7372" spans="1:3" x14ac:dyDescent="0.15">
      <c r="A7372">
        <v>17639</v>
      </c>
      <c r="B7372" t="s">
        <v>14715</v>
      </c>
      <c r="C7372" t="s">
        <v>14716</v>
      </c>
    </row>
    <row r="7373" spans="1:3" x14ac:dyDescent="0.15">
      <c r="A7373">
        <v>17638</v>
      </c>
      <c r="B7373" t="s">
        <v>14717</v>
      </c>
      <c r="C7373" t="s">
        <v>14718</v>
      </c>
    </row>
    <row r="7374" spans="1:3" x14ac:dyDescent="0.15">
      <c r="A7374">
        <v>17637</v>
      </c>
      <c r="B7374" t="s">
        <v>14719</v>
      </c>
      <c r="C7374" t="s">
        <v>14720</v>
      </c>
    </row>
    <row r="7375" spans="1:3" x14ac:dyDescent="0.15">
      <c r="A7375">
        <v>17636</v>
      </c>
      <c r="B7375" t="s">
        <v>14721</v>
      </c>
      <c r="C7375" t="s">
        <v>14722</v>
      </c>
    </row>
    <row r="7376" spans="1:3" x14ac:dyDescent="0.15">
      <c r="A7376">
        <v>17635</v>
      </c>
      <c r="B7376" t="s">
        <v>14723</v>
      </c>
      <c r="C7376" t="s">
        <v>14724</v>
      </c>
    </row>
    <row r="7377" spans="1:3" x14ac:dyDescent="0.15">
      <c r="A7377">
        <v>17634</v>
      </c>
      <c r="B7377" t="s">
        <v>14725</v>
      </c>
      <c r="C7377" t="s">
        <v>14726</v>
      </c>
    </row>
    <row r="7378" spans="1:3" x14ac:dyDescent="0.15">
      <c r="A7378">
        <v>17633</v>
      </c>
      <c r="B7378" t="s">
        <v>14727</v>
      </c>
      <c r="C7378" t="s">
        <v>14728</v>
      </c>
    </row>
    <row r="7379" spans="1:3" x14ac:dyDescent="0.15">
      <c r="A7379">
        <v>17632</v>
      </c>
      <c r="B7379" t="s">
        <v>14729</v>
      </c>
      <c r="C7379" t="s">
        <v>14730</v>
      </c>
    </row>
    <row r="7380" spans="1:3" x14ac:dyDescent="0.15">
      <c r="A7380">
        <v>17631</v>
      </c>
      <c r="B7380" t="s">
        <v>14731</v>
      </c>
      <c r="C7380" t="s">
        <v>14732</v>
      </c>
    </row>
    <row r="7381" spans="1:3" x14ac:dyDescent="0.15">
      <c r="A7381">
        <v>17630</v>
      </c>
      <c r="B7381" t="s">
        <v>14733</v>
      </c>
      <c r="C7381" t="s">
        <v>14734</v>
      </c>
    </row>
    <row r="7382" spans="1:3" x14ac:dyDescent="0.15">
      <c r="A7382">
        <v>17629</v>
      </c>
      <c r="B7382" t="s">
        <v>14735</v>
      </c>
      <c r="C7382" t="s">
        <v>14736</v>
      </c>
    </row>
    <row r="7383" spans="1:3" x14ac:dyDescent="0.15">
      <c r="A7383">
        <v>17628</v>
      </c>
      <c r="B7383" t="s">
        <v>14737</v>
      </c>
      <c r="C7383" t="s">
        <v>14738</v>
      </c>
    </row>
    <row r="7384" spans="1:3" x14ac:dyDescent="0.15">
      <c r="A7384">
        <v>17627</v>
      </c>
      <c r="B7384" t="s">
        <v>14739</v>
      </c>
      <c r="C7384" t="s">
        <v>14740</v>
      </c>
    </row>
    <row r="7385" spans="1:3" x14ac:dyDescent="0.15">
      <c r="A7385">
        <v>17626</v>
      </c>
      <c r="B7385" t="s">
        <v>14741</v>
      </c>
      <c r="C7385" t="s">
        <v>14742</v>
      </c>
    </row>
    <row r="7386" spans="1:3" x14ac:dyDescent="0.15">
      <c r="A7386">
        <v>17625</v>
      </c>
      <c r="B7386" t="s">
        <v>14743</v>
      </c>
      <c r="C7386" t="s">
        <v>14744</v>
      </c>
    </row>
    <row r="7387" spans="1:3" x14ac:dyDescent="0.15">
      <c r="A7387">
        <v>17624</v>
      </c>
      <c r="B7387" t="s">
        <v>14745</v>
      </c>
      <c r="C7387" t="s">
        <v>14746</v>
      </c>
    </row>
    <row r="7388" spans="1:3" x14ac:dyDescent="0.15">
      <c r="A7388">
        <v>17623</v>
      </c>
      <c r="B7388" t="s">
        <v>14747</v>
      </c>
      <c r="C7388" t="s">
        <v>14748</v>
      </c>
    </row>
    <row r="7389" spans="1:3" x14ac:dyDescent="0.15">
      <c r="A7389">
        <v>17622</v>
      </c>
      <c r="B7389" t="s">
        <v>14749</v>
      </c>
      <c r="C7389" t="s">
        <v>14750</v>
      </c>
    </row>
    <row r="7390" spans="1:3" x14ac:dyDescent="0.15">
      <c r="A7390">
        <v>17621</v>
      </c>
      <c r="B7390" t="s">
        <v>14751</v>
      </c>
      <c r="C7390" t="s">
        <v>14752</v>
      </c>
    </row>
    <row r="7391" spans="1:3" x14ac:dyDescent="0.15">
      <c r="A7391">
        <v>17620</v>
      </c>
      <c r="B7391" t="s">
        <v>14753</v>
      </c>
      <c r="C7391" t="s">
        <v>14754</v>
      </c>
    </row>
    <row r="7392" spans="1:3" x14ac:dyDescent="0.15">
      <c r="A7392">
        <v>17619</v>
      </c>
      <c r="B7392" t="s">
        <v>14755</v>
      </c>
      <c r="C7392" t="s">
        <v>14756</v>
      </c>
    </row>
    <row r="7393" spans="1:3" x14ac:dyDescent="0.15">
      <c r="A7393">
        <v>17618</v>
      </c>
      <c r="B7393" t="s">
        <v>14757</v>
      </c>
      <c r="C7393" t="s">
        <v>14758</v>
      </c>
    </row>
    <row r="7394" spans="1:3" x14ac:dyDescent="0.15">
      <c r="A7394">
        <v>17617</v>
      </c>
      <c r="B7394" t="s">
        <v>14759</v>
      </c>
      <c r="C7394" t="s">
        <v>14760</v>
      </c>
    </row>
    <row r="7395" spans="1:3" x14ac:dyDescent="0.15">
      <c r="A7395">
        <v>17616</v>
      </c>
      <c r="B7395" t="s">
        <v>14761</v>
      </c>
      <c r="C7395" t="s">
        <v>14762</v>
      </c>
    </row>
    <row r="7396" spans="1:3" x14ac:dyDescent="0.15">
      <c r="A7396">
        <v>17615</v>
      </c>
      <c r="B7396" t="s">
        <v>14763</v>
      </c>
      <c r="C7396" t="s">
        <v>14764</v>
      </c>
    </row>
    <row r="7397" spans="1:3" x14ac:dyDescent="0.15">
      <c r="A7397">
        <v>17614</v>
      </c>
      <c r="B7397" t="s">
        <v>14765</v>
      </c>
      <c r="C7397" t="s">
        <v>14766</v>
      </c>
    </row>
    <row r="7398" spans="1:3" x14ac:dyDescent="0.15">
      <c r="A7398">
        <v>17613</v>
      </c>
      <c r="B7398" t="s">
        <v>14767</v>
      </c>
      <c r="C7398" t="s">
        <v>14768</v>
      </c>
    </row>
    <row r="7399" spans="1:3" x14ac:dyDescent="0.15">
      <c r="A7399">
        <v>17612</v>
      </c>
      <c r="B7399" t="s">
        <v>14769</v>
      </c>
      <c r="C7399" t="s">
        <v>14770</v>
      </c>
    </row>
    <row r="7400" spans="1:3" x14ac:dyDescent="0.15">
      <c r="A7400">
        <v>17611</v>
      </c>
      <c r="B7400" t="s">
        <v>14771</v>
      </c>
      <c r="C7400" t="s">
        <v>14772</v>
      </c>
    </row>
    <row r="7401" spans="1:3" x14ac:dyDescent="0.15">
      <c r="A7401">
        <v>17610</v>
      </c>
      <c r="B7401" t="s">
        <v>14773</v>
      </c>
      <c r="C7401" t="s">
        <v>14774</v>
      </c>
    </row>
    <row r="7402" spans="1:3" x14ac:dyDescent="0.15">
      <c r="A7402">
        <v>17609</v>
      </c>
      <c r="B7402" t="s">
        <v>14775</v>
      </c>
      <c r="C7402" t="s">
        <v>14776</v>
      </c>
    </row>
    <row r="7403" spans="1:3" x14ac:dyDescent="0.15">
      <c r="A7403">
        <v>17608</v>
      </c>
      <c r="B7403" t="s">
        <v>14777</v>
      </c>
      <c r="C7403" t="s">
        <v>14778</v>
      </c>
    </row>
    <row r="7404" spans="1:3" x14ac:dyDescent="0.15">
      <c r="A7404">
        <v>17607</v>
      </c>
      <c r="B7404" t="s">
        <v>14779</v>
      </c>
      <c r="C7404" t="s">
        <v>14780</v>
      </c>
    </row>
    <row r="7405" spans="1:3" x14ac:dyDescent="0.15">
      <c r="A7405">
        <v>17606</v>
      </c>
      <c r="B7405" t="s">
        <v>14781</v>
      </c>
      <c r="C7405" t="s">
        <v>14782</v>
      </c>
    </row>
    <row r="7406" spans="1:3" x14ac:dyDescent="0.15">
      <c r="A7406">
        <v>17605</v>
      </c>
      <c r="B7406" t="s">
        <v>14783</v>
      </c>
      <c r="C7406" t="s">
        <v>14784</v>
      </c>
    </row>
    <row r="7407" spans="1:3" x14ac:dyDescent="0.15">
      <c r="A7407">
        <v>17604</v>
      </c>
      <c r="B7407" t="s">
        <v>14785</v>
      </c>
      <c r="C7407" t="s">
        <v>14786</v>
      </c>
    </row>
    <row r="7408" spans="1:3" x14ac:dyDescent="0.15">
      <c r="A7408">
        <v>17603</v>
      </c>
      <c r="B7408" t="s">
        <v>14787</v>
      </c>
      <c r="C7408" t="s">
        <v>14788</v>
      </c>
    </row>
    <row r="7409" spans="1:3" x14ac:dyDescent="0.15">
      <c r="A7409">
        <v>17602</v>
      </c>
      <c r="B7409" t="s">
        <v>14789</v>
      </c>
      <c r="C7409" t="s">
        <v>14790</v>
      </c>
    </row>
    <row r="7410" spans="1:3" x14ac:dyDescent="0.15">
      <c r="A7410">
        <v>17601</v>
      </c>
      <c r="B7410" t="s">
        <v>14791</v>
      </c>
      <c r="C7410" t="s">
        <v>14792</v>
      </c>
    </row>
    <row r="7411" spans="1:3" x14ac:dyDescent="0.15">
      <c r="A7411">
        <v>17600</v>
      </c>
      <c r="B7411" t="s">
        <v>14793</v>
      </c>
      <c r="C7411" t="s">
        <v>14794</v>
      </c>
    </row>
    <row r="7412" spans="1:3" x14ac:dyDescent="0.15">
      <c r="A7412">
        <v>17599</v>
      </c>
      <c r="B7412" t="s">
        <v>14795</v>
      </c>
      <c r="C7412" t="s">
        <v>14796</v>
      </c>
    </row>
    <row r="7413" spans="1:3" x14ac:dyDescent="0.15">
      <c r="A7413">
        <v>17598</v>
      </c>
      <c r="B7413" t="s">
        <v>14797</v>
      </c>
      <c r="C7413" t="s">
        <v>14798</v>
      </c>
    </row>
    <row r="7414" spans="1:3" x14ac:dyDescent="0.15">
      <c r="A7414">
        <v>17597</v>
      </c>
      <c r="B7414" t="s">
        <v>14799</v>
      </c>
      <c r="C7414" t="s">
        <v>14800</v>
      </c>
    </row>
    <row r="7415" spans="1:3" x14ac:dyDescent="0.15">
      <c r="A7415">
        <v>17596</v>
      </c>
      <c r="B7415" t="s">
        <v>14801</v>
      </c>
      <c r="C7415" t="s">
        <v>14802</v>
      </c>
    </row>
    <row r="7416" spans="1:3" x14ac:dyDescent="0.15">
      <c r="A7416">
        <v>17595</v>
      </c>
      <c r="B7416" t="s">
        <v>14803</v>
      </c>
      <c r="C7416" t="s">
        <v>14804</v>
      </c>
    </row>
    <row r="7417" spans="1:3" x14ac:dyDescent="0.15">
      <c r="A7417">
        <v>17594</v>
      </c>
      <c r="B7417" t="s">
        <v>14805</v>
      </c>
      <c r="C7417" t="s">
        <v>14806</v>
      </c>
    </row>
    <row r="7418" spans="1:3" x14ac:dyDescent="0.15">
      <c r="A7418">
        <v>17593</v>
      </c>
      <c r="B7418" t="s">
        <v>14807</v>
      </c>
      <c r="C7418" t="s">
        <v>14808</v>
      </c>
    </row>
    <row r="7419" spans="1:3" x14ac:dyDescent="0.15">
      <c r="A7419">
        <v>17592</v>
      </c>
      <c r="B7419" t="s">
        <v>14809</v>
      </c>
      <c r="C7419" t="s">
        <v>14810</v>
      </c>
    </row>
    <row r="7420" spans="1:3" x14ac:dyDescent="0.15">
      <c r="A7420">
        <v>17591</v>
      </c>
      <c r="B7420" t="s">
        <v>14811</v>
      </c>
      <c r="C7420" t="s">
        <v>14812</v>
      </c>
    </row>
    <row r="7421" spans="1:3" x14ac:dyDescent="0.15">
      <c r="A7421">
        <v>17590</v>
      </c>
      <c r="B7421" t="s">
        <v>14813</v>
      </c>
      <c r="C7421" t="s">
        <v>14814</v>
      </c>
    </row>
    <row r="7422" spans="1:3" x14ac:dyDescent="0.15">
      <c r="A7422">
        <v>17589</v>
      </c>
      <c r="B7422" t="s">
        <v>14815</v>
      </c>
      <c r="C7422" t="s">
        <v>14816</v>
      </c>
    </row>
    <row r="7423" spans="1:3" x14ac:dyDescent="0.15">
      <c r="A7423">
        <v>17588</v>
      </c>
      <c r="B7423" t="s">
        <v>14817</v>
      </c>
      <c r="C7423" t="s">
        <v>14818</v>
      </c>
    </row>
    <row r="7424" spans="1:3" x14ac:dyDescent="0.15">
      <c r="A7424">
        <v>17587</v>
      </c>
      <c r="B7424" t="s">
        <v>14819</v>
      </c>
      <c r="C7424" t="s">
        <v>14820</v>
      </c>
    </row>
    <row r="7425" spans="1:3" x14ac:dyDescent="0.15">
      <c r="A7425">
        <v>17586</v>
      </c>
      <c r="B7425" t="s">
        <v>14821</v>
      </c>
      <c r="C7425" t="s">
        <v>14822</v>
      </c>
    </row>
    <row r="7426" spans="1:3" x14ac:dyDescent="0.15">
      <c r="A7426">
        <v>17585</v>
      </c>
      <c r="B7426" t="s">
        <v>14823</v>
      </c>
      <c r="C7426" t="s">
        <v>14824</v>
      </c>
    </row>
    <row r="7427" spans="1:3" x14ac:dyDescent="0.15">
      <c r="A7427">
        <v>17584</v>
      </c>
      <c r="B7427" t="s">
        <v>14825</v>
      </c>
      <c r="C7427" t="s">
        <v>14826</v>
      </c>
    </row>
    <row r="7428" spans="1:3" x14ac:dyDescent="0.15">
      <c r="A7428">
        <v>17583</v>
      </c>
      <c r="B7428" t="s">
        <v>14827</v>
      </c>
      <c r="C7428" t="s">
        <v>14828</v>
      </c>
    </row>
    <row r="7429" spans="1:3" x14ac:dyDescent="0.15">
      <c r="A7429">
        <v>17582</v>
      </c>
      <c r="B7429" t="s">
        <v>14829</v>
      </c>
      <c r="C7429" t="s">
        <v>14830</v>
      </c>
    </row>
    <row r="7430" spans="1:3" x14ac:dyDescent="0.15">
      <c r="A7430">
        <v>17581</v>
      </c>
      <c r="B7430" t="s">
        <v>14831</v>
      </c>
      <c r="C7430" t="s">
        <v>14832</v>
      </c>
    </row>
    <row r="7431" spans="1:3" x14ac:dyDescent="0.15">
      <c r="A7431">
        <v>17580</v>
      </c>
      <c r="B7431" t="s">
        <v>14833</v>
      </c>
      <c r="C7431" t="s">
        <v>14834</v>
      </c>
    </row>
    <row r="7432" spans="1:3" x14ac:dyDescent="0.15">
      <c r="A7432">
        <v>17579</v>
      </c>
      <c r="B7432" t="s">
        <v>14835</v>
      </c>
      <c r="C7432" t="s">
        <v>14836</v>
      </c>
    </row>
    <row r="7433" spans="1:3" x14ac:dyDescent="0.15">
      <c r="A7433">
        <v>17578</v>
      </c>
      <c r="B7433" t="s">
        <v>14837</v>
      </c>
      <c r="C7433" t="s">
        <v>14838</v>
      </c>
    </row>
    <row r="7434" spans="1:3" x14ac:dyDescent="0.15">
      <c r="A7434">
        <v>17577</v>
      </c>
      <c r="B7434" t="s">
        <v>14839</v>
      </c>
      <c r="C7434" t="s">
        <v>14840</v>
      </c>
    </row>
    <row r="7435" spans="1:3" x14ac:dyDescent="0.15">
      <c r="A7435">
        <v>17576</v>
      </c>
      <c r="B7435" t="s">
        <v>14841</v>
      </c>
      <c r="C7435" t="s">
        <v>14842</v>
      </c>
    </row>
    <row r="7436" spans="1:3" x14ac:dyDescent="0.15">
      <c r="A7436">
        <v>17575</v>
      </c>
      <c r="B7436" t="s">
        <v>14843</v>
      </c>
      <c r="C7436" t="s">
        <v>14844</v>
      </c>
    </row>
    <row r="7437" spans="1:3" x14ac:dyDescent="0.15">
      <c r="A7437">
        <v>17574</v>
      </c>
      <c r="B7437" t="s">
        <v>14845</v>
      </c>
      <c r="C7437" t="s">
        <v>14846</v>
      </c>
    </row>
    <row r="7438" spans="1:3" x14ac:dyDescent="0.15">
      <c r="A7438">
        <v>17573</v>
      </c>
      <c r="B7438" t="s">
        <v>14847</v>
      </c>
      <c r="C7438" t="s">
        <v>14848</v>
      </c>
    </row>
    <row r="7439" spans="1:3" x14ac:dyDescent="0.15">
      <c r="A7439">
        <v>17572</v>
      </c>
      <c r="B7439" t="s">
        <v>14849</v>
      </c>
      <c r="C7439" t="s">
        <v>14850</v>
      </c>
    </row>
    <row r="7440" spans="1:3" x14ac:dyDescent="0.15">
      <c r="A7440">
        <v>17571</v>
      </c>
      <c r="B7440" t="s">
        <v>14851</v>
      </c>
      <c r="C7440" t="s">
        <v>14852</v>
      </c>
    </row>
    <row r="7441" spans="1:3" x14ac:dyDescent="0.15">
      <c r="A7441">
        <v>17570</v>
      </c>
      <c r="B7441" t="s">
        <v>14853</v>
      </c>
      <c r="C7441" t="s">
        <v>14854</v>
      </c>
    </row>
    <row r="7442" spans="1:3" x14ac:dyDescent="0.15">
      <c r="A7442">
        <v>17569</v>
      </c>
      <c r="B7442" t="s">
        <v>14855</v>
      </c>
      <c r="C7442" t="s">
        <v>14856</v>
      </c>
    </row>
    <row r="7443" spans="1:3" x14ac:dyDescent="0.15">
      <c r="A7443">
        <v>17568</v>
      </c>
      <c r="B7443" t="s">
        <v>14857</v>
      </c>
      <c r="C7443" t="s">
        <v>14858</v>
      </c>
    </row>
    <row r="7444" spans="1:3" x14ac:dyDescent="0.15">
      <c r="A7444">
        <v>17567</v>
      </c>
      <c r="B7444" t="s">
        <v>14859</v>
      </c>
      <c r="C7444" t="s">
        <v>14860</v>
      </c>
    </row>
    <row r="7445" spans="1:3" x14ac:dyDescent="0.15">
      <c r="A7445">
        <v>17566</v>
      </c>
      <c r="B7445" t="s">
        <v>14861</v>
      </c>
      <c r="C7445" t="s">
        <v>14862</v>
      </c>
    </row>
    <row r="7446" spans="1:3" x14ac:dyDescent="0.15">
      <c r="A7446">
        <v>17565</v>
      </c>
      <c r="B7446" t="s">
        <v>14863</v>
      </c>
      <c r="C7446" t="s">
        <v>14864</v>
      </c>
    </row>
    <row r="7447" spans="1:3" x14ac:dyDescent="0.15">
      <c r="A7447">
        <v>17564</v>
      </c>
      <c r="B7447" t="s">
        <v>14865</v>
      </c>
      <c r="C7447" t="s">
        <v>14866</v>
      </c>
    </row>
    <row r="7448" spans="1:3" x14ac:dyDescent="0.15">
      <c r="A7448">
        <v>17563</v>
      </c>
      <c r="B7448" t="s">
        <v>14867</v>
      </c>
      <c r="C7448" t="s">
        <v>14868</v>
      </c>
    </row>
    <row r="7449" spans="1:3" x14ac:dyDescent="0.15">
      <c r="A7449">
        <v>17562</v>
      </c>
      <c r="B7449" t="s">
        <v>14869</v>
      </c>
      <c r="C7449" t="s">
        <v>14870</v>
      </c>
    </row>
    <row r="7450" spans="1:3" x14ac:dyDescent="0.15">
      <c r="A7450">
        <v>17561</v>
      </c>
      <c r="B7450" t="s">
        <v>14871</v>
      </c>
      <c r="C7450" t="s">
        <v>14872</v>
      </c>
    </row>
    <row r="7451" spans="1:3" x14ac:dyDescent="0.15">
      <c r="A7451">
        <v>17560</v>
      </c>
      <c r="B7451" t="s">
        <v>14873</v>
      </c>
      <c r="C7451" t="s">
        <v>14874</v>
      </c>
    </row>
    <row r="7452" spans="1:3" x14ac:dyDescent="0.15">
      <c r="A7452">
        <v>17559</v>
      </c>
      <c r="B7452" t="s">
        <v>14875</v>
      </c>
      <c r="C7452" t="s">
        <v>14876</v>
      </c>
    </row>
    <row r="7453" spans="1:3" x14ac:dyDescent="0.15">
      <c r="A7453">
        <v>17558</v>
      </c>
      <c r="B7453" t="s">
        <v>14877</v>
      </c>
      <c r="C7453" t="s">
        <v>14878</v>
      </c>
    </row>
    <row r="7454" spans="1:3" x14ac:dyDescent="0.15">
      <c r="A7454">
        <v>17557</v>
      </c>
      <c r="B7454" t="s">
        <v>14879</v>
      </c>
      <c r="C7454" t="s">
        <v>14880</v>
      </c>
    </row>
    <row r="7455" spans="1:3" x14ac:dyDescent="0.15">
      <c r="A7455">
        <v>17556</v>
      </c>
      <c r="B7455" t="s">
        <v>14881</v>
      </c>
      <c r="C7455" t="s">
        <v>14882</v>
      </c>
    </row>
    <row r="7456" spans="1:3" x14ac:dyDescent="0.15">
      <c r="A7456">
        <v>17555</v>
      </c>
      <c r="B7456" t="s">
        <v>14883</v>
      </c>
      <c r="C7456" t="s">
        <v>14884</v>
      </c>
    </row>
    <row r="7457" spans="1:3" x14ac:dyDescent="0.15">
      <c r="A7457">
        <v>17554</v>
      </c>
      <c r="B7457" t="s">
        <v>14885</v>
      </c>
      <c r="C7457" t="s">
        <v>14886</v>
      </c>
    </row>
    <row r="7458" spans="1:3" x14ac:dyDescent="0.15">
      <c r="A7458">
        <v>17553</v>
      </c>
      <c r="B7458" t="s">
        <v>14887</v>
      </c>
      <c r="C7458" t="s">
        <v>14888</v>
      </c>
    </row>
    <row r="7459" spans="1:3" x14ac:dyDescent="0.15">
      <c r="A7459">
        <v>17552</v>
      </c>
      <c r="B7459" t="s">
        <v>14889</v>
      </c>
      <c r="C7459" t="s">
        <v>14890</v>
      </c>
    </row>
    <row r="7460" spans="1:3" x14ac:dyDescent="0.15">
      <c r="A7460">
        <v>17551</v>
      </c>
      <c r="B7460" t="s">
        <v>14891</v>
      </c>
      <c r="C7460" t="s">
        <v>14892</v>
      </c>
    </row>
    <row r="7461" spans="1:3" x14ac:dyDescent="0.15">
      <c r="A7461">
        <v>17550</v>
      </c>
      <c r="B7461" t="s">
        <v>14893</v>
      </c>
      <c r="C7461" t="s">
        <v>14894</v>
      </c>
    </row>
    <row r="7462" spans="1:3" x14ac:dyDescent="0.15">
      <c r="A7462">
        <v>17549</v>
      </c>
      <c r="B7462" t="s">
        <v>14895</v>
      </c>
      <c r="C7462" t="s">
        <v>14896</v>
      </c>
    </row>
    <row r="7463" spans="1:3" x14ac:dyDescent="0.15">
      <c r="A7463">
        <v>17548</v>
      </c>
      <c r="B7463" t="s">
        <v>14897</v>
      </c>
      <c r="C7463" t="s">
        <v>14898</v>
      </c>
    </row>
    <row r="7464" spans="1:3" x14ac:dyDescent="0.15">
      <c r="A7464">
        <v>17547</v>
      </c>
      <c r="B7464" t="s">
        <v>14899</v>
      </c>
      <c r="C7464" t="s">
        <v>14900</v>
      </c>
    </row>
    <row r="7465" spans="1:3" x14ac:dyDescent="0.15">
      <c r="A7465">
        <v>17546</v>
      </c>
      <c r="B7465" t="s">
        <v>14901</v>
      </c>
      <c r="C7465" t="s">
        <v>14902</v>
      </c>
    </row>
    <row r="7466" spans="1:3" x14ac:dyDescent="0.15">
      <c r="A7466">
        <v>17545</v>
      </c>
      <c r="B7466" t="s">
        <v>14903</v>
      </c>
      <c r="C7466" t="s">
        <v>14904</v>
      </c>
    </row>
    <row r="7467" spans="1:3" x14ac:dyDescent="0.15">
      <c r="A7467">
        <v>17544</v>
      </c>
      <c r="B7467" t="s">
        <v>14905</v>
      </c>
      <c r="C7467" t="s">
        <v>14906</v>
      </c>
    </row>
    <row r="7468" spans="1:3" x14ac:dyDescent="0.15">
      <c r="A7468">
        <v>17543</v>
      </c>
      <c r="B7468" t="s">
        <v>14907</v>
      </c>
      <c r="C7468" t="s">
        <v>14908</v>
      </c>
    </row>
    <row r="7469" spans="1:3" x14ac:dyDescent="0.15">
      <c r="A7469">
        <v>17542</v>
      </c>
      <c r="B7469" t="s">
        <v>14909</v>
      </c>
      <c r="C7469" t="s">
        <v>14910</v>
      </c>
    </row>
    <row r="7470" spans="1:3" x14ac:dyDescent="0.15">
      <c r="A7470">
        <v>17541</v>
      </c>
      <c r="B7470" t="s">
        <v>14911</v>
      </c>
      <c r="C7470" t="s">
        <v>14912</v>
      </c>
    </row>
    <row r="7471" spans="1:3" x14ac:dyDescent="0.15">
      <c r="A7471">
        <v>17540</v>
      </c>
      <c r="B7471" t="s">
        <v>14913</v>
      </c>
      <c r="C7471" t="s">
        <v>14914</v>
      </c>
    </row>
    <row r="7472" spans="1:3" x14ac:dyDescent="0.15">
      <c r="A7472">
        <v>17539</v>
      </c>
      <c r="B7472" t="s">
        <v>14915</v>
      </c>
      <c r="C7472" t="s">
        <v>14916</v>
      </c>
    </row>
    <row r="7473" spans="1:3" x14ac:dyDescent="0.15">
      <c r="A7473">
        <v>17538</v>
      </c>
      <c r="B7473" t="s">
        <v>14917</v>
      </c>
      <c r="C7473" t="s">
        <v>14918</v>
      </c>
    </row>
    <row r="7474" spans="1:3" x14ac:dyDescent="0.15">
      <c r="A7474">
        <v>17537</v>
      </c>
      <c r="B7474" t="s">
        <v>14919</v>
      </c>
      <c r="C7474" t="s">
        <v>14920</v>
      </c>
    </row>
    <row r="7475" spans="1:3" x14ac:dyDescent="0.15">
      <c r="A7475">
        <v>17536</v>
      </c>
      <c r="B7475" t="s">
        <v>14921</v>
      </c>
      <c r="C7475" t="s">
        <v>14922</v>
      </c>
    </row>
    <row r="7476" spans="1:3" x14ac:dyDescent="0.15">
      <c r="A7476">
        <v>17535</v>
      </c>
      <c r="B7476" t="s">
        <v>14923</v>
      </c>
      <c r="C7476" t="s">
        <v>14924</v>
      </c>
    </row>
    <row r="7477" spans="1:3" x14ac:dyDescent="0.15">
      <c r="A7477">
        <v>17534</v>
      </c>
      <c r="B7477" t="s">
        <v>14925</v>
      </c>
      <c r="C7477" t="s">
        <v>14926</v>
      </c>
    </row>
    <row r="7478" spans="1:3" x14ac:dyDescent="0.15">
      <c r="A7478">
        <v>17533</v>
      </c>
      <c r="B7478" t="s">
        <v>14927</v>
      </c>
      <c r="C7478" t="s">
        <v>14928</v>
      </c>
    </row>
    <row r="7479" spans="1:3" x14ac:dyDescent="0.15">
      <c r="A7479">
        <v>17532</v>
      </c>
      <c r="B7479" t="s">
        <v>14929</v>
      </c>
      <c r="C7479" t="s">
        <v>14930</v>
      </c>
    </row>
    <row r="7480" spans="1:3" x14ac:dyDescent="0.15">
      <c r="A7480">
        <v>17531</v>
      </c>
      <c r="B7480" t="s">
        <v>14931</v>
      </c>
      <c r="C7480" t="s">
        <v>14932</v>
      </c>
    </row>
    <row r="7481" spans="1:3" x14ac:dyDescent="0.15">
      <c r="A7481">
        <v>17530</v>
      </c>
      <c r="B7481" t="s">
        <v>14933</v>
      </c>
      <c r="C7481" t="s">
        <v>14934</v>
      </c>
    </row>
    <row r="7482" spans="1:3" x14ac:dyDescent="0.15">
      <c r="A7482">
        <v>17529</v>
      </c>
      <c r="B7482" t="s">
        <v>14935</v>
      </c>
      <c r="C7482" t="s">
        <v>14936</v>
      </c>
    </row>
    <row r="7483" spans="1:3" x14ac:dyDescent="0.15">
      <c r="A7483">
        <v>17528</v>
      </c>
      <c r="B7483" t="s">
        <v>14937</v>
      </c>
      <c r="C7483" t="s">
        <v>14938</v>
      </c>
    </row>
    <row r="7484" spans="1:3" x14ac:dyDescent="0.15">
      <c r="A7484">
        <v>17527</v>
      </c>
      <c r="B7484" t="s">
        <v>14939</v>
      </c>
      <c r="C7484" t="s">
        <v>14940</v>
      </c>
    </row>
    <row r="7485" spans="1:3" x14ac:dyDescent="0.15">
      <c r="A7485">
        <v>17526</v>
      </c>
      <c r="B7485" t="s">
        <v>14941</v>
      </c>
      <c r="C7485" t="s">
        <v>14942</v>
      </c>
    </row>
    <row r="7486" spans="1:3" x14ac:dyDescent="0.15">
      <c r="A7486">
        <v>17525</v>
      </c>
      <c r="B7486" t="s">
        <v>14943</v>
      </c>
      <c r="C7486" t="s">
        <v>14944</v>
      </c>
    </row>
    <row r="7487" spans="1:3" x14ac:dyDescent="0.15">
      <c r="A7487">
        <v>17524</v>
      </c>
      <c r="B7487" t="s">
        <v>14945</v>
      </c>
      <c r="C7487" t="s">
        <v>14946</v>
      </c>
    </row>
    <row r="7488" spans="1:3" x14ac:dyDescent="0.15">
      <c r="A7488">
        <v>17523</v>
      </c>
      <c r="B7488" t="s">
        <v>14947</v>
      </c>
      <c r="C7488" t="s">
        <v>14948</v>
      </c>
    </row>
    <row r="7489" spans="1:3" x14ac:dyDescent="0.15">
      <c r="A7489">
        <v>17522</v>
      </c>
      <c r="B7489" t="s">
        <v>14949</v>
      </c>
      <c r="C7489" t="s">
        <v>14950</v>
      </c>
    </row>
    <row r="7490" spans="1:3" x14ac:dyDescent="0.15">
      <c r="A7490">
        <v>17521</v>
      </c>
      <c r="B7490" t="s">
        <v>14951</v>
      </c>
      <c r="C7490" t="s">
        <v>14952</v>
      </c>
    </row>
    <row r="7491" spans="1:3" x14ac:dyDescent="0.15">
      <c r="A7491">
        <v>17520</v>
      </c>
      <c r="B7491" t="s">
        <v>14953</v>
      </c>
      <c r="C7491" t="s">
        <v>14954</v>
      </c>
    </row>
    <row r="7492" spans="1:3" x14ac:dyDescent="0.15">
      <c r="A7492">
        <v>17519</v>
      </c>
      <c r="B7492" t="s">
        <v>14955</v>
      </c>
      <c r="C7492" t="s">
        <v>14956</v>
      </c>
    </row>
    <row r="7493" spans="1:3" x14ac:dyDescent="0.15">
      <c r="A7493">
        <v>17518</v>
      </c>
      <c r="B7493" t="s">
        <v>14957</v>
      </c>
      <c r="C7493" t="s">
        <v>14958</v>
      </c>
    </row>
    <row r="7494" spans="1:3" x14ac:dyDescent="0.15">
      <c r="A7494">
        <v>17517</v>
      </c>
      <c r="B7494" t="s">
        <v>14959</v>
      </c>
      <c r="C7494" t="s">
        <v>14960</v>
      </c>
    </row>
    <row r="7495" spans="1:3" x14ac:dyDescent="0.15">
      <c r="A7495">
        <v>17516</v>
      </c>
      <c r="B7495" t="s">
        <v>14961</v>
      </c>
      <c r="C7495" t="s">
        <v>14962</v>
      </c>
    </row>
    <row r="7496" spans="1:3" x14ac:dyDescent="0.15">
      <c r="A7496">
        <v>17515</v>
      </c>
      <c r="B7496" t="s">
        <v>14963</v>
      </c>
      <c r="C7496" t="s">
        <v>14964</v>
      </c>
    </row>
    <row r="7497" spans="1:3" x14ac:dyDescent="0.15">
      <c r="A7497">
        <v>17514</v>
      </c>
      <c r="B7497" t="s">
        <v>14965</v>
      </c>
      <c r="C7497" t="s">
        <v>491</v>
      </c>
    </row>
    <row r="7498" spans="1:3" x14ac:dyDescent="0.15">
      <c r="A7498">
        <v>17513</v>
      </c>
      <c r="B7498" t="s">
        <v>14966</v>
      </c>
      <c r="C7498" t="s">
        <v>14967</v>
      </c>
    </row>
    <row r="7499" spans="1:3" x14ac:dyDescent="0.15">
      <c r="A7499">
        <v>17512</v>
      </c>
      <c r="B7499" t="s">
        <v>14968</v>
      </c>
      <c r="C7499" t="s">
        <v>14969</v>
      </c>
    </row>
    <row r="7500" spans="1:3" x14ac:dyDescent="0.15">
      <c r="A7500">
        <v>17511</v>
      </c>
      <c r="B7500" t="s">
        <v>14970</v>
      </c>
      <c r="C7500" t="s">
        <v>14971</v>
      </c>
    </row>
    <row r="7501" spans="1:3" x14ac:dyDescent="0.15">
      <c r="A7501">
        <v>17510</v>
      </c>
      <c r="B7501" t="s">
        <v>14972</v>
      </c>
      <c r="C7501" t="s">
        <v>14973</v>
      </c>
    </row>
    <row r="7502" spans="1:3" x14ac:dyDescent="0.15">
      <c r="A7502">
        <v>17509</v>
      </c>
      <c r="B7502" t="s">
        <v>14974</v>
      </c>
      <c r="C7502" t="s">
        <v>14975</v>
      </c>
    </row>
    <row r="7503" spans="1:3" x14ac:dyDescent="0.15">
      <c r="A7503">
        <v>17508</v>
      </c>
      <c r="B7503" t="s">
        <v>14976</v>
      </c>
      <c r="C7503" t="s">
        <v>14977</v>
      </c>
    </row>
    <row r="7504" spans="1:3" x14ac:dyDescent="0.15">
      <c r="A7504">
        <v>17507</v>
      </c>
      <c r="B7504" t="s">
        <v>14978</v>
      </c>
      <c r="C7504" t="s">
        <v>14979</v>
      </c>
    </row>
    <row r="7505" spans="1:3" x14ac:dyDescent="0.15">
      <c r="A7505">
        <v>17506</v>
      </c>
      <c r="B7505" t="s">
        <v>14980</v>
      </c>
      <c r="C7505" t="s">
        <v>14981</v>
      </c>
    </row>
    <row r="7506" spans="1:3" x14ac:dyDescent="0.15">
      <c r="A7506">
        <v>17505</v>
      </c>
      <c r="B7506" t="s">
        <v>14982</v>
      </c>
      <c r="C7506" t="s">
        <v>14983</v>
      </c>
    </row>
    <row r="7507" spans="1:3" x14ac:dyDescent="0.15">
      <c r="A7507">
        <v>17504</v>
      </c>
      <c r="B7507" t="s">
        <v>14984</v>
      </c>
      <c r="C7507" t="s">
        <v>14985</v>
      </c>
    </row>
    <row r="7508" spans="1:3" x14ac:dyDescent="0.15">
      <c r="A7508">
        <v>17503</v>
      </c>
      <c r="B7508" t="s">
        <v>14986</v>
      </c>
      <c r="C7508" t="s">
        <v>14987</v>
      </c>
    </row>
    <row r="7509" spans="1:3" x14ac:dyDescent="0.15">
      <c r="A7509">
        <v>17502</v>
      </c>
      <c r="B7509" t="s">
        <v>14988</v>
      </c>
      <c r="C7509" t="s">
        <v>14989</v>
      </c>
    </row>
    <row r="7510" spans="1:3" x14ac:dyDescent="0.15">
      <c r="A7510">
        <v>17501</v>
      </c>
      <c r="B7510" t="s">
        <v>14990</v>
      </c>
      <c r="C7510" t="s">
        <v>14991</v>
      </c>
    </row>
    <row r="7511" spans="1:3" x14ac:dyDescent="0.15">
      <c r="A7511">
        <v>17500</v>
      </c>
      <c r="B7511" t="s">
        <v>14992</v>
      </c>
      <c r="C7511" t="s">
        <v>14993</v>
      </c>
    </row>
    <row r="7512" spans="1:3" x14ac:dyDescent="0.15">
      <c r="A7512">
        <v>17499</v>
      </c>
      <c r="B7512" t="s">
        <v>14994</v>
      </c>
      <c r="C7512" t="s">
        <v>14995</v>
      </c>
    </row>
    <row r="7513" spans="1:3" x14ac:dyDescent="0.15">
      <c r="A7513">
        <v>17498</v>
      </c>
      <c r="B7513" t="s">
        <v>14996</v>
      </c>
      <c r="C7513" t="s">
        <v>14997</v>
      </c>
    </row>
    <row r="7514" spans="1:3" x14ac:dyDescent="0.15">
      <c r="A7514">
        <v>17497</v>
      </c>
      <c r="B7514" t="s">
        <v>14998</v>
      </c>
      <c r="C7514" t="s">
        <v>14999</v>
      </c>
    </row>
    <row r="7515" spans="1:3" x14ac:dyDescent="0.15">
      <c r="A7515">
        <v>17496</v>
      </c>
      <c r="B7515" t="s">
        <v>15000</v>
      </c>
      <c r="C7515" t="s">
        <v>15001</v>
      </c>
    </row>
    <row r="7516" spans="1:3" x14ac:dyDescent="0.15">
      <c r="A7516">
        <v>17495</v>
      </c>
      <c r="B7516" t="s">
        <v>15002</v>
      </c>
      <c r="C7516" t="s">
        <v>15003</v>
      </c>
    </row>
    <row r="7517" spans="1:3" x14ac:dyDescent="0.15">
      <c r="A7517">
        <v>17494</v>
      </c>
      <c r="B7517" t="s">
        <v>15004</v>
      </c>
      <c r="C7517" t="s">
        <v>15005</v>
      </c>
    </row>
    <row r="7518" spans="1:3" x14ac:dyDescent="0.15">
      <c r="A7518">
        <v>17493</v>
      </c>
      <c r="B7518" t="s">
        <v>15006</v>
      </c>
      <c r="C7518" t="s">
        <v>15007</v>
      </c>
    </row>
    <row r="7519" spans="1:3" x14ac:dyDescent="0.15">
      <c r="A7519">
        <v>17492</v>
      </c>
      <c r="B7519" t="s">
        <v>15008</v>
      </c>
      <c r="C7519" t="s">
        <v>15009</v>
      </c>
    </row>
    <row r="7520" spans="1:3" x14ac:dyDescent="0.15">
      <c r="A7520">
        <v>17491</v>
      </c>
      <c r="B7520" t="s">
        <v>15010</v>
      </c>
      <c r="C7520" t="s">
        <v>15011</v>
      </c>
    </row>
    <row r="7521" spans="1:3" x14ac:dyDescent="0.15">
      <c r="A7521">
        <v>17490</v>
      </c>
      <c r="B7521" t="s">
        <v>15012</v>
      </c>
      <c r="C7521" t="s">
        <v>15013</v>
      </c>
    </row>
    <row r="7522" spans="1:3" x14ac:dyDescent="0.15">
      <c r="A7522">
        <v>17489</v>
      </c>
      <c r="B7522" t="s">
        <v>15014</v>
      </c>
      <c r="C7522" t="s">
        <v>15015</v>
      </c>
    </row>
    <row r="7523" spans="1:3" x14ac:dyDescent="0.15">
      <c r="A7523">
        <v>17488</v>
      </c>
      <c r="B7523" t="s">
        <v>15016</v>
      </c>
      <c r="C7523" t="s">
        <v>15017</v>
      </c>
    </row>
    <row r="7524" spans="1:3" x14ac:dyDescent="0.15">
      <c r="A7524">
        <v>17487</v>
      </c>
      <c r="B7524" t="s">
        <v>15018</v>
      </c>
      <c r="C7524" t="s">
        <v>15019</v>
      </c>
    </row>
    <row r="7525" spans="1:3" x14ac:dyDescent="0.15">
      <c r="A7525">
        <v>17486</v>
      </c>
      <c r="B7525" t="s">
        <v>15020</v>
      </c>
      <c r="C7525" t="s">
        <v>15021</v>
      </c>
    </row>
    <row r="7526" spans="1:3" x14ac:dyDescent="0.15">
      <c r="A7526">
        <v>17485</v>
      </c>
      <c r="B7526" t="s">
        <v>15022</v>
      </c>
      <c r="C7526" t="s">
        <v>15023</v>
      </c>
    </row>
    <row r="7527" spans="1:3" x14ac:dyDescent="0.15">
      <c r="A7527">
        <v>17484</v>
      </c>
      <c r="B7527" t="s">
        <v>15024</v>
      </c>
      <c r="C7527" t="s">
        <v>15025</v>
      </c>
    </row>
    <row r="7528" spans="1:3" x14ac:dyDescent="0.15">
      <c r="A7528">
        <v>17483</v>
      </c>
      <c r="B7528" t="s">
        <v>15026</v>
      </c>
      <c r="C7528" t="s">
        <v>15027</v>
      </c>
    </row>
    <row r="7529" spans="1:3" x14ac:dyDescent="0.15">
      <c r="A7529">
        <v>17482</v>
      </c>
      <c r="B7529" t="s">
        <v>15028</v>
      </c>
      <c r="C7529" t="s">
        <v>15029</v>
      </c>
    </row>
    <row r="7530" spans="1:3" x14ac:dyDescent="0.15">
      <c r="A7530">
        <v>17481</v>
      </c>
      <c r="B7530" t="s">
        <v>15030</v>
      </c>
      <c r="C7530" t="s">
        <v>15031</v>
      </c>
    </row>
    <row r="7531" spans="1:3" x14ac:dyDescent="0.15">
      <c r="A7531">
        <v>17480</v>
      </c>
      <c r="B7531" t="s">
        <v>15032</v>
      </c>
      <c r="C7531" t="s">
        <v>15033</v>
      </c>
    </row>
    <row r="7532" spans="1:3" x14ac:dyDescent="0.15">
      <c r="A7532">
        <v>17479</v>
      </c>
      <c r="B7532" t="s">
        <v>15034</v>
      </c>
      <c r="C7532" t="s">
        <v>15035</v>
      </c>
    </row>
    <row r="7533" spans="1:3" x14ac:dyDescent="0.15">
      <c r="A7533">
        <v>17478</v>
      </c>
      <c r="B7533" t="s">
        <v>15036</v>
      </c>
      <c r="C7533" t="s">
        <v>15037</v>
      </c>
    </row>
    <row r="7534" spans="1:3" x14ac:dyDescent="0.15">
      <c r="A7534">
        <v>17477</v>
      </c>
      <c r="B7534" t="s">
        <v>15038</v>
      </c>
      <c r="C7534" t="s">
        <v>15039</v>
      </c>
    </row>
    <row r="7535" spans="1:3" x14ac:dyDescent="0.15">
      <c r="A7535">
        <v>17476</v>
      </c>
      <c r="B7535" t="s">
        <v>15040</v>
      </c>
      <c r="C7535" t="s">
        <v>15041</v>
      </c>
    </row>
    <row r="7536" spans="1:3" x14ac:dyDescent="0.15">
      <c r="A7536">
        <v>17475</v>
      </c>
      <c r="B7536" t="s">
        <v>15042</v>
      </c>
      <c r="C7536" t="s">
        <v>15043</v>
      </c>
    </row>
    <row r="7537" spans="1:3" x14ac:dyDescent="0.15">
      <c r="A7537">
        <v>17474</v>
      </c>
      <c r="B7537" t="s">
        <v>15044</v>
      </c>
      <c r="C7537" t="s">
        <v>15045</v>
      </c>
    </row>
    <row r="7538" spans="1:3" x14ac:dyDescent="0.15">
      <c r="A7538">
        <v>17473</v>
      </c>
      <c r="B7538" t="s">
        <v>15046</v>
      </c>
      <c r="C7538" t="s">
        <v>15047</v>
      </c>
    </row>
    <row r="7539" spans="1:3" x14ac:dyDescent="0.15">
      <c r="A7539">
        <v>17472</v>
      </c>
      <c r="B7539" t="s">
        <v>15048</v>
      </c>
      <c r="C7539" t="s">
        <v>15049</v>
      </c>
    </row>
    <row r="7540" spans="1:3" x14ac:dyDescent="0.15">
      <c r="A7540">
        <v>17471</v>
      </c>
      <c r="B7540" t="s">
        <v>15050</v>
      </c>
      <c r="C7540" t="s">
        <v>15051</v>
      </c>
    </row>
    <row r="7541" spans="1:3" x14ac:dyDescent="0.15">
      <c r="A7541">
        <v>17470</v>
      </c>
      <c r="B7541" t="s">
        <v>15052</v>
      </c>
      <c r="C7541" t="s">
        <v>15053</v>
      </c>
    </row>
    <row r="7542" spans="1:3" x14ac:dyDescent="0.15">
      <c r="A7542">
        <v>17469</v>
      </c>
      <c r="B7542" t="s">
        <v>15054</v>
      </c>
      <c r="C7542" t="s">
        <v>15055</v>
      </c>
    </row>
    <row r="7543" spans="1:3" x14ac:dyDescent="0.15">
      <c r="A7543">
        <v>17468</v>
      </c>
      <c r="B7543" t="s">
        <v>15056</v>
      </c>
      <c r="C7543" t="s">
        <v>15057</v>
      </c>
    </row>
    <row r="7544" spans="1:3" x14ac:dyDescent="0.15">
      <c r="A7544">
        <v>17467</v>
      </c>
      <c r="B7544" t="s">
        <v>15058</v>
      </c>
      <c r="C7544" t="s">
        <v>15059</v>
      </c>
    </row>
    <row r="7545" spans="1:3" x14ac:dyDescent="0.15">
      <c r="A7545">
        <v>17466</v>
      </c>
      <c r="B7545" t="s">
        <v>15060</v>
      </c>
      <c r="C7545" t="s">
        <v>15061</v>
      </c>
    </row>
    <row r="7546" spans="1:3" x14ac:dyDescent="0.15">
      <c r="A7546">
        <v>17465</v>
      </c>
      <c r="B7546" t="s">
        <v>15062</v>
      </c>
      <c r="C7546" t="s">
        <v>15063</v>
      </c>
    </row>
    <row r="7547" spans="1:3" x14ac:dyDescent="0.15">
      <c r="A7547">
        <v>17464</v>
      </c>
      <c r="B7547" t="s">
        <v>15064</v>
      </c>
      <c r="C7547" t="s">
        <v>15065</v>
      </c>
    </row>
    <row r="7548" spans="1:3" x14ac:dyDescent="0.15">
      <c r="A7548">
        <v>17463</v>
      </c>
      <c r="B7548" t="s">
        <v>15066</v>
      </c>
      <c r="C7548" t="s">
        <v>15067</v>
      </c>
    </row>
    <row r="7549" spans="1:3" x14ac:dyDescent="0.15">
      <c r="A7549">
        <v>17462</v>
      </c>
      <c r="B7549" t="s">
        <v>15068</v>
      </c>
      <c r="C7549" t="s">
        <v>15069</v>
      </c>
    </row>
    <row r="7550" spans="1:3" x14ac:dyDescent="0.15">
      <c r="A7550">
        <v>17461</v>
      </c>
      <c r="B7550" t="s">
        <v>15070</v>
      </c>
      <c r="C7550" t="s">
        <v>15071</v>
      </c>
    </row>
    <row r="7551" spans="1:3" x14ac:dyDescent="0.15">
      <c r="A7551">
        <v>17460</v>
      </c>
      <c r="B7551" t="s">
        <v>15072</v>
      </c>
      <c r="C7551" t="s">
        <v>15073</v>
      </c>
    </row>
    <row r="7552" spans="1:3" x14ac:dyDescent="0.15">
      <c r="A7552">
        <v>17459</v>
      </c>
      <c r="B7552" t="s">
        <v>15074</v>
      </c>
      <c r="C7552" t="s">
        <v>15075</v>
      </c>
    </row>
    <row r="7553" spans="1:3" x14ac:dyDescent="0.15">
      <c r="A7553">
        <v>17458</v>
      </c>
      <c r="B7553" t="s">
        <v>15076</v>
      </c>
      <c r="C7553" t="s">
        <v>15077</v>
      </c>
    </row>
    <row r="7554" spans="1:3" x14ac:dyDescent="0.15">
      <c r="A7554">
        <v>17457</v>
      </c>
      <c r="B7554" t="s">
        <v>15078</v>
      </c>
      <c r="C7554" t="s">
        <v>15079</v>
      </c>
    </row>
    <row r="7555" spans="1:3" x14ac:dyDescent="0.15">
      <c r="A7555">
        <v>17456</v>
      </c>
      <c r="B7555" t="s">
        <v>15080</v>
      </c>
      <c r="C7555" t="s">
        <v>15081</v>
      </c>
    </row>
    <row r="7556" spans="1:3" x14ac:dyDescent="0.15">
      <c r="A7556">
        <v>17455</v>
      </c>
      <c r="B7556" t="s">
        <v>15082</v>
      </c>
      <c r="C7556" t="s">
        <v>15083</v>
      </c>
    </row>
    <row r="7557" spans="1:3" x14ac:dyDescent="0.15">
      <c r="A7557">
        <v>17454</v>
      </c>
      <c r="B7557" t="s">
        <v>15084</v>
      </c>
      <c r="C7557" t="s">
        <v>15085</v>
      </c>
    </row>
    <row r="7558" spans="1:3" x14ac:dyDescent="0.15">
      <c r="A7558">
        <v>17453</v>
      </c>
      <c r="B7558" t="s">
        <v>15086</v>
      </c>
      <c r="C7558" t="s">
        <v>15087</v>
      </c>
    </row>
    <row r="7559" spans="1:3" x14ac:dyDescent="0.15">
      <c r="A7559">
        <v>17452</v>
      </c>
      <c r="B7559" t="s">
        <v>15088</v>
      </c>
      <c r="C7559" t="s">
        <v>15089</v>
      </c>
    </row>
    <row r="7560" spans="1:3" x14ac:dyDescent="0.15">
      <c r="A7560">
        <v>17451</v>
      </c>
      <c r="B7560" t="s">
        <v>15090</v>
      </c>
      <c r="C7560" t="s">
        <v>15091</v>
      </c>
    </row>
    <row r="7561" spans="1:3" x14ac:dyDescent="0.15">
      <c r="A7561">
        <v>17450</v>
      </c>
      <c r="B7561" t="s">
        <v>15092</v>
      </c>
      <c r="C7561" t="s">
        <v>15093</v>
      </c>
    </row>
    <row r="7562" spans="1:3" x14ac:dyDescent="0.15">
      <c r="A7562">
        <v>17449</v>
      </c>
      <c r="B7562" t="s">
        <v>15094</v>
      </c>
      <c r="C7562" t="s">
        <v>15095</v>
      </c>
    </row>
    <row r="7563" spans="1:3" x14ac:dyDescent="0.15">
      <c r="A7563">
        <v>17448</v>
      </c>
      <c r="B7563" t="s">
        <v>15096</v>
      </c>
      <c r="C7563" t="s">
        <v>15097</v>
      </c>
    </row>
    <row r="7564" spans="1:3" x14ac:dyDescent="0.15">
      <c r="A7564">
        <v>17447</v>
      </c>
      <c r="B7564" t="s">
        <v>15098</v>
      </c>
      <c r="C7564" t="s">
        <v>15099</v>
      </c>
    </row>
    <row r="7565" spans="1:3" x14ac:dyDescent="0.15">
      <c r="A7565">
        <v>17446</v>
      </c>
      <c r="B7565" t="s">
        <v>15100</v>
      </c>
      <c r="C7565" t="s">
        <v>15101</v>
      </c>
    </row>
    <row r="7566" spans="1:3" x14ac:dyDescent="0.15">
      <c r="A7566">
        <v>17445</v>
      </c>
      <c r="B7566" t="s">
        <v>15102</v>
      </c>
      <c r="C7566" t="s">
        <v>15103</v>
      </c>
    </row>
    <row r="7567" spans="1:3" x14ac:dyDescent="0.15">
      <c r="A7567">
        <v>17444</v>
      </c>
      <c r="B7567" t="s">
        <v>15104</v>
      </c>
      <c r="C7567" t="s">
        <v>15105</v>
      </c>
    </row>
    <row r="7568" spans="1:3" x14ac:dyDescent="0.15">
      <c r="A7568">
        <v>17443</v>
      </c>
      <c r="B7568" t="s">
        <v>15106</v>
      </c>
      <c r="C7568" t="s">
        <v>15107</v>
      </c>
    </row>
    <row r="7569" spans="1:3" x14ac:dyDescent="0.15">
      <c r="A7569">
        <v>17442</v>
      </c>
      <c r="B7569" t="s">
        <v>15108</v>
      </c>
      <c r="C7569" t="s">
        <v>15109</v>
      </c>
    </row>
    <row r="7570" spans="1:3" x14ac:dyDescent="0.15">
      <c r="A7570">
        <v>17441</v>
      </c>
      <c r="B7570" t="s">
        <v>15110</v>
      </c>
      <c r="C7570" t="s">
        <v>15111</v>
      </c>
    </row>
    <row r="7571" spans="1:3" x14ac:dyDescent="0.15">
      <c r="A7571">
        <v>17440</v>
      </c>
      <c r="B7571" t="s">
        <v>15112</v>
      </c>
      <c r="C7571" t="s">
        <v>15113</v>
      </c>
    </row>
    <row r="7572" spans="1:3" x14ac:dyDescent="0.15">
      <c r="A7572">
        <v>17439</v>
      </c>
      <c r="B7572" t="s">
        <v>15114</v>
      </c>
      <c r="C7572" t="s">
        <v>15115</v>
      </c>
    </row>
    <row r="7573" spans="1:3" x14ac:dyDescent="0.15">
      <c r="A7573">
        <v>17438</v>
      </c>
      <c r="B7573" t="s">
        <v>15116</v>
      </c>
      <c r="C7573" t="s">
        <v>15117</v>
      </c>
    </row>
    <row r="7574" spans="1:3" x14ac:dyDescent="0.15">
      <c r="A7574">
        <v>17437</v>
      </c>
      <c r="B7574" t="s">
        <v>15118</v>
      </c>
      <c r="C7574" t="s">
        <v>15119</v>
      </c>
    </row>
    <row r="7575" spans="1:3" x14ac:dyDescent="0.15">
      <c r="A7575">
        <v>17436</v>
      </c>
      <c r="B7575" t="s">
        <v>15120</v>
      </c>
      <c r="C7575" t="s">
        <v>15121</v>
      </c>
    </row>
    <row r="7576" spans="1:3" x14ac:dyDescent="0.15">
      <c r="A7576">
        <v>17435</v>
      </c>
      <c r="B7576" t="s">
        <v>15122</v>
      </c>
      <c r="C7576" t="s">
        <v>15123</v>
      </c>
    </row>
    <row r="7577" spans="1:3" x14ac:dyDescent="0.15">
      <c r="A7577">
        <v>17434</v>
      </c>
      <c r="B7577" t="s">
        <v>15124</v>
      </c>
      <c r="C7577" t="s">
        <v>15125</v>
      </c>
    </row>
    <row r="7578" spans="1:3" x14ac:dyDescent="0.15">
      <c r="A7578">
        <v>17433</v>
      </c>
      <c r="B7578" t="s">
        <v>15126</v>
      </c>
      <c r="C7578" t="s">
        <v>15127</v>
      </c>
    </row>
    <row r="7579" spans="1:3" x14ac:dyDescent="0.15">
      <c r="A7579">
        <v>17432</v>
      </c>
      <c r="B7579" t="s">
        <v>15128</v>
      </c>
      <c r="C7579" t="s">
        <v>15129</v>
      </c>
    </row>
    <row r="7580" spans="1:3" x14ac:dyDescent="0.15">
      <c r="A7580">
        <v>17431</v>
      </c>
      <c r="B7580" t="s">
        <v>15130</v>
      </c>
      <c r="C7580" t="s">
        <v>15131</v>
      </c>
    </row>
    <row r="7581" spans="1:3" x14ac:dyDescent="0.15">
      <c r="A7581">
        <v>17430</v>
      </c>
      <c r="B7581" t="s">
        <v>15132</v>
      </c>
      <c r="C7581" t="s">
        <v>15133</v>
      </c>
    </row>
    <row r="7582" spans="1:3" x14ac:dyDescent="0.15">
      <c r="A7582">
        <v>17429</v>
      </c>
      <c r="B7582" t="s">
        <v>15134</v>
      </c>
      <c r="C7582" t="s">
        <v>15135</v>
      </c>
    </row>
    <row r="7583" spans="1:3" x14ac:dyDescent="0.15">
      <c r="A7583">
        <v>17428</v>
      </c>
      <c r="B7583" t="s">
        <v>15136</v>
      </c>
      <c r="C7583" t="s">
        <v>15137</v>
      </c>
    </row>
    <row r="7584" spans="1:3" x14ac:dyDescent="0.15">
      <c r="A7584">
        <v>17427</v>
      </c>
      <c r="B7584" t="s">
        <v>15138</v>
      </c>
      <c r="C7584" t="s">
        <v>15139</v>
      </c>
    </row>
    <row r="7585" spans="1:3" x14ac:dyDescent="0.15">
      <c r="A7585">
        <v>17426</v>
      </c>
      <c r="B7585" t="s">
        <v>15140</v>
      </c>
      <c r="C7585" t="s">
        <v>15141</v>
      </c>
    </row>
    <row r="7586" spans="1:3" x14ac:dyDescent="0.15">
      <c r="A7586">
        <v>17425</v>
      </c>
      <c r="B7586" t="s">
        <v>15142</v>
      </c>
      <c r="C7586" t="s">
        <v>15143</v>
      </c>
    </row>
    <row r="7587" spans="1:3" x14ac:dyDescent="0.15">
      <c r="A7587">
        <v>17424</v>
      </c>
      <c r="B7587" t="s">
        <v>15144</v>
      </c>
      <c r="C7587" t="s">
        <v>15145</v>
      </c>
    </row>
    <row r="7588" spans="1:3" x14ac:dyDescent="0.15">
      <c r="A7588">
        <v>17423</v>
      </c>
      <c r="B7588" t="s">
        <v>15146</v>
      </c>
      <c r="C7588" t="s">
        <v>15147</v>
      </c>
    </row>
    <row r="7589" spans="1:3" x14ac:dyDescent="0.15">
      <c r="A7589">
        <v>17422</v>
      </c>
      <c r="B7589" t="s">
        <v>15148</v>
      </c>
      <c r="C7589" t="s">
        <v>15149</v>
      </c>
    </row>
    <row r="7590" spans="1:3" x14ac:dyDescent="0.15">
      <c r="A7590">
        <v>17421</v>
      </c>
      <c r="B7590" t="s">
        <v>15150</v>
      </c>
      <c r="C7590" t="s">
        <v>15151</v>
      </c>
    </row>
    <row r="7591" spans="1:3" x14ac:dyDescent="0.15">
      <c r="A7591">
        <v>17420</v>
      </c>
      <c r="B7591" t="s">
        <v>15152</v>
      </c>
      <c r="C7591" t="s">
        <v>15153</v>
      </c>
    </row>
    <row r="7592" spans="1:3" x14ac:dyDescent="0.15">
      <c r="A7592">
        <v>17419</v>
      </c>
      <c r="B7592" t="s">
        <v>15154</v>
      </c>
      <c r="C7592" t="s">
        <v>15155</v>
      </c>
    </row>
    <row r="7593" spans="1:3" x14ac:dyDescent="0.15">
      <c r="A7593">
        <v>17418</v>
      </c>
      <c r="B7593" t="s">
        <v>15156</v>
      </c>
      <c r="C7593" t="s">
        <v>15157</v>
      </c>
    </row>
    <row r="7594" spans="1:3" x14ac:dyDescent="0.15">
      <c r="A7594">
        <v>17417</v>
      </c>
      <c r="B7594" t="s">
        <v>15158</v>
      </c>
      <c r="C7594" t="s">
        <v>15159</v>
      </c>
    </row>
    <row r="7595" spans="1:3" x14ac:dyDescent="0.15">
      <c r="A7595">
        <v>17416</v>
      </c>
      <c r="B7595" t="s">
        <v>15160</v>
      </c>
      <c r="C7595" t="s">
        <v>15161</v>
      </c>
    </row>
    <row r="7596" spans="1:3" x14ac:dyDescent="0.15">
      <c r="A7596">
        <v>17415</v>
      </c>
      <c r="B7596" t="s">
        <v>15162</v>
      </c>
      <c r="C7596" t="s">
        <v>15163</v>
      </c>
    </row>
    <row r="7597" spans="1:3" x14ac:dyDescent="0.15">
      <c r="A7597">
        <v>17414</v>
      </c>
      <c r="B7597" t="s">
        <v>15164</v>
      </c>
      <c r="C7597" t="s">
        <v>15165</v>
      </c>
    </row>
    <row r="7598" spans="1:3" x14ac:dyDescent="0.15">
      <c r="A7598">
        <v>17413</v>
      </c>
      <c r="B7598" t="s">
        <v>15166</v>
      </c>
      <c r="C7598" t="s">
        <v>15167</v>
      </c>
    </row>
    <row r="7599" spans="1:3" x14ac:dyDescent="0.15">
      <c r="A7599">
        <v>17412</v>
      </c>
      <c r="B7599" t="s">
        <v>15168</v>
      </c>
      <c r="C7599" t="s">
        <v>15169</v>
      </c>
    </row>
    <row r="7600" spans="1:3" x14ac:dyDescent="0.15">
      <c r="A7600">
        <v>17411</v>
      </c>
      <c r="B7600" t="s">
        <v>15170</v>
      </c>
      <c r="C7600" t="s">
        <v>15171</v>
      </c>
    </row>
    <row r="7601" spans="1:3" x14ac:dyDescent="0.15">
      <c r="A7601">
        <v>17410</v>
      </c>
      <c r="B7601" t="s">
        <v>15172</v>
      </c>
      <c r="C7601" t="s">
        <v>15173</v>
      </c>
    </row>
    <row r="7602" spans="1:3" x14ac:dyDescent="0.15">
      <c r="A7602">
        <v>17409</v>
      </c>
      <c r="B7602" t="s">
        <v>15174</v>
      </c>
      <c r="C7602" t="s">
        <v>15175</v>
      </c>
    </row>
    <row r="7603" spans="1:3" x14ac:dyDescent="0.15">
      <c r="A7603">
        <v>17408</v>
      </c>
      <c r="B7603" t="s">
        <v>15176</v>
      </c>
      <c r="C7603" t="s">
        <v>15177</v>
      </c>
    </row>
    <row r="7604" spans="1:3" x14ac:dyDescent="0.15">
      <c r="A7604">
        <v>17407</v>
      </c>
      <c r="B7604" t="s">
        <v>15178</v>
      </c>
      <c r="C7604" t="s">
        <v>15179</v>
      </c>
    </row>
    <row r="7605" spans="1:3" x14ac:dyDescent="0.15">
      <c r="A7605">
        <v>17406</v>
      </c>
      <c r="B7605" t="s">
        <v>15180</v>
      </c>
      <c r="C7605" t="s">
        <v>15181</v>
      </c>
    </row>
    <row r="7606" spans="1:3" x14ac:dyDescent="0.15">
      <c r="A7606">
        <v>17405</v>
      </c>
      <c r="B7606" t="s">
        <v>15182</v>
      </c>
      <c r="C7606" t="s">
        <v>15183</v>
      </c>
    </row>
    <row r="7607" spans="1:3" x14ac:dyDescent="0.15">
      <c r="A7607">
        <v>17404</v>
      </c>
      <c r="B7607" t="s">
        <v>15184</v>
      </c>
      <c r="C7607" t="s">
        <v>15185</v>
      </c>
    </row>
    <row r="7608" spans="1:3" x14ac:dyDescent="0.15">
      <c r="A7608">
        <v>17403</v>
      </c>
      <c r="B7608" t="s">
        <v>15186</v>
      </c>
      <c r="C7608" t="s">
        <v>15187</v>
      </c>
    </row>
    <row r="7609" spans="1:3" x14ac:dyDescent="0.15">
      <c r="A7609">
        <v>17402</v>
      </c>
      <c r="B7609" t="s">
        <v>15188</v>
      </c>
      <c r="C7609" t="s">
        <v>15189</v>
      </c>
    </row>
    <row r="7610" spans="1:3" x14ac:dyDescent="0.15">
      <c r="A7610">
        <v>17401</v>
      </c>
      <c r="B7610" t="s">
        <v>15190</v>
      </c>
      <c r="C7610" t="s">
        <v>15191</v>
      </c>
    </row>
    <row r="7611" spans="1:3" x14ac:dyDescent="0.15">
      <c r="A7611">
        <v>17400</v>
      </c>
      <c r="B7611" t="s">
        <v>15192</v>
      </c>
      <c r="C7611" t="s">
        <v>15193</v>
      </c>
    </row>
    <row r="7612" spans="1:3" x14ac:dyDescent="0.15">
      <c r="A7612">
        <v>17399</v>
      </c>
      <c r="B7612" t="s">
        <v>15194</v>
      </c>
      <c r="C7612" t="s">
        <v>15195</v>
      </c>
    </row>
    <row r="7613" spans="1:3" x14ac:dyDescent="0.15">
      <c r="A7613">
        <v>17398</v>
      </c>
      <c r="B7613" t="s">
        <v>15196</v>
      </c>
      <c r="C7613" t="s">
        <v>15197</v>
      </c>
    </row>
    <row r="7614" spans="1:3" x14ac:dyDescent="0.15">
      <c r="A7614">
        <v>17397</v>
      </c>
      <c r="B7614" t="s">
        <v>15198</v>
      </c>
      <c r="C7614" t="s">
        <v>15199</v>
      </c>
    </row>
    <row r="7615" spans="1:3" x14ac:dyDescent="0.15">
      <c r="A7615">
        <v>17396</v>
      </c>
      <c r="B7615" t="s">
        <v>15200</v>
      </c>
      <c r="C7615" t="s">
        <v>15201</v>
      </c>
    </row>
    <row r="7616" spans="1:3" x14ac:dyDescent="0.15">
      <c r="A7616">
        <v>17395</v>
      </c>
      <c r="B7616" t="s">
        <v>15202</v>
      </c>
      <c r="C7616" t="s">
        <v>15203</v>
      </c>
    </row>
    <row r="7617" spans="1:3" x14ac:dyDescent="0.15">
      <c r="A7617">
        <v>17394</v>
      </c>
      <c r="B7617" t="s">
        <v>15204</v>
      </c>
      <c r="C7617" t="s">
        <v>15205</v>
      </c>
    </row>
    <row r="7618" spans="1:3" x14ac:dyDescent="0.15">
      <c r="A7618">
        <v>17393</v>
      </c>
      <c r="B7618" t="s">
        <v>15206</v>
      </c>
      <c r="C7618" t="s">
        <v>15207</v>
      </c>
    </row>
    <row r="7619" spans="1:3" x14ac:dyDescent="0.15">
      <c r="A7619">
        <v>17392</v>
      </c>
      <c r="B7619" t="s">
        <v>15208</v>
      </c>
      <c r="C7619" t="s">
        <v>15209</v>
      </c>
    </row>
    <row r="7620" spans="1:3" x14ac:dyDescent="0.15">
      <c r="A7620">
        <v>17391</v>
      </c>
      <c r="B7620" t="s">
        <v>15210</v>
      </c>
      <c r="C7620" t="s">
        <v>15211</v>
      </c>
    </row>
    <row r="7621" spans="1:3" x14ac:dyDescent="0.15">
      <c r="A7621">
        <v>17390</v>
      </c>
      <c r="B7621" t="s">
        <v>15212</v>
      </c>
      <c r="C7621" t="s">
        <v>15213</v>
      </c>
    </row>
    <row r="7622" spans="1:3" x14ac:dyDescent="0.15">
      <c r="A7622">
        <v>17389</v>
      </c>
      <c r="B7622" t="s">
        <v>15214</v>
      </c>
      <c r="C7622" t="s">
        <v>15215</v>
      </c>
    </row>
    <row r="7623" spans="1:3" x14ac:dyDescent="0.15">
      <c r="A7623">
        <v>17388</v>
      </c>
      <c r="B7623" t="s">
        <v>15216</v>
      </c>
      <c r="C7623" t="s">
        <v>15217</v>
      </c>
    </row>
    <row r="7624" spans="1:3" x14ac:dyDescent="0.15">
      <c r="A7624">
        <v>17387</v>
      </c>
      <c r="B7624" t="s">
        <v>15218</v>
      </c>
      <c r="C7624" t="s">
        <v>15219</v>
      </c>
    </row>
    <row r="7625" spans="1:3" x14ac:dyDescent="0.15">
      <c r="A7625">
        <v>17386</v>
      </c>
      <c r="B7625" t="s">
        <v>15220</v>
      </c>
      <c r="C7625" t="s">
        <v>15221</v>
      </c>
    </row>
    <row r="7626" spans="1:3" x14ac:dyDescent="0.15">
      <c r="A7626">
        <v>17385</v>
      </c>
      <c r="B7626" t="s">
        <v>15222</v>
      </c>
      <c r="C7626" t="s">
        <v>15223</v>
      </c>
    </row>
    <row r="7627" spans="1:3" x14ac:dyDescent="0.15">
      <c r="A7627">
        <v>17384</v>
      </c>
      <c r="B7627" t="s">
        <v>15224</v>
      </c>
      <c r="C7627" t="s">
        <v>15225</v>
      </c>
    </row>
    <row r="7628" spans="1:3" x14ac:dyDescent="0.15">
      <c r="A7628">
        <v>17383</v>
      </c>
      <c r="B7628" t="s">
        <v>15226</v>
      </c>
      <c r="C7628" t="s">
        <v>15227</v>
      </c>
    </row>
    <row r="7629" spans="1:3" x14ac:dyDescent="0.15">
      <c r="A7629">
        <v>17382</v>
      </c>
      <c r="B7629" t="s">
        <v>15228</v>
      </c>
      <c r="C7629" t="s">
        <v>15229</v>
      </c>
    </row>
    <row r="7630" spans="1:3" x14ac:dyDescent="0.15">
      <c r="A7630">
        <v>17381</v>
      </c>
      <c r="B7630" t="s">
        <v>15230</v>
      </c>
      <c r="C7630" t="s">
        <v>15231</v>
      </c>
    </row>
    <row r="7631" spans="1:3" x14ac:dyDescent="0.15">
      <c r="A7631">
        <v>17380</v>
      </c>
      <c r="B7631" t="s">
        <v>15232</v>
      </c>
      <c r="C7631" t="s">
        <v>15233</v>
      </c>
    </row>
    <row r="7632" spans="1:3" x14ac:dyDescent="0.15">
      <c r="A7632">
        <v>17379</v>
      </c>
      <c r="B7632" t="s">
        <v>15234</v>
      </c>
      <c r="C7632" t="s">
        <v>15235</v>
      </c>
    </row>
    <row r="7633" spans="1:3" x14ac:dyDescent="0.15">
      <c r="A7633">
        <v>17378</v>
      </c>
      <c r="B7633" t="s">
        <v>15236</v>
      </c>
      <c r="C7633" t="s">
        <v>15237</v>
      </c>
    </row>
    <row r="7634" spans="1:3" x14ac:dyDescent="0.15">
      <c r="A7634">
        <v>17377</v>
      </c>
      <c r="B7634" t="s">
        <v>15238</v>
      </c>
      <c r="C7634" t="s">
        <v>15239</v>
      </c>
    </row>
    <row r="7635" spans="1:3" x14ac:dyDescent="0.15">
      <c r="A7635">
        <v>17376</v>
      </c>
      <c r="B7635" t="s">
        <v>15240</v>
      </c>
      <c r="C7635" t="s">
        <v>15241</v>
      </c>
    </row>
    <row r="7636" spans="1:3" x14ac:dyDescent="0.15">
      <c r="A7636">
        <v>17375</v>
      </c>
      <c r="B7636" t="s">
        <v>15242</v>
      </c>
      <c r="C7636" t="s">
        <v>15243</v>
      </c>
    </row>
    <row r="7637" spans="1:3" x14ac:dyDescent="0.15">
      <c r="A7637">
        <v>17374</v>
      </c>
      <c r="B7637" t="s">
        <v>15244</v>
      </c>
      <c r="C7637" t="s">
        <v>15245</v>
      </c>
    </row>
    <row r="7638" spans="1:3" x14ac:dyDescent="0.15">
      <c r="A7638">
        <v>17373</v>
      </c>
      <c r="B7638" t="s">
        <v>15246</v>
      </c>
      <c r="C7638" t="s">
        <v>15247</v>
      </c>
    </row>
    <row r="7639" spans="1:3" x14ac:dyDescent="0.15">
      <c r="A7639">
        <v>17372</v>
      </c>
      <c r="B7639" t="s">
        <v>15248</v>
      </c>
      <c r="C7639" t="s">
        <v>15249</v>
      </c>
    </row>
    <row r="7640" spans="1:3" x14ac:dyDescent="0.15">
      <c r="A7640">
        <v>17371</v>
      </c>
      <c r="B7640" t="s">
        <v>15250</v>
      </c>
      <c r="C7640" t="s">
        <v>15251</v>
      </c>
    </row>
    <row r="7641" spans="1:3" x14ac:dyDescent="0.15">
      <c r="A7641">
        <v>17370</v>
      </c>
      <c r="B7641" t="s">
        <v>15252</v>
      </c>
      <c r="C7641" t="s">
        <v>15253</v>
      </c>
    </row>
    <row r="7642" spans="1:3" x14ac:dyDescent="0.15">
      <c r="A7642">
        <v>17369</v>
      </c>
      <c r="B7642" t="s">
        <v>15254</v>
      </c>
      <c r="C7642" t="s">
        <v>15255</v>
      </c>
    </row>
    <row r="7643" spans="1:3" x14ac:dyDescent="0.15">
      <c r="A7643">
        <v>17368</v>
      </c>
      <c r="B7643" t="s">
        <v>15256</v>
      </c>
      <c r="C7643" t="s">
        <v>15257</v>
      </c>
    </row>
    <row r="7644" spans="1:3" x14ac:dyDescent="0.15">
      <c r="A7644">
        <v>17367</v>
      </c>
      <c r="B7644" t="s">
        <v>15258</v>
      </c>
      <c r="C7644" t="s">
        <v>15259</v>
      </c>
    </row>
    <row r="7645" spans="1:3" x14ac:dyDescent="0.15">
      <c r="A7645">
        <v>17366</v>
      </c>
      <c r="B7645" t="s">
        <v>15260</v>
      </c>
      <c r="C7645" t="s">
        <v>15261</v>
      </c>
    </row>
    <row r="7646" spans="1:3" x14ac:dyDescent="0.15">
      <c r="A7646">
        <v>17365</v>
      </c>
      <c r="B7646" t="s">
        <v>15262</v>
      </c>
      <c r="C7646" t="s">
        <v>15263</v>
      </c>
    </row>
    <row r="7647" spans="1:3" x14ac:dyDescent="0.15">
      <c r="A7647">
        <v>17364</v>
      </c>
      <c r="B7647" t="s">
        <v>15264</v>
      </c>
      <c r="C7647" t="s">
        <v>15265</v>
      </c>
    </row>
    <row r="7648" spans="1:3" x14ac:dyDescent="0.15">
      <c r="A7648">
        <v>17363</v>
      </c>
      <c r="B7648" t="s">
        <v>15266</v>
      </c>
      <c r="C7648" t="s">
        <v>15267</v>
      </c>
    </row>
    <row r="7649" spans="1:3" x14ac:dyDescent="0.15">
      <c r="A7649">
        <v>17362</v>
      </c>
      <c r="B7649" t="s">
        <v>15268</v>
      </c>
      <c r="C7649" t="s">
        <v>15269</v>
      </c>
    </row>
    <row r="7650" spans="1:3" x14ac:dyDescent="0.15">
      <c r="A7650">
        <v>17361</v>
      </c>
      <c r="B7650" t="s">
        <v>15270</v>
      </c>
      <c r="C7650" t="s">
        <v>15271</v>
      </c>
    </row>
    <row r="7651" spans="1:3" x14ac:dyDescent="0.15">
      <c r="A7651">
        <v>17360</v>
      </c>
      <c r="B7651" t="s">
        <v>15272</v>
      </c>
      <c r="C7651" t="s">
        <v>15273</v>
      </c>
    </row>
    <row r="7652" spans="1:3" x14ac:dyDescent="0.15">
      <c r="A7652">
        <v>17359</v>
      </c>
      <c r="B7652" t="s">
        <v>15274</v>
      </c>
      <c r="C7652" t="s">
        <v>15275</v>
      </c>
    </row>
    <row r="7653" spans="1:3" x14ac:dyDescent="0.15">
      <c r="A7653">
        <v>17358</v>
      </c>
      <c r="B7653" t="s">
        <v>15276</v>
      </c>
      <c r="C7653" t="s">
        <v>15277</v>
      </c>
    </row>
    <row r="7654" spans="1:3" x14ac:dyDescent="0.15">
      <c r="A7654">
        <v>17357</v>
      </c>
      <c r="B7654" t="s">
        <v>15278</v>
      </c>
      <c r="C7654" t="s">
        <v>15279</v>
      </c>
    </row>
    <row r="7655" spans="1:3" x14ac:dyDescent="0.15">
      <c r="A7655">
        <v>17356</v>
      </c>
      <c r="B7655" t="s">
        <v>15280</v>
      </c>
      <c r="C7655" t="s">
        <v>15281</v>
      </c>
    </row>
    <row r="7656" spans="1:3" x14ac:dyDescent="0.15">
      <c r="A7656">
        <v>17355</v>
      </c>
      <c r="B7656" t="s">
        <v>15282</v>
      </c>
      <c r="C7656" t="s">
        <v>15283</v>
      </c>
    </row>
    <row r="7657" spans="1:3" x14ac:dyDescent="0.15">
      <c r="A7657">
        <v>17354</v>
      </c>
      <c r="B7657" t="s">
        <v>15284</v>
      </c>
      <c r="C7657" t="s">
        <v>15285</v>
      </c>
    </row>
    <row r="7658" spans="1:3" x14ac:dyDescent="0.15">
      <c r="A7658">
        <v>17353</v>
      </c>
      <c r="B7658" t="s">
        <v>15286</v>
      </c>
      <c r="C7658" t="s">
        <v>15287</v>
      </c>
    </row>
    <row r="7659" spans="1:3" x14ac:dyDescent="0.15">
      <c r="A7659">
        <v>17352</v>
      </c>
      <c r="B7659" t="s">
        <v>15288</v>
      </c>
      <c r="C7659" t="s">
        <v>15289</v>
      </c>
    </row>
    <row r="7660" spans="1:3" x14ac:dyDescent="0.15">
      <c r="A7660">
        <v>17351</v>
      </c>
      <c r="B7660" t="s">
        <v>15290</v>
      </c>
      <c r="C7660" t="s">
        <v>15291</v>
      </c>
    </row>
    <row r="7661" spans="1:3" x14ac:dyDescent="0.15">
      <c r="A7661">
        <v>17350</v>
      </c>
      <c r="B7661" t="s">
        <v>15292</v>
      </c>
      <c r="C7661" t="s">
        <v>15293</v>
      </c>
    </row>
    <row r="7662" spans="1:3" x14ac:dyDescent="0.15">
      <c r="A7662">
        <v>17349</v>
      </c>
      <c r="B7662" t="s">
        <v>15294</v>
      </c>
      <c r="C7662" t="s">
        <v>15295</v>
      </c>
    </row>
    <row r="7663" spans="1:3" x14ac:dyDescent="0.15">
      <c r="A7663">
        <v>17348</v>
      </c>
      <c r="B7663" t="s">
        <v>15296</v>
      </c>
      <c r="C7663" t="s">
        <v>15297</v>
      </c>
    </row>
    <row r="7664" spans="1:3" x14ac:dyDescent="0.15">
      <c r="A7664">
        <v>17347</v>
      </c>
      <c r="B7664" t="s">
        <v>15298</v>
      </c>
      <c r="C7664" t="s">
        <v>15299</v>
      </c>
    </row>
    <row r="7665" spans="1:3" x14ac:dyDescent="0.15">
      <c r="A7665">
        <v>17346</v>
      </c>
      <c r="B7665" t="s">
        <v>15300</v>
      </c>
      <c r="C7665" t="s">
        <v>15301</v>
      </c>
    </row>
    <row r="7666" spans="1:3" x14ac:dyDescent="0.15">
      <c r="A7666">
        <v>17345</v>
      </c>
      <c r="B7666" t="s">
        <v>15302</v>
      </c>
      <c r="C7666" t="s">
        <v>15303</v>
      </c>
    </row>
    <row r="7667" spans="1:3" x14ac:dyDescent="0.15">
      <c r="A7667">
        <v>17344</v>
      </c>
      <c r="B7667" t="s">
        <v>15304</v>
      </c>
      <c r="C7667" t="s">
        <v>15305</v>
      </c>
    </row>
    <row r="7668" spans="1:3" x14ac:dyDescent="0.15">
      <c r="A7668">
        <v>17343</v>
      </c>
      <c r="B7668" t="s">
        <v>15306</v>
      </c>
      <c r="C7668" t="s">
        <v>15307</v>
      </c>
    </row>
    <row r="7669" spans="1:3" x14ac:dyDescent="0.15">
      <c r="A7669">
        <v>17342</v>
      </c>
      <c r="B7669" t="s">
        <v>15308</v>
      </c>
      <c r="C7669" t="s">
        <v>15309</v>
      </c>
    </row>
    <row r="7670" spans="1:3" x14ac:dyDescent="0.15">
      <c r="A7670">
        <v>17341</v>
      </c>
      <c r="B7670" t="s">
        <v>15310</v>
      </c>
      <c r="C7670" t="s">
        <v>15311</v>
      </c>
    </row>
    <row r="7671" spans="1:3" x14ac:dyDescent="0.15">
      <c r="A7671">
        <v>17340</v>
      </c>
      <c r="B7671" t="s">
        <v>15312</v>
      </c>
      <c r="C7671" t="s">
        <v>15313</v>
      </c>
    </row>
    <row r="7672" spans="1:3" x14ac:dyDescent="0.15">
      <c r="A7672">
        <v>17339</v>
      </c>
      <c r="B7672" t="s">
        <v>15314</v>
      </c>
      <c r="C7672" t="s">
        <v>15315</v>
      </c>
    </row>
    <row r="7673" spans="1:3" x14ac:dyDescent="0.15">
      <c r="A7673">
        <v>17338</v>
      </c>
      <c r="B7673" t="s">
        <v>15316</v>
      </c>
      <c r="C7673" t="s">
        <v>15317</v>
      </c>
    </row>
    <row r="7674" spans="1:3" x14ac:dyDescent="0.15">
      <c r="A7674">
        <v>17337</v>
      </c>
      <c r="B7674" t="s">
        <v>15318</v>
      </c>
      <c r="C7674" t="s">
        <v>15319</v>
      </c>
    </row>
    <row r="7675" spans="1:3" x14ac:dyDescent="0.15">
      <c r="A7675">
        <v>17336</v>
      </c>
      <c r="B7675" t="s">
        <v>15320</v>
      </c>
      <c r="C7675" t="s">
        <v>15321</v>
      </c>
    </row>
    <row r="7676" spans="1:3" x14ac:dyDescent="0.15">
      <c r="A7676">
        <v>17335</v>
      </c>
      <c r="B7676" t="s">
        <v>15322</v>
      </c>
      <c r="C7676" t="s">
        <v>15323</v>
      </c>
    </row>
    <row r="7677" spans="1:3" x14ac:dyDescent="0.15">
      <c r="A7677">
        <v>17334</v>
      </c>
      <c r="B7677" t="s">
        <v>15324</v>
      </c>
      <c r="C7677" t="s">
        <v>15325</v>
      </c>
    </row>
    <row r="7678" spans="1:3" x14ac:dyDescent="0.15">
      <c r="A7678">
        <v>17333</v>
      </c>
      <c r="B7678" t="s">
        <v>15326</v>
      </c>
      <c r="C7678" t="s">
        <v>15327</v>
      </c>
    </row>
    <row r="7679" spans="1:3" x14ac:dyDescent="0.15">
      <c r="A7679">
        <v>17332</v>
      </c>
      <c r="B7679" t="s">
        <v>15328</v>
      </c>
      <c r="C7679" t="s">
        <v>15329</v>
      </c>
    </row>
    <row r="7680" spans="1:3" x14ac:dyDescent="0.15">
      <c r="A7680">
        <v>17331</v>
      </c>
      <c r="B7680" t="s">
        <v>15330</v>
      </c>
      <c r="C7680" t="s">
        <v>15331</v>
      </c>
    </row>
    <row r="7681" spans="1:3" x14ac:dyDescent="0.15">
      <c r="A7681">
        <v>17330</v>
      </c>
      <c r="B7681" t="s">
        <v>15332</v>
      </c>
      <c r="C7681" t="s">
        <v>15333</v>
      </c>
    </row>
    <row r="7682" spans="1:3" x14ac:dyDescent="0.15">
      <c r="A7682">
        <v>17329</v>
      </c>
      <c r="B7682" t="s">
        <v>15334</v>
      </c>
      <c r="C7682" t="s">
        <v>15335</v>
      </c>
    </row>
    <row r="7683" spans="1:3" x14ac:dyDescent="0.15">
      <c r="A7683">
        <v>17328</v>
      </c>
      <c r="B7683" t="s">
        <v>15336</v>
      </c>
      <c r="C7683" t="s">
        <v>15337</v>
      </c>
    </row>
    <row r="7684" spans="1:3" x14ac:dyDescent="0.15">
      <c r="A7684">
        <v>17327</v>
      </c>
      <c r="B7684" t="s">
        <v>15338</v>
      </c>
      <c r="C7684" t="s">
        <v>15339</v>
      </c>
    </row>
    <row r="7685" spans="1:3" x14ac:dyDescent="0.15">
      <c r="A7685">
        <v>17326</v>
      </c>
      <c r="B7685" t="s">
        <v>15340</v>
      </c>
      <c r="C7685" t="s">
        <v>15341</v>
      </c>
    </row>
    <row r="7686" spans="1:3" x14ac:dyDescent="0.15">
      <c r="A7686">
        <v>17325</v>
      </c>
      <c r="B7686" t="s">
        <v>15342</v>
      </c>
      <c r="C7686" t="s">
        <v>15343</v>
      </c>
    </row>
    <row r="7687" spans="1:3" x14ac:dyDescent="0.15">
      <c r="A7687">
        <v>17324</v>
      </c>
      <c r="B7687" t="s">
        <v>15344</v>
      </c>
      <c r="C7687" t="s">
        <v>15345</v>
      </c>
    </row>
    <row r="7688" spans="1:3" x14ac:dyDescent="0.15">
      <c r="A7688">
        <v>17323</v>
      </c>
      <c r="B7688" t="s">
        <v>15346</v>
      </c>
      <c r="C7688" t="s">
        <v>15347</v>
      </c>
    </row>
    <row r="7689" spans="1:3" x14ac:dyDescent="0.15">
      <c r="A7689">
        <v>17322</v>
      </c>
      <c r="B7689" t="s">
        <v>15348</v>
      </c>
      <c r="C7689" t="s">
        <v>15349</v>
      </c>
    </row>
    <row r="7690" spans="1:3" x14ac:dyDescent="0.15">
      <c r="A7690">
        <v>17321</v>
      </c>
      <c r="B7690" t="s">
        <v>15350</v>
      </c>
      <c r="C7690" t="s">
        <v>15351</v>
      </c>
    </row>
    <row r="7691" spans="1:3" x14ac:dyDescent="0.15">
      <c r="A7691">
        <v>17320</v>
      </c>
      <c r="B7691" t="s">
        <v>15352</v>
      </c>
      <c r="C7691" t="s">
        <v>15353</v>
      </c>
    </row>
    <row r="7692" spans="1:3" x14ac:dyDescent="0.15">
      <c r="A7692">
        <v>17319</v>
      </c>
      <c r="B7692" t="s">
        <v>15354</v>
      </c>
      <c r="C7692" t="s">
        <v>15355</v>
      </c>
    </row>
    <row r="7693" spans="1:3" x14ac:dyDescent="0.15">
      <c r="A7693">
        <v>17318</v>
      </c>
      <c r="B7693" t="s">
        <v>15356</v>
      </c>
      <c r="C7693" t="s">
        <v>15357</v>
      </c>
    </row>
    <row r="7694" spans="1:3" x14ac:dyDescent="0.15">
      <c r="A7694">
        <v>17317</v>
      </c>
      <c r="B7694" t="s">
        <v>15358</v>
      </c>
      <c r="C7694" t="s">
        <v>15359</v>
      </c>
    </row>
    <row r="7695" spans="1:3" x14ac:dyDescent="0.15">
      <c r="A7695">
        <v>17316</v>
      </c>
      <c r="B7695" t="s">
        <v>15360</v>
      </c>
      <c r="C7695" t="s">
        <v>15361</v>
      </c>
    </row>
    <row r="7696" spans="1:3" x14ac:dyDescent="0.15">
      <c r="A7696">
        <v>17315</v>
      </c>
      <c r="B7696" t="s">
        <v>15362</v>
      </c>
      <c r="C7696" t="s">
        <v>15363</v>
      </c>
    </row>
    <row r="7697" spans="1:3" x14ac:dyDescent="0.15">
      <c r="A7697">
        <v>17314</v>
      </c>
      <c r="B7697" t="s">
        <v>15364</v>
      </c>
      <c r="C7697" t="s">
        <v>15365</v>
      </c>
    </row>
    <row r="7698" spans="1:3" x14ac:dyDescent="0.15">
      <c r="A7698">
        <v>17313</v>
      </c>
      <c r="B7698" t="s">
        <v>15366</v>
      </c>
      <c r="C7698" t="s">
        <v>15367</v>
      </c>
    </row>
    <row r="7699" spans="1:3" x14ac:dyDescent="0.15">
      <c r="A7699">
        <v>17312</v>
      </c>
      <c r="B7699" t="s">
        <v>15368</v>
      </c>
      <c r="C7699" t="s">
        <v>15369</v>
      </c>
    </row>
    <row r="7700" spans="1:3" x14ac:dyDescent="0.15">
      <c r="A7700">
        <v>17311</v>
      </c>
      <c r="B7700" t="s">
        <v>15370</v>
      </c>
      <c r="C7700" t="s">
        <v>15371</v>
      </c>
    </row>
    <row r="7701" spans="1:3" x14ac:dyDescent="0.15">
      <c r="A7701">
        <v>17310</v>
      </c>
      <c r="B7701" t="s">
        <v>15372</v>
      </c>
      <c r="C7701" t="s">
        <v>15373</v>
      </c>
    </row>
    <row r="7702" spans="1:3" x14ac:dyDescent="0.15">
      <c r="A7702">
        <v>17309</v>
      </c>
      <c r="B7702" t="s">
        <v>15374</v>
      </c>
      <c r="C7702" t="s">
        <v>15375</v>
      </c>
    </row>
    <row r="7703" spans="1:3" x14ac:dyDescent="0.15">
      <c r="A7703">
        <v>17308</v>
      </c>
      <c r="B7703" t="s">
        <v>15376</v>
      </c>
      <c r="C7703" t="s">
        <v>15377</v>
      </c>
    </row>
    <row r="7704" spans="1:3" x14ac:dyDescent="0.15">
      <c r="A7704">
        <v>17307</v>
      </c>
      <c r="B7704" t="s">
        <v>15378</v>
      </c>
      <c r="C7704" t="s">
        <v>15379</v>
      </c>
    </row>
    <row r="7705" spans="1:3" x14ac:dyDescent="0.15">
      <c r="A7705">
        <v>17306</v>
      </c>
      <c r="B7705" t="s">
        <v>15380</v>
      </c>
      <c r="C7705" t="s">
        <v>15381</v>
      </c>
    </row>
    <row r="7706" spans="1:3" x14ac:dyDescent="0.15">
      <c r="A7706">
        <v>17305</v>
      </c>
      <c r="B7706" t="s">
        <v>15382</v>
      </c>
      <c r="C7706" t="s">
        <v>15383</v>
      </c>
    </row>
    <row r="7707" spans="1:3" x14ac:dyDescent="0.15">
      <c r="A7707">
        <v>17304</v>
      </c>
      <c r="B7707" t="s">
        <v>15384</v>
      </c>
      <c r="C7707" t="s">
        <v>15385</v>
      </c>
    </row>
    <row r="7708" spans="1:3" x14ac:dyDescent="0.15">
      <c r="A7708">
        <v>17303</v>
      </c>
      <c r="B7708" t="s">
        <v>15386</v>
      </c>
      <c r="C7708" t="s">
        <v>15387</v>
      </c>
    </row>
    <row r="7709" spans="1:3" x14ac:dyDescent="0.15">
      <c r="A7709">
        <v>17302</v>
      </c>
      <c r="B7709" t="s">
        <v>15388</v>
      </c>
      <c r="C7709" t="s">
        <v>15389</v>
      </c>
    </row>
    <row r="7710" spans="1:3" x14ac:dyDescent="0.15">
      <c r="A7710">
        <v>17301</v>
      </c>
      <c r="B7710" t="s">
        <v>15390</v>
      </c>
      <c r="C7710" t="s">
        <v>15391</v>
      </c>
    </row>
    <row r="7711" spans="1:3" x14ac:dyDescent="0.15">
      <c r="A7711">
        <v>17300</v>
      </c>
      <c r="B7711" t="s">
        <v>15392</v>
      </c>
      <c r="C7711" t="s">
        <v>15393</v>
      </c>
    </row>
    <row r="7712" spans="1:3" x14ac:dyDescent="0.15">
      <c r="A7712">
        <v>17299</v>
      </c>
      <c r="B7712" t="s">
        <v>15394</v>
      </c>
      <c r="C7712" t="s">
        <v>15395</v>
      </c>
    </row>
    <row r="7713" spans="1:3" x14ac:dyDescent="0.15">
      <c r="A7713">
        <v>17298</v>
      </c>
      <c r="B7713" t="s">
        <v>15396</v>
      </c>
      <c r="C7713" t="s">
        <v>15397</v>
      </c>
    </row>
    <row r="7714" spans="1:3" x14ac:dyDescent="0.15">
      <c r="A7714">
        <v>17297</v>
      </c>
      <c r="B7714" t="s">
        <v>15398</v>
      </c>
      <c r="C7714" t="s">
        <v>15399</v>
      </c>
    </row>
    <row r="7715" spans="1:3" x14ac:dyDescent="0.15">
      <c r="A7715">
        <v>17296</v>
      </c>
      <c r="B7715" t="s">
        <v>15400</v>
      </c>
      <c r="C7715" t="s">
        <v>15401</v>
      </c>
    </row>
    <row r="7716" spans="1:3" x14ac:dyDescent="0.15">
      <c r="A7716">
        <v>17295</v>
      </c>
      <c r="B7716" t="s">
        <v>15402</v>
      </c>
      <c r="C7716" t="s">
        <v>15403</v>
      </c>
    </row>
    <row r="7717" spans="1:3" x14ac:dyDescent="0.15">
      <c r="A7717">
        <v>17294</v>
      </c>
      <c r="B7717" t="s">
        <v>15404</v>
      </c>
      <c r="C7717" t="s">
        <v>15405</v>
      </c>
    </row>
    <row r="7718" spans="1:3" x14ac:dyDescent="0.15">
      <c r="A7718">
        <v>17293</v>
      </c>
      <c r="B7718" t="s">
        <v>15406</v>
      </c>
      <c r="C7718" t="s">
        <v>15407</v>
      </c>
    </row>
    <row r="7719" spans="1:3" x14ac:dyDescent="0.15">
      <c r="A7719">
        <v>17292</v>
      </c>
      <c r="B7719" t="s">
        <v>15408</v>
      </c>
      <c r="C7719" t="s">
        <v>15409</v>
      </c>
    </row>
    <row r="7720" spans="1:3" x14ac:dyDescent="0.15">
      <c r="A7720">
        <v>17291</v>
      </c>
      <c r="B7720" t="s">
        <v>15410</v>
      </c>
      <c r="C7720" t="s">
        <v>15411</v>
      </c>
    </row>
    <row r="7721" spans="1:3" x14ac:dyDescent="0.15">
      <c r="A7721">
        <v>17290</v>
      </c>
      <c r="B7721" t="s">
        <v>15412</v>
      </c>
      <c r="C7721" t="s">
        <v>15413</v>
      </c>
    </row>
    <row r="7722" spans="1:3" x14ac:dyDescent="0.15">
      <c r="A7722">
        <v>17289</v>
      </c>
      <c r="B7722" t="s">
        <v>15414</v>
      </c>
      <c r="C7722" t="s">
        <v>15415</v>
      </c>
    </row>
    <row r="7723" spans="1:3" x14ac:dyDescent="0.15">
      <c r="A7723">
        <v>17288</v>
      </c>
      <c r="B7723" t="s">
        <v>15416</v>
      </c>
      <c r="C7723" t="s">
        <v>15417</v>
      </c>
    </row>
    <row r="7724" spans="1:3" x14ac:dyDescent="0.15">
      <c r="A7724">
        <v>17287</v>
      </c>
      <c r="B7724" t="s">
        <v>15418</v>
      </c>
      <c r="C7724" t="s">
        <v>15419</v>
      </c>
    </row>
    <row r="7725" spans="1:3" x14ac:dyDescent="0.15">
      <c r="A7725">
        <v>17286</v>
      </c>
      <c r="B7725" t="s">
        <v>15420</v>
      </c>
      <c r="C7725" t="s">
        <v>15421</v>
      </c>
    </row>
    <row r="7726" spans="1:3" x14ac:dyDescent="0.15">
      <c r="A7726">
        <v>17285</v>
      </c>
      <c r="B7726" t="s">
        <v>15422</v>
      </c>
      <c r="C7726" t="s">
        <v>15423</v>
      </c>
    </row>
    <row r="7727" spans="1:3" x14ac:dyDescent="0.15">
      <c r="A7727">
        <v>17284</v>
      </c>
      <c r="B7727" t="s">
        <v>15424</v>
      </c>
      <c r="C7727" t="s">
        <v>15425</v>
      </c>
    </row>
    <row r="7728" spans="1:3" x14ac:dyDescent="0.15">
      <c r="A7728">
        <v>17283</v>
      </c>
      <c r="B7728" t="s">
        <v>15426</v>
      </c>
      <c r="C7728" t="s">
        <v>15427</v>
      </c>
    </row>
    <row r="7729" spans="1:3" x14ac:dyDescent="0.15">
      <c r="A7729">
        <v>17282</v>
      </c>
      <c r="B7729" t="s">
        <v>15428</v>
      </c>
      <c r="C7729" t="s">
        <v>15429</v>
      </c>
    </row>
    <row r="7730" spans="1:3" x14ac:dyDescent="0.15">
      <c r="A7730">
        <v>17281</v>
      </c>
      <c r="B7730" t="s">
        <v>15430</v>
      </c>
      <c r="C7730" t="s">
        <v>15431</v>
      </c>
    </row>
    <row r="7731" spans="1:3" x14ac:dyDescent="0.15">
      <c r="A7731">
        <v>17280</v>
      </c>
      <c r="B7731" t="s">
        <v>15432</v>
      </c>
      <c r="C7731" t="s">
        <v>15433</v>
      </c>
    </row>
    <row r="7732" spans="1:3" x14ac:dyDescent="0.15">
      <c r="A7732">
        <v>17279</v>
      </c>
      <c r="B7732" t="s">
        <v>15434</v>
      </c>
      <c r="C7732" t="s">
        <v>15435</v>
      </c>
    </row>
    <row r="7733" spans="1:3" x14ac:dyDescent="0.15">
      <c r="A7733">
        <v>17278</v>
      </c>
      <c r="B7733" t="s">
        <v>15436</v>
      </c>
      <c r="C7733" t="s">
        <v>15437</v>
      </c>
    </row>
    <row r="7734" spans="1:3" x14ac:dyDescent="0.15">
      <c r="A7734">
        <v>17277</v>
      </c>
      <c r="B7734" t="s">
        <v>15438</v>
      </c>
      <c r="C7734" t="s">
        <v>15439</v>
      </c>
    </row>
    <row r="7735" spans="1:3" x14ac:dyDescent="0.15">
      <c r="A7735">
        <v>17276</v>
      </c>
      <c r="B7735" t="s">
        <v>15440</v>
      </c>
      <c r="C7735" t="s">
        <v>15441</v>
      </c>
    </row>
    <row r="7736" spans="1:3" x14ac:dyDescent="0.15">
      <c r="A7736">
        <v>17275</v>
      </c>
      <c r="B7736" t="s">
        <v>15442</v>
      </c>
      <c r="C7736" t="s">
        <v>15443</v>
      </c>
    </row>
    <row r="7737" spans="1:3" x14ac:dyDescent="0.15">
      <c r="A7737">
        <v>17274</v>
      </c>
      <c r="B7737" t="s">
        <v>15444</v>
      </c>
      <c r="C7737" t="s">
        <v>15445</v>
      </c>
    </row>
    <row r="7738" spans="1:3" x14ac:dyDescent="0.15">
      <c r="A7738">
        <v>17273</v>
      </c>
      <c r="B7738" t="s">
        <v>15446</v>
      </c>
      <c r="C7738" t="s">
        <v>15447</v>
      </c>
    </row>
    <row r="7739" spans="1:3" x14ac:dyDescent="0.15">
      <c r="A7739">
        <v>17272</v>
      </c>
      <c r="B7739" t="s">
        <v>15448</v>
      </c>
      <c r="C7739" t="s">
        <v>15449</v>
      </c>
    </row>
    <row r="7740" spans="1:3" x14ac:dyDescent="0.15">
      <c r="A7740">
        <v>17271</v>
      </c>
      <c r="B7740" t="s">
        <v>15450</v>
      </c>
      <c r="C7740" t="s">
        <v>15451</v>
      </c>
    </row>
    <row r="7741" spans="1:3" x14ac:dyDescent="0.15">
      <c r="A7741">
        <v>17270</v>
      </c>
      <c r="B7741" t="s">
        <v>15452</v>
      </c>
      <c r="C7741" t="s">
        <v>15453</v>
      </c>
    </row>
    <row r="7742" spans="1:3" x14ac:dyDescent="0.15">
      <c r="A7742">
        <v>17269</v>
      </c>
      <c r="B7742" t="s">
        <v>15454</v>
      </c>
      <c r="C7742" t="s">
        <v>15455</v>
      </c>
    </row>
    <row r="7743" spans="1:3" x14ac:dyDescent="0.15">
      <c r="A7743">
        <v>17268</v>
      </c>
      <c r="B7743" t="s">
        <v>15456</v>
      </c>
      <c r="C7743" t="s">
        <v>15457</v>
      </c>
    </row>
    <row r="7744" spans="1:3" x14ac:dyDescent="0.15">
      <c r="A7744">
        <v>17267</v>
      </c>
      <c r="B7744" t="s">
        <v>15458</v>
      </c>
      <c r="C7744" t="s">
        <v>15459</v>
      </c>
    </row>
    <row r="7745" spans="1:3" x14ac:dyDescent="0.15">
      <c r="A7745">
        <v>17266</v>
      </c>
      <c r="B7745" t="s">
        <v>15460</v>
      </c>
      <c r="C7745" t="s">
        <v>15461</v>
      </c>
    </row>
    <row r="7746" spans="1:3" x14ac:dyDescent="0.15">
      <c r="A7746">
        <v>17265</v>
      </c>
      <c r="B7746" t="s">
        <v>15462</v>
      </c>
      <c r="C7746" t="s">
        <v>15463</v>
      </c>
    </row>
    <row r="7747" spans="1:3" x14ac:dyDescent="0.15">
      <c r="A7747">
        <v>17264</v>
      </c>
      <c r="B7747" t="s">
        <v>15464</v>
      </c>
      <c r="C7747" t="s">
        <v>15465</v>
      </c>
    </row>
    <row r="7748" spans="1:3" x14ac:dyDescent="0.15">
      <c r="A7748">
        <v>17263</v>
      </c>
      <c r="B7748" t="s">
        <v>15466</v>
      </c>
      <c r="C7748" t="s">
        <v>15467</v>
      </c>
    </row>
    <row r="7749" spans="1:3" x14ac:dyDescent="0.15">
      <c r="A7749">
        <v>17262</v>
      </c>
      <c r="B7749" t="s">
        <v>15468</v>
      </c>
      <c r="C7749" t="s">
        <v>15469</v>
      </c>
    </row>
    <row r="7750" spans="1:3" x14ac:dyDescent="0.15">
      <c r="A7750">
        <v>17261</v>
      </c>
      <c r="B7750" t="s">
        <v>15470</v>
      </c>
      <c r="C7750" t="s">
        <v>15471</v>
      </c>
    </row>
    <row r="7751" spans="1:3" x14ac:dyDescent="0.15">
      <c r="A7751">
        <v>17260</v>
      </c>
      <c r="B7751" t="s">
        <v>15472</v>
      </c>
      <c r="C7751" t="s">
        <v>15473</v>
      </c>
    </row>
    <row r="7752" spans="1:3" x14ac:dyDescent="0.15">
      <c r="A7752">
        <v>17259</v>
      </c>
      <c r="B7752" t="s">
        <v>15474</v>
      </c>
      <c r="C7752" t="s">
        <v>15475</v>
      </c>
    </row>
    <row r="7753" spans="1:3" x14ac:dyDescent="0.15">
      <c r="A7753">
        <v>17258</v>
      </c>
      <c r="B7753" t="s">
        <v>15476</v>
      </c>
      <c r="C7753" t="s">
        <v>15477</v>
      </c>
    </row>
    <row r="7754" spans="1:3" x14ac:dyDescent="0.15">
      <c r="A7754">
        <v>17257</v>
      </c>
      <c r="B7754" t="s">
        <v>15478</v>
      </c>
      <c r="C7754" t="s">
        <v>15479</v>
      </c>
    </row>
    <row r="7755" spans="1:3" x14ac:dyDescent="0.15">
      <c r="A7755">
        <v>17256</v>
      </c>
      <c r="B7755" t="s">
        <v>15480</v>
      </c>
      <c r="C7755" t="s">
        <v>15481</v>
      </c>
    </row>
    <row r="7756" spans="1:3" x14ac:dyDescent="0.15">
      <c r="A7756">
        <v>17255</v>
      </c>
      <c r="B7756" t="s">
        <v>15482</v>
      </c>
      <c r="C7756" t="s">
        <v>15483</v>
      </c>
    </row>
    <row r="7757" spans="1:3" x14ac:dyDescent="0.15">
      <c r="A7757">
        <v>17254</v>
      </c>
      <c r="B7757" t="s">
        <v>15484</v>
      </c>
      <c r="C7757" t="s">
        <v>15485</v>
      </c>
    </row>
    <row r="7758" spans="1:3" x14ac:dyDescent="0.15">
      <c r="A7758">
        <v>17253</v>
      </c>
      <c r="B7758" t="s">
        <v>15486</v>
      </c>
      <c r="C7758" t="s">
        <v>15487</v>
      </c>
    </row>
    <row r="7759" spans="1:3" x14ac:dyDescent="0.15">
      <c r="A7759">
        <v>17252</v>
      </c>
      <c r="B7759" t="s">
        <v>15488</v>
      </c>
      <c r="C7759" t="s">
        <v>15489</v>
      </c>
    </row>
    <row r="7760" spans="1:3" x14ac:dyDescent="0.15">
      <c r="A7760">
        <v>17251</v>
      </c>
      <c r="B7760" t="s">
        <v>15490</v>
      </c>
      <c r="C7760" t="s">
        <v>15491</v>
      </c>
    </row>
    <row r="7761" spans="1:3" x14ac:dyDescent="0.15">
      <c r="A7761">
        <v>17250</v>
      </c>
      <c r="B7761" t="s">
        <v>15492</v>
      </c>
      <c r="C7761" t="s">
        <v>15493</v>
      </c>
    </row>
    <row r="7762" spans="1:3" x14ac:dyDescent="0.15">
      <c r="A7762">
        <v>17249</v>
      </c>
      <c r="B7762" t="s">
        <v>15494</v>
      </c>
      <c r="C7762" t="s">
        <v>15495</v>
      </c>
    </row>
    <row r="7763" spans="1:3" x14ac:dyDescent="0.15">
      <c r="A7763">
        <v>17248</v>
      </c>
      <c r="B7763" t="s">
        <v>15496</v>
      </c>
      <c r="C7763" t="s">
        <v>15497</v>
      </c>
    </row>
    <row r="7764" spans="1:3" x14ac:dyDescent="0.15">
      <c r="A7764">
        <v>17247</v>
      </c>
      <c r="B7764" t="s">
        <v>15498</v>
      </c>
      <c r="C7764" t="s">
        <v>15499</v>
      </c>
    </row>
    <row r="7765" spans="1:3" x14ac:dyDescent="0.15">
      <c r="A7765">
        <v>17246</v>
      </c>
      <c r="B7765" t="s">
        <v>15500</v>
      </c>
      <c r="C7765" t="s">
        <v>15501</v>
      </c>
    </row>
    <row r="7766" spans="1:3" x14ac:dyDescent="0.15">
      <c r="A7766">
        <v>17245</v>
      </c>
      <c r="B7766" t="s">
        <v>15502</v>
      </c>
      <c r="C7766" t="s">
        <v>15503</v>
      </c>
    </row>
    <row r="7767" spans="1:3" x14ac:dyDescent="0.15">
      <c r="A7767">
        <v>17244</v>
      </c>
      <c r="B7767" t="s">
        <v>15504</v>
      </c>
      <c r="C7767" t="s">
        <v>15505</v>
      </c>
    </row>
    <row r="7768" spans="1:3" x14ac:dyDescent="0.15">
      <c r="A7768">
        <v>17243</v>
      </c>
      <c r="B7768" t="s">
        <v>15506</v>
      </c>
      <c r="C7768" t="s">
        <v>15507</v>
      </c>
    </row>
    <row r="7769" spans="1:3" x14ac:dyDescent="0.15">
      <c r="A7769">
        <v>17242</v>
      </c>
      <c r="B7769" t="s">
        <v>15508</v>
      </c>
      <c r="C7769" t="s">
        <v>15509</v>
      </c>
    </row>
    <row r="7770" spans="1:3" x14ac:dyDescent="0.15">
      <c r="A7770">
        <v>17241</v>
      </c>
      <c r="B7770" t="s">
        <v>15510</v>
      </c>
      <c r="C7770" t="s">
        <v>15511</v>
      </c>
    </row>
    <row r="7771" spans="1:3" x14ac:dyDescent="0.15">
      <c r="A7771">
        <v>17240</v>
      </c>
      <c r="B7771" t="s">
        <v>15512</v>
      </c>
      <c r="C7771" t="s">
        <v>15513</v>
      </c>
    </row>
    <row r="7772" spans="1:3" x14ac:dyDescent="0.15">
      <c r="A7772">
        <v>17239</v>
      </c>
      <c r="B7772" t="s">
        <v>15514</v>
      </c>
      <c r="C7772" t="s">
        <v>15515</v>
      </c>
    </row>
    <row r="7773" spans="1:3" x14ac:dyDescent="0.15">
      <c r="A7773">
        <v>17238</v>
      </c>
      <c r="B7773" t="s">
        <v>15516</v>
      </c>
      <c r="C7773" t="s">
        <v>15517</v>
      </c>
    </row>
    <row r="7774" spans="1:3" x14ac:dyDescent="0.15">
      <c r="A7774">
        <v>17237</v>
      </c>
      <c r="B7774" t="s">
        <v>15518</v>
      </c>
      <c r="C7774" t="s">
        <v>15519</v>
      </c>
    </row>
    <row r="7775" spans="1:3" x14ac:dyDescent="0.15">
      <c r="A7775">
        <v>17236</v>
      </c>
      <c r="B7775" t="s">
        <v>15520</v>
      </c>
      <c r="C7775" t="s">
        <v>15521</v>
      </c>
    </row>
    <row r="7776" spans="1:3" x14ac:dyDescent="0.15">
      <c r="A7776">
        <v>17235</v>
      </c>
      <c r="B7776" t="s">
        <v>15522</v>
      </c>
      <c r="C7776" t="s">
        <v>15523</v>
      </c>
    </row>
    <row r="7777" spans="1:3" x14ac:dyDescent="0.15">
      <c r="A7777">
        <v>17234</v>
      </c>
      <c r="B7777" t="s">
        <v>15524</v>
      </c>
      <c r="C7777" t="s">
        <v>15525</v>
      </c>
    </row>
    <row r="7778" spans="1:3" x14ac:dyDescent="0.15">
      <c r="A7778">
        <v>17233</v>
      </c>
      <c r="B7778" t="s">
        <v>15526</v>
      </c>
      <c r="C7778" t="s">
        <v>15527</v>
      </c>
    </row>
    <row r="7779" spans="1:3" x14ac:dyDescent="0.15">
      <c r="A7779">
        <v>17232</v>
      </c>
      <c r="B7779" t="s">
        <v>15528</v>
      </c>
      <c r="C7779" t="s">
        <v>15529</v>
      </c>
    </row>
    <row r="7780" spans="1:3" x14ac:dyDescent="0.15">
      <c r="A7780">
        <v>17231</v>
      </c>
      <c r="B7780" t="s">
        <v>15530</v>
      </c>
      <c r="C7780" t="s">
        <v>15531</v>
      </c>
    </row>
    <row r="7781" spans="1:3" x14ac:dyDescent="0.15">
      <c r="A7781">
        <v>17230</v>
      </c>
      <c r="B7781" t="s">
        <v>15532</v>
      </c>
      <c r="C7781" t="s">
        <v>15533</v>
      </c>
    </row>
    <row r="7782" spans="1:3" x14ac:dyDescent="0.15">
      <c r="A7782">
        <v>17229</v>
      </c>
      <c r="B7782" t="s">
        <v>15534</v>
      </c>
      <c r="C7782" t="s">
        <v>15535</v>
      </c>
    </row>
    <row r="7783" spans="1:3" x14ac:dyDescent="0.15">
      <c r="A7783">
        <v>17228</v>
      </c>
      <c r="B7783" t="s">
        <v>15536</v>
      </c>
      <c r="C7783" t="s">
        <v>15537</v>
      </c>
    </row>
    <row r="7784" spans="1:3" x14ac:dyDescent="0.15">
      <c r="A7784">
        <v>17227</v>
      </c>
      <c r="B7784" t="s">
        <v>15538</v>
      </c>
      <c r="C7784" t="s">
        <v>15539</v>
      </c>
    </row>
    <row r="7785" spans="1:3" x14ac:dyDescent="0.15">
      <c r="A7785">
        <v>17226</v>
      </c>
      <c r="B7785" t="s">
        <v>15540</v>
      </c>
      <c r="C7785" t="s">
        <v>15541</v>
      </c>
    </row>
    <row r="7786" spans="1:3" x14ac:dyDescent="0.15">
      <c r="A7786">
        <v>17225</v>
      </c>
      <c r="B7786" t="s">
        <v>15542</v>
      </c>
      <c r="C7786" t="s">
        <v>15543</v>
      </c>
    </row>
    <row r="7787" spans="1:3" x14ac:dyDescent="0.15">
      <c r="A7787">
        <v>17224</v>
      </c>
      <c r="B7787" t="s">
        <v>15544</v>
      </c>
      <c r="C7787" t="s">
        <v>15545</v>
      </c>
    </row>
    <row r="7788" spans="1:3" x14ac:dyDescent="0.15">
      <c r="A7788">
        <v>17223</v>
      </c>
      <c r="B7788" t="s">
        <v>15546</v>
      </c>
      <c r="C7788" t="s">
        <v>15547</v>
      </c>
    </row>
    <row r="7789" spans="1:3" x14ac:dyDescent="0.15">
      <c r="A7789">
        <v>17222</v>
      </c>
      <c r="B7789" t="s">
        <v>15548</v>
      </c>
      <c r="C7789" t="s">
        <v>15549</v>
      </c>
    </row>
    <row r="7790" spans="1:3" x14ac:dyDescent="0.15">
      <c r="A7790">
        <v>17221</v>
      </c>
      <c r="B7790" t="s">
        <v>15550</v>
      </c>
      <c r="C7790" t="s">
        <v>15551</v>
      </c>
    </row>
    <row r="7791" spans="1:3" x14ac:dyDescent="0.15">
      <c r="A7791">
        <v>17220</v>
      </c>
      <c r="B7791" t="s">
        <v>15552</v>
      </c>
      <c r="C7791" t="s">
        <v>15553</v>
      </c>
    </row>
    <row r="7792" spans="1:3" x14ac:dyDescent="0.15">
      <c r="A7792">
        <v>17219</v>
      </c>
      <c r="B7792" t="s">
        <v>15554</v>
      </c>
      <c r="C7792" t="s">
        <v>15555</v>
      </c>
    </row>
    <row r="7793" spans="1:3" x14ac:dyDescent="0.15">
      <c r="A7793">
        <v>17218</v>
      </c>
      <c r="B7793" t="s">
        <v>15556</v>
      </c>
      <c r="C7793" t="s">
        <v>15557</v>
      </c>
    </row>
    <row r="7794" spans="1:3" x14ac:dyDescent="0.15">
      <c r="A7794">
        <v>17217</v>
      </c>
      <c r="B7794" t="s">
        <v>15558</v>
      </c>
      <c r="C7794" t="s">
        <v>15559</v>
      </c>
    </row>
    <row r="7795" spans="1:3" x14ac:dyDescent="0.15">
      <c r="A7795">
        <v>17216</v>
      </c>
      <c r="B7795" t="s">
        <v>15560</v>
      </c>
      <c r="C7795" t="s">
        <v>15561</v>
      </c>
    </row>
    <row r="7796" spans="1:3" x14ac:dyDescent="0.15">
      <c r="A7796">
        <v>17215</v>
      </c>
      <c r="B7796" t="s">
        <v>15562</v>
      </c>
      <c r="C7796" t="s">
        <v>15563</v>
      </c>
    </row>
    <row r="7797" spans="1:3" x14ac:dyDescent="0.15">
      <c r="A7797">
        <v>17214</v>
      </c>
      <c r="B7797" t="s">
        <v>15564</v>
      </c>
      <c r="C7797" t="s">
        <v>15565</v>
      </c>
    </row>
    <row r="7798" spans="1:3" x14ac:dyDescent="0.15">
      <c r="A7798">
        <v>17213</v>
      </c>
      <c r="B7798" t="s">
        <v>15566</v>
      </c>
      <c r="C7798" t="s">
        <v>15567</v>
      </c>
    </row>
    <row r="7799" spans="1:3" x14ac:dyDescent="0.15">
      <c r="A7799">
        <v>17212</v>
      </c>
      <c r="B7799" t="s">
        <v>15568</v>
      </c>
      <c r="C7799" t="s">
        <v>15569</v>
      </c>
    </row>
    <row r="7800" spans="1:3" x14ac:dyDescent="0.15">
      <c r="A7800">
        <v>17211</v>
      </c>
      <c r="B7800" t="s">
        <v>15570</v>
      </c>
      <c r="C7800" t="s">
        <v>15571</v>
      </c>
    </row>
    <row r="7801" spans="1:3" x14ac:dyDescent="0.15">
      <c r="A7801">
        <v>17210</v>
      </c>
      <c r="B7801" t="s">
        <v>15572</v>
      </c>
      <c r="C7801" t="s">
        <v>15573</v>
      </c>
    </row>
    <row r="7802" spans="1:3" x14ac:dyDescent="0.15">
      <c r="A7802">
        <v>17209</v>
      </c>
      <c r="B7802" t="s">
        <v>15574</v>
      </c>
      <c r="C7802" t="s">
        <v>15575</v>
      </c>
    </row>
    <row r="7803" spans="1:3" x14ac:dyDescent="0.15">
      <c r="A7803">
        <v>17208</v>
      </c>
      <c r="B7803" t="s">
        <v>15576</v>
      </c>
      <c r="C7803" t="s">
        <v>15577</v>
      </c>
    </row>
    <row r="7804" spans="1:3" x14ac:dyDescent="0.15">
      <c r="A7804">
        <v>17207</v>
      </c>
      <c r="B7804" t="s">
        <v>15578</v>
      </c>
      <c r="C7804" t="s">
        <v>15579</v>
      </c>
    </row>
    <row r="7805" spans="1:3" x14ac:dyDescent="0.15">
      <c r="A7805">
        <v>17206</v>
      </c>
      <c r="B7805" t="s">
        <v>15580</v>
      </c>
      <c r="C7805" t="s">
        <v>15581</v>
      </c>
    </row>
    <row r="7806" spans="1:3" x14ac:dyDescent="0.15">
      <c r="A7806">
        <v>17205</v>
      </c>
      <c r="B7806" t="s">
        <v>15582</v>
      </c>
      <c r="C7806" t="s">
        <v>15583</v>
      </c>
    </row>
    <row r="7807" spans="1:3" x14ac:dyDescent="0.15">
      <c r="A7807">
        <v>17204</v>
      </c>
      <c r="B7807" t="s">
        <v>15584</v>
      </c>
      <c r="C7807" t="s">
        <v>15585</v>
      </c>
    </row>
    <row r="7808" spans="1:3" x14ac:dyDescent="0.15">
      <c r="A7808">
        <v>17203</v>
      </c>
      <c r="B7808" t="s">
        <v>15586</v>
      </c>
      <c r="C7808" t="s">
        <v>15587</v>
      </c>
    </row>
    <row r="7809" spans="1:3" x14ac:dyDescent="0.15">
      <c r="A7809">
        <v>17202</v>
      </c>
      <c r="B7809" t="s">
        <v>15588</v>
      </c>
      <c r="C7809" t="s">
        <v>15589</v>
      </c>
    </row>
    <row r="7810" spans="1:3" x14ac:dyDescent="0.15">
      <c r="A7810">
        <v>17201</v>
      </c>
      <c r="B7810" t="s">
        <v>15590</v>
      </c>
      <c r="C7810" t="s">
        <v>15591</v>
      </c>
    </row>
    <row r="7811" spans="1:3" x14ac:dyDescent="0.15">
      <c r="A7811">
        <v>17200</v>
      </c>
      <c r="B7811" t="s">
        <v>15592</v>
      </c>
      <c r="C7811" t="s">
        <v>15593</v>
      </c>
    </row>
    <row r="7812" spans="1:3" x14ac:dyDescent="0.15">
      <c r="A7812">
        <v>17199</v>
      </c>
      <c r="B7812" t="s">
        <v>15594</v>
      </c>
      <c r="C7812" t="s">
        <v>15595</v>
      </c>
    </row>
    <row r="7813" spans="1:3" x14ac:dyDescent="0.15">
      <c r="A7813">
        <v>17198</v>
      </c>
      <c r="B7813" t="s">
        <v>15596</v>
      </c>
      <c r="C7813" t="s">
        <v>15597</v>
      </c>
    </row>
    <row r="7814" spans="1:3" x14ac:dyDescent="0.15">
      <c r="A7814">
        <v>17197</v>
      </c>
      <c r="B7814" t="s">
        <v>15598</v>
      </c>
      <c r="C7814" t="s">
        <v>15599</v>
      </c>
    </row>
    <row r="7815" spans="1:3" x14ac:dyDescent="0.15">
      <c r="A7815">
        <v>17196</v>
      </c>
      <c r="B7815" t="s">
        <v>15600</v>
      </c>
      <c r="C7815" t="s">
        <v>15601</v>
      </c>
    </row>
    <row r="7816" spans="1:3" x14ac:dyDescent="0.15">
      <c r="A7816">
        <v>17195</v>
      </c>
      <c r="B7816" t="s">
        <v>15602</v>
      </c>
      <c r="C7816" t="s">
        <v>15603</v>
      </c>
    </row>
    <row r="7817" spans="1:3" x14ac:dyDescent="0.15">
      <c r="A7817">
        <v>17194</v>
      </c>
      <c r="B7817" t="s">
        <v>15604</v>
      </c>
      <c r="C7817" t="s">
        <v>15605</v>
      </c>
    </row>
    <row r="7818" spans="1:3" x14ac:dyDescent="0.15">
      <c r="A7818">
        <v>17193</v>
      </c>
      <c r="B7818" t="s">
        <v>15606</v>
      </c>
      <c r="C7818" t="s">
        <v>15607</v>
      </c>
    </row>
    <row r="7819" spans="1:3" x14ac:dyDescent="0.15">
      <c r="A7819">
        <v>17192</v>
      </c>
      <c r="B7819" t="s">
        <v>15608</v>
      </c>
      <c r="C7819" t="s">
        <v>15609</v>
      </c>
    </row>
    <row r="7820" spans="1:3" x14ac:dyDescent="0.15">
      <c r="A7820">
        <v>17191</v>
      </c>
      <c r="B7820" t="s">
        <v>15610</v>
      </c>
      <c r="C7820" t="s">
        <v>15611</v>
      </c>
    </row>
    <row r="7821" spans="1:3" x14ac:dyDescent="0.15">
      <c r="A7821">
        <v>17190</v>
      </c>
      <c r="B7821" t="s">
        <v>15612</v>
      </c>
      <c r="C7821" t="s">
        <v>15613</v>
      </c>
    </row>
    <row r="7822" spans="1:3" x14ac:dyDescent="0.15">
      <c r="A7822">
        <v>17189</v>
      </c>
      <c r="B7822" t="s">
        <v>15614</v>
      </c>
      <c r="C7822" t="s">
        <v>15615</v>
      </c>
    </row>
    <row r="7823" spans="1:3" x14ac:dyDescent="0.15">
      <c r="A7823">
        <v>17188</v>
      </c>
      <c r="B7823" t="s">
        <v>15616</v>
      </c>
      <c r="C7823" t="s">
        <v>15617</v>
      </c>
    </row>
    <row r="7824" spans="1:3" x14ac:dyDescent="0.15">
      <c r="A7824">
        <v>17187</v>
      </c>
      <c r="B7824" t="s">
        <v>15618</v>
      </c>
      <c r="C7824" t="s">
        <v>15619</v>
      </c>
    </row>
    <row r="7825" spans="1:3" x14ac:dyDescent="0.15">
      <c r="A7825">
        <v>17186</v>
      </c>
      <c r="B7825" t="s">
        <v>15620</v>
      </c>
      <c r="C7825" t="s">
        <v>15621</v>
      </c>
    </row>
    <row r="7826" spans="1:3" x14ac:dyDescent="0.15">
      <c r="A7826">
        <v>17185</v>
      </c>
      <c r="B7826" t="s">
        <v>15622</v>
      </c>
      <c r="C7826" t="s">
        <v>15623</v>
      </c>
    </row>
    <row r="7827" spans="1:3" x14ac:dyDescent="0.15">
      <c r="A7827">
        <v>17184</v>
      </c>
      <c r="B7827" t="s">
        <v>15624</v>
      </c>
      <c r="C7827" t="s">
        <v>15625</v>
      </c>
    </row>
    <row r="7828" spans="1:3" x14ac:dyDescent="0.15">
      <c r="A7828">
        <v>17183</v>
      </c>
      <c r="B7828" t="s">
        <v>15626</v>
      </c>
      <c r="C7828" t="s">
        <v>15627</v>
      </c>
    </row>
    <row r="7829" spans="1:3" x14ac:dyDescent="0.15">
      <c r="A7829">
        <v>17182</v>
      </c>
      <c r="B7829" t="s">
        <v>15628</v>
      </c>
      <c r="C7829" t="s">
        <v>15629</v>
      </c>
    </row>
    <row r="7830" spans="1:3" x14ac:dyDescent="0.15">
      <c r="A7830">
        <v>17181</v>
      </c>
      <c r="B7830" t="s">
        <v>15630</v>
      </c>
      <c r="C7830" t="s">
        <v>15631</v>
      </c>
    </row>
    <row r="7831" spans="1:3" x14ac:dyDescent="0.15">
      <c r="A7831">
        <v>17180</v>
      </c>
      <c r="B7831" t="s">
        <v>15632</v>
      </c>
      <c r="C7831" t="s">
        <v>15633</v>
      </c>
    </row>
    <row r="7832" spans="1:3" x14ac:dyDescent="0.15">
      <c r="A7832">
        <v>17179</v>
      </c>
      <c r="B7832" t="s">
        <v>15634</v>
      </c>
      <c r="C7832" t="s">
        <v>15635</v>
      </c>
    </row>
    <row r="7833" spans="1:3" x14ac:dyDescent="0.15">
      <c r="A7833">
        <v>17178</v>
      </c>
      <c r="B7833" t="s">
        <v>15636</v>
      </c>
      <c r="C7833" t="s">
        <v>15637</v>
      </c>
    </row>
    <row r="7834" spans="1:3" x14ac:dyDescent="0.15">
      <c r="A7834">
        <v>17177</v>
      </c>
      <c r="B7834" t="s">
        <v>15638</v>
      </c>
      <c r="C7834" t="s">
        <v>15639</v>
      </c>
    </row>
    <row r="7835" spans="1:3" x14ac:dyDescent="0.15">
      <c r="A7835">
        <v>17176</v>
      </c>
      <c r="B7835" t="s">
        <v>15640</v>
      </c>
      <c r="C7835" t="s">
        <v>15641</v>
      </c>
    </row>
    <row r="7836" spans="1:3" x14ac:dyDescent="0.15">
      <c r="A7836">
        <v>17175</v>
      </c>
      <c r="B7836" t="s">
        <v>15642</v>
      </c>
      <c r="C7836" t="s">
        <v>15643</v>
      </c>
    </row>
    <row r="7837" spans="1:3" x14ac:dyDescent="0.15">
      <c r="A7837">
        <v>17174</v>
      </c>
      <c r="B7837" t="s">
        <v>15644</v>
      </c>
      <c r="C7837" t="s">
        <v>15645</v>
      </c>
    </row>
    <row r="7838" spans="1:3" x14ac:dyDescent="0.15">
      <c r="A7838">
        <v>17173</v>
      </c>
      <c r="B7838" t="s">
        <v>15646</v>
      </c>
      <c r="C7838" t="s">
        <v>15647</v>
      </c>
    </row>
    <row r="7839" spans="1:3" x14ac:dyDescent="0.15">
      <c r="A7839">
        <v>17172</v>
      </c>
      <c r="B7839" t="s">
        <v>15648</v>
      </c>
      <c r="C7839" t="s">
        <v>15649</v>
      </c>
    </row>
    <row r="7840" spans="1:3" x14ac:dyDescent="0.15">
      <c r="A7840">
        <v>17171</v>
      </c>
      <c r="B7840" t="s">
        <v>15650</v>
      </c>
      <c r="C7840" t="s">
        <v>15651</v>
      </c>
    </row>
    <row r="7841" spans="1:3" x14ac:dyDescent="0.15">
      <c r="A7841">
        <v>17170</v>
      </c>
      <c r="B7841" t="s">
        <v>15652</v>
      </c>
      <c r="C7841" t="s">
        <v>15653</v>
      </c>
    </row>
    <row r="7842" spans="1:3" x14ac:dyDescent="0.15">
      <c r="A7842">
        <v>17169</v>
      </c>
      <c r="B7842" t="s">
        <v>15654</v>
      </c>
      <c r="C7842" t="s">
        <v>15655</v>
      </c>
    </row>
    <row r="7843" spans="1:3" x14ac:dyDescent="0.15">
      <c r="A7843">
        <v>17168</v>
      </c>
      <c r="B7843" t="s">
        <v>15656</v>
      </c>
      <c r="C7843" t="s">
        <v>15657</v>
      </c>
    </row>
    <row r="7844" spans="1:3" x14ac:dyDescent="0.15">
      <c r="A7844">
        <v>17167</v>
      </c>
      <c r="B7844" t="s">
        <v>15658</v>
      </c>
      <c r="C7844" t="s">
        <v>15659</v>
      </c>
    </row>
    <row r="7845" spans="1:3" x14ac:dyDescent="0.15">
      <c r="A7845">
        <v>17166</v>
      </c>
      <c r="B7845" t="s">
        <v>15660</v>
      </c>
      <c r="C7845" t="s">
        <v>15661</v>
      </c>
    </row>
    <row r="7846" spans="1:3" x14ac:dyDescent="0.15">
      <c r="A7846">
        <v>17165</v>
      </c>
      <c r="B7846" t="s">
        <v>15662</v>
      </c>
      <c r="C7846" t="s">
        <v>15663</v>
      </c>
    </row>
    <row r="7847" spans="1:3" x14ac:dyDescent="0.15">
      <c r="A7847">
        <v>17164</v>
      </c>
      <c r="B7847" t="s">
        <v>15664</v>
      </c>
      <c r="C7847" t="s">
        <v>15665</v>
      </c>
    </row>
    <row r="7848" spans="1:3" x14ac:dyDescent="0.15">
      <c r="A7848">
        <v>17163</v>
      </c>
      <c r="B7848" t="s">
        <v>15666</v>
      </c>
      <c r="C7848" t="s">
        <v>15667</v>
      </c>
    </row>
    <row r="7849" spans="1:3" x14ac:dyDescent="0.15">
      <c r="A7849">
        <v>17162</v>
      </c>
      <c r="B7849" t="s">
        <v>15668</v>
      </c>
      <c r="C7849" t="s">
        <v>15669</v>
      </c>
    </row>
    <row r="7850" spans="1:3" x14ac:dyDescent="0.15">
      <c r="A7850">
        <v>17161</v>
      </c>
      <c r="B7850" t="s">
        <v>15670</v>
      </c>
      <c r="C7850" t="s">
        <v>15671</v>
      </c>
    </row>
    <row r="7851" spans="1:3" x14ac:dyDescent="0.15">
      <c r="A7851">
        <v>17160</v>
      </c>
      <c r="B7851" t="s">
        <v>15672</v>
      </c>
      <c r="C7851" t="s">
        <v>15673</v>
      </c>
    </row>
    <row r="7852" spans="1:3" x14ac:dyDescent="0.15">
      <c r="A7852">
        <v>17159</v>
      </c>
      <c r="B7852" t="s">
        <v>15674</v>
      </c>
      <c r="C7852" t="s">
        <v>15675</v>
      </c>
    </row>
    <row r="7853" spans="1:3" x14ac:dyDescent="0.15">
      <c r="A7853">
        <v>17158</v>
      </c>
      <c r="B7853" t="s">
        <v>15676</v>
      </c>
      <c r="C7853" t="s">
        <v>15677</v>
      </c>
    </row>
    <row r="7854" spans="1:3" x14ac:dyDescent="0.15">
      <c r="A7854">
        <v>17157</v>
      </c>
      <c r="B7854" t="s">
        <v>15678</v>
      </c>
      <c r="C7854" t="s">
        <v>15679</v>
      </c>
    </row>
    <row r="7855" spans="1:3" x14ac:dyDescent="0.15">
      <c r="A7855">
        <v>17156</v>
      </c>
      <c r="B7855" t="s">
        <v>15680</v>
      </c>
      <c r="C7855" t="s">
        <v>15681</v>
      </c>
    </row>
    <row r="7856" spans="1:3" x14ac:dyDescent="0.15">
      <c r="A7856">
        <v>17155</v>
      </c>
      <c r="B7856" t="s">
        <v>15682</v>
      </c>
      <c r="C7856" t="s">
        <v>15683</v>
      </c>
    </row>
    <row r="7857" spans="1:3" x14ac:dyDescent="0.15">
      <c r="A7857">
        <v>17154</v>
      </c>
      <c r="B7857" t="s">
        <v>15684</v>
      </c>
      <c r="C7857" t="s">
        <v>15685</v>
      </c>
    </row>
    <row r="7858" spans="1:3" x14ac:dyDescent="0.15">
      <c r="A7858">
        <v>17153</v>
      </c>
      <c r="B7858" t="s">
        <v>15686</v>
      </c>
      <c r="C7858" t="s">
        <v>15687</v>
      </c>
    </row>
    <row r="7859" spans="1:3" x14ac:dyDescent="0.15">
      <c r="A7859">
        <v>17152</v>
      </c>
      <c r="B7859" t="s">
        <v>15688</v>
      </c>
      <c r="C7859" t="s">
        <v>15689</v>
      </c>
    </row>
    <row r="7860" spans="1:3" x14ac:dyDescent="0.15">
      <c r="A7860">
        <v>17151</v>
      </c>
      <c r="B7860" t="s">
        <v>15690</v>
      </c>
      <c r="C7860" t="s">
        <v>15691</v>
      </c>
    </row>
    <row r="7861" spans="1:3" x14ac:dyDescent="0.15">
      <c r="A7861">
        <v>17150</v>
      </c>
      <c r="B7861" t="s">
        <v>15692</v>
      </c>
      <c r="C7861" t="s">
        <v>15693</v>
      </c>
    </row>
    <row r="7862" spans="1:3" x14ac:dyDescent="0.15">
      <c r="A7862">
        <v>17149</v>
      </c>
      <c r="B7862" t="s">
        <v>15694</v>
      </c>
      <c r="C7862" t="s">
        <v>15695</v>
      </c>
    </row>
    <row r="7863" spans="1:3" x14ac:dyDescent="0.15">
      <c r="A7863">
        <v>17148</v>
      </c>
      <c r="B7863" t="s">
        <v>15696</v>
      </c>
      <c r="C7863" t="s">
        <v>15697</v>
      </c>
    </row>
    <row r="7864" spans="1:3" x14ac:dyDescent="0.15">
      <c r="A7864">
        <v>17147</v>
      </c>
      <c r="B7864" t="s">
        <v>15698</v>
      </c>
      <c r="C7864" t="s">
        <v>15699</v>
      </c>
    </row>
    <row r="7865" spans="1:3" x14ac:dyDescent="0.15">
      <c r="A7865">
        <v>17146</v>
      </c>
      <c r="B7865" t="s">
        <v>15700</v>
      </c>
      <c r="C7865" t="s">
        <v>15701</v>
      </c>
    </row>
    <row r="7866" spans="1:3" x14ac:dyDescent="0.15">
      <c r="A7866">
        <v>17145</v>
      </c>
      <c r="B7866" t="s">
        <v>15702</v>
      </c>
      <c r="C7866" t="s">
        <v>15703</v>
      </c>
    </row>
    <row r="7867" spans="1:3" x14ac:dyDescent="0.15">
      <c r="A7867">
        <v>17144</v>
      </c>
      <c r="B7867" t="s">
        <v>15704</v>
      </c>
      <c r="C7867" t="s">
        <v>15705</v>
      </c>
    </row>
    <row r="7868" spans="1:3" x14ac:dyDescent="0.15">
      <c r="A7868">
        <v>17143</v>
      </c>
      <c r="B7868" t="s">
        <v>15706</v>
      </c>
      <c r="C7868" t="s">
        <v>15707</v>
      </c>
    </row>
    <row r="7869" spans="1:3" x14ac:dyDescent="0.15">
      <c r="A7869">
        <v>17142</v>
      </c>
      <c r="B7869" t="s">
        <v>15708</v>
      </c>
      <c r="C7869" t="s">
        <v>15709</v>
      </c>
    </row>
    <row r="7870" spans="1:3" x14ac:dyDescent="0.15">
      <c r="A7870">
        <v>17141</v>
      </c>
      <c r="B7870" t="s">
        <v>15710</v>
      </c>
      <c r="C7870" t="s">
        <v>15711</v>
      </c>
    </row>
    <row r="7871" spans="1:3" x14ac:dyDescent="0.15">
      <c r="A7871">
        <v>17140</v>
      </c>
      <c r="B7871" t="s">
        <v>15712</v>
      </c>
      <c r="C7871" t="s">
        <v>15713</v>
      </c>
    </row>
    <row r="7872" spans="1:3" x14ac:dyDescent="0.15">
      <c r="A7872">
        <v>17139</v>
      </c>
      <c r="B7872" t="s">
        <v>15714</v>
      </c>
      <c r="C7872" t="s">
        <v>15715</v>
      </c>
    </row>
    <row r="7873" spans="1:3" x14ac:dyDescent="0.15">
      <c r="A7873">
        <v>17138</v>
      </c>
      <c r="B7873" t="s">
        <v>15716</v>
      </c>
      <c r="C7873" t="s">
        <v>15717</v>
      </c>
    </row>
    <row r="7874" spans="1:3" x14ac:dyDescent="0.15">
      <c r="A7874">
        <v>17137</v>
      </c>
      <c r="B7874" t="s">
        <v>15718</v>
      </c>
      <c r="C7874" t="s">
        <v>15719</v>
      </c>
    </row>
    <row r="7875" spans="1:3" x14ac:dyDescent="0.15">
      <c r="A7875">
        <v>17136</v>
      </c>
      <c r="B7875" t="s">
        <v>15720</v>
      </c>
      <c r="C7875" t="s">
        <v>15721</v>
      </c>
    </row>
    <row r="7876" spans="1:3" x14ac:dyDescent="0.15">
      <c r="A7876">
        <v>17135</v>
      </c>
      <c r="B7876" t="s">
        <v>15722</v>
      </c>
      <c r="C7876" t="s">
        <v>15723</v>
      </c>
    </row>
    <row r="7877" spans="1:3" x14ac:dyDescent="0.15">
      <c r="A7877">
        <v>17134</v>
      </c>
      <c r="B7877" t="s">
        <v>15724</v>
      </c>
      <c r="C7877" t="s">
        <v>15725</v>
      </c>
    </row>
    <row r="7878" spans="1:3" x14ac:dyDescent="0.15">
      <c r="A7878">
        <v>17133</v>
      </c>
      <c r="B7878" t="s">
        <v>15726</v>
      </c>
      <c r="C7878" t="s">
        <v>15727</v>
      </c>
    </row>
    <row r="7879" spans="1:3" x14ac:dyDescent="0.15">
      <c r="A7879">
        <v>17132</v>
      </c>
      <c r="B7879" t="s">
        <v>15728</v>
      </c>
      <c r="C7879" t="s">
        <v>15729</v>
      </c>
    </row>
    <row r="7880" spans="1:3" x14ac:dyDescent="0.15">
      <c r="A7880">
        <v>17131</v>
      </c>
      <c r="B7880" t="s">
        <v>15730</v>
      </c>
      <c r="C7880" t="s">
        <v>15731</v>
      </c>
    </row>
    <row r="7881" spans="1:3" x14ac:dyDescent="0.15">
      <c r="A7881">
        <v>17130</v>
      </c>
      <c r="B7881" t="s">
        <v>15732</v>
      </c>
      <c r="C7881" t="s">
        <v>15733</v>
      </c>
    </row>
    <row r="7882" spans="1:3" x14ac:dyDescent="0.15">
      <c r="A7882">
        <v>17129</v>
      </c>
      <c r="B7882" t="s">
        <v>15734</v>
      </c>
      <c r="C7882" t="s">
        <v>15735</v>
      </c>
    </row>
    <row r="7883" spans="1:3" x14ac:dyDescent="0.15">
      <c r="A7883">
        <v>17128</v>
      </c>
      <c r="B7883" t="s">
        <v>15736</v>
      </c>
      <c r="C7883" t="s">
        <v>15737</v>
      </c>
    </row>
    <row r="7884" spans="1:3" x14ac:dyDescent="0.15">
      <c r="A7884">
        <v>17127</v>
      </c>
      <c r="B7884" t="s">
        <v>15738</v>
      </c>
      <c r="C7884" t="s">
        <v>15739</v>
      </c>
    </row>
    <row r="7885" spans="1:3" x14ac:dyDescent="0.15">
      <c r="A7885">
        <v>17126</v>
      </c>
      <c r="B7885" t="s">
        <v>15740</v>
      </c>
      <c r="C7885" t="s">
        <v>15741</v>
      </c>
    </row>
    <row r="7886" spans="1:3" x14ac:dyDescent="0.15">
      <c r="A7886">
        <v>17125</v>
      </c>
      <c r="B7886" t="s">
        <v>15742</v>
      </c>
      <c r="C7886" t="s">
        <v>15743</v>
      </c>
    </row>
    <row r="7887" spans="1:3" x14ac:dyDescent="0.15">
      <c r="A7887">
        <v>17124</v>
      </c>
      <c r="B7887" t="s">
        <v>15744</v>
      </c>
      <c r="C7887" t="s">
        <v>15745</v>
      </c>
    </row>
    <row r="7888" spans="1:3" x14ac:dyDescent="0.15">
      <c r="A7888">
        <v>17123</v>
      </c>
      <c r="B7888" t="s">
        <v>15746</v>
      </c>
      <c r="C7888" t="s">
        <v>15747</v>
      </c>
    </row>
    <row r="7889" spans="1:3" x14ac:dyDescent="0.15">
      <c r="A7889">
        <v>17122</v>
      </c>
      <c r="B7889" t="s">
        <v>15748</v>
      </c>
      <c r="C7889" t="s">
        <v>15749</v>
      </c>
    </row>
    <row r="7890" spans="1:3" x14ac:dyDescent="0.15">
      <c r="A7890">
        <v>17121</v>
      </c>
      <c r="B7890" t="s">
        <v>15750</v>
      </c>
      <c r="C7890" t="s">
        <v>15751</v>
      </c>
    </row>
    <row r="7891" spans="1:3" x14ac:dyDescent="0.15">
      <c r="A7891">
        <v>17120</v>
      </c>
      <c r="B7891" t="s">
        <v>15752</v>
      </c>
      <c r="C7891" t="s">
        <v>15753</v>
      </c>
    </row>
    <row r="7892" spans="1:3" x14ac:dyDescent="0.15">
      <c r="A7892">
        <v>17119</v>
      </c>
      <c r="B7892" t="s">
        <v>15754</v>
      </c>
      <c r="C7892" t="s">
        <v>15755</v>
      </c>
    </row>
    <row r="7893" spans="1:3" x14ac:dyDescent="0.15">
      <c r="A7893">
        <v>17118</v>
      </c>
      <c r="B7893" t="s">
        <v>15756</v>
      </c>
      <c r="C7893" t="s">
        <v>15757</v>
      </c>
    </row>
    <row r="7894" spans="1:3" x14ac:dyDescent="0.15">
      <c r="A7894">
        <v>17117</v>
      </c>
      <c r="B7894" t="s">
        <v>15758</v>
      </c>
      <c r="C7894" t="s">
        <v>15759</v>
      </c>
    </row>
    <row r="7895" spans="1:3" x14ac:dyDescent="0.15">
      <c r="A7895">
        <v>17116</v>
      </c>
      <c r="B7895" t="s">
        <v>15760</v>
      </c>
      <c r="C7895" t="s">
        <v>15761</v>
      </c>
    </row>
    <row r="7896" spans="1:3" x14ac:dyDescent="0.15">
      <c r="A7896">
        <v>17115</v>
      </c>
      <c r="B7896" t="s">
        <v>15762</v>
      </c>
      <c r="C7896" t="s">
        <v>15763</v>
      </c>
    </row>
    <row r="7897" spans="1:3" x14ac:dyDescent="0.15">
      <c r="A7897">
        <v>17114</v>
      </c>
      <c r="B7897" t="s">
        <v>15764</v>
      </c>
      <c r="C7897" t="s">
        <v>15765</v>
      </c>
    </row>
    <row r="7898" spans="1:3" x14ac:dyDescent="0.15">
      <c r="A7898">
        <v>17113</v>
      </c>
      <c r="B7898" t="s">
        <v>15766</v>
      </c>
      <c r="C7898" t="s">
        <v>15767</v>
      </c>
    </row>
    <row r="7899" spans="1:3" x14ac:dyDescent="0.15">
      <c r="A7899">
        <v>17112</v>
      </c>
      <c r="B7899" t="s">
        <v>15768</v>
      </c>
      <c r="C7899" t="s">
        <v>15769</v>
      </c>
    </row>
    <row r="7900" spans="1:3" x14ac:dyDescent="0.15">
      <c r="A7900">
        <v>17111</v>
      </c>
      <c r="B7900" t="s">
        <v>15770</v>
      </c>
      <c r="C7900" t="s">
        <v>15771</v>
      </c>
    </row>
    <row r="7901" spans="1:3" x14ac:dyDescent="0.15">
      <c r="A7901">
        <v>17110</v>
      </c>
      <c r="B7901" t="s">
        <v>15772</v>
      </c>
      <c r="C7901" t="s">
        <v>15773</v>
      </c>
    </row>
    <row r="7902" spans="1:3" x14ac:dyDescent="0.15">
      <c r="A7902">
        <v>17109</v>
      </c>
      <c r="B7902" t="s">
        <v>15774</v>
      </c>
      <c r="C7902" t="s">
        <v>15775</v>
      </c>
    </row>
    <row r="7903" spans="1:3" x14ac:dyDescent="0.15">
      <c r="A7903">
        <v>17108</v>
      </c>
      <c r="B7903" t="s">
        <v>15776</v>
      </c>
      <c r="C7903" t="s">
        <v>15777</v>
      </c>
    </row>
    <row r="7904" spans="1:3" x14ac:dyDescent="0.15">
      <c r="A7904">
        <v>17107</v>
      </c>
      <c r="B7904" t="s">
        <v>15778</v>
      </c>
      <c r="C7904" t="s">
        <v>15779</v>
      </c>
    </row>
    <row r="7905" spans="1:3" x14ac:dyDescent="0.15">
      <c r="A7905">
        <v>17106</v>
      </c>
      <c r="B7905" t="s">
        <v>15780</v>
      </c>
      <c r="C7905" t="s">
        <v>15781</v>
      </c>
    </row>
    <row r="7906" spans="1:3" x14ac:dyDescent="0.15">
      <c r="A7906">
        <v>17105</v>
      </c>
      <c r="B7906" t="s">
        <v>15782</v>
      </c>
      <c r="C7906" t="s">
        <v>15783</v>
      </c>
    </row>
    <row r="7907" spans="1:3" x14ac:dyDescent="0.15">
      <c r="A7907">
        <v>17104</v>
      </c>
      <c r="B7907" t="s">
        <v>15784</v>
      </c>
      <c r="C7907" t="s">
        <v>15785</v>
      </c>
    </row>
    <row r="7908" spans="1:3" x14ac:dyDescent="0.15">
      <c r="A7908">
        <v>17103</v>
      </c>
      <c r="B7908" t="s">
        <v>15786</v>
      </c>
      <c r="C7908" t="s">
        <v>15787</v>
      </c>
    </row>
    <row r="7909" spans="1:3" x14ac:dyDescent="0.15">
      <c r="A7909">
        <v>17102</v>
      </c>
      <c r="B7909" t="s">
        <v>15788</v>
      </c>
      <c r="C7909" t="s">
        <v>15789</v>
      </c>
    </row>
    <row r="7910" spans="1:3" x14ac:dyDescent="0.15">
      <c r="A7910">
        <v>17101</v>
      </c>
      <c r="B7910" t="s">
        <v>15790</v>
      </c>
      <c r="C7910" t="s">
        <v>15791</v>
      </c>
    </row>
    <row r="7911" spans="1:3" x14ac:dyDescent="0.15">
      <c r="A7911">
        <v>17100</v>
      </c>
      <c r="B7911" t="s">
        <v>15792</v>
      </c>
      <c r="C7911" t="s">
        <v>15793</v>
      </c>
    </row>
    <row r="7912" spans="1:3" x14ac:dyDescent="0.15">
      <c r="A7912">
        <v>17099</v>
      </c>
      <c r="B7912" t="s">
        <v>15794</v>
      </c>
      <c r="C7912" t="s">
        <v>15795</v>
      </c>
    </row>
    <row r="7913" spans="1:3" x14ac:dyDescent="0.15">
      <c r="A7913">
        <v>17098</v>
      </c>
      <c r="B7913" t="s">
        <v>15796</v>
      </c>
      <c r="C7913" t="s">
        <v>15797</v>
      </c>
    </row>
    <row r="7914" spans="1:3" x14ac:dyDescent="0.15">
      <c r="A7914">
        <v>17097</v>
      </c>
      <c r="B7914" t="s">
        <v>15798</v>
      </c>
      <c r="C7914" t="s">
        <v>15799</v>
      </c>
    </row>
    <row r="7915" spans="1:3" x14ac:dyDescent="0.15">
      <c r="A7915">
        <v>17096</v>
      </c>
      <c r="B7915" t="s">
        <v>15800</v>
      </c>
      <c r="C7915" t="s">
        <v>15801</v>
      </c>
    </row>
    <row r="7916" spans="1:3" x14ac:dyDescent="0.15">
      <c r="A7916">
        <v>17095</v>
      </c>
      <c r="B7916" t="s">
        <v>15802</v>
      </c>
      <c r="C7916" t="s">
        <v>15803</v>
      </c>
    </row>
    <row r="7917" spans="1:3" x14ac:dyDescent="0.15">
      <c r="A7917">
        <v>17094</v>
      </c>
      <c r="B7917" t="s">
        <v>15804</v>
      </c>
      <c r="C7917" t="s">
        <v>15805</v>
      </c>
    </row>
    <row r="7918" spans="1:3" x14ac:dyDescent="0.15">
      <c r="A7918">
        <v>17093</v>
      </c>
      <c r="B7918" t="s">
        <v>15806</v>
      </c>
      <c r="C7918" t="s">
        <v>15807</v>
      </c>
    </row>
    <row r="7919" spans="1:3" x14ac:dyDescent="0.15">
      <c r="A7919">
        <v>17092</v>
      </c>
      <c r="B7919" t="s">
        <v>15808</v>
      </c>
      <c r="C7919" t="s">
        <v>15809</v>
      </c>
    </row>
    <row r="7920" spans="1:3" x14ac:dyDescent="0.15">
      <c r="A7920">
        <v>17091</v>
      </c>
      <c r="B7920" t="s">
        <v>15810</v>
      </c>
      <c r="C7920" t="s">
        <v>15811</v>
      </c>
    </row>
    <row r="7921" spans="1:3" x14ac:dyDescent="0.15">
      <c r="A7921">
        <v>17090</v>
      </c>
      <c r="B7921" t="s">
        <v>15812</v>
      </c>
      <c r="C7921" t="s">
        <v>15813</v>
      </c>
    </row>
    <row r="7922" spans="1:3" x14ac:dyDescent="0.15">
      <c r="A7922">
        <v>17089</v>
      </c>
      <c r="B7922" t="s">
        <v>15814</v>
      </c>
      <c r="C7922" t="s">
        <v>15815</v>
      </c>
    </row>
    <row r="7923" spans="1:3" x14ac:dyDescent="0.15">
      <c r="A7923">
        <v>17088</v>
      </c>
      <c r="B7923" t="s">
        <v>15816</v>
      </c>
      <c r="C7923" t="s">
        <v>15817</v>
      </c>
    </row>
    <row r="7924" spans="1:3" x14ac:dyDescent="0.15">
      <c r="A7924">
        <v>17087</v>
      </c>
      <c r="B7924" t="s">
        <v>15818</v>
      </c>
      <c r="C7924" t="s">
        <v>15819</v>
      </c>
    </row>
    <row r="7925" spans="1:3" x14ac:dyDescent="0.15">
      <c r="A7925">
        <v>17086</v>
      </c>
      <c r="B7925" t="s">
        <v>15820</v>
      </c>
      <c r="C7925" t="s">
        <v>15821</v>
      </c>
    </row>
    <row r="7926" spans="1:3" x14ac:dyDescent="0.15">
      <c r="A7926">
        <v>17085</v>
      </c>
      <c r="B7926" t="s">
        <v>15822</v>
      </c>
      <c r="C7926" t="s">
        <v>15823</v>
      </c>
    </row>
    <row r="7927" spans="1:3" x14ac:dyDescent="0.15">
      <c r="A7927">
        <v>17084</v>
      </c>
      <c r="B7927" t="s">
        <v>15824</v>
      </c>
      <c r="C7927" t="s">
        <v>15825</v>
      </c>
    </row>
    <row r="7928" spans="1:3" x14ac:dyDescent="0.15">
      <c r="A7928">
        <v>17083</v>
      </c>
      <c r="B7928" t="s">
        <v>15826</v>
      </c>
      <c r="C7928" t="s">
        <v>15827</v>
      </c>
    </row>
    <row r="7929" spans="1:3" x14ac:dyDescent="0.15">
      <c r="A7929">
        <v>17082</v>
      </c>
      <c r="B7929" t="s">
        <v>15828</v>
      </c>
      <c r="C7929" t="s">
        <v>15829</v>
      </c>
    </row>
    <row r="7930" spans="1:3" x14ac:dyDescent="0.15">
      <c r="A7930">
        <v>17081</v>
      </c>
      <c r="B7930" t="s">
        <v>15830</v>
      </c>
      <c r="C7930" t="s">
        <v>15831</v>
      </c>
    </row>
    <row r="7931" spans="1:3" x14ac:dyDescent="0.15">
      <c r="A7931">
        <v>17080</v>
      </c>
      <c r="B7931" t="s">
        <v>15832</v>
      </c>
      <c r="C7931" t="s">
        <v>15833</v>
      </c>
    </row>
    <row r="7932" spans="1:3" x14ac:dyDescent="0.15">
      <c r="A7932">
        <v>17079</v>
      </c>
      <c r="B7932" t="s">
        <v>15834</v>
      </c>
      <c r="C7932" t="s">
        <v>15835</v>
      </c>
    </row>
    <row r="7933" spans="1:3" x14ac:dyDescent="0.15">
      <c r="A7933">
        <v>17078</v>
      </c>
      <c r="B7933" t="s">
        <v>15836</v>
      </c>
      <c r="C7933" t="s">
        <v>15837</v>
      </c>
    </row>
    <row r="7934" spans="1:3" x14ac:dyDescent="0.15">
      <c r="A7934">
        <v>17077</v>
      </c>
      <c r="B7934" t="s">
        <v>15838</v>
      </c>
      <c r="C7934" t="s">
        <v>15839</v>
      </c>
    </row>
    <row r="7935" spans="1:3" x14ac:dyDescent="0.15">
      <c r="A7935">
        <v>17076</v>
      </c>
      <c r="B7935" t="s">
        <v>15840</v>
      </c>
      <c r="C7935" t="s">
        <v>15841</v>
      </c>
    </row>
    <row r="7936" spans="1:3" x14ac:dyDescent="0.15">
      <c r="A7936">
        <v>17075</v>
      </c>
      <c r="B7936" t="s">
        <v>15842</v>
      </c>
      <c r="C7936" t="s">
        <v>15843</v>
      </c>
    </row>
    <row r="7937" spans="1:3" x14ac:dyDescent="0.15">
      <c r="A7937">
        <v>17074</v>
      </c>
      <c r="B7937" t="s">
        <v>15844</v>
      </c>
      <c r="C7937" t="s">
        <v>15845</v>
      </c>
    </row>
    <row r="7938" spans="1:3" x14ac:dyDescent="0.15">
      <c r="A7938">
        <v>17073</v>
      </c>
      <c r="B7938" t="s">
        <v>15846</v>
      </c>
      <c r="C7938" t="s">
        <v>15847</v>
      </c>
    </row>
    <row r="7939" spans="1:3" x14ac:dyDescent="0.15">
      <c r="A7939">
        <v>17072</v>
      </c>
      <c r="B7939" t="s">
        <v>15848</v>
      </c>
      <c r="C7939" t="s">
        <v>15849</v>
      </c>
    </row>
    <row r="7940" spans="1:3" x14ac:dyDescent="0.15">
      <c r="A7940">
        <v>17071</v>
      </c>
      <c r="B7940" t="s">
        <v>15850</v>
      </c>
      <c r="C7940" t="s">
        <v>15851</v>
      </c>
    </row>
    <row r="7941" spans="1:3" x14ac:dyDescent="0.15">
      <c r="A7941">
        <v>17070</v>
      </c>
      <c r="B7941" t="s">
        <v>15852</v>
      </c>
      <c r="C7941" t="s">
        <v>15853</v>
      </c>
    </row>
    <row r="7942" spans="1:3" x14ac:dyDescent="0.15">
      <c r="A7942">
        <v>17069</v>
      </c>
      <c r="B7942" t="s">
        <v>15854</v>
      </c>
      <c r="C7942" t="s">
        <v>15855</v>
      </c>
    </row>
    <row r="7943" spans="1:3" x14ac:dyDescent="0.15">
      <c r="A7943">
        <v>17068</v>
      </c>
      <c r="B7943" t="s">
        <v>15856</v>
      </c>
      <c r="C7943" t="s">
        <v>15857</v>
      </c>
    </row>
    <row r="7944" spans="1:3" x14ac:dyDescent="0.15">
      <c r="A7944">
        <v>17067</v>
      </c>
      <c r="B7944" t="s">
        <v>15858</v>
      </c>
      <c r="C7944" t="s">
        <v>15859</v>
      </c>
    </row>
    <row r="7945" spans="1:3" x14ac:dyDescent="0.15">
      <c r="A7945">
        <v>17066</v>
      </c>
      <c r="B7945" t="s">
        <v>15860</v>
      </c>
      <c r="C7945" t="s">
        <v>15861</v>
      </c>
    </row>
    <row r="7946" spans="1:3" x14ac:dyDescent="0.15">
      <c r="A7946">
        <v>17065</v>
      </c>
      <c r="B7946" t="s">
        <v>15862</v>
      </c>
      <c r="C7946" t="s">
        <v>15863</v>
      </c>
    </row>
    <row r="7947" spans="1:3" x14ac:dyDescent="0.15">
      <c r="A7947">
        <v>17064</v>
      </c>
      <c r="B7947" t="s">
        <v>15864</v>
      </c>
      <c r="C7947" t="s">
        <v>15865</v>
      </c>
    </row>
    <row r="7948" spans="1:3" x14ac:dyDescent="0.15">
      <c r="A7948">
        <v>17063</v>
      </c>
      <c r="B7948" t="s">
        <v>15866</v>
      </c>
      <c r="C7948" t="s">
        <v>15867</v>
      </c>
    </row>
    <row r="7949" spans="1:3" x14ac:dyDescent="0.15">
      <c r="A7949">
        <v>17062</v>
      </c>
      <c r="B7949" t="s">
        <v>15868</v>
      </c>
      <c r="C7949" t="s">
        <v>15869</v>
      </c>
    </row>
    <row r="7950" spans="1:3" x14ac:dyDescent="0.15">
      <c r="A7950">
        <v>17061</v>
      </c>
      <c r="B7950" t="s">
        <v>15870</v>
      </c>
      <c r="C7950" t="s">
        <v>15871</v>
      </c>
    </row>
    <row r="7951" spans="1:3" x14ac:dyDescent="0.15">
      <c r="A7951">
        <v>17060</v>
      </c>
      <c r="B7951" t="s">
        <v>15872</v>
      </c>
      <c r="C7951" t="s">
        <v>15873</v>
      </c>
    </row>
    <row r="7952" spans="1:3" x14ac:dyDescent="0.15">
      <c r="A7952">
        <v>17059</v>
      </c>
      <c r="B7952" t="s">
        <v>15874</v>
      </c>
      <c r="C7952" t="s">
        <v>15875</v>
      </c>
    </row>
    <row r="7953" spans="1:3" x14ac:dyDescent="0.15">
      <c r="A7953">
        <v>17058</v>
      </c>
      <c r="B7953" t="s">
        <v>15876</v>
      </c>
      <c r="C7953" t="s">
        <v>15877</v>
      </c>
    </row>
    <row r="7954" spans="1:3" x14ac:dyDescent="0.15">
      <c r="A7954">
        <v>17057</v>
      </c>
      <c r="B7954" t="s">
        <v>15878</v>
      </c>
      <c r="C7954" t="s">
        <v>15879</v>
      </c>
    </row>
    <row r="7955" spans="1:3" x14ac:dyDescent="0.15">
      <c r="A7955">
        <v>17056</v>
      </c>
      <c r="B7955" t="s">
        <v>15880</v>
      </c>
      <c r="C7955" t="s">
        <v>15881</v>
      </c>
    </row>
    <row r="7956" spans="1:3" x14ac:dyDescent="0.15">
      <c r="A7956">
        <v>17055</v>
      </c>
      <c r="B7956" t="s">
        <v>15882</v>
      </c>
      <c r="C7956" t="s">
        <v>15883</v>
      </c>
    </row>
    <row r="7957" spans="1:3" x14ac:dyDescent="0.15">
      <c r="A7957">
        <v>17054</v>
      </c>
      <c r="B7957" t="s">
        <v>15884</v>
      </c>
      <c r="C7957" t="s">
        <v>15885</v>
      </c>
    </row>
    <row r="7958" spans="1:3" x14ac:dyDescent="0.15">
      <c r="A7958">
        <v>17053</v>
      </c>
      <c r="B7958" t="s">
        <v>15886</v>
      </c>
      <c r="C7958" t="s">
        <v>15887</v>
      </c>
    </row>
    <row r="7959" spans="1:3" x14ac:dyDescent="0.15">
      <c r="A7959">
        <v>17052</v>
      </c>
      <c r="B7959" t="s">
        <v>15888</v>
      </c>
      <c r="C7959" t="s">
        <v>15889</v>
      </c>
    </row>
    <row r="7960" spans="1:3" x14ac:dyDescent="0.15">
      <c r="A7960">
        <v>17051</v>
      </c>
      <c r="B7960" t="s">
        <v>15890</v>
      </c>
      <c r="C7960" t="s">
        <v>15891</v>
      </c>
    </row>
    <row r="7961" spans="1:3" x14ac:dyDescent="0.15">
      <c r="A7961">
        <v>17050</v>
      </c>
      <c r="B7961" t="s">
        <v>15892</v>
      </c>
      <c r="C7961" t="s">
        <v>15893</v>
      </c>
    </row>
    <row r="7962" spans="1:3" x14ac:dyDescent="0.15">
      <c r="A7962">
        <v>17049</v>
      </c>
      <c r="B7962" t="s">
        <v>15894</v>
      </c>
      <c r="C7962" t="s">
        <v>15895</v>
      </c>
    </row>
    <row r="7963" spans="1:3" x14ac:dyDescent="0.15">
      <c r="A7963">
        <v>17048</v>
      </c>
      <c r="B7963" t="s">
        <v>15896</v>
      </c>
      <c r="C7963" t="s">
        <v>15897</v>
      </c>
    </row>
    <row r="7964" spans="1:3" x14ac:dyDescent="0.15">
      <c r="A7964">
        <v>17047</v>
      </c>
      <c r="B7964" t="s">
        <v>15898</v>
      </c>
      <c r="C7964" t="s">
        <v>15899</v>
      </c>
    </row>
    <row r="7965" spans="1:3" x14ac:dyDescent="0.15">
      <c r="A7965">
        <v>17046</v>
      </c>
      <c r="B7965" t="s">
        <v>15900</v>
      </c>
      <c r="C7965" t="s">
        <v>15901</v>
      </c>
    </row>
    <row r="7966" spans="1:3" x14ac:dyDescent="0.15">
      <c r="A7966">
        <v>17045</v>
      </c>
      <c r="B7966" t="s">
        <v>15902</v>
      </c>
      <c r="C7966" t="s">
        <v>15903</v>
      </c>
    </row>
    <row r="7967" spans="1:3" x14ac:dyDescent="0.15">
      <c r="A7967">
        <v>17044</v>
      </c>
      <c r="B7967" t="s">
        <v>15904</v>
      </c>
      <c r="C7967" t="s">
        <v>15905</v>
      </c>
    </row>
    <row r="7968" spans="1:3" x14ac:dyDescent="0.15">
      <c r="A7968">
        <v>17043</v>
      </c>
      <c r="B7968" t="s">
        <v>15906</v>
      </c>
      <c r="C7968" t="s">
        <v>15907</v>
      </c>
    </row>
    <row r="7969" spans="1:3" x14ac:dyDescent="0.15">
      <c r="A7969">
        <v>17042</v>
      </c>
      <c r="B7969" t="s">
        <v>15908</v>
      </c>
      <c r="C7969" t="s">
        <v>15909</v>
      </c>
    </row>
    <row r="7970" spans="1:3" x14ac:dyDescent="0.15">
      <c r="A7970">
        <v>17041</v>
      </c>
      <c r="B7970" t="s">
        <v>15910</v>
      </c>
      <c r="C7970" t="s">
        <v>15911</v>
      </c>
    </row>
    <row r="7971" spans="1:3" x14ac:dyDescent="0.15">
      <c r="A7971">
        <v>17040</v>
      </c>
      <c r="B7971" t="s">
        <v>15912</v>
      </c>
      <c r="C7971" t="s">
        <v>15913</v>
      </c>
    </row>
    <row r="7972" spans="1:3" x14ac:dyDescent="0.15">
      <c r="A7972">
        <v>17039</v>
      </c>
      <c r="B7972" t="s">
        <v>15914</v>
      </c>
      <c r="C7972" t="s">
        <v>15915</v>
      </c>
    </row>
    <row r="7973" spans="1:3" x14ac:dyDescent="0.15">
      <c r="A7973">
        <v>17038</v>
      </c>
      <c r="B7973" t="s">
        <v>15916</v>
      </c>
      <c r="C7973" t="s">
        <v>15917</v>
      </c>
    </row>
    <row r="7974" spans="1:3" x14ac:dyDescent="0.15">
      <c r="A7974">
        <v>17037</v>
      </c>
      <c r="B7974" t="s">
        <v>15918</v>
      </c>
      <c r="C7974" t="s">
        <v>15919</v>
      </c>
    </row>
    <row r="7975" spans="1:3" x14ac:dyDescent="0.15">
      <c r="A7975">
        <v>17036</v>
      </c>
      <c r="B7975" t="s">
        <v>15920</v>
      </c>
      <c r="C7975" t="s">
        <v>15921</v>
      </c>
    </row>
    <row r="7976" spans="1:3" x14ac:dyDescent="0.15">
      <c r="A7976">
        <v>17035</v>
      </c>
      <c r="B7976" t="s">
        <v>15922</v>
      </c>
      <c r="C7976" t="s">
        <v>15923</v>
      </c>
    </row>
    <row r="7977" spans="1:3" x14ac:dyDescent="0.15">
      <c r="A7977">
        <v>17034</v>
      </c>
      <c r="B7977" t="s">
        <v>15924</v>
      </c>
      <c r="C7977" t="s">
        <v>15925</v>
      </c>
    </row>
    <row r="7978" spans="1:3" x14ac:dyDescent="0.15">
      <c r="A7978">
        <v>17033</v>
      </c>
      <c r="B7978" t="s">
        <v>15926</v>
      </c>
      <c r="C7978" t="s">
        <v>15927</v>
      </c>
    </row>
    <row r="7979" spans="1:3" x14ac:dyDescent="0.15">
      <c r="A7979">
        <v>17032</v>
      </c>
      <c r="B7979" t="s">
        <v>15928</v>
      </c>
      <c r="C7979" t="s">
        <v>15929</v>
      </c>
    </row>
    <row r="7980" spans="1:3" x14ac:dyDescent="0.15">
      <c r="A7980">
        <v>17031</v>
      </c>
      <c r="B7980" t="s">
        <v>15930</v>
      </c>
      <c r="C7980" t="s">
        <v>15931</v>
      </c>
    </row>
    <row r="7981" spans="1:3" x14ac:dyDescent="0.15">
      <c r="A7981">
        <v>17030</v>
      </c>
      <c r="B7981" t="s">
        <v>15932</v>
      </c>
      <c r="C7981" t="s">
        <v>15933</v>
      </c>
    </row>
    <row r="7982" spans="1:3" x14ac:dyDescent="0.15">
      <c r="A7982">
        <v>17029</v>
      </c>
      <c r="B7982" t="s">
        <v>15934</v>
      </c>
      <c r="C7982" t="s">
        <v>15935</v>
      </c>
    </row>
    <row r="7983" spans="1:3" x14ac:dyDescent="0.15">
      <c r="A7983">
        <v>17028</v>
      </c>
      <c r="B7983" t="s">
        <v>15936</v>
      </c>
      <c r="C7983" t="s">
        <v>15937</v>
      </c>
    </row>
    <row r="7984" spans="1:3" x14ac:dyDescent="0.15">
      <c r="A7984">
        <v>17027</v>
      </c>
      <c r="B7984" t="s">
        <v>15938</v>
      </c>
      <c r="C7984" t="s">
        <v>15939</v>
      </c>
    </row>
    <row r="7985" spans="1:3" x14ac:dyDescent="0.15">
      <c r="A7985">
        <v>17026</v>
      </c>
      <c r="B7985" t="s">
        <v>15940</v>
      </c>
      <c r="C7985" t="s">
        <v>15941</v>
      </c>
    </row>
    <row r="7986" spans="1:3" x14ac:dyDescent="0.15">
      <c r="A7986">
        <v>17025</v>
      </c>
      <c r="B7986" t="s">
        <v>15942</v>
      </c>
      <c r="C7986" t="s">
        <v>15943</v>
      </c>
    </row>
    <row r="7987" spans="1:3" x14ac:dyDescent="0.15">
      <c r="A7987">
        <v>17024</v>
      </c>
      <c r="B7987" t="s">
        <v>15944</v>
      </c>
      <c r="C7987" t="s">
        <v>15945</v>
      </c>
    </row>
    <row r="7988" spans="1:3" x14ac:dyDescent="0.15">
      <c r="A7988">
        <v>17023</v>
      </c>
      <c r="B7988" t="s">
        <v>15946</v>
      </c>
      <c r="C7988" t="s">
        <v>15947</v>
      </c>
    </row>
    <row r="7989" spans="1:3" x14ac:dyDescent="0.15">
      <c r="A7989">
        <v>17022</v>
      </c>
      <c r="B7989" t="s">
        <v>15948</v>
      </c>
      <c r="C7989" t="s">
        <v>15949</v>
      </c>
    </row>
    <row r="7990" spans="1:3" x14ac:dyDescent="0.15">
      <c r="A7990">
        <v>17021</v>
      </c>
      <c r="B7990" t="s">
        <v>15950</v>
      </c>
      <c r="C7990" t="s">
        <v>15951</v>
      </c>
    </row>
    <row r="7991" spans="1:3" x14ac:dyDescent="0.15">
      <c r="A7991">
        <v>17020</v>
      </c>
      <c r="B7991" t="s">
        <v>15952</v>
      </c>
      <c r="C7991" t="s">
        <v>15953</v>
      </c>
    </row>
    <row r="7992" spans="1:3" x14ac:dyDescent="0.15">
      <c r="A7992">
        <v>17019</v>
      </c>
      <c r="B7992" t="s">
        <v>15954</v>
      </c>
      <c r="C7992" t="s">
        <v>15955</v>
      </c>
    </row>
    <row r="7993" spans="1:3" x14ac:dyDescent="0.15">
      <c r="A7993">
        <v>17018</v>
      </c>
      <c r="B7993" t="s">
        <v>15956</v>
      </c>
      <c r="C7993" t="s">
        <v>15957</v>
      </c>
    </row>
    <row r="7994" spans="1:3" x14ac:dyDescent="0.15">
      <c r="A7994">
        <v>17017</v>
      </c>
      <c r="B7994" t="s">
        <v>15958</v>
      </c>
      <c r="C7994" t="s">
        <v>15959</v>
      </c>
    </row>
    <row r="7995" spans="1:3" x14ac:dyDescent="0.15">
      <c r="A7995">
        <v>17016</v>
      </c>
      <c r="B7995" t="s">
        <v>15960</v>
      </c>
      <c r="C7995" t="s">
        <v>15961</v>
      </c>
    </row>
    <row r="7996" spans="1:3" x14ac:dyDescent="0.15">
      <c r="A7996">
        <v>17015</v>
      </c>
      <c r="B7996" t="s">
        <v>15962</v>
      </c>
      <c r="C7996" t="s">
        <v>15963</v>
      </c>
    </row>
    <row r="7997" spans="1:3" x14ac:dyDescent="0.15">
      <c r="A7997">
        <v>17014</v>
      </c>
      <c r="B7997" t="s">
        <v>15964</v>
      </c>
      <c r="C7997" t="s">
        <v>15965</v>
      </c>
    </row>
    <row r="7998" spans="1:3" x14ac:dyDescent="0.15">
      <c r="A7998">
        <v>17013</v>
      </c>
      <c r="B7998" t="s">
        <v>15966</v>
      </c>
      <c r="C7998" t="s">
        <v>15967</v>
      </c>
    </row>
    <row r="7999" spans="1:3" x14ac:dyDescent="0.15">
      <c r="A7999">
        <v>17012</v>
      </c>
      <c r="B7999" t="s">
        <v>15968</v>
      </c>
      <c r="C7999" t="s">
        <v>15969</v>
      </c>
    </row>
    <row r="8000" spans="1:3" x14ac:dyDescent="0.15">
      <c r="A8000">
        <v>17011</v>
      </c>
      <c r="B8000" t="s">
        <v>15970</v>
      </c>
      <c r="C8000" t="s">
        <v>15971</v>
      </c>
    </row>
    <row r="8001" spans="1:3" x14ac:dyDescent="0.15">
      <c r="A8001">
        <v>17010</v>
      </c>
      <c r="B8001" t="s">
        <v>15972</v>
      </c>
      <c r="C8001" t="s">
        <v>15973</v>
      </c>
    </row>
    <row r="8002" spans="1:3" x14ac:dyDescent="0.15">
      <c r="A8002">
        <v>17009</v>
      </c>
      <c r="B8002" t="s">
        <v>15974</v>
      </c>
      <c r="C8002" t="s">
        <v>15975</v>
      </c>
    </row>
    <row r="8003" spans="1:3" x14ac:dyDescent="0.15">
      <c r="A8003">
        <v>17008</v>
      </c>
      <c r="B8003" t="s">
        <v>15976</v>
      </c>
      <c r="C8003" t="s">
        <v>15977</v>
      </c>
    </row>
    <row r="8004" spans="1:3" x14ac:dyDescent="0.15">
      <c r="A8004">
        <v>17007</v>
      </c>
      <c r="B8004" t="s">
        <v>15978</v>
      </c>
      <c r="C8004" t="s">
        <v>15979</v>
      </c>
    </row>
    <row r="8005" spans="1:3" x14ac:dyDescent="0.15">
      <c r="A8005">
        <v>17006</v>
      </c>
      <c r="B8005" t="s">
        <v>15980</v>
      </c>
      <c r="C8005" t="s">
        <v>15981</v>
      </c>
    </row>
    <row r="8006" spans="1:3" x14ac:dyDescent="0.15">
      <c r="A8006">
        <v>17005</v>
      </c>
      <c r="B8006" t="s">
        <v>15982</v>
      </c>
      <c r="C8006" t="s">
        <v>15983</v>
      </c>
    </row>
    <row r="8007" spans="1:3" x14ac:dyDescent="0.15">
      <c r="A8007">
        <v>17004</v>
      </c>
      <c r="B8007" t="s">
        <v>15984</v>
      </c>
      <c r="C8007" t="s">
        <v>15985</v>
      </c>
    </row>
    <row r="8008" spans="1:3" x14ac:dyDescent="0.15">
      <c r="A8008">
        <v>17003</v>
      </c>
      <c r="B8008" t="s">
        <v>15986</v>
      </c>
      <c r="C8008" t="s">
        <v>15987</v>
      </c>
    </row>
    <row r="8009" spans="1:3" x14ac:dyDescent="0.15">
      <c r="A8009">
        <v>17002</v>
      </c>
      <c r="B8009" t="s">
        <v>15988</v>
      </c>
      <c r="C8009" t="s">
        <v>15989</v>
      </c>
    </row>
    <row r="8010" spans="1:3" x14ac:dyDescent="0.15">
      <c r="A8010">
        <v>17001</v>
      </c>
      <c r="B8010" t="s">
        <v>15990</v>
      </c>
      <c r="C8010" t="s">
        <v>15991</v>
      </c>
    </row>
    <row r="8011" spans="1:3" x14ac:dyDescent="0.15">
      <c r="A8011">
        <v>17000</v>
      </c>
      <c r="B8011" t="s">
        <v>15992</v>
      </c>
      <c r="C8011" t="s">
        <v>15993</v>
      </c>
    </row>
    <row r="8012" spans="1:3" x14ac:dyDescent="0.15">
      <c r="A8012">
        <v>16999</v>
      </c>
      <c r="B8012" t="s">
        <v>15994</v>
      </c>
      <c r="C8012" t="s">
        <v>15995</v>
      </c>
    </row>
    <row r="8013" spans="1:3" x14ac:dyDescent="0.15">
      <c r="A8013">
        <v>16998</v>
      </c>
      <c r="B8013" t="s">
        <v>15996</v>
      </c>
      <c r="C8013" t="s">
        <v>15997</v>
      </c>
    </row>
    <row r="8014" spans="1:3" x14ac:dyDescent="0.15">
      <c r="A8014">
        <v>16997</v>
      </c>
      <c r="B8014" t="s">
        <v>15998</v>
      </c>
      <c r="C8014" t="s">
        <v>15999</v>
      </c>
    </row>
    <row r="8015" spans="1:3" x14ac:dyDescent="0.15">
      <c r="A8015">
        <v>16996</v>
      </c>
      <c r="B8015" t="s">
        <v>16000</v>
      </c>
      <c r="C8015" t="s">
        <v>16001</v>
      </c>
    </row>
    <row r="8016" spans="1:3" x14ac:dyDescent="0.15">
      <c r="A8016">
        <v>16995</v>
      </c>
      <c r="B8016" t="s">
        <v>16002</v>
      </c>
      <c r="C8016" t="s">
        <v>16003</v>
      </c>
    </row>
    <row r="8017" spans="1:3" x14ac:dyDescent="0.15">
      <c r="A8017">
        <v>16994</v>
      </c>
      <c r="B8017" t="s">
        <v>16004</v>
      </c>
      <c r="C8017" t="s">
        <v>16005</v>
      </c>
    </row>
    <row r="8018" spans="1:3" x14ac:dyDescent="0.15">
      <c r="A8018">
        <v>16993</v>
      </c>
      <c r="B8018" t="s">
        <v>16006</v>
      </c>
      <c r="C8018" t="s">
        <v>16007</v>
      </c>
    </row>
    <row r="8019" spans="1:3" x14ac:dyDescent="0.15">
      <c r="A8019">
        <v>16992</v>
      </c>
      <c r="B8019" t="s">
        <v>16008</v>
      </c>
      <c r="C8019" t="s">
        <v>16009</v>
      </c>
    </row>
    <row r="8020" spans="1:3" x14ac:dyDescent="0.15">
      <c r="A8020">
        <v>16991</v>
      </c>
      <c r="B8020" t="s">
        <v>16010</v>
      </c>
      <c r="C8020" t="s">
        <v>16011</v>
      </c>
    </row>
    <row r="8021" spans="1:3" x14ac:dyDescent="0.15">
      <c r="A8021">
        <v>16990</v>
      </c>
      <c r="B8021" t="s">
        <v>16012</v>
      </c>
      <c r="C8021" t="s">
        <v>16013</v>
      </c>
    </row>
    <row r="8022" spans="1:3" x14ac:dyDescent="0.15">
      <c r="A8022">
        <v>16989</v>
      </c>
      <c r="B8022" t="s">
        <v>16014</v>
      </c>
      <c r="C8022" t="s">
        <v>16015</v>
      </c>
    </row>
    <row r="8023" spans="1:3" x14ac:dyDescent="0.15">
      <c r="A8023">
        <v>16988</v>
      </c>
      <c r="B8023" t="s">
        <v>16016</v>
      </c>
      <c r="C8023" t="s">
        <v>16017</v>
      </c>
    </row>
    <row r="8024" spans="1:3" x14ac:dyDescent="0.15">
      <c r="A8024">
        <v>16987</v>
      </c>
      <c r="B8024" t="s">
        <v>16018</v>
      </c>
      <c r="C8024" t="s">
        <v>16019</v>
      </c>
    </row>
    <row r="8025" spans="1:3" x14ac:dyDescent="0.15">
      <c r="A8025">
        <v>16986</v>
      </c>
      <c r="B8025" t="s">
        <v>16020</v>
      </c>
      <c r="C8025" t="s">
        <v>16021</v>
      </c>
    </row>
    <row r="8026" spans="1:3" x14ac:dyDescent="0.15">
      <c r="A8026">
        <v>16985</v>
      </c>
      <c r="B8026" t="s">
        <v>16022</v>
      </c>
      <c r="C8026" t="s">
        <v>16023</v>
      </c>
    </row>
    <row r="8027" spans="1:3" x14ac:dyDescent="0.15">
      <c r="A8027">
        <v>16984</v>
      </c>
      <c r="B8027" t="s">
        <v>16024</v>
      </c>
      <c r="C8027" t="s">
        <v>16025</v>
      </c>
    </row>
    <row r="8028" spans="1:3" x14ac:dyDescent="0.15">
      <c r="A8028">
        <v>16983</v>
      </c>
      <c r="B8028" t="s">
        <v>16026</v>
      </c>
      <c r="C8028" t="s">
        <v>16027</v>
      </c>
    </row>
    <row r="8029" spans="1:3" x14ac:dyDescent="0.15">
      <c r="A8029">
        <v>16982</v>
      </c>
      <c r="B8029" t="s">
        <v>16028</v>
      </c>
      <c r="C8029" t="s">
        <v>16029</v>
      </c>
    </row>
    <row r="8030" spans="1:3" x14ac:dyDescent="0.15">
      <c r="A8030">
        <v>16981</v>
      </c>
      <c r="B8030" t="s">
        <v>16030</v>
      </c>
      <c r="C8030" t="s">
        <v>16031</v>
      </c>
    </row>
    <row r="8031" spans="1:3" x14ac:dyDescent="0.15">
      <c r="A8031">
        <v>16980</v>
      </c>
      <c r="B8031" t="s">
        <v>16032</v>
      </c>
      <c r="C8031" t="s">
        <v>16033</v>
      </c>
    </row>
    <row r="8032" spans="1:3" x14ac:dyDescent="0.15">
      <c r="A8032">
        <v>16979</v>
      </c>
      <c r="B8032" t="s">
        <v>16034</v>
      </c>
      <c r="C8032" t="s">
        <v>16035</v>
      </c>
    </row>
    <row r="8033" spans="1:3" x14ac:dyDescent="0.15">
      <c r="A8033">
        <v>16978</v>
      </c>
      <c r="B8033" t="s">
        <v>16036</v>
      </c>
      <c r="C8033" t="s">
        <v>16037</v>
      </c>
    </row>
    <row r="8034" spans="1:3" x14ac:dyDescent="0.15">
      <c r="A8034">
        <v>16977</v>
      </c>
      <c r="B8034" t="s">
        <v>16038</v>
      </c>
      <c r="C8034" t="s">
        <v>16039</v>
      </c>
    </row>
    <row r="8035" spans="1:3" x14ac:dyDescent="0.15">
      <c r="A8035">
        <v>16976</v>
      </c>
      <c r="B8035" t="s">
        <v>16040</v>
      </c>
      <c r="C8035" t="s">
        <v>16041</v>
      </c>
    </row>
    <row r="8036" spans="1:3" x14ac:dyDescent="0.15">
      <c r="A8036">
        <v>16975</v>
      </c>
      <c r="B8036" t="s">
        <v>16042</v>
      </c>
      <c r="C8036" t="s">
        <v>16043</v>
      </c>
    </row>
    <row r="8037" spans="1:3" x14ac:dyDescent="0.15">
      <c r="A8037">
        <v>16974</v>
      </c>
      <c r="B8037" t="s">
        <v>16044</v>
      </c>
      <c r="C8037" t="s">
        <v>16045</v>
      </c>
    </row>
    <row r="8038" spans="1:3" x14ac:dyDescent="0.15">
      <c r="A8038">
        <v>16973</v>
      </c>
      <c r="B8038" t="s">
        <v>16046</v>
      </c>
      <c r="C8038" t="s">
        <v>16047</v>
      </c>
    </row>
    <row r="8039" spans="1:3" x14ac:dyDescent="0.15">
      <c r="A8039">
        <v>16972</v>
      </c>
      <c r="B8039" t="s">
        <v>16048</v>
      </c>
      <c r="C8039" t="s">
        <v>16049</v>
      </c>
    </row>
    <row r="8040" spans="1:3" x14ac:dyDescent="0.15">
      <c r="A8040">
        <v>16971</v>
      </c>
      <c r="B8040" t="s">
        <v>16050</v>
      </c>
      <c r="C8040" t="s">
        <v>16051</v>
      </c>
    </row>
    <row r="8041" spans="1:3" x14ac:dyDescent="0.15">
      <c r="A8041">
        <v>16970</v>
      </c>
      <c r="B8041" t="s">
        <v>16052</v>
      </c>
      <c r="C8041" t="s">
        <v>16053</v>
      </c>
    </row>
    <row r="8042" spans="1:3" x14ac:dyDescent="0.15">
      <c r="A8042">
        <v>16969</v>
      </c>
      <c r="B8042" t="s">
        <v>16054</v>
      </c>
      <c r="C8042" t="s">
        <v>16055</v>
      </c>
    </row>
    <row r="8043" spans="1:3" x14ac:dyDescent="0.15">
      <c r="A8043">
        <v>16968</v>
      </c>
      <c r="B8043" t="s">
        <v>16056</v>
      </c>
      <c r="C8043" t="s">
        <v>16057</v>
      </c>
    </row>
    <row r="8044" spans="1:3" x14ac:dyDescent="0.15">
      <c r="A8044">
        <v>16967</v>
      </c>
      <c r="B8044" t="s">
        <v>16058</v>
      </c>
      <c r="C8044" t="s">
        <v>16059</v>
      </c>
    </row>
    <row r="8045" spans="1:3" x14ac:dyDescent="0.15">
      <c r="A8045">
        <v>16966</v>
      </c>
      <c r="B8045" t="s">
        <v>16060</v>
      </c>
      <c r="C8045" t="s">
        <v>16061</v>
      </c>
    </row>
    <row r="8046" spans="1:3" x14ac:dyDescent="0.15">
      <c r="A8046">
        <v>16965</v>
      </c>
      <c r="B8046" t="s">
        <v>16062</v>
      </c>
      <c r="C8046" t="s">
        <v>16063</v>
      </c>
    </row>
    <row r="8047" spans="1:3" x14ac:dyDescent="0.15">
      <c r="A8047">
        <v>16964</v>
      </c>
      <c r="B8047" t="s">
        <v>16064</v>
      </c>
      <c r="C8047" t="s">
        <v>16065</v>
      </c>
    </row>
    <row r="8048" spans="1:3" x14ac:dyDescent="0.15">
      <c r="A8048">
        <v>16963</v>
      </c>
      <c r="B8048" t="s">
        <v>16066</v>
      </c>
      <c r="C8048" t="s">
        <v>16067</v>
      </c>
    </row>
    <row r="8049" spans="1:3" x14ac:dyDescent="0.15">
      <c r="A8049">
        <v>16962</v>
      </c>
      <c r="B8049" t="s">
        <v>16068</v>
      </c>
      <c r="C8049" t="s">
        <v>16069</v>
      </c>
    </row>
    <row r="8050" spans="1:3" x14ac:dyDescent="0.15">
      <c r="A8050">
        <v>16961</v>
      </c>
      <c r="B8050" t="s">
        <v>16070</v>
      </c>
      <c r="C8050" t="s">
        <v>16071</v>
      </c>
    </row>
    <row r="8051" spans="1:3" x14ac:dyDescent="0.15">
      <c r="A8051">
        <v>16960</v>
      </c>
      <c r="B8051" t="s">
        <v>16072</v>
      </c>
      <c r="C8051" t="s">
        <v>16073</v>
      </c>
    </row>
    <row r="8052" spans="1:3" x14ac:dyDescent="0.15">
      <c r="A8052">
        <v>16959</v>
      </c>
      <c r="B8052" t="s">
        <v>16074</v>
      </c>
      <c r="C8052" t="s">
        <v>16075</v>
      </c>
    </row>
    <row r="8053" spans="1:3" x14ac:dyDescent="0.15">
      <c r="A8053">
        <v>16958</v>
      </c>
      <c r="B8053" t="s">
        <v>16076</v>
      </c>
      <c r="C8053" t="s">
        <v>16077</v>
      </c>
    </row>
    <row r="8054" spans="1:3" x14ac:dyDescent="0.15">
      <c r="A8054">
        <v>16957</v>
      </c>
      <c r="B8054" t="s">
        <v>16078</v>
      </c>
      <c r="C8054" t="s">
        <v>16079</v>
      </c>
    </row>
    <row r="8055" spans="1:3" x14ac:dyDescent="0.15">
      <c r="A8055">
        <v>16956</v>
      </c>
      <c r="B8055" t="s">
        <v>16080</v>
      </c>
      <c r="C8055" t="s">
        <v>16081</v>
      </c>
    </row>
    <row r="8056" spans="1:3" x14ac:dyDescent="0.15">
      <c r="A8056">
        <v>16955</v>
      </c>
      <c r="B8056" t="s">
        <v>16082</v>
      </c>
      <c r="C8056" t="s">
        <v>16083</v>
      </c>
    </row>
    <row r="8057" spans="1:3" x14ac:dyDescent="0.15">
      <c r="A8057">
        <v>16954</v>
      </c>
      <c r="B8057" t="s">
        <v>16084</v>
      </c>
      <c r="C8057" t="s">
        <v>16085</v>
      </c>
    </row>
    <row r="8058" spans="1:3" x14ac:dyDescent="0.15">
      <c r="A8058">
        <v>16953</v>
      </c>
      <c r="B8058" t="s">
        <v>16086</v>
      </c>
      <c r="C8058" t="s">
        <v>16087</v>
      </c>
    </row>
    <row r="8059" spans="1:3" x14ac:dyDescent="0.15">
      <c r="A8059">
        <v>16952</v>
      </c>
      <c r="B8059" t="s">
        <v>16088</v>
      </c>
      <c r="C8059" t="s">
        <v>16089</v>
      </c>
    </row>
    <row r="8060" spans="1:3" x14ac:dyDescent="0.15">
      <c r="A8060">
        <v>16951</v>
      </c>
      <c r="B8060" t="s">
        <v>16090</v>
      </c>
      <c r="C8060" t="s">
        <v>16091</v>
      </c>
    </row>
    <row r="8061" spans="1:3" x14ac:dyDescent="0.15">
      <c r="A8061">
        <v>16950</v>
      </c>
      <c r="B8061" t="s">
        <v>16092</v>
      </c>
      <c r="C8061" t="s">
        <v>16093</v>
      </c>
    </row>
    <row r="8062" spans="1:3" x14ac:dyDescent="0.15">
      <c r="A8062">
        <v>16949</v>
      </c>
      <c r="B8062" t="s">
        <v>16094</v>
      </c>
      <c r="C8062" t="s">
        <v>16095</v>
      </c>
    </row>
    <row r="8063" spans="1:3" x14ac:dyDescent="0.15">
      <c r="A8063">
        <v>16948</v>
      </c>
      <c r="B8063" t="s">
        <v>16096</v>
      </c>
      <c r="C8063" t="s">
        <v>16097</v>
      </c>
    </row>
    <row r="8064" spans="1:3" x14ac:dyDescent="0.15">
      <c r="A8064">
        <v>16947</v>
      </c>
      <c r="B8064" t="s">
        <v>16098</v>
      </c>
      <c r="C8064" t="s">
        <v>16099</v>
      </c>
    </row>
    <row r="8065" spans="1:3" x14ac:dyDescent="0.15">
      <c r="A8065">
        <v>16946</v>
      </c>
      <c r="B8065" t="s">
        <v>16100</v>
      </c>
      <c r="C8065" t="s">
        <v>16101</v>
      </c>
    </row>
    <row r="8066" spans="1:3" x14ac:dyDescent="0.15">
      <c r="A8066">
        <v>16945</v>
      </c>
      <c r="B8066" t="s">
        <v>16102</v>
      </c>
      <c r="C8066" t="s">
        <v>16103</v>
      </c>
    </row>
    <row r="8067" spans="1:3" x14ac:dyDescent="0.15">
      <c r="A8067">
        <v>16944</v>
      </c>
      <c r="B8067" t="s">
        <v>16104</v>
      </c>
      <c r="C8067" t="s">
        <v>16105</v>
      </c>
    </row>
    <row r="8068" spans="1:3" x14ac:dyDescent="0.15">
      <c r="A8068">
        <v>16943</v>
      </c>
      <c r="B8068" t="s">
        <v>16106</v>
      </c>
      <c r="C8068" t="s">
        <v>16107</v>
      </c>
    </row>
    <row r="8069" spans="1:3" x14ac:dyDescent="0.15">
      <c r="A8069">
        <v>16942</v>
      </c>
      <c r="B8069" t="s">
        <v>16108</v>
      </c>
      <c r="C8069" t="s">
        <v>16109</v>
      </c>
    </row>
    <row r="8070" spans="1:3" x14ac:dyDescent="0.15">
      <c r="A8070">
        <v>16941</v>
      </c>
      <c r="B8070" t="s">
        <v>16110</v>
      </c>
      <c r="C8070" t="s">
        <v>16111</v>
      </c>
    </row>
    <row r="8071" spans="1:3" x14ac:dyDescent="0.15">
      <c r="A8071">
        <v>16940</v>
      </c>
      <c r="B8071" t="s">
        <v>16112</v>
      </c>
      <c r="C8071" t="s">
        <v>16113</v>
      </c>
    </row>
    <row r="8072" spans="1:3" x14ac:dyDescent="0.15">
      <c r="A8072">
        <v>16939</v>
      </c>
      <c r="B8072" t="s">
        <v>16114</v>
      </c>
      <c r="C8072" t="s">
        <v>16115</v>
      </c>
    </row>
    <row r="8073" spans="1:3" x14ac:dyDescent="0.15">
      <c r="A8073">
        <v>16938</v>
      </c>
      <c r="B8073" t="s">
        <v>16116</v>
      </c>
      <c r="C8073" t="s">
        <v>16117</v>
      </c>
    </row>
    <row r="8074" spans="1:3" x14ac:dyDescent="0.15">
      <c r="A8074">
        <v>16937</v>
      </c>
      <c r="B8074" t="s">
        <v>16118</v>
      </c>
      <c r="C8074" t="s">
        <v>16119</v>
      </c>
    </row>
    <row r="8075" spans="1:3" x14ac:dyDescent="0.15">
      <c r="A8075">
        <v>16936</v>
      </c>
      <c r="B8075" t="s">
        <v>16120</v>
      </c>
      <c r="C8075" t="s">
        <v>16121</v>
      </c>
    </row>
    <row r="8076" spans="1:3" x14ac:dyDescent="0.15">
      <c r="A8076">
        <v>16935</v>
      </c>
      <c r="B8076" t="s">
        <v>16122</v>
      </c>
      <c r="C8076" t="s">
        <v>16123</v>
      </c>
    </row>
    <row r="8077" spans="1:3" x14ac:dyDescent="0.15">
      <c r="A8077">
        <v>16934</v>
      </c>
      <c r="B8077" t="s">
        <v>16124</v>
      </c>
      <c r="C8077" t="s">
        <v>16125</v>
      </c>
    </row>
    <row r="8078" spans="1:3" x14ac:dyDescent="0.15">
      <c r="A8078">
        <v>16933</v>
      </c>
      <c r="B8078" t="s">
        <v>16126</v>
      </c>
      <c r="C8078" t="s">
        <v>16127</v>
      </c>
    </row>
    <row r="8079" spans="1:3" x14ac:dyDescent="0.15">
      <c r="A8079">
        <v>16932</v>
      </c>
      <c r="B8079" t="s">
        <v>16128</v>
      </c>
      <c r="C8079" t="s">
        <v>16129</v>
      </c>
    </row>
    <row r="8080" spans="1:3" x14ac:dyDescent="0.15">
      <c r="A8080">
        <v>16931</v>
      </c>
      <c r="B8080" t="s">
        <v>16130</v>
      </c>
      <c r="C8080" t="s">
        <v>16131</v>
      </c>
    </row>
    <row r="8081" spans="1:3" x14ac:dyDescent="0.15">
      <c r="A8081">
        <v>16930</v>
      </c>
      <c r="B8081" t="s">
        <v>16132</v>
      </c>
      <c r="C8081" t="s">
        <v>16133</v>
      </c>
    </row>
    <row r="8082" spans="1:3" x14ac:dyDescent="0.15">
      <c r="A8082">
        <v>16929</v>
      </c>
      <c r="B8082" t="s">
        <v>16134</v>
      </c>
      <c r="C8082" t="s">
        <v>16135</v>
      </c>
    </row>
    <row r="8083" spans="1:3" x14ac:dyDescent="0.15">
      <c r="A8083">
        <v>16928</v>
      </c>
      <c r="B8083" t="s">
        <v>16136</v>
      </c>
      <c r="C8083" t="s">
        <v>16137</v>
      </c>
    </row>
    <row r="8084" spans="1:3" x14ac:dyDescent="0.15">
      <c r="A8084">
        <v>16927</v>
      </c>
      <c r="B8084" t="s">
        <v>16138</v>
      </c>
      <c r="C8084" t="s">
        <v>16139</v>
      </c>
    </row>
    <row r="8085" spans="1:3" x14ac:dyDescent="0.15">
      <c r="A8085">
        <v>16926</v>
      </c>
      <c r="B8085" t="s">
        <v>16140</v>
      </c>
      <c r="C8085" t="s">
        <v>16141</v>
      </c>
    </row>
    <row r="8086" spans="1:3" x14ac:dyDescent="0.15">
      <c r="A8086">
        <v>16925</v>
      </c>
      <c r="B8086" t="s">
        <v>16142</v>
      </c>
      <c r="C8086" t="s">
        <v>16143</v>
      </c>
    </row>
    <row r="8087" spans="1:3" x14ac:dyDescent="0.15">
      <c r="A8087">
        <v>16924</v>
      </c>
      <c r="B8087" t="s">
        <v>16144</v>
      </c>
      <c r="C8087" t="s">
        <v>16145</v>
      </c>
    </row>
    <row r="8088" spans="1:3" x14ac:dyDescent="0.15">
      <c r="A8088">
        <v>16923</v>
      </c>
      <c r="B8088" t="s">
        <v>16146</v>
      </c>
      <c r="C8088" t="s">
        <v>16147</v>
      </c>
    </row>
    <row r="8089" spans="1:3" x14ac:dyDescent="0.15">
      <c r="A8089">
        <v>16922</v>
      </c>
      <c r="B8089" t="s">
        <v>16148</v>
      </c>
      <c r="C8089" t="s">
        <v>16149</v>
      </c>
    </row>
    <row r="8090" spans="1:3" x14ac:dyDescent="0.15">
      <c r="A8090">
        <v>16921</v>
      </c>
      <c r="B8090" t="s">
        <v>16150</v>
      </c>
      <c r="C8090" t="s">
        <v>16151</v>
      </c>
    </row>
    <row r="8091" spans="1:3" x14ac:dyDescent="0.15">
      <c r="A8091">
        <v>16920</v>
      </c>
      <c r="B8091" t="s">
        <v>16152</v>
      </c>
      <c r="C8091" t="s">
        <v>16153</v>
      </c>
    </row>
    <row r="8092" spans="1:3" x14ac:dyDescent="0.15">
      <c r="A8092">
        <v>16919</v>
      </c>
      <c r="B8092" t="s">
        <v>16154</v>
      </c>
      <c r="C8092" t="s">
        <v>16155</v>
      </c>
    </row>
    <row r="8093" spans="1:3" x14ac:dyDescent="0.15">
      <c r="A8093">
        <v>16918</v>
      </c>
      <c r="B8093" t="s">
        <v>16156</v>
      </c>
      <c r="C8093" t="s">
        <v>16157</v>
      </c>
    </row>
    <row r="8094" spans="1:3" x14ac:dyDescent="0.15">
      <c r="A8094">
        <v>16917</v>
      </c>
      <c r="B8094" t="s">
        <v>16158</v>
      </c>
      <c r="C8094" t="s">
        <v>16159</v>
      </c>
    </row>
    <row r="8095" spans="1:3" x14ac:dyDescent="0.15">
      <c r="A8095">
        <v>16916</v>
      </c>
      <c r="B8095" t="s">
        <v>16160</v>
      </c>
      <c r="C8095" t="s">
        <v>16161</v>
      </c>
    </row>
    <row r="8096" spans="1:3" x14ac:dyDescent="0.15">
      <c r="A8096">
        <v>16915</v>
      </c>
      <c r="B8096" t="s">
        <v>16162</v>
      </c>
      <c r="C8096" t="s">
        <v>16163</v>
      </c>
    </row>
    <row r="8097" spans="1:3" x14ac:dyDescent="0.15">
      <c r="A8097">
        <v>16914</v>
      </c>
      <c r="B8097" t="s">
        <v>16164</v>
      </c>
      <c r="C8097" t="s">
        <v>16165</v>
      </c>
    </row>
    <row r="8098" spans="1:3" x14ac:dyDescent="0.15">
      <c r="A8098">
        <v>16913</v>
      </c>
      <c r="B8098" t="s">
        <v>16166</v>
      </c>
      <c r="C8098" t="s">
        <v>16167</v>
      </c>
    </row>
    <row r="8099" spans="1:3" x14ac:dyDescent="0.15">
      <c r="A8099">
        <v>16912</v>
      </c>
      <c r="B8099" t="s">
        <v>16168</v>
      </c>
      <c r="C8099" t="s">
        <v>16169</v>
      </c>
    </row>
    <row r="8100" spans="1:3" x14ac:dyDescent="0.15">
      <c r="A8100">
        <v>16911</v>
      </c>
      <c r="B8100" t="s">
        <v>16170</v>
      </c>
      <c r="C8100" t="s">
        <v>16171</v>
      </c>
    </row>
    <row r="8101" spans="1:3" x14ac:dyDescent="0.15">
      <c r="A8101">
        <v>16910</v>
      </c>
      <c r="B8101" t="s">
        <v>16172</v>
      </c>
      <c r="C8101" t="s">
        <v>16173</v>
      </c>
    </row>
    <row r="8102" spans="1:3" x14ac:dyDescent="0.15">
      <c r="A8102">
        <v>16909</v>
      </c>
      <c r="B8102" t="s">
        <v>16174</v>
      </c>
      <c r="C8102" t="s">
        <v>16175</v>
      </c>
    </row>
    <row r="8103" spans="1:3" x14ac:dyDescent="0.15">
      <c r="A8103">
        <v>16908</v>
      </c>
      <c r="B8103" t="s">
        <v>16176</v>
      </c>
      <c r="C8103" t="s">
        <v>16177</v>
      </c>
    </row>
    <row r="8104" spans="1:3" x14ac:dyDescent="0.15">
      <c r="A8104">
        <v>16907</v>
      </c>
      <c r="B8104" t="s">
        <v>16178</v>
      </c>
      <c r="C8104" t="s">
        <v>16179</v>
      </c>
    </row>
    <row r="8105" spans="1:3" x14ac:dyDescent="0.15">
      <c r="A8105">
        <v>16906</v>
      </c>
      <c r="B8105" t="s">
        <v>16180</v>
      </c>
      <c r="C8105" t="s">
        <v>16181</v>
      </c>
    </row>
    <row r="8106" spans="1:3" x14ac:dyDescent="0.15">
      <c r="A8106">
        <v>16905</v>
      </c>
      <c r="B8106" t="s">
        <v>16182</v>
      </c>
      <c r="C8106" t="s">
        <v>16183</v>
      </c>
    </row>
    <row r="8107" spans="1:3" x14ac:dyDescent="0.15">
      <c r="A8107">
        <v>16904</v>
      </c>
      <c r="B8107" t="s">
        <v>16184</v>
      </c>
      <c r="C8107" t="s">
        <v>16185</v>
      </c>
    </row>
    <row r="8108" spans="1:3" x14ac:dyDescent="0.15">
      <c r="A8108">
        <v>16903</v>
      </c>
      <c r="B8108" t="s">
        <v>16186</v>
      </c>
      <c r="C8108" t="s">
        <v>16187</v>
      </c>
    </row>
    <row r="8109" spans="1:3" x14ac:dyDescent="0.15">
      <c r="A8109">
        <v>16902</v>
      </c>
      <c r="B8109" t="s">
        <v>16188</v>
      </c>
      <c r="C8109" t="s">
        <v>16189</v>
      </c>
    </row>
    <row r="8110" spans="1:3" x14ac:dyDescent="0.15">
      <c r="A8110">
        <v>16901</v>
      </c>
      <c r="B8110" t="s">
        <v>16190</v>
      </c>
      <c r="C8110" t="s">
        <v>16191</v>
      </c>
    </row>
    <row r="8111" spans="1:3" x14ac:dyDescent="0.15">
      <c r="A8111">
        <v>16900</v>
      </c>
      <c r="B8111" t="s">
        <v>16192</v>
      </c>
      <c r="C8111" t="s">
        <v>16193</v>
      </c>
    </row>
    <row r="8112" spans="1:3" x14ac:dyDescent="0.15">
      <c r="A8112">
        <v>16899</v>
      </c>
      <c r="B8112" t="s">
        <v>16194</v>
      </c>
      <c r="C8112" t="s">
        <v>16195</v>
      </c>
    </row>
    <row r="8113" spans="1:3" x14ac:dyDescent="0.15">
      <c r="A8113">
        <v>16898</v>
      </c>
      <c r="B8113" t="s">
        <v>16196</v>
      </c>
      <c r="C8113" t="s">
        <v>16197</v>
      </c>
    </row>
    <row r="8114" spans="1:3" x14ac:dyDescent="0.15">
      <c r="A8114">
        <v>16897</v>
      </c>
      <c r="B8114" t="s">
        <v>16198</v>
      </c>
      <c r="C8114" t="s">
        <v>16199</v>
      </c>
    </row>
    <row r="8115" spans="1:3" x14ac:dyDescent="0.15">
      <c r="A8115">
        <v>16896</v>
      </c>
      <c r="B8115" t="s">
        <v>16200</v>
      </c>
      <c r="C8115" t="s">
        <v>16201</v>
      </c>
    </row>
    <row r="8116" spans="1:3" x14ac:dyDescent="0.15">
      <c r="A8116">
        <v>16895</v>
      </c>
      <c r="B8116" t="s">
        <v>16202</v>
      </c>
      <c r="C8116" t="s">
        <v>16203</v>
      </c>
    </row>
    <row r="8117" spans="1:3" x14ac:dyDescent="0.15">
      <c r="A8117">
        <v>16894</v>
      </c>
      <c r="B8117" t="s">
        <v>16204</v>
      </c>
      <c r="C8117" t="s">
        <v>16205</v>
      </c>
    </row>
    <row r="8118" spans="1:3" x14ac:dyDescent="0.15">
      <c r="A8118">
        <v>16893</v>
      </c>
      <c r="B8118" t="s">
        <v>16206</v>
      </c>
      <c r="C8118" t="s">
        <v>16207</v>
      </c>
    </row>
    <row r="8119" spans="1:3" x14ac:dyDescent="0.15">
      <c r="A8119">
        <v>16892</v>
      </c>
      <c r="B8119" t="s">
        <v>16208</v>
      </c>
      <c r="C8119" t="s">
        <v>16209</v>
      </c>
    </row>
    <row r="8120" spans="1:3" x14ac:dyDescent="0.15">
      <c r="A8120">
        <v>16891</v>
      </c>
      <c r="B8120" t="s">
        <v>16210</v>
      </c>
      <c r="C8120" t="s">
        <v>16211</v>
      </c>
    </row>
    <row r="8121" spans="1:3" x14ac:dyDescent="0.15">
      <c r="A8121">
        <v>16890</v>
      </c>
      <c r="B8121" t="s">
        <v>16212</v>
      </c>
      <c r="C8121" t="s">
        <v>16213</v>
      </c>
    </row>
    <row r="8122" spans="1:3" x14ac:dyDescent="0.15">
      <c r="A8122">
        <v>16889</v>
      </c>
      <c r="B8122" t="s">
        <v>16214</v>
      </c>
      <c r="C8122" t="s">
        <v>16215</v>
      </c>
    </row>
    <row r="8123" spans="1:3" x14ac:dyDescent="0.15">
      <c r="A8123">
        <v>16888</v>
      </c>
      <c r="B8123" t="s">
        <v>16216</v>
      </c>
      <c r="C8123" t="s">
        <v>16217</v>
      </c>
    </row>
    <row r="8124" spans="1:3" x14ac:dyDescent="0.15">
      <c r="A8124">
        <v>16887</v>
      </c>
      <c r="B8124" t="s">
        <v>16218</v>
      </c>
      <c r="C8124" t="s">
        <v>16219</v>
      </c>
    </row>
    <row r="8125" spans="1:3" x14ac:dyDescent="0.15">
      <c r="A8125">
        <v>16886</v>
      </c>
      <c r="B8125" t="s">
        <v>16220</v>
      </c>
      <c r="C8125" t="s">
        <v>16221</v>
      </c>
    </row>
    <row r="8126" spans="1:3" x14ac:dyDescent="0.15">
      <c r="A8126">
        <v>16885</v>
      </c>
      <c r="B8126" t="s">
        <v>16222</v>
      </c>
      <c r="C8126" t="s">
        <v>16223</v>
      </c>
    </row>
    <row r="8127" spans="1:3" x14ac:dyDescent="0.15">
      <c r="A8127">
        <v>16884</v>
      </c>
      <c r="B8127" t="s">
        <v>16224</v>
      </c>
      <c r="C8127" t="s">
        <v>16225</v>
      </c>
    </row>
    <row r="8128" spans="1:3" x14ac:dyDescent="0.15">
      <c r="A8128">
        <v>16883</v>
      </c>
      <c r="B8128" t="s">
        <v>16226</v>
      </c>
      <c r="C8128" t="s">
        <v>16227</v>
      </c>
    </row>
    <row r="8129" spans="1:3" x14ac:dyDescent="0.15">
      <c r="A8129">
        <v>16882</v>
      </c>
      <c r="B8129" t="s">
        <v>16228</v>
      </c>
      <c r="C8129" t="s">
        <v>16229</v>
      </c>
    </row>
    <row r="8130" spans="1:3" x14ac:dyDescent="0.15">
      <c r="A8130">
        <v>16881</v>
      </c>
      <c r="B8130" t="s">
        <v>16230</v>
      </c>
      <c r="C8130" t="s">
        <v>16231</v>
      </c>
    </row>
    <row r="8131" spans="1:3" x14ac:dyDescent="0.15">
      <c r="A8131">
        <v>16880</v>
      </c>
      <c r="B8131" t="s">
        <v>16232</v>
      </c>
      <c r="C8131" t="s">
        <v>16233</v>
      </c>
    </row>
    <row r="8132" spans="1:3" x14ac:dyDescent="0.15">
      <c r="A8132">
        <v>16879</v>
      </c>
      <c r="B8132" t="s">
        <v>16234</v>
      </c>
      <c r="C8132" t="s">
        <v>16235</v>
      </c>
    </row>
    <row r="8133" spans="1:3" x14ac:dyDescent="0.15">
      <c r="A8133">
        <v>16878</v>
      </c>
      <c r="B8133" t="s">
        <v>16236</v>
      </c>
      <c r="C8133" t="s">
        <v>16237</v>
      </c>
    </row>
    <row r="8134" spans="1:3" x14ac:dyDescent="0.15">
      <c r="A8134">
        <v>16877</v>
      </c>
      <c r="B8134" t="s">
        <v>16238</v>
      </c>
      <c r="C8134" t="s">
        <v>16239</v>
      </c>
    </row>
    <row r="8135" spans="1:3" x14ac:dyDescent="0.15">
      <c r="A8135">
        <v>16876</v>
      </c>
      <c r="B8135" t="s">
        <v>16240</v>
      </c>
      <c r="C8135" t="s">
        <v>16241</v>
      </c>
    </row>
    <row r="8136" spans="1:3" x14ac:dyDescent="0.15">
      <c r="A8136">
        <v>16875</v>
      </c>
      <c r="B8136" t="s">
        <v>16242</v>
      </c>
      <c r="C8136" t="s">
        <v>16243</v>
      </c>
    </row>
    <row r="8137" spans="1:3" x14ac:dyDescent="0.15">
      <c r="A8137">
        <v>16874</v>
      </c>
      <c r="B8137" t="s">
        <v>16244</v>
      </c>
      <c r="C8137" t="s">
        <v>16245</v>
      </c>
    </row>
    <row r="8138" spans="1:3" x14ac:dyDescent="0.15">
      <c r="A8138">
        <v>16873</v>
      </c>
      <c r="B8138" t="s">
        <v>16246</v>
      </c>
      <c r="C8138" t="s">
        <v>16247</v>
      </c>
    </row>
    <row r="8139" spans="1:3" x14ac:dyDescent="0.15">
      <c r="A8139">
        <v>16872</v>
      </c>
      <c r="B8139" t="s">
        <v>16248</v>
      </c>
      <c r="C8139" t="s">
        <v>16249</v>
      </c>
    </row>
    <row r="8140" spans="1:3" x14ac:dyDescent="0.15">
      <c r="A8140">
        <v>16871</v>
      </c>
      <c r="B8140" t="s">
        <v>16250</v>
      </c>
      <c r="C8140" t="s">
        <v>16251</v>
      </c>
    </row>
    <row r="8141" spans="1:3" x14ac:dyDescent="0.15">
      <c r="A8141">
        <v>16870</v>
      </c>
      <c r="B8141" t="s">
        <v>16252</v>
      </c>
      <c r="C8141" t="s">
        <v>16253</v>
      </c>
    </row>
    <row r="8142" spans="1:3" x14ac:dyDescent="0.15">
      <c r="A8142">
        <v>16869</v>
      </c>
      <c r="B8142" t="s">
        <v>16254</v>
      </c>
      <c r="C8142" t="s">
        <v>16255</v>
      </c>
    </row>
    <row r="8143" spans="1:3" x14ac:dyDescent="0.15">
      <c r="A8143">
        <v>16868</v>
      </c>
      <c r="B8143" t="s">
        <v>16256</v>
      </c>
      <c r="C8143" t="s">
        <v>16257</v>
      </c>
    </row>
    <row r="8144" spans="1:3" x14ac:dyDescent="0.15">
      <c r="A8144">
        <v>16867</v>
      </c>
      <c r="B8144" t="s">
        <v>16258</v>
      </c>
      <c r="C8144" t="s">
        <v>16259</v>
      </c>
    </row>
    <row r="8145" spans="1:3" x14ac:dyDescent="0.15">
      <c r="A8145">
        <v>16866</v>
      </c>
      <c r="B8145" t="s">
        <v>16260</v>
      </c>
      <c r="C8145" t="s">
        <v>16261</v>
      </c>
    </row>
    <row r="8146" spans="1:3" x14ac:dyDescent="0.15">
      <c r="A8146">
        <v>16865</v>
      </c>
      <c r="B8146" t="s">
        <v>16262</v>
      </c>
      <c r="C8146" t="s">
        <v>16263</v>
      </c>
    </row>
    <row r="8147" spans="1:3" x14ac:dyDescent="0.15">
      <c r="A8147">
        <v>16864</v>
      </c>
      <c r="B8147" t="s">
        <v>16264</v>
      </c>
      <c r="C8147" t="s">
        <v>16265</v>
      </c>
    </row>
    <row r="8148" spans="1:3" x14ac:dyDescent="0.15">
      <c r="A8148">
        <v>16863</v>
      </c>
      <c r="B8148" t="s">
        <v>16266</v>
      </c>
      <c r="C8148" t="s">
        <v>16267</v>
      </c>
    </row>
    <row r="8149" spans="1:3" x14ac:dyDescent="0.15">
      <c r="A8149">
        <v>16862</v>
      </c>
      <c r="B8149" t="s">
        <v>16268</v>
      </c>
      <c r="C8149" t="s">
        <v>16269</v>
      </c>
    </row>
    <row r="8150" spans="1:3" x14ac:dyDescent="0.15">
      <c r="A8150">
        <v>16861</v>
      </c>
      <c r="B8150" t="s">
        <v>16270</v>
      </c>
      <c r="C8150" t="s">
        <v>16271</v>
      </c>
    </row>
    <row r="8151" spans="1:3" x14ac:dyDescent="0.15">
      <c r="A8151">
        <v>16860</v>
      </c>
      <c r="B8151" t="s">
        <v>16272</v>
      </c>
      <c r="C8151" t="s">
        <v>16273</v>
      </c>
    </row>
    <row r="8152" spans="1:3" x14ac:dyDescent="0.15">
      <c r="A8152">
        <v>16859</v>
      </c>
      <c r="B8152" t="s">
        <v>16274</v>
      </c>
      <c r="C8152" t="s">
        <v>16275</v>
      </c>
    </row>
    <row r="8153" spans="1:3" x14ac:dyDescent="0.15">
      <c r="A8153">
        <v>16858</v>
      </c>
      <c r="B8153" t="s">
        <v>16276</v>
      </c>
      <c r="C8153" t="s">
        <v>16277</v>
      </c>
    </row>
    <row r="8154" spans="1:3" x14ac:dyDescent="0.15">
      <c r="A8154">
        <v>16857</v>
      </c>
      <c r="B8154" t="s">
        <v>16278</v>
      </c>
      <c r="C8154" t="s">
        <v>16279</v>
      </c>
    </row>
    <row r="8155" spans="1:3" x14ac:dyDescent="0.15">
      <c r="A8155">
        <v>16856</v>
      </c>
      <c r="B8155" t="s">
        <v>16280</v>
      </c>
      <c r="C8155" t="s">
        <v>16281</v>
      </c>
    </row>
    <row r="8156" spans="1:3" x14ac:dyDescent="0.15">
      <c r="A8156">
        <v>16855</v>
      </c>
      <c r="B8156" t="s">
        <v>16282</v>
      </c>
      <c r="C8156" t="s">
        <v>16283</v>
      </c>
    </row>
    <row r="8157" spans="1:3" x14ac:dyDescent="0.15">
      <c r="A8157">
        <v>16854</v>
      </c>
      <c r="B8157" t="s">
        <v>16284</v>
      </c>
      <c r="C8157" t="s">
        <v>16285</v>
      </c>
    </row>
    <row r="8158" spans="1:3" x14ac:dyDescent="0.15">
      <c r="A8158">
        <v>16853</v>
      </c>
      <c r="B8158" t="s">
        <v>16286</v>
      </c>
      <c r="C8158" t="s">
        <v>16287</v>
      </c>
    </row>
    <row r="8159" spans="1:3" x14ac:dyDescent="0.15">
      <c r="A8159">
        <v>16852</v>
      </c>
      <c r="B8159" t="s">
        <v>16288</v>
      </c>
      <c r="C8159" t="s">
        <v>16289</v>
      </c>
    </row>
    <row r="8160" spans="1:3" x14ac:dyDescent="0.15">
      <c r="A8160">
        <v>16851</v>
      </c>
      <c r="B8160" t="s">
        <v>16290</v>
      </c>
      <c r="C8160" t="s">
        <v>16291</v>
      </c>
    </row>
    <row r="8161" spans="1:3" x14ac:dyDescent="0.15">
      <c r="A8161">
        <v>16850</v>
      </c>
      <c r="B8161" t="s">
        <v>16292</v>
      </c>
      <c r="C8161" t="s">
        <v>16293</v>
      </c>
    </row>
    <row r="8162" spans="1:3" x14ac:dyDescent="0.15">
      <c r="A8162">
        <v>16849</v>
      </c>
      <c r="B8162" t="s">
        <v>16294</v>
      </c>
      <c r="C8162" t="s">
        <v>16295</v>
      </c>
    </row>
    <row r="8163" spans="1:3" x14ac:dyDescent="0.15">
      <c r="A8163">
        <v>16848</v>
      </c>
      <c r="B8163" t="s">
        <v>16296</v>
      </c>
      <c r="C8163" t="s">
        <v>16297</v>
      </c>
    </row>
    <row r="8164" spans="1:3" x14ac:dyDescent="0.15">
      <c r="A8164">
        <v>16847</v>
      </c>
      <c r="B8164" t="s">
        <v>16298</v>
      </c>
      <c r="C8164" t="s">
        <v>16299</v>
      </c>
    </row>
    <row r="8165" spans="1:3" x14ac:dyDescent="0.15">
      <c r="A8165">
        <v>16846</v>
      </c>
      <c r="B8165" t="s">
        <v>16300</v>
      </c>
      <c r="C8165" t="s">
        <v>16301</v>
      </c>
    </row>
    <row r="8166" spans="1:3" x14ac:dyDescent="0.15">
      <c r="A8166">
        <v>16845</v>
      </c>
      <c r="B8166" t="s">
        <v>16302</v>
      </c>
      <c r="C8166" t="s">
        <v>16303</v>
      </c>
    </row>
    <row r="8167" spans="1:3" x14ac:dyDescent="0.15">
      <c r="A8167">
        <v>16844</v>
      </c>
      <c r="B8167" t="s">
        <v>16304</v>
      </c>
      <c r="C8167" t="s">
        <v>16305</v>
      </c>
    </row>
    <row r="8168" spans="1:3" x14ac:dyDescent="0.15">
      <c r="A8168">
        <v>16843</v>
      </c>
      <c r="B8168" t="s">
        <v>16306</v>
      </c>
      <c r="C8168" t="s">
        <v>16307</v>
      </c>
    </row>
    <row r="8169" spans="1:3" x14ac:dyDescent="0.15">
      <c r="A8169">
        <v>16842</v>
      </c>
      <c r="B8169" t="s">
        <v>16308</v>
      </c>
      <c r="C8169" t="s">
        <v>16309</v>
      </c>
    </row>
    <row r="8170" spans="1:3" x14ac:dyDescent="0.15">
      <c r="A8170">
        <v>16841</v>
      </c>
      <c r="B8170" t="s">
        <v>16310</v>
      </c>
      <c r="C8170" t="s">
        <v>16311</v>
      </c>
    </row>
    <row r="8171" spans="1:3" x14ac:dyDescent="0.15">
      <c r="A8171">
        <v>16840</v>
      </c>
      <c r="B8171" t="s">
        <v>16312</v>
      </c>
      <c r="C8171" t="s">
        <v>16313</v>
      </c>
    </row>
    <row r="8172" spans="1:3" x14ac:dyDescent="0.15">
      <c r="A8172">
        <v>16839</v>
      </c>
      <c r="B8172" t="s">
        <v>16314</v>
      </c>
      <c r="C8172" t="s">
        <v>16315</v>
      </c>
    </row>
    <row r="8173" spans="1:3" x14ac:dyDescent="0.15">
      <c r="A8173">
        <v>16838</v>
      </c>
      <c r="B8173" t="s">
        <v>16316</v>
      </c>
      <c r="C8173" t="s">
        <v>16317</v>
      </c>
    </row>
    <row r="8174" spans="1:3" x14ac:dyDescent="0.15">
      <c r="A8174">
        <v>16837</v>
      </c>
      <c r="B8174" t="s">
        <v>16318</v>
      </c>
      <c r="C8174" t="s">
        <v>16319</v>
      </c>
    </row>
    <row r="8175" spans="1:3" x14ac:dyDescent="0.15">
      <c r="A8175">
        <v>16836</v>
      </c>
      <c r="B8175" t="s">
        <v>16320</v>
      </c>
      <c r="C8175" t="s">
        <v>16321</v>
      </c>
    </row>
    <row r="8176" spans="1:3" x14ac:dyDescent="0.15">
      <c r="A8176">
        <v>16835</v>
      </c>
      <c r="B8176" t="s">
        <v>16322</v>
      </c>
      <c r="C8176" t="s">
        <v>16323</v>
      </c>
    </row>
    <row r="8177" spans="1:3" x14ac:dyDescent="0.15">
      <c r="A8177">
        <v>16834</v>
      </c>
      <c r="B8177" t="s">
        <v>16324</v>
      </c>
      <c r="C8177" t="s">
        <v>16325</v>
      </c>
    </row>
    <row r="8178" spans="1:3" x14ac:dyDescent="0.15">
      <c r="A8178">
        <v>16833</v>
      </c>
      <c r="B8178" t="s">
        <v>16326</v>
      </c>
      <c r="C8178" t="s">
        <v>16327</v>
      </c>
    </row>
    <row r="8179" spans="1:3" x14ac:dyDescent="0.15">
      <c r="A8179">
        <v>16832</v>
      </c>
      <c r="B8179" t="s">
        <v>16328</v>
      </c>
      <c r="C8179" t="s">
        <v>16329</v>
      </c>
    </row>
    <row r="8180" spans="1:3" x14ac:dyDescent="0.15">
      <c r="A8180">
        <v>16831</v>
      </c>
      <c r="B8180" t="s">
        <v>16330</v>
      </c>
      <c r="C8180" t="s">
        <v>16331</v>
      </c>
    </row>
    <row r="8181" spans="1:3" x14ac:dyDescent="0.15">
      <c r="A8181">
        <v>16830</v>
      </c>
      <c r="B8181" t="s">
        <v>16332</v>
      </c>
      <c r="C8181" t="s">
        <v>16333</v>
      </c>
    </row>
    <row r="8182" spans="1:3" x14ac:dyDescent="0.15">
      <c r="A8182">
        <v>16829</v>
      </c>
      <c r="B8182" t="s">
        <v>16334</v>
      </c>
      <c r="C8182" t="s">
        <v>16335</v>
      </c>
    </row>
    <row r="8183" spans="1:3" x14ac:dyDescent="0.15">
      <c r="A8183">
        <v>16828</v>
      </c>
      <c r="B8183" t="s">
        <v>16336</v>
      </c>
      <c r="C8183" t="s">
        <v>16337</v>
      </c>
    </row>
    <row r="8184" spans="1:3" x14ac:dyDescent="0.15">
      <c r="A8184">
        <v>16827</v>
      </c>
      <c r="B8184" t="s">
        <v>16338</v>
      </c>
      <c r="C8184" t="s">
        <v>16339</v>
      </c>
    </row>
    <row r="8185" spans="1:3" x14ac:dyDescent="0.15">
      <c r="A8185">
        <v>16826</v>
      </c>
      <c r="B8185" t="s">
        <v>16340</v>
      </c>
      <c r="C8185" t="s">
        <v>16341</v>
      </c>
    </row>
    <row r="8186" spans="1:3" x14ac:dyDescent="0.15">
      <c r="A8186">
        <v>16825</v>
      </c>
      <c r="B8186" t="s">
        <v>16342</v>
      </c>
      <c r="C8186" t="s">
        <v>16343</v>
      </c>
    </row>
    <row r="8187" spans="1:3" x14ac:dyDescent="0.15">
      <c r="A8187">
        <v>16824</v>
      </c>
      <c r="B8187" t="s">
        <v>16344</v>
      </c>
      <c r="C8187" t="s">
        <v>16345</v>
      </c>
    </row>
    <row r="8188" spans="1:3" x14ac:dyDescent="0.15">
      <c r="A8188">
        <v>16823</v>
      </c>
      <c r="B8188" t="s">
        <v>16346</v>
      </c>
      <c r="C8188" t="s">
        <v>16347</v>
      </c>
    </row>
    <row r="8189" spans="1:3" x14ac:dyDescent="0.15">
      <c r="A8189">
        <v>16822</v>
      </c>
      <c r="B8189" t="s">
        <v>16348</v>
      </c>
      <c r="C8189" t="s">
        <v>16349</v>
      </c>
    </row>
    <row r="8190" spans="1:3" x14ac:dyDescent="0.15">
      <c r="A8190">
        <v>16821</v>
      </c>
      <c r="B8190" t="s">
        <v>16350</v>
      </c>
      <c r="C8190" t="s">
        <v>16351</v>
      </c>
    </row>
    <row r="8191" spans="1:3" x14ac:dyDescent="0.15">
      <c r="A8191">
        <v>16820</v>
      </c>
      <c r="B8191" t="s">
        <v>16352</v>
      </c>
      <c r="C8191" t="s">
        <v>16353</v>
      </c>
    </row>
    <row r="8192" spans="1:3" x14ac:dyDescent="0.15">
      <c r="A8192">
        <v>16819</v>
      </c>
      <c r="B8192" t="s">
        <v>16354</v>
      </c>
      <c r="C8192" t="s">
        <v>16355</v>
      </c>
    </row>
    <row r="8193" spans="1:3" x14ac:dyDescent="0.15">
      <c r="A8193">
        <v>16818</v>
      </c>
      <c r="B8193" t="s">
        <v>16356</v>
      </c>
      <c r="C8193" t="s">
        <v>16357</v>
      </c>
    </row>
    <row r="8194" spans="1:3" x14ac:dyDescent="0.15">
      <c r="A8194">
        <v>16817</v>
      </c>
      <c r="B8194" t="s">
        <v>16358</v>
      </c>
      <c r="C8194" t="s">
        <v>16359</v>
      </c>
    </row>
    <row r="8195" spans="1:3" x14ac:dyDescent="0.15">
      <c r="A8195">
        <v>16816</v>
      </c>
      <c r="B8195" t="s">
        <v>16360</v>
      </c>
      <c r="C8195" t="s">
        <v>16361</v>
      </c>
    </row>
    <row r="8196" spans="1:3" x14ac:dyDescent="0.15">
      <c r="A8196">
        <v>16815</v>
      </c>
      <c r="B8196" t="s">
        <v>16362</v>
      </c>
      <c r="C8196" t="s">
        <v>16363</v>
      </c>
    </row>
    <row r="8197" spans="1:3" x14ac:dyDescent="0.15">
      <c r="A8197">
        <v>16814</v>
      </c>
      <c r="B8197" t="s">
        <v>16364</v>
      </c>
      <c r="C8197" t="s">
        <v>16365</v>
      </c>
    </row>
    <row r="8198" spans="1:3" x14ac:dyDescent="0.15">
      <c r="A8198">
        <v>16813</v>
      </c>
      <c r="B8198" t="s">
        <v>16366</v>
      </c>
      <c r="C8198" t="s">
        <v>16367</v>
      </c>
    </row>
    <row r="8199" spans="1:3" x14ac:dyDescent="0.15">
      <c r="A8199">
        <v>16812</v>
      </c>
      <c r="B8199" t="s">
        <v>16368</v>
      </c>
      <c r="C8199" t="s">
        <v>16369</v>
      </c>
    </row>
    <row r="8200" spans="1:3" x14ac:dyDescent="0.15">
      <c r="A8200">
        <v>16811</v>
      </c>
      <c r="B8200" t="s">
        <v>16370</v>
      </c>
      <c r="C8200" t="s">
        <v>16371</v>
      </c>
    </row>
    <row r="8201" spans="1:3" x14ac:dyDescent="0.15">
      <c r="A8201">
        <v>16810</v>
      </c>
      <c r="B8201" t="s">
        <v>16372</v>
      </c>
      <c r="C8201" t="s">
        <v>16373</v>
      </c>
    </row>
    <row r="8202" spans="1:3" x14ac:dyDescent="0.15">
      <c r="A8202">
        <v>16809</v>
      </c>
      <c r="B8202" t="s">
        <v>16374</v>
      </c>
      <c r="C8202" t="s">
        <v>16375</v>
      </c>
    </row>
    <row r="8203" spans="1:3" x14ac:dyDescent="0.15">
      <c r="A8203">
        <v>16808</v>
      </c>
      <c r="B8203" t="s">
        <v>16376</v>
      </c>
      <c r="C8203" t="s">
        <v>16377</v>
      </c>
    </row>
    <row r="8204" spans="1:3" x14ac:dyDescent="0.15">
      <c r="A8204">
        <v>16807</v>
      </c>
      <c r="B8204" t="s">
        <v>16378</v>
      </c>
      <c r="C8204" t="s">
        <v>16379</v>
      </c>
    </row>
    <row r="8205" spans="1:3" x14ac:dyDescent="0.15">
      <c r="A8205">
        <v>16806</v>
      </c>
      <c r="B8205" t="s">
        <v>16380</v>
      </c>
      <c r="C8205" t="s">
        <v>16381</v>
      </c>
    </row>
    <row r="8206" spans="1:3" x14ac:dyDescent="0.15">
      <c r="A8206">
        <v>16805</v>
      </c>
      <c r="B8206" t="s">
        <v>16382</v>
      </c>
      <c r="C8206" t="s">
        <v>16383</v>
      </c>
    </row>
    <row r="8207" spans="1:3" x14ac:dyDescent="0.15">
      <c r="A8207">
        <v>16804</v>
      </c>
      <c r="B8207" t="s">
        <v>16384</v>
      </c>
      <c r="C8207" t="s">
        <v>16385</v>
      </c>
    </row>
    <row r="8208" spans="1:3" x14ac:dyDescent="0.15">
      <c r="A8208">
        <v>16803</v>
      </c>
      <c r="B8208" t="s">
        <v>16386</v>
      </c>
      <c r="C8208" t="s">
        <v>16387</v>
      </c>
    </row>
    <row r="8209" spans="1:3" x14ac:dyDescent="0.15">
      <c r="A8209">
        <v>16802</v>
      </c>
      <c r="B8209" t="s">
        <v>16388</v>
      </c>
      <c r="C8209" t="s">
        <v>16389</v>
      </c>
    </row>
    <row r="8210" spans="1:3" x14ac:dyDescent="0.15">
      <c r="A8210">
        <v>16801</v>
      </c>
      <c r="B8210" t="s">
        <v>16390</v>
      </c>
      <c r="C8210" t="s">
        <v>16391</v>
      </c>
    </row>
    <row r="8211" spans="1:3" x14ac:dyDescent="0.15">
      <c r="A8211">
        <v>16800</v>
      </c>
      <c r="B8211" t="s">
        <v>16392</v>
      </c>
      <c r="C8211" t="s">
        <v>16393</v>
      </c>
    </row>
    <row r="8212" spans="1:3" x14ac:dyDescent="0.15">
      <c r="A8212">
        <v>16799</v>
      </c>
      <c r="B8212" t="s">
        <v>16394</v>
      </c>
      <c r="C8212" t="s">
        <v>16395</v>
      </c>
    </row>
    <row r="8213" spans="1:3" x14ac:dyDescent="0.15">
      <c r="A8213">
        <v>16798</v>
      </c>
      <c r="B8213" t="s">
        <v>16396</v>
      </c>
      <c r="C8213" t="s">
        <v>16397</v>
      </c>
    </row>
    <row r="8214" spans="1:3" x14ac:dyDescent="0.15">
      <c r="A8214">
        <v>16797</v>
      </c>
      <c r="B8214" t="s">
        <v>16398</v>
      </c>
      <c r="C8214" t="s">
        <v>16399</v>
      </c>
    </row>
    <row r="8215" spans="1:3" x14ac:dyDescent="0.15">
      <c r="A8215">
        <v>16796</v>
      </c>
      <c r="B8215" t="s">
        <v>16400</v>
      </c>
      <c r="C8215" t="s">
        <v>16401</v>
      </c>
    </row>
    <row r="8216" spans="1:3" x14ac:dyDescent="0.15">
      <c r="A8216">
        <v>16795</v>
      </c>
      <c r="B8216" t="s">
        <v>16402</v>
      </c>
      <c r="C8216" t="s">
        <v>16403</v>
      </c>
    </row>
    <row r="8217" spans="1:3" x14ac:dyDescent="0.15">
      <c r="A8217">
        <v>16794</v>
      </c>
      <c r="B8217" t="s">
        <v>16404</v>
      </c>
      <c r="C8217" t="s">
        <v>16405</v>
      </c>
    </row>
    <row r="8218" spans="1:3" x14ac:dyDescent="0.15">
      <c r="A8218">
        <v>16793</v>
      </c>
      <c r="B8218" t="s">
        <v>16406</v>
      </c>
      <c r="C8218" t="s">
        <v>16407</v>
      </c>
    </row>
    <row r="8219" spans="1:3" x14ac:dyDescent="0.15">
      <c r="A8219">
        <v>16792</v>
      </c>
      <c r="B8219" t="s">
        <v>16408</v>
      </c>
      <c r="C8219" t="s">
        <v>16409</v>
      </c>
    </row>
    <row r="8220" spans="1:3" x14ac:dyDescent="0.15">
      <c r="A8220">
        <v>16791</v>
      </c>
      <c r="B8220" t="s">
        <v>16410</v>
      </c>
      <c r="C8220" t="s">
        <v>16411</v>
      </c>
    </row>
    <row r="8221" spans="1:3" x14ac:dyDescent="0.15">
      <c r="A8221">
        <v>16790</v>
      </c>
      <c r="B8221" t="s">
        <v>16412</v>
      </c>
      <c r="C8221" t="s">
        <v>16413</v>
      </c>
    </row>
    <row r="8222" spans="1:3" x14ac:dyDescent="0.15">
      <c r="A8222">
        <v>16789</v>
      </c>
      <c r="B8222" t="s">
        <v>16414</v>
      </c>
      <c r="C8222" t="s">
        <v>16415</v>
      </c>
    </row>
    <row r="8223" spans="1:3" x14ac:dyDescent="0.15">
      <c r="A8223">
        <v>16788</v>
      </c>
      <c r="B8223" t="s">
        <v>16416</v>
      </c>
      <c r="C8223" t="s">
        <v>16417</v>
      </c>
    </row>
    <row r="8224" spans="1:3" x14ac:dyDescent="0.15">
      <c r="A8224">
        <v>16787</v>
      </c>
      <c r="B8224" t="s">
        <v>16418</v>
      </c>
      <c r="C8224" t="s">
        <v>16419</v>
      </c>
    </row>
    <row r="8225" spans="1:3" x14ac:dyDescent="0.15">
      <c r="A8225">
        <v>16786</v>
      </c>
      <c r="B8225" t="s">
        <v>16420</v>
      </c>
      <c r="C8225" t="s">
        <v>491</v>
      </c>
    </row>
    <row r="8226" spans="1:3" x14ac:dyDescent="0.15">
      <c r="A8226">
        <v>16785</v>
      </c>
      <c r="B8226" t="s">
        <v>16421</v>
      </c>
      <c r="C8226" t="s">
        <v>16422</v>
      </c>
    </row>
    <row r="8227" spans="1:3" x14ac:dyDescent="0.15">
      <c r="A8227">
        <v>16784</v>
      </c>
      <c r="B8227" t="s">
        <v>16423</v>
      </c>
      <c r="C8227" t="s">
        <v>16424</v>
      </c>
    </row>
    <row r="8228" spans="1:3" x14ac:dyDescent="0.15">
      <c r="A8228">
        <v>16783</v>
      </c>
      <c r="B8228" t="s">
        <v>16425</v>
      </c>
      <c r="C8228" t="s">
        <v>16426</v>
      </c>
    </row>
    <row r="8229" spans="1:3" x14ac:dyDescent="0.15">
      <c r="A8229">
        <v>16782</v>
      </c>
      <c r="B8229" t="s">
        <v>16427</v>
      </c>
      <c r="C8229" t="s">
        <v>16428</v>
      </c>
    </row>
    <row r="8230" spans="1:3" x14ac:dyDescent="0.15">
      <c r="A8230">
        <v>16781</v>
      </c>
      <c r="B8230" t="s">
        <v>16429</v>
      </c>
      <c r="C8230" t="s">
        <v>16430</v>
      </c>
    </row>
    <row r="8231" spans="1:3" x14ac:dyDescent="0.15">
      <c r="A8231">
        <v>16780</v>
      </c>
      <c r="B8231" t="s">
        <v>16431</v>
      </c>
      <c r="C8231" t="s">
        <v>16432</v>
      </c>
    </row>
    <row r="8232" spans="1:3" x14ac:dyDescent="0.15">
      <c r="A8232">
        <v>16779</v>
      </c>
      <c r="B8232" t="s">
        <v>16433</v>
      </c>
      <c r="C8232" t="s">
        <v>16434</v>
      </c>
    </row>
    <row r="8233" spans="1:3" x14ac:dyDescent="0.15">
      <c r="A8233">
        <v>16778</v>
      </c>
      <c r="B8233" t="s">
        <v>16435</v>
      </c>
      <c r="C8233" t="s">
        <v>16436</v>
      </c>
    </row>
    <row r="8234" spans="1:3" x14ac:dyDescent="0.15">
      <c r="A8234">
        <v>16777</v>
      </c>
      <c r="B8234" t="s">
        <v>16437</v>
      </c>
      <c r="C8234" t="s">
        <v>16438</v>
      </c>
    </row>
    <row r="8235" spans="1:3" x14ac:dyDescent="0.15">
      <c r="A8235">
        <v>16776</v>
      </c>
      <c r="B8235" t="s">
        <v>16439</v>
      </c>
      <c r="C8235" t="s">
        <v>16440</v>
      </c>
    </row>
    <row r="8236" spans="1:3" x14ac:dyDescent="0.15">
      <c r="A8236">
        <v>16775</v>
      </c>
      <c r="B8236" t="s">
        <v>16441</v>
      </c>
      <c r="C8236" t="s">
        <v>16442</v>
      </c>
    </row>
    <row r="8237" spans="1:3" x14ac:dyDescent="0.15">
      <c r="A8237">
        <v>16774</v>
      </c>
      <c r="B8237" t="s">
        <v>16443</v>
      </c>
      <c r="C8237" t="s">
        <v>16444</v>
      </c>
    </row>
    <row r="8238" spans="1:3" x14ac:dyDescent="0.15">
      <c r="A8238">
        <v>16773</v>
      </c>
      <c r="B8238" t="s">
        <v>16445</v>
      </c>
      <c r="C8238" t="s">
        <v>16446</v>
      </c>
    </row>
    <row r="8239" spans="1:3" x14ac:dyDescent="0.15">
      <c r="A8239">
        <v>16772</v>
      </c>
      <c r="B8239" t="s">
        <v>16447</v>
      </c>
      <c r="C8239" t="s">
        <v>16448</v>
      </c>
    </row>
    <row r="8240" spans="1:3" x14ac:dyDescent="0.15">
      <c r="A8240">
        <v>16771</v>
      </c>
      <c r="B8240" t="s">
        <v>16449</v>
      </c>
      <c r="C8240" t="s">
        <v>16450</v>
      </c>
    </row>
    <row r="8241" spans="1:3" x14ac:dyDescent="0.15">
      <c r="A8241">
        <v>16770</v>
      </c>
      <c r="B8241" t="s">
        <v>16451</v>
      </c>
      <c r="C8241" t="s">
        <v>16452</v>
      </c>
    </row>
    <row r="8242" spans="1:3" x14ac:dyDescent="0.15">
      <c r="A8242">
        <v>16769</v>
      </c>
      <c r="B8242" t="s">
        <v>16453</v>
      </c>
      <c r="C8242" t="s">
        <v>16454</v>
      </c>
    </row>
    <row r="8243" spans="1:3" x14ac:dyDescent="0.15">
      <c r="A8243">
        <v>16768</v>
      </c>
      <c r="B8243" t="s">
        <v>16455</v>
      </c>
      <c r="C8243" t="s">
        <v>16456</v>
      </c>
    </row>
    <row r="8244" spans="1:3" x14ac:dyDescent="0.15">
      <c r="A8244">
        <v>16767</v>
      </c>
      <c r="B8244" t="s">
        <v>16457</v>
      </c>
      <c r="C8244" t="s">
        <v>16458</v>
      </c>
    </row>
    <row r="8245" spans="1:3" x14ac:dyDescent="0.15">
      <c r="A8245">
        <v>16766</v>
      </c>
      <c r="B8245" t="s">
        <v>16459</v>
      </c>
      <c r="C8245" t="s">
        <v>16460</v>
      </c>
    </row>
    <row r="8246" spans="1:3" x14ac:dyDescent="0.15">
      <c r="A8246">
        <v>16765</v>
      </c>
      <c r="B8246" t="s">
        <v>16461</v>
      </c>
      <c r="C8246" t="s">
        <v>16462</v>
      </c>
    </row>
    <row r="8247" spans="1:3" x14ac:dyDescent="0.15">
      <c r="A8247">
        <v>16764</v>
      </c>
      <c r="B8247" t="s">
        <v>16463</v>
      </c>
      <c r="C8247" t="s">
        <v>16464</v>
      </c>
    </row>
    <row r="8248" spans="1:3" x14ac:dyDescent="0.15">
      <c r="A8248">
        <v>16763</v>
      </c>
      <c r="B8248" t="s">
        <v>16465</v>
      </c>
      <c r="C8248" t="s">
        <v>16466</v>
      </c>
    </row>
    <row r="8249" spans="1:3" x14ac:dyDescent="0.15">
      <c r="A8249">
        <v>16762</v>
      </c>
      <c r="B8249" t="s">
        <v>16467</v>
      </c>
      <c r="C8249" t="s">
        <v>16468</v>
      </c>
    </row>
    <row r="8250" spans="1:3" x14ac:dyDescent="0.15">
      <c r="A8250">
        <v>16761</v>
      </c>
      <c r="B8250" t="s">
        <v>16469</v>
      </c>
      <c r="C8250" t="s">
        <v>16470</v>
      </c>
    </row>
    <row r="8251" spans="1:3" x14ac:dyDescent="0.15">
      <c r="A8251">
        <v>16760</v>
      </c>
      <c r="B8251" t="s">
        <v>16471</v>
      </c>
      <c r="C8251" t="s">
        <v>16472</v>
      </c>
    </row>
    <row r="8252" spans="1:3" x14ac:dyDescent="0.15">
      <c r="A8252">
        <v>16759</v>
      </c>
      <c r="B8252" t="s">
        <v>16473</v>
      </c>
      <c r="C8252" t="s">
        <v>16474</v>
      </c>
    </row>
    <row r="8253" spans="1:3" x14ac:dyDescent="0.15">
      <c r="A8253">
        <v>16758</v>
      </c>
      <c r="B8253" t="s">
        <v>16475</v>
      </c>
      <c r="C8253" t="s">
        <v>16476</v>
      </c>
    </row>
    <row r="8254" spans="1:3" x14ac:dyDescent="0.15">
      <c r="A8254">
        <v>16757</v>
      </c>
      <c r="B8254" t="s">
        <v>16477</v>
      </c>
      <c r="C8254" t="s">
        <v>16478</v>
      </c>
    </row>
    <row r="8255" spans="1:3" x14ac:dyDescent="0.15">
      <c r="A8255">
        <v>16756</v>
      </c>
      <c r="B8255" t="s">
        <v>16479</v>
      </c>
      <c r="C8255" t="s">
        <v>16480</v>
      </c>
    </row>
    <row r="8256" spans="1:3" x14ac:dyDescent="0.15">
      <c r="A8256">
        <v>16755</v>
      </c>
      <c r="B8256" t="s">
        <v>16481</v>
      </c>
      <c r="C8256" t="s">
        <v>16482</v>
      </c>
    </row>
    <row r="8257" spans="1:3" x14ac:dyDescent="0.15">
      <c r="A8257">
        <v>16754</v>
      </c>
      <c r="B8257" t="s">
        <v>16483</v>
      </c>
      <c r="C8257" t="s">
        <v>16484</v>
      </c>
    </row>
    <row r="8258" spans="1:3" x14ac:dyDescent="0.15">
      <c r="A8258">
        <v>16753</v>
      </c>
      <c r="B8258" t="s">
        <v>16485</v>
      </c>
      <c r="C8258" t="s">
        <v>16486</v>
      </c>
    </row>
    <row r="8259" spans="1:3" x14ac:dyDescent="0.15">
      <c r="A8259">
        <v>16752</v>
      </c>
      <c r="B8259" t="s">
        <v>16487</v>
      </c>
      <c r="C8259" t="s">
        <v>16488</v>
      </c>
    </row>
    <row r="8260" spans="1:3" x14ac:dyDescent="0.15">
      <c r="A8260">
        <v>16751</v>
      </c>
      <c r="B8260" t="s">
        <v>16489</v>
      </c>
      <c r="C8260" t="s">
        <v>16490</v>
      </c>
    </row>
    <row r="8261" spans="1:3" x14ac:dyDescent="0.15">
      <c r="A8261">
        <v>16750</v>
      </c>
      <c r="B8261" t="s">
        <v>16491</v>
      </c>
      <c r="C8261" t="s">
        <v>16492</v>
      </c>
    </row>
    <row r="8262" spans="1:3" x14ac:dyDescent="0.15">
      <c r="A8262">
        <v>16749</v>
      </c>
      <c r="B8262" t="s">
        <v>16493</v>
      </c>
      <c r="C8262" t="s">
        <v>16494</v>
      </c>
    </row>
    <row r="8263" spans="1:3" x14ac:dyDescent="0.15">
      <c r="A8263">
        <v>16748</v>
      </c>
      <c r="B8263" t="s">
        <v>16495</v>
      </c>
      <c r="C8263" t="s">
        <v>1125</v>
      </c>
    </row>
    <row r="8264" spans="1:3" x14ac:dyDescent="0.15">
      <c r="A8264">
        <v>16747</v>
      </c>
      <c r="B8264" t="s">
        <v>16496</v>
      </c>
      <c r="C8264" t="s">
        <v>16497</v>
      </c>
    </row>
    <row r="8265" spans="1:3" x14ac:dyDescent="0.15">
      <c r="A8265">
        <v>16746</v>
      </c>
      <c r="B8265" t="s">
        <v>16498</v>
      </c>
      <c r="C8265" t="s">
        <v>16499</v>
      </c>
    </row>
    <row r="8266" spans="1:3" x14ac:dyDescent="0.15">
      <c r="A8266">
        <v>16745</v>
      </c>
      <c r="B8266" t="s">
        <v>16500</v>
      </c>
      <c r="C8266" t="s">
        <v>16501</v>
      </c>
    </row>
    <row r="8267" spans="1:3" x14ac:dyDescent="0.15">
      <c r="A8267">
        <v>16744</v>
      </c>
      <c r="B8267" t="s">
        <v>16502</v>
      </c>
      <c r="C8267" t="s">
        <v>491</v>
      </c>
    </row>
    <row r="8268" spans="1:3" x14ac:dyDescent="0.15">
      <c r="A8268">
        <v>16743</v>
      </c>
      <c r="B8268" t="s">
        <v>16503</v>
      </c>
      <c r="C8268" t="s">
        <v>16504</v>
      </c>
    </row>
    <row r="8269" spans="1:3" x14ac:dyDescent="0.15">
      <c r="A8269">
        <v>16742</v>
      </c>
      <c r="B8269" t="s">
        <v>16505</v>
      </c>
      <c r="C8269" t="s">
        <v>16506</v>
      </c>
    </row>
    <row r="8270" spans="1:3" x14ac:dyDescent="0.15">
      <c r="A8270">
        <v>16741</v>
      </c>
      <c r="B8270" t="s">
        <v>16507</v>
      </c>
      <c r="C8270" t="s">
        <v>16508</v>
      </c>
    </row>
    <row r="8271" spans="1:3" x14ac:dyDescent="0.15">
      <c r="A8271">
        <v>16740</v>
      </c>
      <c r="B8271" t="s">
        <v>16509</v>
      </c>
      <c r="C8271" t="s">
        <v>16510</v>
      </c>
    </row>
    <row r="8272" spans="1:3" x14ac:dyDescent="0.15">
      <c r="A8272">
        <v>16739</v>
      </c>
      <c r="B8272" t="s">
        <v>16511</v>
      </c>
      <c r="C8272" t="s">
        <v>16512</v>
      </c>
    </row>
    <row r="8273" spans="1:3" x14ac:dyDescent="0.15">
      <c r="A8273">
        <v>16738</v>
      </c>
      <c r="B8273" t="s">
        <v>16513</v>
      </c>
      <c r="C8273" t="s">
        <v>16514</v>
      </c>
    </row>
    <row r="8274" spans="1:3" x14ac:dyDescent="0.15">
      <c r="A8274">
        <v>16737</v>
      </c>
      <c r="B8274" t="s">
        <v>16515</v>
      </c>
      <c r="C8274" t="s">
        <v>16516</v>
      </c>
    </row>
    <row r="8275" spans="1:3" x14ac:dyDescent="0.15">
      <c r="A8275">
        <v>16736</v>
      </c>
      <c r="B8275" t="s">
        <v>16517</v>
      </c>
      <c r="C8275" t="s">
        <v>16518</v>
      </c>
    </row>
    <row r="8276" spans="1:3" x14ac:dyDescent="0.15">
      <c r="A8276">
        <v>16735</v>
      </c>
      <c r="B8276" t="s">
        <v>16519</v>
      </c>
      <c r="C8276" t="s">
        <v>16520</v>
      </c>
    </row>
    <row r="8277" spans="1:3" x14ac:dyDescent="0.15">
      <c r="A8277">
        <v>16734</v>
      </c>
      <c r="B8277" t="s">
        <v>16521</v>
      </c>
      <c r="C8277" t="s">
        <v>16522</v>
      </c>
    </row>
    <row r="8278" spans="1:3" x14ac:dyDescent="0.15">
      <c r="A8278">
        <v>16733</v>
      </c>
      <c r="B8278" t="s">
        <v>16523</v>
      </c>
      <c r="C8278" t="s">
        <v>16524</v>
      </c>
    </row>
    <row r="8279" spans="1:3" x14ac:dyDescent="0.15">
      <c r="A8279">
        <v>16732</v>
      </c>
      <c r="B8279" t="s">
        <v>16525</v>
      </c>
      <c r="C8279" t="s">
        <v>16526</v>
      </c>
    </row>
    <row r="8280" spans="1:3" x14ac:dyDescent="0.15">
      <c r="A8280">
        <v>16731</v>
      </c>
      <c r="B8280" t="s">
        <v>16527</v>
      </c>
      <c r="C8280" t="s">
        <v>16528</v>
      </c>
    </row>
    <row r="8281" spans="1:3" x14ac:dyDescent="0.15">
      <c r="A8281">
        <v>16730</v>
      </c>
      <c r="B8281" t="s">
        <v>16529</v>
      </c>
      <c r="C8281" t="s">
        <v>16530</v>
      </c>
    </row>
    <row r="8282" spans="1:3" x14ac:dyDescent="0.15">
      <c r="A8282">
        <v>16729</v>
      </c>
      <c r="B8282" t="s">
        <v>16531</v>
      </c>
      <c r="C8282" t="s">
        <v>16532</v>
      </c>
    </row>
    <row r="8283" spans="1:3" x14ac:dyDescent="0.15">
      <c r="A8283">
        <v>16728</v>
      </c>
      <c r="B8283" t="s">
        <v>16533</v>
      </c>
      <c r="C8283" t="s">
        <v>16534</v>
      </c>
    </row>
    <row r="8284" spans="1:3" x14ac:dyDescent="0.15">
      <c r="A8284">
        <v>16727</v>
      </c>
      <c r="B8284" t="s">
        <v>16535</v>
      </c>
      <c r="C8284" t="s">
        <v>16536</v>
      </c>
    </row>
    <row r="8285" spans="1:3" x14ac:dyDescent="0.15">
      <c r="A8285">
        <v>16726</v>
      </c>
      <c r="B8285" t="s">
        <v>16537</v>
      </c>
      <c r="C8285" t="s">
        <v>16538</v>
      </c>
    </row>
    <row r="8286" spans="1:3" x14ac:dyDescent="0.15">
      <c r="A8286">
        <v>16725</v>
      </c>
      <c r="B8286" t="s">
        <v>16539</v>
      </c>
      <c r="C8286" t="s">
        <v>16540</v>
      </c>
    </row>
    <row r="8287" spans="1:3" x14ac:dyDescent="0.15">
      <c r="A8287">
        <v>16724</v>
      </c>
      <c r="B8287" t="s">
        <v>16541</v>
      </c>
      <c r="C8287" t="s">
        <v>16542</v>
      </c>
    </row>
    <row r="8288" spans="1:3" x14ac:dyDescent="0.15">
      <c r="A8288">
        <v>16723</v>
      </c>
      <c r="B8288" t="s">
        <v>16543</v>
      </c>
      <c r="C8288" t="s">
        <v>16544</v>
      </c>
    </row>
    <row r="8289" spans="1:3" x14ac:dyDescent="0.15">
      <c r="A8289">
        <v>16722</v>
      </c>
      <c r="B8289" t="s">
        <v>16545</v>
      </c>
      <c r="C8289" t="s">
        <v>16546</v>
      </c>
    </row>
    <row r="8290" spans="1:3" x14ac:dyDescent="0.15">
      <c r="A8290">
        <v>16721</v>
      </c>
      <c r="B8290" t="s">
        <v>16547</v>
      </c>
      <c r="C8290" t="s">
        <v>16548</v>
      </c>
    </row>
    <row r="8291" spans="1:3" x14ac:dyDescent="0.15">
      <c r="A8291">
        <v>16720</v>
      </c>
      <c r="B8291" t="s">
        <v>16549</v>
      </c>
      <c r="C8291" t="s">
        <v>16550</v>
      </c>
    </row>
    <row r="8292" spans="1:3" x14ac:dyDescent="0.15">
      <c r="A8292">
        <v>16719</v>
      </c>
      <c r="B8292" t="s">
        <v>16551</v>
      </c>
      <c r="C8292" t="s">
        <v>16552</v>
      </c>
    </row>
    <row r="8293" spans="1:3" x14ac:dyDescent="0.15">
      <c r="A8293">
        <v>16718</v>
      </c>
      <c r="B8293" t="s">
        <v>16553</v>
      </c>
      <c r="C8293" t="s">
        <v>16554</v>
      </c>
    </row>
    <row r="8294" spans="1:3" x14ac:dyDescent="0.15">
      <c r="A8294">
        <v>16717</v>
      </c>
      <c r="B8294" t="s">
        <v>16555</v>
      </c>
      <c r="C8294" t="s">
        <v>16556</v>
      </c>
    </row>
    <row r="8295" spans="1:3" x14ac:dyDescent="0.15">
      <c r="A8295">
        <v>16716</v>
      </c>
      <c r="B8295" t="s">
        <v>16557</v>
      </c>
      <c r="C8295" t="s">
        <v>16558</v>
      </c>
    </row>
    <row r="8296" spans="1:3" x14ac:dyDescent="0.15">
      <c r="A8296">
        <v>16715</v>
      </c>
      <c r="B8296" t="s">
        <v>16559</v>
      </c>
      <c r="C8296" t="s">
        <v>16560</v>
      </c>
    </row>
    <row r="8297" spans="1:3" x14ac:dyDescent="0.15">
      <c r="A8297">
        <v>16714</v>
      </c>
      <c r="B8297" t="s">
        <v>16561</v>
      </c>
      <c r="C8297" t="s">
        <v>16562</v>
      </c>
    </row>
    <row r="8298" spans="1:3" x14ac:dyDescent="0.15">
      <c r="A8298">
        <v>16713</v>
      </c>
      <c r="B8298" t="s">
        <v>16563</v>
      </c>
      <c r="C8298" t="s">
        <v>16564</v>
      </c>
    </row>
    <row r="8299" spans="1:3" x14ac:dyDescent="0.15">
      <c r="A8299">
        <v>16712</v>
      </c>
      <c r="B8299" t="s">
        <v>16565</v>
      </c>
      <c r="C8299" t="s">
        <v>16566</v>
      </c>
    </row>
    <row r="8300" spans="1:3" x14ac:dyDescent="0.15">
      <c r="A8300">
        <v>16711</v>
      </c>
      <c r="B8300" t="s">
        <v>16567</v>
      </c>
      <c r="C8300" t="s">
        <v>16568</v>
      </c>
    </row>
    <row r="8301" spans="1:3" x14ac:dyDescent="0.15">
      <c r="A8301">
        <v>16710</v>
      </c>
      <c r="B8301" t="s">
        <v>16569</v>
      </c>
      <c r="C8301" t="s">
        <v>16570</v>
      </c>
    </row>
    <row r="8302" spans="1:3" x14ac:dyDescent="0.15">
      <c r="A8302">
        <v>16709</v>
      </c>
      <c r="B8302" t="s">
        <v>16571</v>
      </c>
      <c r="C8302" t="s">
        <v>16572</v>
      </c>
    </row>
    <row r="8303" spans="1:3" x14ac:dyDescent="0.15">
      <c r="A8303">
        <v>16708</v>
      </c>
      <c r="B8303" t="s">
        <v>16573</v>
      </c>
      <c r="C8303" t="s">
        <v>16574</v>
      </c>
    </row>
    <row r="8304" spans="1:3" x14ac:dyDescent="0.15">
      <c r="A8304">
        <v>16707</v>
      </c>
      <c r="B8304" t="s">
        <v>16575</v>
      </c>
      <c r="C8304" t="s">
        <v>16576</v>
      </c>
    </row>
    <row r="8305" spans="1:3" x14ac:dyDescent="0.15">
      <c r="A8305">
        <v>16706</v>
      </c>
      <c r="B8305" t="s">
        <v>16577</v>
      </c>
      <c r="C8305" t="s">
        <v>16578</v>
      </c>
    </row>
    <row r="8306" spans="1:3" x14ac:dyDescent="0.15">
      <c r="A8306">
        <v>16705</v>
      </c>
      <c r="B8306" t="s">
        <v>16579</v>
      </c>
      <c r="C8306" t="s">
        <v>16580</v>
      </c>
    </row>
    <row r="8307" spans="1:3" x14ac:dyDescent="0.15">
      <c r="A8307">
        <v>16704</v>
      </c>
      <c r="B8307" t="s">
        <v>16581</v>
      </c>
      <c r="C8307" t="s">
        <v>16582</v>
      </c>
    </row>
    <row r="8308" spans="1:3" x14ac:dyDescent="0.15">
      <c r="A8308">
        <v>16703</v>
      </c>
      <c r="B8308" t="s">
        <v>16583</v>
      </c>
      <c r="C8308" t="s">
        <v>16584</v>
      </c>
    </row>
    <row r="8309" spans="1:3" x14ac:dyDescent="0.15">
      <c r="A8309">
        <v>16702</v>
      </c>
      <c r="B8309" t="s">
        <v>16585</v>
      </c>
      <c r="C8309" t="s">
        <v>16586</v>
      </c>
    </row>
    <row r="8310" spans="1:3" x14ac:dyDescent="0.15">
      <c r="A8310">
        <v>16701</v>
      </c>
      <c r="B8310" t="s">
        <v>16587</v>
      </c>
      <c r="C8310" t="s">
        <v>16588</v>
      </c>
    </row>
    <row r="8311" spans="1:3" x14ac:dyDescent="0.15">
      <c r="A8311">
        <v>16700</v>
      </c>
      <c r="B8311" t="s">
        <v>16589</v>
      </c>
      <c r="C8311" t="s">
        <v>16590</v>
      </c>
    </row>
    <row r="8312" spans="1:3" x14ac:dyDescent="0.15">
      <c r="A8312">
        <v>16699</v>
      </c>
      <c r="B8312" t="s">
        <v>16591</v>
      </c>
      <c r="C8312" t="s">
        <v>16592</v>
      </c>
    </row>
    <row r="8313" spans="1:3" x14ac:dyDescent="0.15">
      <c r="A8313">
        <v>16698</v>
      </c>
      <c r="B8313" t="s">
        <v>16593</v>
      </c>
      <c r="C8313" t="s">
        <v>16594</v>
      </c>
    </row>
    <row r="8314" spans="1:3" x14ac:dyDescent="0.15">
      <c r="A8314">
        <v>16697</v>
      </c>
      <c r="B8314" t="s">
        <v>16595</v>
      </c>
      <c r="C8314" t="s">
        <v>16596</v>
      </c>
    </row>
    <row r="8315" spans="1:3" x14ac:dyDescent="0.15">
      <c r="A8315">
        <v>16696</v>
      </c>
      <c r="B8315" t="s">
        <v>16597</v>
      </c>
      <c r="C8315" t="s">
        <v>16598</v>
      </c>
    </row>
    <row r="8316" spans="1:3" x14ac:dyDescent="0.15">
      <c r="A8316">
        <v>16695</v>
      </c>
      <c r="B8316" t="s">
        <v>16599</v>
      </c>
      <c r="C8316" t="s">
        <v>16600</v>
      </c>
    </row>
    <row r="8317" spans="1:3" x14ac:dyDescent="0.15">
      <c r="A8317">
        <v>16694</v>
      </c>
      <c r="B8317" t="s">
        <v>16601</v>
      </c>
      <c r="C8317" t="s">
        <v>16602</v>
      </c>
    </row>
    <row r="8318" spans="1:3" x14ac:dyDescent="0.15">
      <c r="A8318">
        <v>16693</v>
      </c>
      <c r="B8318" t="s">
        <v>16603</v>
      </c>
      <c r="C8318" t="s">
        <v>16604</v>
      </c>
    </row>
    <row r="8319" spans="1:3" x14ac:dyDescent="0.15">
      <c r="A8319">
        <v>16692</v>
      </c>
      <c r="B8319" t="s">
        <v>16605</v>
      </c>
      <c r="C8319" t="s">
        <v>16606</v>
      </c>
    </row>
    <row r="8320" spans="1:3" x14ac:dyDescent="0.15">
      <c r="A8320">
        <v>16691</v>
      </c>
      <c r="B8320" t="s">
        <v>16607</v>
      </c>
      <c r="C8320" t="s">
        <v>16608</v>
      </c>
    </row>
    <row r="8321" spans="1:3" x14ac:dyDescent="0.15">
      <c r="A8321">
        <v>16690</v>
      </c>
      <c r="B8321" t="s">
        <v>16609</v>
      </c>
      <c r="C8321" t="s">
        <v>16610</v>
      </c>
    </row>
    <row r="8322" spans="1:3" x14ac:dyDescent="0.15">
      <c r="A8322">
        <v>16689</v>
      </c>
      <c r="B8322" t="s">
        <v>16611</v>
      </c>
      <c r="C8322" t="s">
        <v>16612</v>
      </c>
    </row>
    <row r="8323" spans="1:3" x14ac:dyDescent="0.15">
      <c r="A8323">
        <v>16688</v>
      </c>
      <c r="B8323" t="s">
        <v>16613</v>
      </c>
      <c r="C8323" t="s">
        <v>16614</v>
      </c>
    </row>
    <row r="8324" spans="1:3" x14ac:dyDescent="0.15">
      <c r="A8324">
        <v>16687</v>
      </c>
      <c r="B8324" t="s">
        <v>16615</v>
      </c>
      <c r="C8324" t="s">
        <v>16616</v>
      </c>
    </row>
    <row r="8325" spans="1:3" x14ac:dyDescent="0.15">
      <c r="A8325">
        <v>16686</v>
      </c>
      <c r="B8325" t="s">
        <v>16617</v>
      </c>
      <c r="C8325" t="s">
        <v>16618</v>
      </c>
    </row>
    <row r="8326" spans="1:3" x14ac:dyDescent="0.15">
      <c r="A8326">
        <v>16685</v>
      </c>
      <c r="B8326" t="s">
        <v>16619</v>
      </c>
      <c r="C8326" t="s">
        <v>16620</v>
      </c>
    </row>
    <row r="8327" spans="1:3" x14ac:dyDescent="0.15">
      <c r="A8327">
        <v>16684</v>
      </c>
      <c r="B8327" t="s">
        <v>16621</v>
      </c>
      <c r="C8327" t="s">
        <v>16622</v>
      </c>
    </row>
    <row r="8328" spans="1:3" x14ac:dyDescent="0.15">
      <c r="A8328">
        <v>16683</v>
      </c>
      <c r="B8328" t="s">
        <v>16623</v>
      </c>
      <c r="C8328" t="s">
        <v>16624</v>
      </c>
    </row>
    <row r="8329" spans="1:3" x14ac:dyDescent="0.15">
      <c r="A8329">
        <v>16682</v>
      </c>
      <c r="B8329" t="s">
        <v>16625</v>
      </c>
      <c r="C8329" t="s">
        <v>16626</v>
      </c>
    </row>
    <row r="8330" spans="1:3" x14ac:dyDescent="0.15">
      <c r="A8330">
        <v>16681</v>
      </c>
      <c r="B8330" t="s">
        <v>16627</v>
      </c>
      <c r="C8330" t="s">
        <v>16628</v>
      </c>
    </row>
    <row r="8331" spans="1:3" x14ac:dyDescent="0.15">
      <c r="A8331">
        <v>16680</v>
      </c>
      <c r="B8331" t="s">
        <v>16629</v>
      </c>
      <c r="C8331" t="s">
        <v>16630</v>
      </c>
    </row>
    <row r="8332" spans="1:3" x14ac:dyDescent="0.15">
      <c r="A8332">
        <v>16679</v>
      </c>
      <c r="B8332" t="s">
        <v>16631</v>
      </c>
      <c r="C8332" t="s">
        <v>16632</v>
      </c>
    </row>
    <row r="8333" spans="1:3" x14ac:dyDescent="0.15">
      <c r="A8333">
        <v>16678</v>
      </c>
      <c r="B8333" t="s">
        <v>16633</v>
      </c>
      <c r="C8333" t="s">
        <v>16634</v>
      </c>
    </row>
    <row r="8334" spans="1:3" x14ac:dyDescent="0.15">
      <c r="A8334">
        <v>16677</v>
      </c>
      <c r="B8334" t="s">
        <v>16635</v>
      </c>
      <c r="C8334" t="s">
        <v>16636</v>
      </c>
    </row>
    <row r="8335" spans="1:3" x14ac:dyDescent="0.15">
      <c r="A8335">
        <v>16676</v>
      </c>
      <c r="B8335" t="s">
        <v>16637</v>
      </c>
      <c r="C8335" t="s">
        <v>16638</v>
      </c>
    </row>
    <row r="8336" spans="1:3" x14ac:dyDescent="0.15">
      <c r="A8336">
        <v>16675</v>
      </c>
      <c r="B8336" t="s">
        <v>16639</v>
      </c>
      <c r="C8336" t="s">
        <v>16640</v>
      </c>
    </row>
    <row r="8337" spans="1:3" x14ac:dyDescent="0.15">
      <c r="A8337">
        <v>16674</v>
      </c>
      <c r="B8337" t="s">
        <v>16641</v>
      </c>
      <c r="C8337" t="s">
        <v>16642</v>
      </c>
    </row>
    <row r="8338" spans="1:3" x14ac:dyDescent="0.15">
      <c r="A8338">
        <v>16673</v>
      </c>
      <c r="B8338" t="s">
        <v>16643</v>
      </c>
      <c r="C8338" t="s">
        <v>16644</v>
      </c>
    </row>
    <row r="8339" spans="1:3" x14ac:dyDescent="0.15">
      <c r="A8339">
        <v>16672</v>
      </c>
      <c r="B8339" t="s">
        <v>16645</v>
      </c>
      <c r="C8339" t="s">
        <v>16646</v>
      </c>
    </row>
    <row r="8340" spans="1:3" x14ac:dyDescent="0.15">
      <c r="A8340">
        <v>16671</v>
      </c>
      <c r="B8340" t="s">
        <v>16647</v>
      </c>
      <c r="C8340" t="s">
        <v>16648</v>
      </c>
    </row>
    <row r="8341" spans="1:3" x14ac:dyDescent="0.15">
      <c r="A8341">
        <v>16670</v>
      </c>
      <c r="B8341" t="s">
        <v>16649</v>
      </c>
      <c r="C8341" t="s">
        <v>16650</v>
      </c>
    </row>
    <row r="8342" spans="1:3" x14ac:dyDescent="0.15">
      <c r="A8342">
        <v>16669</v>
      </c>
      <c r="B8342" t="s">
        <v>16651</v>
      </c>
      <c r="C8342" t="s">
        <v>16652</v>
      </c>
    </row>
    <row r="8343" spans="1:3" x14ac:dyDescent="0.15">
      <c r="A8343">
        <v>16668</v>
      </c>
      <c r="B8343" t="s">
        <v>16653</v>
      </c>
      <c r="C8343" t="s">
        <v>16654</v>
      </c>
    </row>
    <row r="8344" spans="1:3" x14ac:dyDescent="0.15">
      <c r="A8344">
        <v>16667</v>
      </c>
      <c r="B8344" t="s">
        <v>16655</v>
      </c>
      <c r="C8344" t="s">
        <v>16656</v>
      </c>
    </row>
    <row r="8345" spans="1:3" x14ac:dyDescent="0.15">
      <c r="A8345">
        <v>16666</v>
      </c>
      <c r="B8345" t="s">
        <v>16657</v>
      </c>
      <c r="C8345" t="s">
        <v>16658</v>
      </c>
    </row>
    <row r="8346" spans="1:3" x14ac:dyDescent="0.15">
      <c r="A8346">
        <v>16665</v>
      </c>
      <c r="B8346" t="s">
        <v>16659</v>
      </c>
      <c r="C8346" t="s">
        <v>16660</v>
      </c>
    </row>
    <row r="8347" spans="1:3" x14ac:dyDescent="0.15">
      <c r="A8347">
        <v>16664</v>
      </c>
      <c r="B8347" t="s">
        <v>16661</v>
      </c>
      <c r="C8347" t="s">
        <v>16662</v>
      </c>
    </row>
    <row r="8348" spans="1:3" x14ac:dyDescent="0.15">
      <c r="A8348">
        <v>16663</v>
      </c>
      <c r="B8348" t="s">
        <v>16663</v>
      </c>
      <c r="C8348" t="s">
        <v>16664</v>
      </c>
    </row>
    <row r="8349" spans="1:3" x14ac:dyDescent="0.15">
      <c r="A8349">
        <v>16662</v>
      </c>
      <c r="B8349" t="s">
        <v>16665</v>
      </c>
      <c r="C8349" t="s">
        <v>16666</v>
      </c>
    </row>
    <row r="8350" spans="1:3" x14ac:dyDescent="0.15">
      <c r="A8350">
        <v>16661</v>
      </c>
      <c r="B8350" t="s">
        <v>16667</v>
      </c>
      <c r="C8350" t="s">
        <v>16668</v>
      </c>
    </row>
    <row r="8351" spans="1:3" x14ac:dyDescent="0.15">
      <c r="A8351">
        <v>16660</v>
      </c>
      <c r="B8351" t="s">
        <v>16669</v>
      </c>
      <c r="C8351" t="s">
        <v>16670</v>
      </c>
    </row>
    <row r="8352" spans="1:3" x14ac:dyDescent="0.15">
      <c r="A8352">
        <v>16659</v>
      </c>
      <c r="B8352" t="s">
        <v>16671</v>
      </c>
      <c r="C8352" t="s">
        <v>16672</v>
      </c>
    </row>
    <row r="8353" spans="1:3" x14ac:dyDescent="0.15">
      <c r="A8353">
        <v>16658</v>
      </c>
      <c r="B8353" t="s">
        <v>16673</v>
      </c>
      <c r="C8353" t="s">
        <v>16674</v>
      </c>
    </row>
    <row r="8354" spans="1:3" x14ac:dyDescent="0.15">
      <c r="A8354">
        <v>16657</v>
      </c>
      <c r="B8354" t="s">
        <v>16675</v>
      </c>
      <c r="C8354" t="s">
        <v>16676</v>
      </c>
    </row>
    <row r="8355" spans="1:3" x14ac:dyDescent="0.15">
      <c r="A8355">
        <v>16656</v>
      </c>
      <c r="B8355" t="s">
        <v>16677</v>
      </c>
      <c r="C8355" t="s">
        <v>16678</v>
      </c>
    </row>
    <row r="8356" spans="1:3" x14ac:dyDescent="0.15">
      <c r="A8356">
        <v>16655</v>
      </c>
      <c r="B8356" t="s">
        <v>16679</v>
      </c>
      <c r="C8356" t="s">
        <v>16680</v>
      </c>
    </row>
    <row r="8357" spans="1:3" x14ac:dyDescent="0.15">
      <c r="A8357">
        <v>16654</v>
      </c>
      <c r="B8357" t="s">
        <v>16681</v>
      </c>
      <c r="C8357" t="s">
        <v>16682</v>
      </c>
    </row>
    <row r="8358" spans="1:3" x14ac:dyDescent="0.15">
      <c r="A8358">
        <v>16653</v>
      </c>
      <c r="B8358" t="s">
        <v>16683</v>
      </c>
      <c r="C8358" t="s">
        <v>16684</v>
      </c>
    </row>
    <row r="8359" spans="1:3" x14ac:dyDescent="0.15">
      <c r="A8359">
        <v>16652</v>
      </c>
      <c r="B8359" t="s">
        <v>16685</v>
      </c>
      <c r="C8359" t="s">
        <v>16686</v>
      </c>
    </row>
    <row r="8360" spans="1:3" x14ac:dyDescent="0.15">
      <c r="A8360">
        <v>16651</v>
      </c>
      <c r="B8360" t="s">
        <v>16687</v>
      </c>
      <c r="C8360" t="s">
        <v>16688</v>
      </c>
    </row>
    <row r="8361" spans="1:3" x14ac:dyDescent="0.15">
      <c r="A8361">
        <v>16650</v>
      </c>
      <c r="B8361" t="s">
        <v>16689</v>
      </c>
      <c r="C8361" t="s">
        <v>16690</v>
      </c>
    </row>
    <row r="8362" spans="1:3" x14ac:dyDescent="0.15">
      <c r="A8362">
        <v>16649</v>
      </c>
      <c r="B8362" t="s">
        <v>16691</v>
      </c>
      <c r="C8362" t="s">
        <v>16692</v>
      </c>
    </row>
    <row r="8363" spans="1:3" x14ac:dyDescent="0.15">
      <c r="A8363">
        <v>16648</v>
      </c>
      <c r="B8363" t="s">
        <v>16693</v>
      </c>
      <c r="C8363" t="s">
        <v>16694</v>
      </c>
    </row>
    <row r="8364" spans="1:3" x14ac:dyDescent="0.15">
      <c r="A8364">
        <v>16647</v>
      </c>
      <c r="B8364" t="s">
        <v>16695</v>
      </c>
      <c r="C8364" t="s">
        <v>16696</v>
      </c>
    </row>
    <row r="8365" spans="1:3" x14ac:dyDescent="0.15">
      <c r="A8365">
        <v>16646</v>
      </c>
      <c r="B8365" t="s">
        <v>16697</v>
      </c>
      <c r="C8365" t="s">
        <v>16698</v>
      </c>
    </row>
    <row r="8366" spans="1:3" x14ac:dyDescent="0.15">
      <c r="A8366">
        <v>16645</v>
      </c>
      <c r="B8366" t="s">
        <v>16699</v>
      </c>
      <c r="C8366" t="s">
        <v>16700</v>
      </c>
    </row>
    <row r="8367" spans="1:3" x14ac:dyDescent="0.15">
      <c r="A8367">
        <v>16644</v>
      </c>
      <c r="B8367" t="s">
        <v>16701</v>
      </c>
      <c r="C8367" t="s">
        <v>16702</v>
      </c>
    </row>
    <row r="8368" spans="1:3" x14ac:dyDescent="0.15">
      <c r="A8368">
        <v>16643</v>
      </c>
      <c r="B8368" t="s">
        <v>16703</v>
      </c>
      <c r="C8368" t="s">
        <v>16704</v>
      </c>
    </row>
    <row r="8369" spans="1:3" x14ac:dyDescent="0.15">
      <c r="A8369">
        <v>16642</v>
      </c>
      <c r="B8369" t="s">
        <v>16705</v>
      </c>
      <c r="C8369" t="s">
        <v>16706</v>
      </c>
    </row>
    <row r="8370" spans="1:3" x14ac:dyDescent="0.15">
      <c r="A8370">
        <v>16641</v>
      </c>
      <c r="B8370" t="s">
        <v>16707</v>
      </c>
      <c r="C8370" t="s">
        <v>16708</v>
      </c>
    </row>
    <row r="8371" spans="1:3" x14ac:dyDescent="0.15">
      <c r="A8371">
        <v>16640</v>
      </c>
      <c r="B8371" t="s">
        <v>16709</v>
      </c>
      <c r="C8371" t="s">
        <v>16710</v>
      </c>
    </row>
    <row r="8372" spans="1:3" x14ac:dyDescent="0.15">
      <c r="A8372">
        <v>16639</v>
      </c>
      <c r="B8372" t="s">
        <v>16711</v>
      </c>
      <c r="C8372" t="s">
        <v>16712</v>
      </c>
    </row>
    <row r="8373" spans="1:3" x14ac:dyDescent="0.15">
      <c r="A8373">
        <v>16638</v>
      </c>
      <c r="B8373" t="s">
        <v>16713</v>
      </c>
      <c r="C8373" t="s">
        <v>16714</v>
      </c>
    </row>
    <row r="8374" spans="1:3" x14ac:dyDescent="0.15">
      <c r="A8374">
        <v>16637</v>
      </c>
      <c r="B8374" t="s">
        <v>16715</v>
      </c>
      <c r="C8374" t="s">
        <v>16716</v>
      </c>
    </row>
    <row r="8375" spans="1:3" x14ac:dyDescent="0.15">
      <c r="A8375">
        <v>16636</v>
      </c>
      <c r="B8375" t="s">
        <v>16717</v>
      </c>
      <c r="C8375" t="s">
        <v>16718</v>
      </c>
    </row>
    <row r="8376" spans="1:3" x14ac:dyDescent="0.15">
      <c r="A8376">
        <v>16635</v>
      </c>
      <c r="B8376" t="s">
        <v>16719</v>
      </c>
      <c r="C8376" t="s">
        <v>16720</v>
      </c>
    </row>
    <row r="8377" spans="1:3" x14ac:dyDescent="0.15">
      <c r="A8377">
        <v>16634</v>
      </c>
      <c r="B8377" t="s">
        <v>16721</v>
      </c>
      <c r="C8377" t="s">
        <v>16722</v>
      </c>
    </row>
    <row r="8378" spans="1:3" x14ac:dyDescent="0.15">
      <c r="A8378">
        <v>16633</v>
      </c>
      <c r="B8378" t="s">
        <v>16723</v>
      </c>
      <c r="C8378" t="s">
        <v>16724</v>
      </c>
    </row>
    <row r="8379" spans="1:3" x14ac:dyDescent="0.15">
      <c r="A8379">
        <v>16632</v>
      </c>
      <c r="B8379" t="s">
        <v>16725</v>
      </c>
      <c r="C8379" t="s">
        <v>16726</v>
      </c>
    </row>
    <row r="8380" spans="1:3" x14ac:dyDescent="0.15">
      <c r="A8380">
        <v>16631</v>
      </c>
      <c r="B8380" t="s">
        <v>16727</v>
      </c>
      <c r="C8380" t="s">
        <v>16728</v>
      </c>
    </row>
    <row r="8381" spans="1:3" x14ac:dyDescent="0.15">
      <c r="A8381">
        <v>16630</v>
      </c>
      <c r="B8381" t="s">
        <v>16729</v>
      </c>
      <c r="C8381" t="s">
        <v>16730</v>
      </c>
    </row>
    <row r="8382" spans="1:3" x14ac:dyDescent="0.15">
      <c r="A8382">
        <v>16629</v>
      </c>
      <c r="B8382" t="s">
        <v>16731</v>
      </c>
      <c r="C8382" t="s">
        <v>16732</v>
      </c>
    </row>
    <row r="8383" spans="1:3" x14ac:dyDescent="0.15">
      <c r="A8383">
        <v>16628</v>
      </c>
      <c r="B8383" t="s">
        <v>16733</v>
      </c>
      <c r="C8383" t="s">
        <v>16734</v>
      </c>
    </row>
    <row r="8384" spans="1:3" x14ac:dyDescent="0.15">
      <c r="A8384">
        <v>16627</v>
      </c>
      <c r="B8384" t="s">
        <v>16735</v>
      </c>
      <c r="C8384" t="s">
        <v>16736</v>
      </c>
    </row>
    <row r="8385" spans="1:3" x14ac:dyDescent="0.15">
      <c r="A8385">
        <v>16626</v>
      </c>
      <c r="B8385" t="s">
        <v>16737</v>
      </c>
      <c r="C8385" t="s">
        <v>16738</v>
      </c>
    </row>
    <row r="8386" spans="1:3" x14ac:dyDescent="0.15">
      <c r="A8386">
        <v>16625</v>
      </c>
      <c r="B8386" t="s">
        <v>16739</v>
      </c>
      <c r="C8386" t="s">
        <v>16740</v>
      </c>
    </row>
    <row r="8387" spans="1:3" x14ac:dyDescent="0.15">
      <c r="A8387">
        <v>16624</v>
      </c>
      <c r="B8387" t="s">
        <v>16741</v>
      </c>
      <c r="C8387" t="s">
        <v>16742</v>
      </c>
    </row>
    <row r="8388" spans="1:3" x14ac:dyDescent="0.15">
      <c r="A8388">
        <v>16623</v>
      </c>
      <c r="B8388" t="s">
        <v>16743</v>
      </c>
      <c r="C8388" t="s">
        <v>16744</v>
      </c>
    </row>
    <row r="8389" spans="1:3" x14ac:dyDescent="0.15">
      <c r="A8389">
        <v>16622</v>
      </c>
      <c r="B8389" t="s">
        <v>16745</v>
      </c>
      <c r="C8389" t="s">
        <v>16746</v>
      </c>
    </row>
    <row r="8390" spans="1:3" x14ac:dyDescent="0.15">
      <c r="A8390">
        <v>16621</v>
      </c>
      <c r="B8390" t="s">
        <v>16747</v>
      </c>
      <c r="C8390" t="s">
        <v>16748</v>
      </c>
    </row>
    <row r="8391" spans="1:3" x14ac:dyDescent="0.15">
      <c r="A8391">
        <v>16620</v>
      </c>
      <c r="B8391" t="s">
        <v>16749</v>
      </c>
      <c r="C8391" t="s">
        <v>16750</v>
      </c>
    </row>
    <row r="8392" spans="1:3" x14ac:dyDescent="0.15">
      <c r="A8392">
        <v>16619</v>
      </c>
      <c r="B8392" t="s">
        <v>16751</v>
      </c>
      <c r="C8392" t="s">
        <v>16752</v>
      </c>
    </row>
    <row r="8393" spans="1:3" x14ac:dyDescent="0.15">
      <c r="A8393">
        <v>16618</v>
      </c>
      <c r="B8393" t="s">
        <v>16753</v>
      </c>
      <c r="C8393" t="s">
        <v>16754</v>
      </c>
    </row>
    <row r="8394" spans="1:3" x14ac:dyDescent="0.15">
      <c r="A8394">
        <v>16617</v>
      </c>
      <c r="B8394" t="s">
        <v>16755</v>
      </c>
      <c r="C8394" t="s">
        <v>16756</v>
      </c>
    </row>
    <row r="8395" spans="1:3" x14ac:dyDescent="0.15">
      <c r="A8395">
        <v>16616</v>
      </c>
      <c r="B8395" t="s">
        <v>16757</v>
      </c>
      <c r="C8395" t="s">
        <v>16758</v>
      </c>
    </row>
    <row r="8396" spans="1:3" x14ac:dyDescent="0.15">
      <c r="A8396">
        <v>16615</v>
      </c>
      <c r="B8396" t="s">
        <v>16759</v>
      </c>
      <c r="C8396" t="s">
        <v>16760</v>
      </c>
    </row>
    <row r="8397" spans="1:3" x14ac:dyDescent="0.15">
      <c r="A8397">
        <v>16614</v>
      </c>
      <c r="B8397" t="s">
        <v>16761</v>
      </c>
      <c r="C8397" t="s">
        <v>16762</v>
      </c>
    </row>
    <row r="8398" spans="1:3" x14ac:dyDescent="0.15">
      <c r="A8398">
        <v>16613</v>
      </c>
      <c r="B8398" t="s">
        <v>16763</v>
      </c>
      <c r="C8398" t="s">
        <v>16764</v>
      </c>
    </row>
    <row r="8399" spans="1:3" x14ac:dyDescent="0.15">
      <c r="A8399">
        <v>16612</v>
      </c>
      <c r="B8399" t="s">
        <v>16765</v>
      </c>
      <c r="C8399" t="s">
        <v>16766</v>
      </c>
    </row>
    <row r="8400" spans="1:3" x14ac:dyDescent="0.15">
      <c r="A8400">
        <v>16611</v>
      </c>
      <c r="B8400" t="s">
        <v>16767</v>
      </c>
      <c r="C8400" t="s">
        <v>16768</v>
      </c>
    </row>
    <row r="8401" spans="1:3" x14ac:dyDescent="0.15">
      <c r="A8401">
        <v>16610</v>
      </c>
      <c r="B8401" t="s">
        <v>16769</v>
      </c>
      <c r="C8401" t="s">
        <v>16770</v>
      </c>
    </row>
    <row r="8402" spans="1:3" x14ac:dyDescent="0.15">
      <c r="A8402">
        <v>16609</v>
      </c>
      <c r="B8402" t="s">
        <v>16771</v>
      </c>
      <c r="C8402" t="s">
        <v>16772</v>
      </c>
    </row>
    <row r="8403" spans="1:3" x14ac:dyDescent="0.15">
      <c r="A8403">
        <v>16608</v>
      </c>
      <c r="B8403" t="s">
        <v>16773</v>
      </c>
      <c r="C8403" t="s">
        <v>16774</v>
      </c>
    </row>
    <row r="8404" spans="1:3" x14ac:dyDescent="0.15">
      <c r="A8404">
        <v>16607</v>
      </c>
      <c r="B8404" t="s">
        <v>16775</v>
      </c>
      <c r="C8404" t="s">
        <v>16776</v>
      </c>
    </row>
    <row r="8405" spans="1:3" x14ac:dyDescent="0.15">
      <c r="A8405">
        <v>16606</v>
      </c>
      <c r="B8405" t="s">
        <v>16777</v>
      </c>
      <c r="C8405" t="s">
        <v>16778</v>
      </c>
    </row>
    <row r="8406" spans="1:3" x14ac:dyDescent="0.15">
      <c r="A8406">
        <v>16605</v>
      </c>
      <c r="B8406" t="s">
        <v>16779</v>
      </c>
      <c r="C8406" t="s">
        <v>16780</v>
      </c>
    </row>
    <row r="8407" spans="1:3" x14ac:dyDescent="0.15">
      <c r="A8407">
        <v>16604</v>
      </c>
      <c r="B8407" t="s">
        <v>16781</v>
      </c>
      <c r="C8407" t="s">
        <v>16782</v>
      </c>
    </row>
    <row r="8408" spans="1:3" x14ac:dyDescent="0.15">
      <c r="A8408">
        <v>16603</v>
      </c>
      <c r="B8408" t="s">
        <v>16783</v>
      </c>
      <c r="C8408" t="s">
        <v>16784</v>
      </c>
    </row>
    <row r="8409" spans="1:3" x14ac:dyDescent="0.15">
      <c r="A8409">
        <v>16602</v>
      </c>
      <c r="B8409" t="s">
        <v>16785</v>
      </c>
      <c r="C8409" t="s">
        <v>16786</v>
      </c>
    </row>
    <row r="8410" spans="1:3" x14ac:dyDescent="0.15">
      <c r="A8410">
        <v>16601</v>
      </c>
      <c r="B8410" t="s">
        <v>16787</v>
      </c>
      <c r="C8410" t="s">
        <v>16788</v>
      </c>
    </row>
    <row r="8411" spans="1:3" x14ac:dyDescent="0.15">
      <c r="A8411">
        <v>16600</v>
      </c>
      <c r="B8411" t="s">
        <v>16789</v>
      </c>
      <c r="C8411" t="s">
        <v>16790</v>
      </c>
    </row>
    <row r="8412" spans="1:3" x14ac:dyDescent="0.15">
      <c r="A8412">
        <v>16599</v>
      </c>
      <c r="B8412" t="s">
        <v>16791</v>
      </c>
      <c r="C8412" t="s">
        <v>16792</v>
      </c>
    </row>
    <row r="8413" spans="1:3" x14ac:dyDescent="0.15">
      <c r="A8413">
        <v>16598</v>
      </c>
      <c r="B8413" t="s">
        <v>16793</v>
      </c>
      <c r="C8413" t="s">
        <v>16794</v>
      </c>
    </row>
    <row r="8414" spans="1:3" x14ac:dyDescent="0.15">
      <c r="A8414">
        <v>16597</v>
      </c>
      <c r="B8414" t="s">
        <v>16795</v>
      </c>
      <c r="C8414" t="s">
        <v>16796</v>
      </c>
    </row>
    <row r="8415" spans="1:3" x14ac:dyDescent="0.15">
      <c r="A8415">
        <v>16596</v>
      </c>
      <c r="B8415" t="s">
        <v>16797</v>
      </c>
      <c r="C8415" t="s">
        <v>16798</v>
      </c>
    </row>
    <row r="8416" spans="1:3" x14ac:dyDescent="0.15">
      <c r="A8416">
        <v>16595</v>
      </c>
      <c r="B8416" t="s">
        <v>16799</v>
      </c>
      <c r="C8416" t="s">
        <v>16800</v>
      </c>
    </row>
    <row r="8417" spans="1:3" x14ac:dyDescent="0.15">
      <c r="A8417">
        <v>16594</v>
      </c>
      <c r="B8417" t="s">
        <v>16801</v>
      </c>
      <c r="C8417" t="s">
        <v>16802</v>
      </c>
    </row>
    <row r="8418" spans="1:3" x14ac:dyDescent="0.15">
      <c r="A8418">
        <v>16593</v>
      </c>
      <c r="B8418" t="s">
        <v>16803</v>
      </c>
      <c r="C8418" t="s">
        <v>16804</v>
      </c>
    </row>
    <row r="8419" spans="1:3" x14ac:dyDescent="0.15">
      <c r="A8419">
        <v>16592</v>
      </c>
      <c r="B8419" t="s">
        <v>16805</v>
      </c>
      <c r="C8419" t="s">
        <v>16806</v>
      </c>
    </row>
    <row r="8420" spans="1:3" x14ac:dyDescent="0.15">
      <c r="A8420">
        <v>16591</v>
      </c>
      <c r="B8420" t="s">
        <v>16807</v>
      </c>
      <c r="C8420" t="s">
        <v>16808</v>
      </c>
    </row>
    <row r="8421" spans="1:3" x14ac:dyDescent="0.15">
      <c r="A8421">
        <v>16590</v>
      </c>
      <c r="B8421" t="s">
        <v>16809</v>
      </c>
      <c r="C8421" t="s">
        <v>16810</v>
      </c>
    </row>
    <row r="8422" spans="1:3" x14ac:dyDescent="0.15">
      <c r="A8422">
        <v>16589</v>
      </c>
      <c r="B8422" t="s">
        <v>16811</v>
      </c>
      <c r="C8422" t="s">
        <v>16812</v>
      </c>
    </row>
    <row r="8423" spans="1:3" x14ac:dyDescent="0.15">
      <c r="A8423">
        <v>16588</v>
      </c>
      <c r="B8423" t="s">
        <v>16813</v>
      </c>
      <c r="C8423" t="s">
        <v>16814</v>
      </c>
    </row>
    <row r="8424" spans="1:3" x14ac:dyDescent="0.15">
      <c r="A8424">
        <v>16587</v>
      </c>
      <c r="B8424" t="s">
        <v>16815</v>
      </c>
      <c r="C8424" t="s">
        <v>16816</v>
      </c>
    </row>
    <row r="8425" spans="1:3" x14ac:dyDescent="0.15">
      <c r="A8425">
        <v>16586</v>
      </c>
      <c r="B8425" t="s">
        <v>16817</v>
      </c>
      <c r="C8425" t="s">
        <v>16818</v>
      </c>
    </row>
    <row r="8426" spans="1:3" x14ac:dyDescent="0.15">
      <c r="A8426">
        <v>16585</v>
      </c>
      <c r="B8426" t="s">
        <v>16819</v>
      </c>
      <c r="C8426" t="s">
        <v>16820</v>
      </c>
    </row>
    <row r="8427" spans="1:3" x14ac:dyDescent="0.15">
      <c r="A8427">
        <v>16584</v>
      </c>
      <c r="B8427" t="s">
        <v>16821</v>
      </c>
      <c r="C8427" t="s">
        <v>16822</v>
      </c>
    </row>
    <row r="8428" spans="1:3" x14ac:dyDescent="0.15">
      <c r="A8428">
        <v>16583</v>
      </c>
      <c r="B8428" t="s">
        <v>16823</v>
      </c>
      <c r="C8428" t="s">
        <v>16824</v>
      </c>
    </row>
    <row r="8429" spans="1:3" x14ac:dyDescent="0.15">
      <c r="A8429">
        <v>16582</v>
      </c>
      <c r="B8429" t="s">
        <v>16825</v>
      </c>
      <c r="C8429" t="s">
        <v>16826</v>
      </c>
    </row>
    <row r="8430" spans="1:3" x14ac:dyDescent="0.15">
      <c r="A8430">
        <v>16581</v>
      </c>
      <c r="B8430" t="s">
        <v>16827</v>
      </c>
      <c r="C8430" t="s">
        <v>16828</v>
      </c>
    </row>
    <row r="8431" spans="1:3" x14ac:dyDescent="0.15">
      <c r="A8431">
        <v>16580</v>
      </c>
      <c r="B8431" t="s">
        <v>16829</v>
      </c>
      <c r="C8431" t="s">
        <v>16830</v>
      </c>
    </row>
    <row r="8432" spans="1:3" x14ac:dyDescent="0.15">
      <c r="A8432">
        <v>16579</v>
      </c>
      <c r="B8432" t="s">
        <v>16831</v>
      </c>
      <c r="C8432" t="s">
        <v>16832</v>
      </c>
    </row>
    <row r="8433" spans="1:3" x14ac:dyDescent="0.15">
      <c r="A8433">
        <v>16578</v>
      </c>
      <c r="B8433" t="s">
        <v>16833</v>
      </c>
      <c r="C8433" t="s">
        <v>16834</v>
      </c>
    </row>
    <row r="8434" spans="1:3" x14ac:dyDescent="0.15">
      <c r="A8434">
        <v>16577</v>
      </c>
      <c r="B8434" t="s">
        <v>16835</v>
      </c>
      <c r="C8434" t="s">
        <v>16836</v>
      </c>
    </row>
    <row r="8435" spans="1:3" x14ac:dyDescent="0.15">
      <c r="A8435">
        <v>16576</v>
      </c>
      <c r="B8435" t="s">
        <v>16837</v>
      </c>
      <c r="C8435" t="s">
        <v>16838</v>
      </c>
    </row>
    <row r="8436" spans="1:3" x14ac:dyDescent="0.15">
      <c r="A8436">
        <v>16575</v>
      </c>
      <c r="B8436" t="s">
        <v>16839</v>
      </c>
      <c r="C8436" t="s">
        <v>16840</v>
      </c>
    </row>
    <row r="8437" spans="1:3" x14ac:dyDescent="0.15">
      <c r="A8437">
        <v>16574</v>
      </c>
      <c r="B8437" t="s">
        <v>16841</v>
      </c>
      <c r="C8437" t="s">
        <v>16842</v>
      </c>
    </row>
    <row r="8438" spans="1:3" x14ac:dyDescent="0.15">
      <c r="A8438">
        <v>16573</v>
      </c>
      <c r="B8438" t="s">
        <v>16843</v>
      </c>
      <c r="C8438" t="s">
        <v>16844</v>
      </c>
    </row>
    <row r="8439" spans="1:3" x14ac:dyDescent="0.15">
      <c r="A8439">
        <v>16572</v>
      </c>
      <c r="B8439" t="s">
        <v>16845</v>
      </c>
      <c r="C8439" t="s">
        <v>16846</v>
      </c>
    </row>
    <row r="8440" spans="1:3" x14ac:dyDescent="0.15">
      <c r="A8440">
        <v>16571</v>
      </c>
      <c r="B8440" t="s">
        <v>16847</v>
      </c>
      <c r="C8440" t="s">
        <v>16848</v>
      </c>
    </row>
    <row r="8441" spans="1:3" x14ac:dyDescent="0.15">
      <c r="A8441">
        <v>16570</v>
      </c>
      <c r="B8441" t="s">
        <v>16849</v>
      </c>
      <c r="C8441" t="s">
        <v>16850</v>
      </c>
    </row>
    <row r="8442" spans="1:3" x14ac:dyDescent="0.15">
      <c r="A8442">
        <v>16569</v>
      </c>
      <c r="B8442" t="s">
        <v>16851</v>
      </c>
      <c r="C8442" t="s">
        <v>16852</v>
      </c>
    </row>
    <row r="8443" spans="1:3" x14ac:dyDescent="0.15">
      <c r="A8443">
        <v>16568</v>
      </c>
      <c r="B8443" t="s">
        <v>16853</v>
      </c>
      <c r="C8443" t="s">
        <v>16854</v>
      </c>
    </row>
    <row r="8444" spans="1:3" x14ac:dyDescent="0.15">
      <c r="A8444">
        <v>16567</v>
      </c>
      <c r="B8444" t="s">
        <v>16855</v>
      </c>
      <c r="C8444" t="s">
        <v>16856</v>
      </c>
    </row>
    <row r="8445" spans="1:3" x14ac:dyDescent="0.15">
      <c r="A8445">
        <v>16566</v>
      </c>
      <c r="B8445" t="s">
        <v>16857</v>
      </c>
      <c r="C8445" t="s">
        <v>16858</v>
      </c>
    </row>
    <row r="8446" spans="1:3" x14ac:dyDescent="0.15">
      <c r="A8446">
        <v>16565</v>
      </c>
      <c r="B8446" t="s">
        <v>16859</v>
      </c>
      <c r="C8446" t="s">
        <v>16860</v>
      </c>
    </row>
    <row r="8447" spans="1:3" x14ac:dyDescent="0.15">
      <c r="A8447">
        <v>16564</v>
      </c>
      <c r="B8447" t="s">
        <v>16861</v>
      </c>
      <c r="C8447" t="s">
        <v>16862</v>
      </c>
    </row>
    <row r="8448" spans="1:3" x14ac:dyDescent="0.15">
      <c r="A8448">
        <v>16563</v>
      </c>
      <c r="B8448" t="s">
        <v>16863</v>
      </c>
      <c r="C8448" t="s">
        <v>16864</v>
      </c>
    </row>
    <row r="8449" spans="1:3" x14ac:dyDescent="0.15">
      <c r="A8449">
        <v>16562</v>
      </c>
      <c r="B8449" t="s">
        <v>16865</v>
      </c>
      <c r="C8449" t="s">
        <v>16866</v>
      </c>
    </row>
    <row r="8450" spans="1:3" x14ac:dyDescent="0.15">
      <c r="A8450">
        <v>16561</v>
      </c>
      <c r="B8450" t="s">
        <v>16867</v>
      </c>
      <c r="C8450" t="s">
        <v>16868</v>
      </c>
    </row>
    <row r="8451" spans="1:3" x14ac:dyDescent="0.15">
      <c r="A8451">
        <v>16560</v>
      </c>
      <c r="B8451" t="s">
        <v>16869</v>
      </c>
      <c r="C8451" t="s">
        <v>16870</v>
      </c>
    </row>
    <row r="8452" spans="1:3" x14ac:dyDescent="0.15">
      <c r="A8452">
        <v>16559</v>
      </c>
      <c r="B8452" t="s">
        <v>16871</v>
      </c>
      <c r="C8452" t="s">
        <v>16872</v>
      </c>
    </row>
    <row r="8453" spans="1:3" x14ac:dyDescent="0.15">
      <c r="A8453">
        <v>16558</v>
      </c>
      <c r="B8453" t="s">
        <v>16873</v>
      </c>
      <c r="C8453" t="s">
        <v>16874</v>
      </c>
    </row>
    <row r="8454" spans="1:3" x14ac:dyDescent="0.15">
      <c r="A8454">
        <v>16557</v>
      </c>
      <c r="B8454" t="s">
        <v>16875</v>
      </c>
      <c r="C8454" t="s">
        <v>16876</v>
      </c>
    </row>
    <row r="8455" spans="1:3" x14ac:dyDescent="0.15">
      <c r="A8455">
        <v>16556</v>
      </c>
      <c r="B8455" t="s">
        <v>16877</v>
      </c>
      <c r="C8455" t="s">
        <v>16878</v>
      </c>
    </row>
    <row r="8456" spans="1:3" x14ac:dyDescent="0.15">
      <c r="A8456">
        <v>16555</v>
      </c>
      <c r="B8456" t="s">
        <v>16879</v>
      </c>
      <c r="C8456" t="s">
        <v>16880</v>
      </c>
    </row>
    <row r="8457" spans="1:3" x14ac:dyDescent="0.15">
      <c r="A8457">
        <v>16554</v>
      </c>
      <c r="B8457" t="s">
        <v>16881</v>
      </c>
      <c r="C8457" t="s">
        <v>16882</v>
      </c>
    </row>
    <row r="8458" spans="1:3" x14ac:dyDescent="0.15">
      <c r="A8458">
        <v>16553</v>
      </c>
      <c r="B8458" t="s">
        <v>16883</v>
      </c>
      <c r="C8458" t="s">
        <v>16884</v>
      </c>
    </row>
    <row r="8459" spans="1:3" x14ac:dyDescent="0.15">
      <c r="A8459">
        <v>16552</v>
      </c>
      <c r="B8459" t="s">
        <v>16885</v>
      </c>
      <c r="C8459" t="s">
        <v>16886</v>
      </c>
    </row>
    <row r="8460" spans="1:3" x14ac:dyDescent="0.15">
      <c r="A8460">
        <v>16551</v>
      </c>
      <c r="B8460" t="s">
        <v>16887</v>
      </c>
      <c r="C8460" t="s">
        <v>16888</v>
      </c>
    </row>
    <row r="8461" spans="1:3" x14ac:dyDescent="0.15">
      <c r="A8461">
        <v>16550</v>
      </c>
      <c r="B8461" t="s">
        <v>16889</v>
      </c>
      <c r="C8461" t="s">
        <v>16890</v>
      </c>
    </row>
    <row r="8462" spans="1:3" x14ac:dyDescent="0.15">
      <c r="A8462">
        <v>16549</v>
      </c>
      <c r="B8462" t="s">
        <v>16891</v>
      </c>
      <c r="C8462" t="s">
        <v>16892</v>
      </c>
    </row>
    <row r="8463" spans="1:3" x14ac:dyDescent="0.15">
      <c r="A8463">
        <v>16548</v>
      </c>
      <c r="B8463" t="s">
        <v>16893</v>
      </c>
      <c r="C8463" t="s">
        <v>16894</v>
      </c>
    </row>
    <row r="8464" spans="1:3" x14ac:dyDescent="0.15">
      <c r="A8464">
        <v>16547</v>
      </c>
      <c r="B8464" t="s">
        <v>16895</v>
      </c>
      <c r="C8464" t="s">
        <v>16896</v>
      </c>
    </row>
    <row r="8465" spans="1:3" x14ac:dyDescent="0.15">
      <c r="A8465">
        <v>16546</v>
      </c>
      <c r="B8465" t="s">
        <v>16897</v>
      </c>
      <c r="C8465" t="s">
        <v>16898</v>
      </c>
    </row>
    <row r="8466" spans="1:3" x14ac:dyDescent="0.15">
      <c r="A8466">
        <v>16545</v>
      </c>
      <c r="B8466" t="s">
        <v>16899</v>
      </c>
      <c r="C8466" t="s">
        <v>16900</v>
      </c>
    </row>
    <row r="8467" spans="1:3" x14ac:dyDescent="0.15">
      <c r="A8467">
        <v>16544</v>
      </c>
      <c r="B8467" t="s">
        <v>16901</v>
      </c>
      <c r="C8467" t="s">
        <v>16902</v>
      </c>
    </row>
    <row r="8468" spans="1:3" x14ac:dyDescent="0.15">
      <c r="A8468">
        <v>16543</v>
      </c>
      <c r="B8468" t="s">
        <v>16903</v>
      </c>
      <c r="C8468" t="s">
        <v>16904</v>
      </c>
    </row>
    <row r="8469" spans="1:3" x14ac:dyDescent="0.15">
      <c r="A8469">
        <v>16542</v>
      </c>
      <c r="B8469" t="s">
        <v>16905</v>
      </c>
      <c r="C8469" t="s">
        <v>16906</v>
      </c>
    </row>
    <row r="8470" spans="1:3" x14ac:dyDescent="0.15">
      <c r="A8470">
        <v>16541</v>
      </c>
      <c r="B8470" t="s">
        <v>16907</v>
      </c>
      <c r="C8470" t="s">
        <v>16908</v>
      </c>
    </row>
    <row r="8471" spans="1:3" x14ac:dyDescent="0.15">
      <c r="A8471">
        <v>16540</v>
      </c>
      <c r="B8471" t="s">
        <v>16909</v>
      </c>
      <c r="C8471" t="s">
        <v>16910</v>
      </c>
    </row>
    <row r="8472" spans="1:3" x14ac:dyDescent="0.15">
      <c r="A8472">
        <v>16539</v>
      </c>
      <c r="B8472" t="s">
        <v>16911</v>
      </c>
      <c r="C8472" t="s">
        <v>16912</v>
      </c>
    </row>
    <row r="8473" spans="1:3" x14ac:dyDescent="0.15">
      <c r="A8473">
        <v>16538</v>
      </c>
      <c r="B8473" t="s">
        <v>16913</v>
      </c>
      <c r="C8473" t="s">
        <v>16914</v>
      </c>
    </row>
    <row r="8474" spans="1:3" x14ac:dyDescent="0.15">
      <c r="A8474">
        <v>16537</v>
      </c>
      <c r="B8474" t="s">
        <v>16915</v>
      </c>
      <c r="C8474" t="s">
        <v>16916</v>
      </c>
    </row>
    <row r="8475" spans="1:3" x14ac:dyDescent="0.15">
      <c r="A8475">
        <v>16536</v>
      </c>
      <c r="B8475" t="s">
        <v>16917</v>
      </c>
      <c r="C8475" t="s">
        <v>16918</v>
      </c>
    </row>
    <row r="8476" spans="1:3" x14ac:dyDescent="0.15">
      <c r="A8476">
        <v>16535</v>
      </c>
      <c r="B8476" t="s">
        <v>16919</v>
      </c>
      <c r="C8476" t="s">
        <v>16920</v>
      </c>
    </row>
    <row r="8477" spans="1:3" x14ac:dyDescent="0.15">
      <c r="A8477">
        <v>16534</v>
      </c>
      <c r="B8477" t="s">
        <v>16921</v>
      </c>
      <c r="C8477" t="s">
        <v>16922</v>
      </c>
    </row>
    <row r="8478" spans="1:3" x14ac:dyDescent="0.15">
      <c r="A8478">
        <v>16533</v>
      </c>
      <c r="B8478" t="s">
        <v>16923</v>
      </c>
      <c r="C8478" t="s">
        <v>16924</v>
      </c>
    </row>
    <row r="8479" spans="1:3" x14ac:dyDescent="0.15">
      <c r="A8479">
        <v>16532</v>
      </c>
      <c r="B8479" t="s">
        <v>16925</v>
      </c>
      <c r="C8479" t="s">
        <v>16926</v>
      </c>
    </row>
    <row r="8480" spans="1:3" x14ac:dyDescent="0.15">
      <c r="A8480">
        <v>16531</v>
      </c>
      <c r="B8480" t="s">
        <v>16927</v>
      </c>
      <c r="C8480" t="s">
        <v>16928</v>
      </c>
    </row>
    <row r="8481" spans="1:3" x14ac:dyDescent="0.15">
      <c r="A8481">
        <v>16530</v>
      </c>
      <c r="B8481" t="s">
        <v>16929</v>
      </c>
      <c r="C8481" t="s">
        <v>16930</v>
      </c>
    </row>
    <row r="8482" spans="1:3" x14ac:dyDescent="0.15">
      <c r="A8482">
        <v>16529</v>
      </c>
      <c r="B8482" t="s">
        <v>16931</v>
      </c>
      <c r="C8482" t="s">
        <v>16932</v>
      </c>
    </row>
    <row r="8483" spans="1:3" x14ac:dyDescent="0.15">
      <c r="A8483">
        <v>16528</v>
      </c>
      <c r="B8483" t="s">
        <v>16933</v>
      </c>
      <c r="C8483" t="s">
        <v>16934</v>
      </c>
    </row>
    <row r="8484" spans="1:3" x14ac:dyDescent="0.15">
      <c r="A8484">
        <v>16527</v>
      </c>
      <c r="B8484" t="s">
        <v>16935</v>
      </c>
      <c r="C8484" t="s">
        <v>16936</v>
      </c>
    </row>
    <row r="8485" spans="1:3" x14ac:dyDescent="0.15">
      <c r="A8485">
        <v>16526</v>
      </c>
      <c r="B8485" t="s">
        <v>16937</v>
      </c>
      <c r="C8485" t="s">
        <v>16938</v>
      </c>
    </row>
    <row r="8486" spans="1:3" x14ac:dyDescent="0.15">
      <c r="A8486">
        <v>16525</v>
      </c>
      <c r="B8486" t="s">
        <v>16939</v>
      </c>
      <c r="C8486" t="s">
        <v>16940</v>
      </c>
    </row>
    <row r="8487" spans="1:3" x14ac:dyDescent="0.15">
      <c r="A8487">
        <v>16524</v>
      </c>
      <c r="B8487" t="s">
        <v>16941</v>
      </c>
      <c r="C8487" t="s">
        <v>16942</v>
      </c>
    </row>
    <row r="8488" spans="1:3" x14ac:dyDescent="0.15">
      <c r="A8488">
        <v>16523</v>
      </c>
      <c r="B8488" t="s">
        <v>16943</v>
      </c>
      <c r="C8488" t="s">
        <v>16944</v>
      </c>
    </row>
    <row r="8489" spans="1:3" x14ac:dyDescent="0.15">
      <c r="A8489">
        <v>16522</v>
      </c>
      <c r="B8489" t="s">
        <v>16945</v>
      </c>
      <c r="C8489" t="s">
        <v>16946</v>
      </c>
    </row>
    <row r="8490" spans="1:3" x14ac:dyDescent="0.15">
      <c r="A8490">
        <v>16521</v>
      </c>
      <c r="B8490" t="s">
        <v>16947</v>
      </c>
      <c r="C8490" t="s">
        <v>16948</v>
      </c>
    </row>
    <row r="8491" spans="1:3" x14ac:dyDescent="0.15">
      <c r="A8491">
        <v>16520</v>
      </c>
      <c r="B8491" t="s">
        <v>16949</v>
      </c>
      <c r="C8491" t="s">
        <v>16950</v>
      </c>
    </row>
    <row r="8492" spans="1:3" x14ac:dyDescent="0.15">
      <c r="A8492">
        <v>16519</v>
      </c>
      <c r="B8492" t="s">
        <v>16951</v>
      </c>
      <c r="C8492" t="s">
        <v>16952</v>
      </c>
    </row>
    <row r="8493" spans="1:3" x14ac:dyDescent="0.15">
      <c r="A8493">
        <v>16518</v>
      </c>
      <c r="B8493" t="s">
        <v>16953</v>
      </c>
      <c r="C8493" t="s">
        <v>16954</v>
      </c>
    </row>
    <row r="8494" spans="1:3" x14ac:dyDescent="0.15">
      <c r="A8494">
        <v>16517</v>
      </c>
      <c r="B8494" t="s">
        <v>16955</v>
      </c>
      <c r="C8494" t="s">
        <v>16956</v>
      </c>
    </row>
    <row r="8495" spans="1:3" x14ac:dyDescent="0.15">
      <c r="A8495">
        <v>16516</v>
      </c>
      <c r="B8495" t="s">
        <v>16957</v>
      </c>
      <c r="C8495" t="s">
        <v>16958</v>
      </c>
    </row>
    <row r="8496" spans="1:3" x14ac:dyDescent="0.15">
      <c r="A8496">
        <v>16515</v>
      </c>
      <c r="B8496" t="s">
        <v>16959</v>
      </c>
      <c r="C8496" t="s">
        <v>16960</v>
      </c>
    </row>
    <row r="8497" spans="1:3" x14ac:dyDescent="0.15">
      <c r="A8497">
        <v>16514</v>
      </c>
      <c r="B8497" t="s">
        <v>16961</v>
      </c>
      <c r="C8497" t="s">
        <v>16962</v>
      </c>
    </row>
    <row r="8498" spans="1:3" x14ac:dyDescent="0.15">
      <c r="A8498">
        <v>16513</v>
      </c>
      <c r="B8498" t="s">
        <v>16963</v>
      </c>
      <c r="C8498" t="s">
        <v>16964</v>
      </c>
    </row>
    <row r="8499" spans="1:3" x14ac:dyDescent="0.15">
      <c r="A8499">
        <v>16512</v>
      </c>
      <c r="B8499" t="s">
        <v>16965</v>
      </c>
      <c r="C8499" t="s">
        <v>16966</v>
      </c>
    </row>
    <row r="8500" spans="1:3" x14ac:dyDescent="0.15">
      <c r="A8500">
        <v>16511</v>
      </c>
      <c r="B8500" t="s">
        <v>16967</v>
      </c>
      <c r="C8500" t="s">
        <v>16968</v>
      </c>
    </row>
    <row r="8501" spans="1:3" x14ac:dyDescent="0.15">
      <c r="A8501">
        <v>16510</v>
      </c>
      <c r="B8501" t="s">
        <v>16969</v>
      </c>
      <c r="C8501" t="s">
        <v>16970</v>
      </c>
    </row>
    <row r="8502" spans="1:3" x14ac:dyDescent="0.15">
      <c r="A8502">
        <v>16509</v>
      </c>
      <c r="B8502" t="s">
        <v>16971</v>
      </c>
      <c r="C8502" t="s">
        <v>16972</v>
      </c>
    </row>
    <row r="8503" spans="1:3" x14ac:dyDescent="0.15">
      <c r="A8503">
        <v>16508</v>
      </c>
      <c r="B8503" t="s">
        <v>16973</v>
      </c>
      <c r="C8503" t="s">
        <v>16974</v>
      </c>
    </row>
    <row r="8504" spans="1:3" x14ac:dyDescent="0.15">
      <c r="A8504">
        <v>16507</v>
      </c>
      <c r="B8504" t="s">
        <v>16975</v>
      </c>
      <c r="C8504" t="s">
        <v>16976</v>
      </c>
    </row>
    <row r="8505" spans="1:3" x14ac:dyDescent="0.15">
      <c r="A8505">
        <v>16506</v>
      </c>
      <c r="B8505" t="s">
        <v>16977</v>
      </c>
      <c r="C8505" t="s">
        <v>16978</v>
      </c>
    </row>
    <row r="8506" spans="1:3" x14ac:dyDescent="0.15">
      <c r="A8506">
        <v>16505</v>
      </c>
      <c r="B8506" t="s">
        <v>16979</v>
      </c>
      <c r="C8506" t="s">
        <v>16980</v>
      </c>
    </row>
    <row r="8507" spans="1:3" x14ac:dyDescent="0.15">
      <c r="A8507">
        <v>16504</v>
      </c>
      <c r="B8507" t="s">
        <v>16981</v>
      </c>
      <c r="C8507" t="s">
        <v>16982</v>
      </c>
    </row>
    <row r="8508" spans="1:3" x14ac:dyDescent="0.15">
      <c r="A8508">
        <v>16503</v>
      </c>
      <c r="B8508" t="s">
        <v>16983</v>
      </c>
      <c r="C8508" t="s">
        <v>16984</v>
      </c>
    </row>
    <row r="8509" spans="1:3" x14ac:dyDescent="0.15">
      <c r="A8509">
        <v>16502</v>
      </c>
      <c r="B8509" t="s">
        <v>16985</v>
      </c>
      <c r="C8509" t="s">
        <v>16986</v>
      </c>
    </row>
    <row r="8510" spans="1:3" x14ac:dyDescent="0.15">
      <c r="A8510">
        <v>16501</v>
      </c>
      <c r="B8510" t="s">
        <v>16987</v>
      </c>
      <c r="C8510" t="s">
        <v>16988</v>
      </c>
    </row>
    <row r="8511" spans="1:3" x14ac:dyDescent="0.15">
      <c r="A8511">
        <v>16500</v>
      </c>
      <c r="B8511" t="s">
        <v>16989</v>
      </c>
      <c r="C8511" t="s">
        <v>16990</v>
      </c>
    </row>
    <row r="8512" spans="1:3" x14ac:dyDescent="0.15">
      <c r="A8512">
        <v>16499</v>
      </c>
      <c r="B8512" t="s">
        <v>16991</v>
      </c>
      <c r="C8512" t="s">
        <v>16992</v>
      </c>
    </row>
    <row r="8513" spans="1:3" x14ac:dyDescent="0.15">
      <c r="A8513">
        <v>16498</v>
      </c>
      <c r="B8513" t="s">
        <v>16993</v>
      </c>
      <c r="C8513" t="s">
        <v>16994</v>
      </c>
    </row>
    <row r="8514" spans="1:3" x14ac:dyDescent="0.15">
      <c r="A8514">
        <v>16497</v>
      </c>
      <c r="B8514" t="s">
        <v>16995</v>
      </c>
      <c r="C8514" t="s">
        <v>16996</v>
      </c>
    </row>
    <row r="8515" spans="1:3" x14ac:dyDescent="0.15">
      <c r="A8515">
        <v>16496</v>
      </c>
      <c r="B8515" t="s">
        <v>16997</v>
      </c>
      <c r="C8515" t="s">
        <v>16998</v>
      </c>
    </row>
    <row r="8516" spans="1:3" x14ac:dyDescent="0.15">
      <c r="A8516">
        <v>16495</v>
      </c>
      <c r="B8516" t="s">
        <v>16999</v>
      </c>
      <c r="C8516" t="s">
        <v>17000</v>
      </c>
    </row>
    <row r="8517" spans="1:3" x14ac:dyDescent="0.15">
      <c r="A8517">
        <v>16494</v>
      </c>
      <c r="B8517" t="s">
        <v>17001</v>
      </c>
      <c r="C8517" t="s">
        <v>4725</v>
      </c>
    </row>
    <row r="8518" spans="1:3" x14ac:dyDescent="0.15">
      <c r="A8518">
        <v>16493</v>
      </c>
      <c r="B8518" t="s">
        <v>17002</v>
      </c>
      <c r="C8518" t="s">
        <v>17003</v>
      </c>
    </row>
    <row r="8519" spans="1:3" x14ac:dyDescent="0.15">
      <c r="A8519">
        <v>16492</v>
      </c>
      <c r="B8519" t="s">
        <v>17004</v>
      </c>
      <c r="C8519" t="s">
        <v>17005</v>
      </c>
    </row>
    <row r="8520" spans="1:3" x14ac:dyDescent="0.15">
      <c r="A8520">
        <v>16491</v>
      </c>
      <c r="B8520" t="s">
        <v>17006</v>
      </c>
      <c r="C8520" t="s">
        <v>17007</v>
      </c>
    </row>
    <row r="8521" spans="1:3" x14ac:dyDescent="0.15">
      <c r="A8521">
        <v>16490</v>
      </c>
      <c r="B8521" t="s">
        <v>17008</v>
      </c>
      <c r="C8521" t="s">
        <v>17009</v>
      </c>
    </row>
    <row r="8522" spans="1:3" x14ac:dyDescent="0.15">
      <c r="A8522">
        <v>16489</v>
      </c>
      <c r="B8522" t="s">
        <v>17010</v>
      </c>
      <c r="C8522" t="s">
        <v>17011</v>
      </c>
    </row>
    <row r="8523" spans="1:3" x14ac:dyDescent="0.15">
      <c r="A8523">
        <v>16488</v>
      </c>
      <c r="B8523" t="s">
        <v>17012</v>
      </c>
      <c r="C8523" t="s">
        <v>17013</v>
      </c>
    </row>
    <row r="8524" spans="1:3" x14ac:dyDescent="0.15">
      <c r="A8524">
        <v>16487</v>
      </c>
      <c r="B8524" t="s">
        <v>17014</v>
      </c>
      <c r="C8524" t="s">
        <v>17015</v>
      </c>
    </row>
    <row r="8525" spans="1:3" x14ac:dyDescent="0.15">
      <c r="A8525">
        <v>16486</v>
      </c>
      <c r="B8525" t="s">
        <v>17016</v>
      </c>
      <c r="C8525" t="s">
        <v>17017</v>
      </c>
    </row>
    <row r="8526" spans="1:3" x14ac:dyDescent="0.15">
      <c r="A8526">
        <v>16485</v>
      </c>
      <c r="B8526" t="s">
        <v>17018</v>
      </c>
      <c r="C8526" t="s">
        <v>17019</v>
      </c>
    </row>
    <row r="8527" spans="1:3" x14ac:dyDescent="0.15">
      <c r="A8527">
        <v>16484</v>
      </c>
      <c r="B8527" t="s">
        <v>17020</v>
      </c>
      <c r="C8527" t="s">
        <v>17021</v>
      </c>
    </row>
    <row r="8528" spans="1:3" x14ac:dyDescent="0.15">
      <c r="A8528">
        <v>16483</v>
      </c>
      <c r="B8528" t="s">
        <v>17022</v>
      </c>
      <c r="C8528" t="s">
        <v>17023</v>
      </c>
    </row>
    <row r="8529" spans="1:3" x14ac:dyDescent="0.15">
      <c r="A8529">
        <v>16482</v>
      </c>
      <c r="B8529" t="s">
        <v>17024</v>
      </c>
      <c r="C8529" t="s">
        <v>17025</v>
      </c>
    </row>
    <row r="8530" spans="1:3" x14ac:dyDescent="0.15">
      <c r="A8530">
        <v>16481</v>
      </c>
      <c r="B8530" t="s">
        <v>17026</v>
      </c>
      <c r="C8530" t="s">
        <v>17027</v>
      </c>
    </row>
    <row r="8531" spans="1:3" x14ac:dyDescent="0.15">
      <c r="A8531">
        <v>16480</v>
      </c>
      <c r="B8531" t="s">
        <v>17028</v>
      </c>
      <c r="C8531" t="s">
        <v>17029</v>
      </c>
    </row>
    <row r="8532" spans="1:3" x14ac:dyDescent="0.15">
      <c r="A8532">
        <v>16479</v>
      </c>
      <c r="B8532" t="s">
        <v>17030</v>
      </c>
      <c r="C8532" t="s">
        <v>17031</v>
      </c>
    </row>
    <row r="8533" spans="1:3" x14ac:dyDescent="0.15">
      <c r="A8533">
        <v>16478</v>
      </c>
      <c r="B8533" t="s">
        <v>17032</v>
      </c>
      <c r="C8533" t="s">
        <v>17033</v>
      </c>
    </row>
    <row r="8534" spans="1:3" x14ac:dyDescent="0.15">
      <c r="A8534">
        <v>16477</v>
      </c>
      <c r="B8534" t="s">
        <v>17034</v>
      </c>
      <c r="C8534" t="s">
        <v>17035</v>
      </c>
    </row>
    <row r="8535" spans="1:3" x14ac:dyDescent="0.15">
      <c r="A8535">
        <v>16476</v>
      </c>
      <c r="B8535" t="s">
        <v>17036</v>
      </c>
      <c r="C8535" t="s">
        <v>17037</v>
      </c>
    </row>
    <row r="8536" spans="1:3" x14ac:dyDescent="0.15">
      <c r="A8536">
        <v>16475</v>
      </c>
      <c r="B8536" t="s">
        <v>17038</v>
      </c>
      <c r="C8536" t="s">
        <v>17039</v>
      </c>
    </row>
    <row r="8537" spans="1:3" x14ac:dyDescent="0.15">
      <c r="A8537">
        <v>16474</v>
      </c>
      <c r="B8537" t="s">
        <v>17040</v>
      </c>
      <c r="C8537" t="s">
        <v>17041</v>
      </c>
    </row>
    <row r="8538" spans="1:3" x14ac:dyDescent="0.15">
      <c r="A8538">
        <v>16473</v>
      </c>
      <c r="B8538" t="s">
        <v>17042</v>
      </c>
      <c r="C8538" t="s">
        <v>17043</v>
      </c>
    </row>
    <row r="8539" spans="1:3" x14ac:dyDescent="0.15">
      <c r="A8539">
        <v>16472</v>
      </c>
      <c r="B8539" t="s">
        <v>17044</v>
      </c>
      <c r="C8539" t="s">
        <v>17045</v>
      </c>
    </row>
    <row r="8540" spans="1:3" x14ac:dyDescent="0.15">
      <c r="A8540">
        <v>16471</v>
      </c>
      <c r="B8540" t="s">
        <v>17046</v>
      </c>
      <c r="C8540" t="s">
        <v>17047</v>
      </c>
    </row>
    <row r="8541" spans="1:3" x14ac:dyDescent="0.15">
      <c r="A8541">
        <v>16470</v>
      </c>
      <c r="B8541" t="s">
        <v>17048</v>
      </c>
      <c r="C8541" t="s">
        <v>17049</v>
      </c>
    </row>
    <row r="8542" spans="1:3" x14ac:dyDescent="0.15">
      <c r="A8542">
        <v>16469</v>
      </c>
      <c r="B8542" t="s">
        <v>17050</v>
      </c>
      <c r="C8542" t="s">
        <v>17051</v>
      </c>
    </row>
    <row r="8543" spans="1:3" x14ac:dyDescent="0.15">
      <c r="A8543">
        <v>16468</v>
      </c>
      <c r="B8543" t="s">
        <v>17052</v>
      </c>
      <c r="C8543" t="s">
        <v>17053</v>
      </c>
    </row>
    <row r="8544" spans="1:3" x14ac:dyDescent="0.15">
      <c r="A8544">
        <v>16467</v>
      </c>
      <c r="B8544" t="s">
        <v>17054</v>
      </c>
      <c r="C8544" t="s">
        <v>17055</v>
      </c>
    </row>
    <row r="8545" spans="1:3" x14ac:dyDescent="0.15">
      <c r="A8545">
        <v>16466</v>
      </c>
      <c r="B8545" t="s">
        <v>17056</v>
      </c>
      <c r="C8545" t="s">
        <v>17057</v>
      </c>
    </row>
    <row r="8546" spans="1:3" x14ac:dyDescent="0.15">
      <c r="A8546">
        <v>16465</v>
      </c>
      <c r="B8546" t="s">
        <v>17058</v>
      </c>
      <c r="C8546" t="s">
        <v>17059</v>
      </c>
    </row>
    <row r="8547" spans="1:3" x14ac:dyDescent="0.15">
      <c r="A8547">
        <v>16464</v>
      </c>
      <c r="B8547" t="s">
        <v>17060</v>
      </c>
      <c r="C8547" t="s">
        <v>17061</v>
      </c>
    </row>
    <row r="8548" spans="1:3" x14ac:dyDescent="0.15">
      <c r="A8548">
        <v>16463</v>
      </c>
      <c r="B8548" t="s">
        <v>17062</v>
      </c>
      <c r="C8548" t="s">
        <v>17063</v>
      </c>
    </row>
    <row r="8549" spans="1:3" x14ac:dyDescent="0.15">
      <c r="A8549">
        <v>16462</v>
      </c>
      <c r="B8549" t="s">
        <v>17064</v>
      </c>
      <c r="C8549" t="s">
        <v>17065</v>
      </c>
    </row>
    <row r="8550" spans="1:3" x14ac:dyDescent="0.15">
      <c r="A8550">
        <v>16461</v>
      </c>
      <c r="B8550" t="s">
        <v>17066</v>
      </c>
      <c r="C8550" t="s">
        <v>17067</v>
      </c>
    </row>
    <row r="8551" spans="1:3" x14ac:dyDescent="0.15">
      <c r="A8551">
        <v>16460</v>
      </c>
      <c r="B8551" t="s">
        <v>17068</v>
      </c>
      <c r="C8551" t="s">
        <v>17069</v>
      </c>
    </row>
    <row r="8552" spans="1:3" x14ac:dyDescent="0.15">
      <c r="A8552">
        <v>16459</v>
      </c>
      <c r="B8552" t="s">
        <v>17070</v>
      </c>
      <c r="C8552" t="s">
        <v>17071</v>
      </c>
    </row>
    <row r="8553" spans="1:3" x14ac:dyDescent="0.15">
      <c r="A8553">
        <v>16458</v>
      </c>
      <c r="B8553" t="s">
        <v>17072</v>
      </c>
      <c r="C8553" t="s">
        <v>17073</v>
      </c>
    </row>
    <row r="8554" spans="1:3" x14ac:dyDescent="0.15">
      <c r="A8554">
        <v>16457</v>
      </c>
      <c r="B8554" t="s">
        <v>17074</v>
      </c>
      <c r="C8554" t="s">
        <v>17075</v>
      </c>
    </row>
    <row r="8555" spans="1:3" x14ac:dyDescent="0.15">
      <c r="A8555">
        <v>16456</v>
      </c>
      <c r="B8555" t="s">
        <v>17076</v>
      </c>
      <c r="C8555" t="s">
        <v>17077</v>
      </c>
    </row>
    <row r="8556" spans="1:3" x14ac:dyDescent="0.15">
      <c r="A8556">
        <v>16455</v>
      </c>
      <c r="B8556" t="s">
        <v>17078</v>
      </c>
      <c r="C8556" t="s">
        <v>17079</v>
      </c>
    </row>
    <row r="8557" spans="1:3" x14ac:dyDescent="0.15">
      <c r="A8557">
        <v>16454</v>
      </c>
      <c r="B8557" t="s">
        <v>17080</v>
      </c>
      <c r="C8557" t="s">
        <v>17081</v>
      </c>
    </row>
    <row r="8558" spans="1:3" x14ac:dyDescent="0.15">
      <c r="A8558">
        <v>16453</v>
      </c>
      <c r="B8558" t="s">
        <v>17082</v>
      </c>
      <c r="C8558" t="s">
        <v>17083</v>
      </c>
    </row>
    <row r="8559" spans="1:3" x14ac:dyDescent="0.15">
      <c r="A8559">
        <v>16452</v>
      </c>
      <c r="B8559" t="s">
        <v>17084</v>
      </c>
      <c r="C8559" t="s">
        <v>17085</v>
      </c>
    </row>
    <row r="8560" spans="1:3" x14ac:dyDescent="0.15">
      <c r="A8560">
        <v>16451</v>
      </c>
      <c r="B8560" t="s">
        <v>17086</v>
      </c>
      <c r="C8560" t="s">
        <v>17087</v>
      </c>
    </row>
    <row r="8561" spans="1:3" x14ac:dyDescent="0.15">
      <c r="A8561">
        <v>16450</v>
      </c>
      <c r="B8561" t="s">
        <v>17088</v>
      </c>
      <c r="C8561" t="s">
        <v>17089</v>
      </c>
    </row>
    <row r="8562" spans="1:3" x14ac:dyDescent="0.15">
      <c r="A8562">
        <v>16449</v>
      </c>
      <c r="B8562" t="s">
        <v>17090</v>
      </c>
      <c r="C8562" t="s">
        <v>17091</v>
      </c>
    </row>
    <row r="8563" spans="1:3" x14ac:dyDescent="0.15">
      <c r="A8563">
        <v>16448</v>
      </c>
      <c r="B8563" t="s">
        <v>17092</v>
      </c>
      <c r="C8563" t="s">
        <v>17093</v>
      </c>
    </row>
    <row r="8564" spans="1:3" x14ac:dyDescent="0.15">
      <c r="A8564">
        <v>16447</v>
      </c>
      <c r="B8564" t="s">
        <v>17094</v>
      </c>
      <c r="C8564" t="s">
        <v>17095</v>
      </c>
    </row>
    <row r="8565" spans="1:3" x14ac:dyDescent="0.15">
      <c r="A8565">
        <v>16446</v>
      </c>
      <c r="B8565" t="s">
        <v>17096</v>
      </c>
      <c r="C8565" t="s">
        <v>17097</v>
      </c>
    </row>
    <row r="8566" spans="1:3" x14ac:dyDescent="0.15">
      <c r="A8566">
        <v>16445</v>
      </c>
      <c r="B8566" t="s">
        <v>17098</v>
      </c>
      <c r="C8566" t="s">
        <v>17099</v>
      </c>
    </row>
    <row r="8567" spans="1:3" x14ac:dyDescent="0.15">
      <c r="A8567">
        <v>16444</v>
      </c>
      <c r="B8567" t="s">
        <v>17100</v>
      </c>
      <c r="C8567" t="s">
        <v>17101</v>
      </c>
    </row>
    <row r="8568" spans="1:3" x14ac:dyDescent="0.15">
      <c r="A8568">
        <v>16443</v>
      </c>
      <c r="B8568" t="s">
        <v>17102</v>
      </c>
      <c r="C8568" t="s">
        <v>17103</v>
      </c>
    </row>
    <row r="8569" spans="1:3" x14ac:dyDescent="0.15">
      <c r="A8569">
        <v>16442</v>
      </c>
      <c r="B8569" t="s">
        <v>17104</v>
      </c>
      <c r="C8569" t="s">
        <v>17105</v>
      </c>
    </row>
    <row r="8570" spans="1:3" x14ac:dyDescent="0.15">
      <c r="A8570">
        <v>16441</v>
      </c>
      <c r="B8570" t="s">
        <v>17106</v>
      </c>
      <c r="C8570" t="s">
        <v>17107</v>
      </c>
    </row>
    <row r="8571" spans="1:3" x14ac:dyDescent="0.15">
      <c r="A8571">
        <v>16440</v>
      </c>
      <c r="B8571" t="s">
        <v>17108</v>
      </c>
      <c r="C8571" t="s">
        <v>17109</v>
      </c>
    </row>
    <row r="8572" spans="1:3" x14ac:dyDescent="0.15">
      <c r="A8572">
        <v>16439</v>
      </c>
      <c r="B8572" t="s">
        <v>17110</v>
      </c>
      <c r="C8572" t="s">
        <v>17111</v>
      </c>
    </row>
    <row r="8573" spans="1:3" x14ac:dyDescent="0.15">
      <c r="A8573">
        <v>16438</v>
      </c>
      <c r="B8573" t="s">
        <v>17112</v>
      </c>
      <c r="C8573" t="s">
        <v>17113</v>
      </c>
    </row>
    <row r="8574" spans="1:3" x14ac:dyDescent="0.15">
      <c r="A8574">
        <v>16437</v>
      </c>
      <c r="B8574" t="s">
        <v>17114</v>
      </c>
      <c r="C8574" t="s">
        <v>17115</v>
      </c>
    </row>
    <row r="8575" spans="1:3" x14ac:dyDescent="0.15">
      <c r="A8575">
        <v>16436</v>
      </c>
      <c r="B8575" t="s">
        <v>17116</v>
      </c>
      <c r="C8575" t="s">
        <v>17117</v>
      </c>
    </row>
    <row r="8576" spans="1:3" x14ac:dyDescent="0.15">
      <c r="A8576">
        <v>16435</v>
      </c>
      <c r="B8576" t="s">
        <v>17118</v>
      </c>
      <c r="C8576" t="s">
        <v>17119</v>
      </c>
    </row>
    <row r="8577" spans="1:3" x14ac:dyDescent="0.15">
      <c r="A8577">
        <v>16434</v>
      </c>
      <c r="B8577" t="s">
        <v>17120</v>
      </c>
      <c r="C8577" t="s">
        <v>17121</v>
      </c>
    </row>
    <row r="8578" spans="1:3" x14ac:dyDescent="0.15">
      <c r="A8578">
        <v>16433</v>
      </c>
      <c r="B8578" t="s">
        <v>17122</v>
      </c>
      <c r="C8578" t="s">
        <v>17123</v>
      </c>
    </row>
    <row r="8579" spans="1:3" x14ac:dyDescent="0.15">
      <c r="A8579">
        <v>16432</v>
      </c>
      <c r="B8579" t="s">
        <v>17124</v>
      </c>
      <c r="C8579" t="s">
        <v>17125</v>
      </c>
    </row>
    <row r="8580" spans="1:3" x14ac:dyDescent="0.15">
      <c r="A8580">
        <v>16431</v>
      </c>
      <c r="B8580" t="s">
        <v>17126</v>
      </c>
      <c r="C8580" t="s">
        <v>17127</v>
      </c>
    </row>
    <row r="8581" spans="1:3" x14ac:dyDescent="0.15">
      <c r="A8581">
        <v>16430</v>
      </c>
      <c r="B8581" t="s">
        <v>17128</v>
      </c>
      <c r="C8581" t="s">
        <v>17129</v>
      </c>
    </row>
    <row r="8582" spans="1:3" x14ac:dyDescent="0.15">
      <c r="A8582">
        <v>16429</v>
      </c>
      <c r="B8582" t="s">
        <v>17130</v>
      </c>
      <c r="C8582" t="s">
        <v>17131</v>
      </c>
    </row>
    <row r="8583" spans="1:3" x14ac:dyDescent="0.15">
      <c r="A8583">
        <v>16428</v>
      </c>
      <c r="B8583" t="s">
        <v>17132</v>
      </c>
      <c r="C8583" t="s">
        <v>17133</v>
      </c>
    </row>
    <row r="8584" spans="1:3" x14ac:dyDescent="0.15">
      <c r="A8584">
        <v>16427</v>
      </c>
      <c r="B8584" t="s">
        <v>17134</v>
      </c>
      <c r="C8584" t="s">
        <v>17135</v>
      </c>
    </row>
    <row r="8585" spans="1:3" x14ac:dyDescent="0.15">
      <c r="A8585">
        <v>16426</v>
      </c>
      <c r="B8585" t="s">
        <v>17136</v>
      </c>
      <c r="C8585" t="s">
        <v>17137</v>
      </c>
    </row>
    <row r="8586" spans="1:3" x14ac:dyDescent="0.15">
      <c r="A8586">
        <v>16425</v>
      </c>
      <c r="B8586" t="s">
        <v>17138</v>
      </c>
      <c r="C8586" t="s">
        <v>17139</v>
      </c>
    </row>
    <row r="8587" spans="1:3" x14ac:dyDescent="0.15">
      <c r="A8587">
        <v>16424</v>
      </c>
      <c r="B8587" t="s">
        <v>17140</v>
      </c>
      <c r="C8587" t="s">
        <v>17141</v>
      </c>
    </row>
    <row r="8588" spans="1:3" x14ac:dyDescent="0.15">
      <c r="A8588">
        <v>16423</v>
      </c>
      <c r="B8588" t="s">
        <v>17142</v>
      </c>
      <c r="C8588" t="s">
        <v>17143</v>
      </c>
    </row>
    <row r="8589" spans="1:3" x14ac:dyDescent="0.15">
      <c r="A8589">
        <v>16422</v>
      </c>
      <c r="B8589" t="s">
        <v>17144</v>
      </c>
      <c r="C8589" t="s">
        <v>17145</v>
      </c>
    </row>
    <row r="8590" spans="1:3" x14ac:dyDescent="0.15">
      <c r="A8590">
        <v>16421</v>
      </c>
      <c r="B8590" t="s">
        <v>17146</v>
      </c>
      <c r="C8590" t="s">
        <v>17147</v>
      </c>
    </row>
    <row r="8591" spans="1:3" x14ac:dyDescent="0.15">
      <c r="A8591">
        <v>16420</v>
      </c>
      <c r="B8591" t="s">
        <v>17148</v>
      </c>
      <c r="C8591" t="s">
        <v>17149</v>
      </c>
    </row>
    <row r="8592" spans="1:3" x14ac:dyDescent="0.15">
      <c r="A8592">
        <v>16419</v>
      </c>
      <c r="B8592" t="s">
        <v>17150</v>
      </c>
      <c r="C8592" t="s">
        <v>17151</v>
      </c>
    </row>
    <row r="8593" spans="1:3" x14ac:dyDescent="0.15">
      <c r="A8593">
        <v>16418</v>
      </c>
      <c r="B8593" t="s">
        <v>17152</v>
      </c>
      <c r="C8593" t="s">
        <v>17153</v>
      </c>
    </row>
    <row r="8594" spans="1:3" x14ac:dyDescent="0.15">
      <c r="A8594">
        <v>16417</v>
      </c>
      <c r="B8594" t="s">
        <v>17154</v>
      </c>
      <c r="C8594" t="s">
        <v>17155</v>
      </c>
    </row>
    <row r="8595" spans="1:3" x14ac:dyDescent="0.15">
      <c r="A8595">
        <v>16416</v>
      </c>
      <c r="B8595" t="s">
        <v>17156</v>
      </c>
      <c r="C8595" t="s">
        <v>17157</v>
      </c>
    </row>
    <row r="8596" spans="1:3" x14ac:dyDescent="0.15">
      <c r="A8596">
        <v>16415</v>
      </c>
      <c r="B8596" t="s">
        <v>17158</v>
      </c>
      <c r="C8596" t="s">
        <v>17159</v>
      </c>
    </row>
    <row r="8597" spans="1:3" x14ac:dyDescent="0.15">
      <c r="A8597">
        <v>16414</v>
      </c>
      <c r="B8597" t="s">
        <v>17160</v>
      </c>
      <c r="C8597" t="s">
        <v>17161</v>
      </c>
    </row>
    <row r="8598" spans="1:3" x14ac:dyDescent="0.15">
      <c r="A8598">
        <v>16413</v>
      </c>
      <c r="B8598" t="s">
        <v>17162</v>
      </c>
      <c r="C8598" t="s">
        <v>17163</v>
      </c>
    </row>
    <row r="8599" spans="1:3" x14ac:dyDescent="0.15">
      <c r="A8599">
        <v>16412</v>
      </c>
      <c r="B8599" t="s">
        <v>17164</v>
      </c>
      <c r="C8599" t="s">
        <v>17165</v>
      </c>
    </row>
    <row r="8600" spans="1:3" x14ac:dyDescent="0.15">
      <c r="A8600">
        <v>16411</v>
      </c>
      <c r="B8600" t="s">
        <v>17166</v>
      </c>
      <c r="C8600" t="s">
        <v>17167</v>
      </c>
    </row>
    <row r="8601" spans="1:3" x14ac:dyDescent="0.15">
      <c r="A8601">
        <v>16410</v>
      </c>
      <c r="B8601" t="s">
        <v>17168</v>
      </c>
      <c r="C8601" t="s">
        <v>17169</v>
      </c>
    </row>
    <row r="8602" spans="1:3" x14ac:dyDescent="0.15">
      <c r="A8602">
        <v>16409</v>
      </c>
      <c r="B8602" t="s">
        <v>17170</v>
      </c>
      <c r="C8602" t="s">
        <v>17171</v>
      </c>
    </row>
    <row r="8603" spans="1:3" x14ac:dyDescent="0.15">
      <c r="A8603">
        <v>16408</v>
      </c>
      <c r="B8603" t="s">
        <v>17172</v>
      </c>
      <c r="C8603" t="s">
        <v>17173</v>
      </c>
    </row>
    <row r="8604" spans="1:3" x14ac:dyDescent="0.15">
      <c r="A8604">
        <v>16407</v>
      </c>
      <c r="B8604" t="s">
        <v>17174</v>
      </c>
      <c r="C8604" t="s">
        <v>17175</v>
      </c>
    </row>
    <row r="8605" spans="1:3" x14ac:dyDescent="0.15">
      <c r="A8605">
        <v>16406</v>
      </c>
      <c r="B8605" t="s">
        <v>17176</v>
      </c>
      <c r="C8605" t="s">
        <v>17177</v>
      </c>
    </row>
    <row r="8606" spans="1:3" x14ac:dyDescent="0.15">
      <c r="A8606">
        <v>16405</v>
      </c>
      <c r="B8606" t="s">
        <v>17178</v>
      </c>
      <c r="C8606" t="s">
        <v>17179</v>
      </c>
    </row>
    <row r="8607" spans="1:3" x14ac:dyDescent="0.15">
      <c r="A8607">
        <v>16404</v>
      </c>
      <c r="B8607" t="s">
        <v>17180</v>
      </c>
      <c r="C8607" t="s">
        <v>17181</v>
      </c>
    </row>
    <row r="8608" spans="1:3" x14ac:dyDescent="0.15">
      <c r="A8608">
        <v>16403</v>
      </c>
      <c r="B8608" t="s">
        <v>17182</v>
      </c>
      <c r="C8608" t="s">
        <v>17183</v>
      </c>
    </row>
    <row r="8609" spans="1:3" x14ac:dyDescent="0.15">
      <c r="A8609">
        <v>16402</v>
      </c>
      <c r="B8609" t="s">
        <v>17184</v>
      </c>
      <c r="C8609" t="s">
        <v>17185</v>
      </c>
    </row>
    <row r="8610" spans="1:3" x14ac:dyDescent="0.15">
      <c r="A8610">
        <v>16401</v>
      </c>
      <c r="B8610" t="s">
        <v>17186</v>
      </c>
      <c r="C8610" t="s">
        <v>17187</v>
      </c>
    </row>
    <row r="8611" spans="1:3" x14ac:dyDescent="0.15">
      <c r="A8611">
        <v>16400</v>
      </c>
      <c r="B8611" t="s">
        <v>17188</v>
      </c>
      <c r="C8611" t="s">
        <v>17189</v>
      </c>
    </row>
    <row r="8612" spans="1:3" x14ac:dyDescent="0.15">
      <c r="A8612">
        <v>16399</v>
      </c>
      <c r="B8612" t="s">
        <v>17190</v>
      </c>
      <c r="C8612" t="s">
        <v>17191</v>
      </c>
    </row>
    <row r="8613" spans="1:3" x14ac:dyDescent="0.15">
      <c r="A8613">
        <v>16398</v>
      </c>
      <c r="B8613" t="s">
        <v>17192</v>
      </c>
      <c r="C8613" t="s">
        <v>17193</v>
      </c>
    </row>
    <row r="8614" spans="1:3" x14ac:dyDescent="0.15">
      <c r="A8614">
        <v>16397</v>
      </c>
      <c r="B8614" t="s">
        <v>17194</v>
      </c>
      <c r="C8614" t="s">
        <v>17195</v>
      </c>
    </row>
    <row r="8615" spans="1:3" x14ac:dyDescent="0.15">
      <c r="A8615">
        <v>16396</v>
      </c>
      <c r="B8615" t="s">
        <v>17196</v>
      </c>
      <c r="C8615" t="s">
        <v>17197</v>
      </c>
    </row>
    <row r="8616" spans="1:3" x14ac:dyDescent="0.15">
      <c r="A8616">
        <v>16395</v>
      </c>
      <c r="B8616" t="s">
        <v>17198</v>
      </c>
      <c r="C8616" t="s">
        <v>17199</v>
      </c>
    </row>
    <row r="8617" spans="1:3" x14ac:dyDescent="0.15">
      <c r="A8617">
        <v>16394</v>
      </c>
      <c r="B8617" t="s">
        <v>17200</v>
      </c>
      <c r="C8617" t="s">
        <v>17201</v>
      </c>
    </row>
    <row r="8618" spans="1:3" x14ac:dyDescent="0.15">
      <c r="A8618">
        <v>16393</v>
      </c>
      <c r="B8618" t="s">
        <v>17202</v>
      </c>
      <c r="C8618" t="s">
        <v>17203</v>
      </c>
    </row>
    <row r="8619" spans="1:3" x14ac:dyDescent="0.15">
      <c r="A8619">
        <v>16392</v>
      </c>
      <c r="B8619" t="s">
        <v>17204</v>
      </c>
      <c r="C8619" t="s">
        <v>17205</v>
      </c>
    </row>
    <row r="8620" spans="1:3" x14ac:dyDescent="0.15">
      <c r="A8620">
        <v>16391</v>
      </c>
      <c r="B8620" t="s">
        <v>17206</v>
      </c>
      <c r="C8620" t="s">
        <v>17207</v>
      </c>
    </row>
    <row r="8621" spans="1:3" x14ac:dyDescent="0.15">
      <c r="A8621">
        <v>16390</v>
      </c>
      <c r="B8621" t="s">
        <v>17208</v>
      </c>
      <c r="C8621" t="s">
        <v>17209</v>
      </c>
    </row>
    <row r="8622" spans="1:3" x14ac:dyDescent="0.15">
      <c r="A8622">
        <v>16389</v>
      </c>
      <c r="B8622" t="s">
        <v>17210</v>
      </c>
      <c r="C8622" t="s">
        <v>17211</v>
      </c>
    </row>
    <row r="8623" spans="1:3" x14ac:dyDescent="0.15">
      <c r="A8623">
        <v>16388</v>
      </c>
      <c r="B8623" t="s">
        <v>17212</v>
      </c>
      <c r="C8623" t="s">
        <v>17213</v>
      </c>
    </row>
    <row r="8624" spans="1:3" x14ac:dyDescent="0.15">
      <c r="A8624">
        <v>16387</v>
      </c>
      <c r="B8624" t="s">
        <v>17214</v>
      </c>
      <c r="C8624" t="s">
        <v>17215</v>
      </c>
    </row>
    <row r="8625" spans="1:3" x14ac:dyDescent="0.15">
      <c r="A8625">
        <v>16386</v>
      </c>
      <c r="B8625" t="s">
        <v>17216</v>
      </c>
      <c r="C8625" t="s">
        <v>17217</v>
      </c>
    </row>
    <row r="8626" spans="1:3" x14ac:dyDescent="0.15">
      <c r="A8626">
        <v>16385</v>
      </c>
      <c r="B8626" t="s">
        <v>17218</v>
      </c>
      <c r="C8626" t="s">
        <v>17219</v>
      </c>
    </row>
    <row r="8627" spans="1:3" x14ac:dyDescent="0.15">
      <c r="A8627">
        <v>16384</v>
      </c>
      <c r="B8627" t="s">
        <v>17220</v>
      </c>
      <c r="C8627" t="s">
        <v>17221</v>
      </c>
    </row>
    <row r="8628" spans="1:3" x14ac:dyDescent="0.15">
      <c r="A8628">
        <v>16383</v>
      </c>
      <c r="B8628" t="s">
        <v>17222</v>
      </c>
      <c r="C8628" t="s">
        <v>17223</v>
      </c>
    </row>
    <row r="8629" spans="1:3" x14ac:dyDescent="0.15">
      <c r="A8629">
        <v>16382</v>
      </c>
      <c r="B8629" t="s">
        <v>17224</v>
      </c>
      <c r="C8629" t="s">
        <v>17225</v>
      </c>
    </row>
    <row r="8630" spans="1:3" x14ac:dyDescent="0.15">
      <c r="A8630">
        <v>16381</v>
      </c>
      <c r="B8630" t="s">
        <v>17226</v>
      </c>
      <c r="C8630" t="s">
        <v>17227</v>
      </c>
    </row>
    <row r="8631" spans="1:3" x14ac:dyDescent="0.15">
      <c r="A8631">
        <v>16380</v>
      </c>
      <c r="B8631" t="s">
        <v>17228</v>
      </c>
      <c r="C8631" t="s">
        <v>17229</v>
      </c>
    </row>
    <row r="8632" spans="1:3" x14ac:dyDescent="0.15">
      <c r="A8632">
        <v>16379</v>
      </c>
      <c r="B8632" t="s">
        <v>17230</v>
      </c>
      <c r="C8632" t="s">
        <v>17231</v>
      </c>
    </row>
    <row r="8633" spans="1:3" x14ac:dyDescent="0.15">
      <c r="A8633">
        <v>16378</v>
      </c>
      <c r="B8633" t="s">
        <v>17232</v>
      </c>
      <c r="C8633" t="s">
        <v>17233</v>
      </c>
    </row>
    <row r="8634" spans="1:3" x14ac:dyDescent="0.15">
      <c r="A8634">
        <v>16377</v>
      </c>
      <c r="B8634" t="s">
        <v>17234</v>
      </c>
      <c r="C8634" t="s">
        <v>17235</v>
      </c>
    </row>
    <row r="8635" spans="1:3" x14ac:dyDescent="0.15">
      <c r="A8635">
        <v>16376</v>
      </c>
      <c r="B8635" t="s">
        <v>17236</v>
      </c>
      <c r="C8635" t="s">
        <v>17237</v>
      </c>
    </row>
    <row r="8636" spans="1:3" x14ac:dyDescent="0.15">
      <c r="A8636">
        <v>16375</v>
      </c>
      <c r="B8636" t="s">
        <v>17238</v>
      </c>
      <c r="C8636" t="s">
        <v>17239</v>
      </c>
    </row>
    <row r="8637" spans="1:3" x14ac:dyDescent="0.15">
      <c r="A8637">
        <v>16374</v>
      </c>
      <c r="B8637" t="s">
        <v>17240</v>
      </c>
      <c r="C8637" t="s">
        <v>17241</v>
      </c>
    </row>
    <row r="8638" spans="1:3" x14ac:dyDescent="0.15">
      <c r="A8638">
        <v>16373</v>
      </c>
      <c r="B8638" t="s">
        <v>17242</v>
      </c>
      <c r="C8638" t="s">
        <v>17243</v>
      </c>
    </row>
    <row r="8639" spans="1:3" x14ac:dyDescent="0.15">
      <c r="A8639">
        <v>16372</v>
      </c>
      <c r="B8639" t="s">
        <v>17244</v>
      </c>
      <c r="C8639" t="s">
        <v>17245</v>
      </c>
    </row>
    <row r="8640" spans="1:3" x14ac:dyDescent="0.15">
      <c r="A8640">
        <v>16371</v>
      </c>
      <c r="B8640" t="s">
        <v>17246</v>
      </c>
      <c r="C8640" t="s">
        <v>17247</v>
      </c>
    </row>
    <row r="8641" spans="1:3" x14ac:dyDescent="0.15">
      <c r="A8641">
        <v>16370</v>
      </c>
      <c r="B8641" t="s">
        <v>17248</v>
      </c>
      <c r="C8641" t="s">
        <v>17249</v>
      </c>
    </row>
    <row r="8642" spans="1:3" x14ac:dyDescent="0.15">
      <c r="A8642">
        <v>16369</v>
      </c>
      <c r="B8642" t="s">
        <v>17250</v>
      </c>
      <c r="C8642" t="s">
        <v>17251</v>
      </c>
    </row>
    <row r="8643" spans="1:3" x14ac:dyDescent="0.15">
      <c r="A8643">
        <v>16368</v>
      </c>
      <c r="B8643" t="s">
        <v>17252</v>
      </c>
      <c r="C8643" t="s">
        <v>17253</v>
      </c>
    </row>
    <row r="8644" spans="1:3" x14ac:dyDescent="0.15">
      <c r="A8644">
        <v>16367</v>
      </c>
      <c r="B8644" t="s">
        <v>17254</v>
      </c>
      <c r="C8644" t="s">
        <v>17255</v>
      </c>
    </row>
    <row r="8645" spans="1:3" x14ac:dyDescent="0.15">
      <c r="A8645">
        <v>16366</v>
      </c>
      <c r="B8645" t="s">
        <v>17256</v>
      </c>
      <c r="C8645" t="s">
        <v>17257</v>
      </c>
    </row>
    <row r="8646" spans="1:3" x14ac:dyDescent="0.15">
      <c r="A8646">
        <v>16365</v>
      </c>
      <c r="B8646" t="s">
        <v>17258</v>
      </c>
      <c r="C8646" t="s">
        <v>17259</v>
      </c>
    </row>
    <row r="8647" spans="1:3" x14ac:dyDescent="0.15">
      <c r="A8647">
        <v>16364</v>
      </c>
      <c r="B8647" t="s">
        <v>17260</v>
      </c>
      <c r="C8647" t="s">
        <v>17261</v>
      </c>
    </row>
    <row r="8648" spans="1:3" x14ac:dyDescent="0.15">
      <c r="A8648">
        <v>16363</v>
      </c>
      <c r="B8648" t="s">
        <v>17262</v>
      </c>
      <c r="C8648" t="s">
        <v>17263</v>
      </c>
    </row>
    <row r="8649" spans="1:3" x14ac:dyDescent="0.15">
      <c r="A8649">
        <v>16362</v>
      </c>
      <c r="B8649" t="s">
        <v>17264</v>
      </c>
      <c r="C8649" t="s">
        <v>17265</v>
      </c>
    </row>
    <row r="8650" spans="1:3" x14ac:dyDescent="0.15">
      <c r="A8650">
        <v>16361</v>
      </c>
      <c r="B8650" t="s">
        <v>17266</v>
      </c>
      <c r="C8650" t="s">
        <v>17267</v>
      </c>
    </row>
    <row r="8651" spans="1:3" x14ac:dyDescent="0.15">
      <c r="A8651">
        <v>16360</v>
      </c>
      <c r="B8651" t="s">
        <v>17268</v>
      </c>
      <c r="C8651" t="s">
        <v>17269</v>
      </c>
    </row>
    <row r="8652" spans="1:3" x14ac:dyDescent="0.15">
      <c r="A8652">
        <v>16359</v>
      </c>
      <c r="B8652" t="s">
        <v>17270</v>
      </c>
      <c r="C8652" t="s">
        <v>17271</v>
      </c>
    </row>
    <row r="8653" spans="1:3" x14ac:dyDescent="0.15">
      <c r="A8653">
        <v>16358</v>
      </c>
      <c r="B8653" t="s">
        <v>17272</v>
      </c>
      <c r="C8653" t="s">
        <v>17273</v>
      </c>
    </row>
    <row r="8654" spans="1:3" x14ac:dyDescent="0.15">
      <c r="A8654">
        <v>16357</v>
      </c>
      <c r="B8654" t="s">
        <v>17274</v>
      </c>
      <c r="C8654" t="s">
        <v>17275</v>
      </c>
    </row>
    <row r="8655" spans="1:3" x14ac:dyDescent="0.15">
      <c r="A8655">
        <v>16356</v>
      </c>
      <c r="B8655" t="s">
        <v>17276</v>
      </c>
      <c r="C8655" t="s">
        <v>17277</v>
      </c>
    </row>
    <row r="8656" spans="1:3" x14ac:dyDescent="0.15">
      <c r="A8656">
        <v>16355</v>
      </c>
      <c r="B8656" t="s">
        <v>17278</v>
      </c>
      <c r="C8656" t="s">
        <v>17279</v>
      </c>
    </row>
    <row r="8657" spans="1:3" x14ac:dyDescent="0.15">
      <c r="A8657">
        <v>16354</v>
      </c>
      <c r="B8657" t="s">
        <v>17280</v>
      </c>
      <c r="C8657" t="s">
        <v>17281</v>
      </c>
    </row>
    <row r="8658" spans="1:3" x14ac:dyDescent="0.15">
      <c r="A8658">
        <v>16353</v>
      </c>
      <c r="B8658" t="s">
        <v>17282</v>
      </c>
      <c r="C8658" t="s">
        <v>17283</v>
      </c>
    </row>
    <row r="8659" spans="1:3" x14ac:dyDescent="0.15">
      <c r="A8659">
        <v>16352</v>
      </c>
      <c r="B8659" t="s">
        <v>17284</v>
      </c>
      <c r="C8659" t="s">
        <v>17285</v>
      </c>
    </row>
    <row r="8660" spans="1:3" x14ac:dyDescent="0.15">
      <c r="A8660">
        <v>16351</v>
      </c>
      <c r="B8660" t="s">
        <v>17286</v>
      </c>
      <c r="C8660" t="s">
        <v>17287</v>
      </c>
    </row>
    <row r="8661" spans="1:3" x14ac:dyDescent="0.15">
      <c r="A8661">
        <v>16350</v>
      </c>
      <c r="B8661" t="s">
        <v>17288</v>
      </c>
      <c r="C8661" t="s">
        <v>17289</v>
      </c>
    </row>
    <row r="8662" spans="1:3" x14ac:dyDescent="0.15">
      <c r="A8662">
        <v>16349</v>
      </c>
      <c r="B8662" t="s">
        <v>17290</v>
      </c>
      <c r="C8662" t="s">
        <v>17291</v>
      </c>
    </row>
    <row r="8663" spans="1:3" x14ac:dyDescent="0.15">
      <c r="A8663">
        <v>16348</v>
      </c>
      <c r="B8663" t="s">
        <v>17292</v>
      </c>
      <c r="C8663" t="s">
        <v>17293</v>
      </c>
    </row>
    <row r="8664" spans="1:3" x14ac:dyDescent="0.15">
      <c r="A8664">
        <v>16347</v>
      </c>
      <c r="B8664" t="s">
        <v>17294</v>
      </c>
      <c r="C8664" t="s">
        <v>17295</v>
      </c>
    </row>
    <row r="8665" spans="1:3" x14ac:dyDescent="0.15">
      <c r="A8665">
        <v>16346</v>
      </c>
      <c r="B8665" t="s">
        <v>17296</v>
      </c>
      <c r="C8665" t="s">
        <v>17297</v>
      </c>
    </row>
    <row r="8666" spans="1:3" x14ac:dyDescent="0.15">
      <c r="A8666">
        <v>16345</v>
      </c>
      <c r="B8666" t="s">
        <v>17298</v>
      </c>
      <c r="C8666" t="s">
        <v>17299</v>
      </c>
    </row>
    <row r="8667" spans="1:3" x14ac:dyDescent="0.15">
      <c r="A8667">
        <v>16344</v>
      </c>
      <c r="B8667" t="s">
        <v>17300</v>
      </c>
      <c r="C8667" t="s">
        <v>17301</v>
      </c>
    </row>
    <row r="8668" spans="1:3" x14ac:dyDescent="0.15">
      <c r="A8668">
        <v>16343</v>
      </c>
      <c r="B8668" t="s">
        <v>17302</v>
      </c>
      <c r="C8668" t="s">
        <v>17303</v>
      </c>
    </row>
    <row r="8669" spans="1:3" x14ac:dyDescent="0.15">
      <c r="A8669">
        <v>16342</v>
      </c>
      <c r="B8669" t="s">
        <v>17304</v>
      </c>
      <c r="C8669" t="s">
        <v>17305</v>
      </c>
    </row>
    <row r="8670" spans="1:3" x14ac:dyDescent="0.15">
      <c r="A8670">
        <v>16341</v>
      </c>
      <c r="B8670" t="s">
        <v>17306</v>
      </c>
      <c r="C8670" t="s">
        <v>17307</v>
      </c>
    </row>
    <row r="8671" spans="1:3" x14ac:dyDescent="0.15">
      <c r="A8671">
        <v>16340</v>
      </c>
      <c r="B8671" t="s">
        <v>17308</v>
      </c>
      <c r="C8671" t="s">
        <v>17309</v>
      </c>
    </row>
    <row r="8672" spans="1:3" x14ac:dyDescent="0.15">
      <c r="A8672">
        <v>16339</v>
      </c>
      <c r="B8672" t="s">
        <v>17310</v>
      </c>
      <c r="C8672" t="s">
        <v>17311</v>
      </c>
    </row>
    <row r="8673" spans="1:3" x14ac:dyDescent="0.15">
      <c r="A8673">
        <v>16338</v>
      </c>
      <c r="B8673" t="s">
        <v>17312</v>
      </c>
      <c r="C8673" t="s">
        <v>17313</v>
      </c>
    </row>
    <row r="8674" spans="1:3" x14ac:dyDescent="0.15">
      <c r="A8674">
        <v>16337</v>
      </c>
      <c r="B8674" t="s">
        <v>17314</v>
      </c>
      <c r="C8674" t="s">
        <v>17315</v>
      </c>
    </row>
    <row r="8675" spans="1:3" x14ac:dyDescent="0.15">
      <c r="A8675">
        <v>16336</v>
      </c>
      <c r="B8675" t="s">
        <v>17316</v>
      </c>
      <c r="C8675" t="s">
        <v>17317</v>
      </c>
    </row>
    <row r="8676" spans="1:3" x14ac:dyDescent="0.15">
      <c r="A8676">
        <v>16335</v>
      </c>
      <c r="B8676" t="s">
        <v>17318</v>
      </c>
      <c r="C8676" t="s">
        <v>17319</v>
      </c>
    </row>
    <row r="8677" spans="1:3" x14ac:dyDescent="0.15">
      <c r="A8677">
        <v>16334</v>
      </c>
      <c r="B8677" t="s">
        <v>17320</v>
      </c>
      <c r="C8677" t="s">
        <v>17321</v>
      </c>
    </row>
    <row r="8678" spans="1:3" x14ac:dyDescent="0.15">
      <c r="A8678">
        <v>16333</v>
      </c>
      <c r="B8678" t="s">
        <v>17322</v>
      </c>
      <c r="C8678" t="s">
        <v>17323</v>
      </c>
    </row>
    <row r="8679" spans="1:3" x14ac:dyDescent="0.15">
      <c r="A8679">
        <v>16332</v>
      </c>
      <c r="B8679" t="s">
        <v>17324</v>
      </c>
      <c r="C8679" t="s">
        <v>17325</v>
      </c>
    </row>
    <row r="8680" spans="1:3" x14ac:dyDescent="0.15">
      <c r="A8680">
        <v>16331</v>
      </c>
      <c r="B8680" t="s">
        <v>17326</v>
      </c>
      <c r="C8680" t="s">
        <v>17327</v>
      </c>
    </row>
    <row r="8681" spans="1:3" x14ac:dyDescent="0.15">
      <c r="A8681">
        <v>16330</v>
      </c>
      <c r="B8681" t="s">
        <v>17328</v>
      </c>
      <c r="C8681" t="s">
        <v>17329</v>
      </c>
    </row>
    <row r="8682" spans="1:3" x14ac:dyDescent="0.15">
      <c r="A8682">
        <v>16329</v>
      </c>
      <c r="B8682" t="s">
        <v>17330</v>
      </c>
      <c r="C8682" t="s">
        <v>17331</v>
      </c>
    </row>
    <row r="8683" spans="1:3" x14ac:dyDescent="0.15">
      <c r="A8683">
        <v>16328</v>
      </c>
      <c r="B8683" t="s">
        <v>17332</v>
      </c>
      <c r="C8683" t="s">
        <v>17333</v>
      </c>
    </row>
    <row r="8684" spans="1:3" x14ac:dyDescent="0.15">
      <c r="A8684">
        <v>16327</v>
      </c>
      <c r="B8684" t="s">
        <v>17334</v>
      </c>
      <c r="C8684" t="s">
        <v>17335</v>
      </c>
    </row>
    <row r="8685" spans="1:3" x14ac:dyDescent="0.15">
      <c r="A8685">
        <v>16326</v>
      </c>
      <c r="B8685" t="s">
        <v>17336</v>
      </c>
      <c r="C8685" t="s">
        <v>17337</v>
      </c>
    </row>
    <row r="8686" spans="1:3" x14ac:dyDescent="0.15">
      <c r="A8686">
        <v>16325</v>
      </c>
      <c r="B8686" t="s">
        <v>17338</v>
      </c>
      <c r="C8686" t="s">
        <v>17339</v>
      </c>
    </row>
    <row r="8687" spans="1:3" x14ac:dyDescent="0.15">
      <c r="A8687">
        <v>16324</v>
      </c>
      <c r="B8687" t="s">
        <v>17340</v>
      </c>
      <c r="C8687" t="s">
        <v>17341</v>
      </c>
    </row>
    <row r="8688" spans="1:3" x14ac:dyDescent="0.15">
      <c r="A8688">
        <v>16323</v>
      </c>
      <c r="B8688" t="s">
        <v>17342</v>
      </c>
      <c r="C8688" t="s">
        <v>17343</v>
      </c>
    </row>
    <row r="8689" spans="1:3" x14ac:dyDescent="0.15">
      <c r="A8689">
        <v>16322</v>
      </c>
      <c r="B8689" t="s">
        <v>17344</v>
      </c>
      <c r="C8689" t="s">
        <v>17345</v>
      </c>
    </row>
    <row r="8690" spans="1:3" x14ac:dyDescent="0.15">
      <c r="A8690">
        <v>16321</v>
      </c>
      <c r="B8690" t="s">
        <v>17346</v>
      </c>
      <c r="C8690" t="s">
        <v>17347</v>
      </c>
    </row>
    <row r="8691" spans="1:3" x14ac:dyDescent="0.15">
      <c r="A8691">
        <v>16320</v>
      </c>
      <c r="B8691" t="s">
        <v>17348</v>
      </c>
      <c r="C8691" t="s">
        <v>17349</v>
      </c>
    </row>
    <row r="8692" spans="1:3" x14ac:dyDescent="0.15">
      <c r="A8692">
        <v>16319</v>
      </c>
      <c r="B8692" t="s">
        <v>17350</v>
      </c>
      <c r="C8692" t="s">
        <v>17351</v>
      </c>
    </row>
    <row r="8693" spans="1:3" x14ac:dyDescent="0.15">
      <c r="A8693">
        <v>16318</v>
      </c>
      <c r="B8693" t="s">
        <v>17352</v>
      </c>
      <c r="C8693" t="s">
        <v>17353</v>
      </c>
    </row>
    <row r="8694" spans="1:3" x14ac:dyDescent="0.15">
      <c r="A8694">
        <v>16317</v>
      </c>
      <c r="B8694" t="s">
        <v>17354</v>
      </c>
      <c r="C8694" t="s">
        <v>17355</v>
      </c>
    </row>
    <row r="8695" spans="1:3" x14ac:dyDescent="0.15">
      <c r="A8695">
        <v>16316</v>
      </c>
      <c r="B8695" t="s">
        <v>17356</v>
      </c>
      <c r="C8695" t="s">
        <v>17357</v>
      </c>
    </row>
    <row r="8696" spans="1:3" x14ac:dyDescent="0.15">
      <c r="A8696">
        <v>16315</v>
      </c>
      <c r="B8696" t="s">
        <v>17358</v>
      </c>
      <c r="C8696" t="s">
        <v>17359</v>
      </c>
    </row>
    <row r="8697" spans="1:3" x14ac:dyDescent="0.15">
      <c r="A8697">
        <v>16314</v>
      </c>
      <c r="B8697" t="s">
        <v>17360</v>
      </c>
      <c r="C8697" t="s">
        <v>17361</v>
      </c>
    </row>
    <row r="8698" spans="1:3" x14ac:dyDescent="0.15">
      <c r="A8698">
        <v>16313</v>
      </c>
      <c r="B8698" t="s">
        <v>17362</v>
      </c>
      <c r="C8698" t="s">
        <v>17363</v>
      </c>
    </row>
    <row r="8699" spans="1:3" x14ac:dyDescent="0.15">
      <c r="A8699">
        <v>16312</v>
      </c>
      <c r="B8699" t="s">
        <v>17364</v>
      </c>
      <c r="C8699" t="s">
        <v>17365</v>
      </c>
    </row>
    <row r="8700" spans="1:3" x14ac:dyDescent="0.15">
      <c r="A8700">
        <v>16311</v>
      </c>
      <c r="B8700" t="s">
        <v>17366</v>
      </c>
      <c r="C8700" t="s">
        <v>491</v>
      </c>
    </row>
    <row r="8701" spans="1:3" x14ac:dyDescent="0.15">
      <c r="A8701">
        <v>16310</v>
      </c>
      <c r="B8701" t="s">
        <v>17367</v>
      </c>
      <c r="C8701" t="s">
        <v>17368</v>
      </c>
    </row>
    <row r="8702" spans="1:3" x14ac:dyDescent="0.15">
      <c r="A8702">
        <v>16309</v>
      </c>
      <c r="B8702" t="s">
        <v>17369</v>
      </c>
      <c r="C8702" t="s">
        <v>17370</v>
      </c>
    </row>
    <row r="8703" spans="1:3" x14ac:dyDescent="0.15">
      <c r="A8703">
        <v>16308</v>
      </c>
      <c r="B8703" t="s">
        <v>17371</v>
      </c>
      <c r="C8703" t="s">
        <v>17372</v>
      </c>
    </row>
    <row r="8704" spans="1:3" x14ac:dyDescent="0.15">
      <c r="A8704">
        <v>16307</v>
      </c>
      <c r="B8704" t="s">
        <v>17373</v>
      </c>
      <c r="C8704" t="s">
        <v>17374</v>
      </c>
    </row>
    <row r="8705" spans="1:3" x14ac:dyDescent="0.15">
      <c r="A8705">
        <v>16306</v>
      </c>
      <c r="B8705" t="s">
        <v>17375</v>
      </c>
      <c r="C8705" t="s">
        <v>17376</v>
      </c>
    </row>
    <row r="8706" spans="1:3" x14ac:dyDescent="0.15">
      <c r="A8706">
        <v>16305</v>
      </c>
      <c r="B8706" t="s">
        <v>17377</v>
      </c>
      <c r="C8706" t="s">
        <v>17378</v>
      </c>
    </row>
    <row r="8707" spans="1:3" x14ac:dyDescent="0.15">
      <c r="A8707">
        <v>16304</v>
      </c>
      <c r="B8707" t="s">
        <v>17379</v>
      </c>
      <c r="C8707" t="s">
        <v>17380</v>
      </c>
    </row>
    <row r="8708" spans="1:3" x14ac:dyDescent="0.15">
      <c r="A8708">
        <v>16303</v>
      </c>
      <c r="B8708" t="s">
        <v>17381</v>
      </c>
      <c r="C8708" t="s">
        <v>17382</v>
      </c>
    </row>
    <row r="8709" spans="1:3" x14ac:dyDescent="0.15">
      <c r="A8709">
        <v>16302</v>
      </c>
      <c r="B8709" t="s">
        <v>17383</v>
      </c>
      <c r="C8709" t="s">
        <v>17384</v>
      </c>
    </row>
    <row r="8710" spans="1:3" x14ac:dyDescent="0.15">
      <c r="A8710">
        <v>16301</v>
      </c>
      <c r="B8710" t="s">
        <v>17385</v>
      </c>
      <c r="C8710" t="s">
        <v>17386</v>
      </c>
    </row>
    <row r="8711" spans="1:3" x14ac:dyDescent="0.15">
      <c r="A8711">
        <v>16300</v>
      </c>
      <c r="B8711" t="s">
        <v>17387</v>
      </c>
      <c r="C8711" t="s">
        <v>17388</v>
      </c>
    </row>
    <row r="8712" spans="1:3" x14ac:dyDescent="0.15">
      <c r="A8712">
        <v>16299</v>
      </c>
      <c r="B8712" t="s">
        <v>17389</v>
      </c>
      <c r="C8712" t="s">
        <v>17390</v>
      </c>
    </row>
    <row r="8713" spans="1:3" x14ac:dyDescent="0.15">
      <c r="A8713">
        <v>16298</v>
      </c>
      <c r="B8713" t="s">
        <v>17391</v>
      </c>
      <c r="C8713" t="s">
        <v>17392</v>
      </c>
    </row>
    <row r="8714" spans="1:3" x14ac:dyDescent="0.15">
      <c r="A8714">
        <v>16297</v>
      </c>
      <c r="B8714" t="s">
        <v>17393</v>
      </c>
      <c r="C8714" t="s">
        <v>17394</v>
      </c>
    </row>
    <row r="8715" spans="1:3" x14ac:dyDescent="0.15">
      <c r="A8715">
        <v>16296</v>
      </c>
      <c r="B8715" t="s">
        <v>17395</v>
      </c>
      <c r="C8715" t="s">
        <v>17396</v>
      </c>
    </row>
    <row r="8716" spans="1:3" x14ac:dyDescent="0.15">
      <c r="A8716">
        <v>16295</v>
      </c>
      <c r="B8716" t="s">
        <v>17397</v>
      </c>
      <c r="C8716" t="s">
        <v>17398</v>
      </c>
    </row>
    <row r="8717" spans="1:3" x14ac:dyDescent="0.15">
      <c r="A8717">
        <v>16294</v>
      </c>
      <c r="B8717" t="s">
        <v>17399</v>
      </c>
      <c r="C8717" t="s">
        <v>17400</v>
      </c>
    </row>
    <row r="8718" spans="1:3" x14ac:dyDescent="0.15">
      <c r="A8718">
        <v>16293</v>
      </c>
      <c r="B8718" t="s">
        <v>17401</v>
      </c>
      <c r="C8718" t="s">
        <v>17402</v>
      </c>
    </row>
    <row r="8719" spans="1:3" x14ac:dyDescent="0.15">
      <c r="A8719">
        <v>16292</v>
      </c>
      <c r="B8719" t="s">
        <v>17403</v>
      </c>
      <c r="C8719" t="s">
        <v>17404</v>
      </c>
    </row>
    <row r="8720" spans="1:3" x14ac:dyDescent="0.15">
      <c r="A8720">
        <v>16291</v>
      </c>
      <c r="B8720" t="s">
        <v>17405</v>
      </c>
      <c r="C8720" t="s">
        <v>17406</v>
      </c>
    </row>
    <row r="8721" spans="1:3" x14ac:dyDescent="0.15">
      <c r="A8721">
        <v>16290</v>
      </c>
      <c r="B8721" t="s">
        <v>17407</v>
      </c>
      <c r="C8721" t="s">
        <v>17408</v>
      </c>
    </row>
    <row r="8722" spans="1:3" x14ac:dyDescent="0.15">
      <c r="A8722">
        <v>16289</v>
      </c>
      <c r="B8722" t="s">
        <v>17409</v>
      </c>
      <c r="C8722" t="s">
        <v>17410</v>
      </c>
    </row>
    <row r="8723" spans="1:3" x14ac:dyDescent="0.15">
      <c r="A8723">
        <v>16288</v>
      </c>
      <c r="B8723" t="s">
        <v>17411</v>
      </c>
      <c r="C8723" t="s">
        <v>17412</v>
      </c>
    </row>
    <row r="8724" spans="1:3" x14ac:dyDescent="0.15">
      <c r="A8724">
        <v>16287</v>
      </c>
      <c r="B8724" t="s">
        <v>17413</v>
      </c>
      <c r="C8724" t="s">
        <v>17414</v>
      </c>
    </row>
    <row r="8725" spans="1:3" x14ac:dyDescent="0.15">
      <c r="A8725">
        <v>16286</v>
      </c>
      <c r="B8725" t="s">
        <v>17415</v>
      </c>
      <c r="C8725" t="s">
        <v>17416</v>
      </c>
    </row>
    <row r="8726" spans="1:3" x14ac:dyDescent="0.15">
      <c r="A8726">
        <v>16285</v>
      </c>
      <c r="B8726" t="s">
        <v>17417</v>
      </c>
      <c r="C8726" t="s">
        <v>17418</v>
      </c>
    </row>
    <row r="8727" spans="1:3" x14ac:dyDescent="0.15">
      <c r="A8727">
        <v>16284</v>
      </c>
      <c r="B8727" t="s">
        <v>17419</v>
      </c>
      <c r="C8727" t="s">
        <v>17420</v>
      </c>
    </row>
    <row r="8728" spans="1:3" x14ac:dyDescent="0.15">
      <c r="A8728">
        <v>16283</v>
      </c>
      <c r="B8728" t="s">
        <v>17421</v>
      </c>
      <c r="C8728" t="s">
        <v>17422</v>
      </c>
    </row>
    <row r="8729" spans="1:3" x14ac:dyDescent="0.15">
      <c r="A8729">
        <v>16282</v>
      </c>
      <c r="B8729" t="s">
        <v>17423</v>
      </c>
      <c r="C8729" t="s">
        <v>17424</v>
      </c>
    </row>
    <row r="8730" spans="1:3" x14ac:dyDescent="0.15">
      <c r="A8730">
        <v>16281</v>
      </c>
      <c r="B8730" t="s">
        <v>17425</v>
      </c>
      <c r="C8730" t="s">
        <v>17426</v>
      </c>
    </row>
    <row r="8731" spans="1:3" x14ac:dyDescent="0.15">
      <c r="A8731">
        <v>16280</v>
      </c>
      <c r="B8731" t="s">
        <v>17427</v>
      </c>
      <c r="C8731" t="s">
        <v>17428</v>
      </c>
    </row>
    <row r="8732" spans="1:3" x14ac:dyDescent="0.15">
      <c r="A8732">
        <v>16279</v>
      </c>
      <c r="B8732" t="s">
        <v>17429</v>
      </c>
      <c r="C8732" t="s">
        <v>17430</v>
      </c>
    </row>
    <row r="8733" spans="1:3" x14ac:dyDescent="0.15">
      <c r="A8733">
        <v>16278</v>
      </c>
      <c r="B8733" t="s">
        <v>17431</v>
      </c>
      <c r="C8733" t="s">
        <v>17432</v>
      </c>
    </row>
    <row r="8734" spans="1:3" x14ac:dyDescent="0.15">
      <c r="A8734">
        <v>16277</v>
      </c>
      <c r="B8734" t="s">
        <v>17433</v>
      </c>
      <c r="C8734" t="s">
        <v>17434</v>
      </c>
    </row>
    <row r="8735" spans="1:3" x14ac:dyDescent="0.15">
      <c r="A8735">
        <v>16276</v>
      </c>
      <c r="B8735" t="s">
        <v>17435</v>
      </c>
      <c r="C8735" t="s">
        <v>17436</v>
      </c>
    </row>
    <row r="8736" spans="1:3" x14ac:dyDescent="0.15">
      <c r="A8736">
        <v>16275</v>
      </c>
      <c r="B8736" t="s">
        <v>17437</v>
      </c>
      <c r="C8736" t="s">
        <v>17438</v>
      </c>
    </row>
    <row r="8737" spans="1:3" x14ac:dyDescent="0.15">
      <c r="A8737">
        <v>16274</v>
      </c>
      <c r="B8737" t="s">
        <v>17439</v>
      </c>
      <c r="C8737" t="s">
        <v>17440</v>
      </c>
    </row>
    <row r="8738" spans="1:3" x14ac:dyDescent="0.15">
      <c r="A8738">
        <v>16273</v>
      </c>
      <c r="B8738" t="s">
        <v>17441</v>
      </c>
      <c r="C8738" t="s">
        <v>17442</v>
      </c>
    </row>
    <row r="8739" spans="1:3" x14ac:dyDescent="0.15">
      <c r="A8739">
        <v>16272</v>
      </c>
      <c r="B8739" t="s">
        <v>17443</v>
      </c>
      <c r="C8739" t="s">
        <v>17444</v>
      </c>
    </row>
    <row r="8740" spans="1:3" x14ac:dyDescent="0.15">
      <c r="A8740">
        <v>16271</v>
      </c>
      <c r="B8740" t="s">
        <v>17445</v>
      </c>
      <c r="C8740" t="s">
        <v>17446</v>
      </c>
    </row>
    <row r="8741" spans="1:3" x14ac:dyDescent="0.15">
      <c r="A8741">
        <v>16270</v>
      </c>
      <c r="B8741" t="s">
        <v>17447</v>
      </c>
      <c r="C8741" t="s">
        <v>17448</v>
      </c>
    </row>
    <row r="8742" spans="1:3" x14ac:dyDescent="0.15">
      <c r="A8742">
        <v>16269</v>
      </c>
      <c r="B8742" t="s">
        <v>17449</v>
      </c>
      <c r="C8742" t="s">
        <v>17450</v>
      </c>
    </row>
    <row r="8743" spans="1:3" x14ac:dyDescent="0.15">
      <c r="A8743">
        <v>16268</v>
      </c>
      <c r="B8743" t="s">
        <v>17451</v>
      </c>
      <c r="C8743" t="s">
        <v>17452</v>
      </c>
    </row>
    <row r="8744" spans="1:3" x14ac:dyDescent="0.15">
      <c r="A8744">
        <v>16267</v>
      </c>
      <c r="B8744" t="s">
        <v>17453</v>
      </c>
      <c r="C8744" t="s">
        <v>17454</v>
      </c>
    </row>
    <row r="8745" spans="1:3" x14ac:dyDescent="0.15">
      <c r="A8745">
        <v>16266</v>
      </c>
      <c r="B8745" t="s">
        <v>17455</v>
      </c>
      <c r="C8745" t="s">
        <v>17456</v>
      </c>
    </row>
    <row r="8746" spans="1:3" x14ac:dyDescent="0.15">
      <c r="A8746">
        <v>16265</v>
      </c>
      <c r="B8746" t="s">
        <v>17457</v>
      </c>
      <c r="C8746" t="s">
        <v>17458</v>
      </c>
    </row>
    <row r="8747" spans="1:3" x14ac:dyDescent="0.15">
      <c r="A8747">
        <v>16264</v>
      </c>
      <c r="B8747" t="s">
        <v>17459</v>
      </c>
      <c r="C8747" t="s">
        <v>17460</v>
      </c>
    </row>
    <row r="8748" spans="1:3" x14ac:dyDescent="0.15">
      <c r="A8748">
        <v>16263</v>
      </c>
      <c r="B8748" t="s">
        <v>17461</v>
      </c>
      <c r="C8748" t="s">
        <v>17462</v>
      </c>
    </row>
    <row r="8749" spans="1:3" x14ac:dyDescent="0.15">
      <c r="A8749">
        <v>16262</v>
      </c>
      <c r="B8749" t="s">
        <v>17463</v>
      </c>
      <c r="C8749" t="s">
        <v>17464</v>
      </c>
    </row>
    <row r="8750" spans="1:3" x14ac:dyDescent="0.15">
      <c r="A8750">
        <v>16261</v>
      </c>
      <c r="B8750" t="s">
        <v>17465</v>
      </c>
      <c r="C8750" t="s">
        <v>17466</v>
      </c>
    </row>
    <row r="8751" spans="1:3" x14ac:dyDescent="0.15">
      <c r="A8751">
        <v>16260</v>
      </c>
      <c r="B8751" t="s">
        <v>17467</v>
      </c>
      <c r="C8751" t="s">
        <v>17468</v>
      </c>
    </row>
    <row r="8752" spans="1:3" x14ac:dyDescent="0.15">
      <c r="A8752">
        <v>16259</v>
      </c>
      <c r="B8752" t="s">
        <v>17469</v>
      </c>
      <c r="C8752" t="s">
        <v>17470</v>
      </c>
    </row>
    <row r="8753" spans="1:3" x14ac:dyDescent="0.15">
      <c r="A8753">
        <v>16258</v>
      </c>
      <c r="B8753" t="s">
        <v>17471</v>
      </c>
      <c r="C8753" t="s">
        <v>17472</v>
      </c>
    </row>
    <row r="8754" spans="1:3" x14ac:dyDescent="0.15">
      <c r="A8754">
        <v>16257</v>
      </c>
      <c r="B8754" t="s">
        <v>17473</v>
      </c>
      <c r="C8754" t="s">
        <v>17474</v>
      </c>
    </row>
    <row r="8755" spans="1:3" x14ac:dyDescent="0.15">
      <c r="A8755">
        <v>16256</v>
      </c>
      <c r="B8755" t="s">
        <v>17475</v>
      </c>
      <c r="C8755" t="s">
        <v>17476</v>
      </c>
    </row>
    <row r="8756" spans="1:3" x14ac:dyDescent="0.15">
      <c r="A8756">
        <v>16255</v>
      </c>
      <c r="B8756" t="s">
        <v>17477</v>
      </c>
      <c r="C8756" t="s">
        <v>17478</v>
      </c>
    </row>
    <row r="8757" spans="1:3" x14ac:dyDescent="0.15">
      <c r="A8757">
        <v>16254</v>
      </c>
      <c r="B8757" t="s">
        <v>17479</v>
      </c>
      <c r="C8757" t="s">
        <v>17480</v>
      </c>
    </row>
    <row r="8758" spans="1:3" x14ac:dyDescent="0.15">
      <c r="A8758">
        <v>16253</v>
      </c>
      <c r="B8758" t="s">
        <v>17481</v>
      </c>
      <c r="C8758" t="s">
        <v>17482</v>
      </c>
    </row>
    <row r="8759" spans="1:3" x14ac:dyDescent="0.15">
      <c r="A8759">
        <v>16252</v>
      </c>
      <c r="B8759" t="s">
        <v>17483</v>
      </c>
      <c r="C8759" t="s">
        <v>17484</v>
      </c>
    </row>
    <row r="8760" spans="1:3" x14ac:dyDescent="0.15">
      <c r="A8760">
        <v>16251</v>
      </c>
      <c r="B8760" t="s">
        <v>17485</v>
      </c>
      <c r="C8760" t="s">
        <v>17486</v>
      </c>
    </row>
    <row r="8761" spans="1:3" x14ac:dyDescent="0.15">
      <c r="A8761">
        <v>16250</v>
      </c>
      <c r="B8761" t="s">
        <v>17487</v>
      </c>
      <c r="C8761" t="s">
        <v>17488</v>
      </c>
    </row>
    <row r="8762" spans="1:3" x14ac:dyDescent="0.15">
      <c r="A8762">
        <v>16249</v>
      </c>
      <c r="B8762" t="s">
        <v>17489</v>
      </c>
      <c r="C8762" t="s">
        <v>17490</v>
      </c>
    </row>
    <row r="8763" spans="1:3" x14ac:dyDescent="0.15">
      <c r="A8763">
        <v>16248</v>
      </c>
      <c r="B8763" t="s">
        <v>17491</v>
      </c>
      <c r="C8763" t="s">
        <v>17492</v>
      </c>
    </row>
    <row r="8764" spans="1:3" x14ac:dyDescent="0.15">
      <c r="A8764">
        <v>16247</v>
      </c>
      <c r="B8764" t="s">
        <v>17493</v>
      </c>
      <c r="C8764" t="s">
        <v>17494</v>
      </c>
    </row>
    <row r="8765" spans="1:3" x14ac:dyDescent="0.15">
      <c r="A8765">
        <v>16246</v>
      </c>
      <c r="B8765" t="s">
        <v>17495</v>
      </c>
      <c r="C8765" t="s">
        <v>17496</v>
      </c>
    </row>
    <row r="8766" spans="1:3" x14ac:dyDescent="0.15">
      <c r="A8766">
        <v>16245</v>
      </c>
      <c r="B8766" t="s">
        <v>17497</v>
      </c>
      <c r="C8766" t="s">
        <v>17498</v>
      </c>
    </row>
    <row r="8767" spans="1:3" x14ac:dyDescent="0.15">
      <c r="A8767">
        <v>16244</v>
      </c>
      <c r="B8767" t="s">
        <v>17499</v>
      </c>
      <c r="C8767" t="s">
        <v>17500</v>
      </c>
    </row>
    <row r="8768" spans="1:3" x14ac:dyDescent="0.15">
      <c r="A8768">
        <v>16243</v>
      </c>
      <c r="B8768" t="s">
        <v>17501</v>
      </c>
      <c r="C8768" t="s">
        <v>17502</v>
      </c>
    </row>
    <row r="8769" spans="1:3" x14ac:dyDescent="0.15">
      <c r="A8769">
        <v>16242</v>
      </c>
      <c r="B8769" t="s">
        <v>17503</v>
      </c>
      <c r="C8769" t="s">
        <v>17504</v>
      </c>
    </row>
    <row r="8770" spans="1:3" x14ac:dyDescent="0.15">
      <c r="A8770">
        <v>16241</v>
      </c>
      <c r="B8770" t="s">
        <v>17505</v>
      </c>
      <c r="C8770" t="s">
        <v>17506</v>
      </c>
    </row>
    <row r="8771" spans="1:3" x14ac:dyDescent="0.15">
      <c r="A8771">
        <v>16240</v>
      </c>
      <c r="B8771" t="s">
        <v>17507</v>
      </c>
      <c r="C8771" t="s">
        <v>17508</v>
      </c>
    </row>
    <row r="8772" spans="1:3" x14ac:dyDescent="0.15">
      <c r="A8772">
        <v>16239</v>
      </c>
      <c r="B8772" t="s">
        <v>17509</v>
      </c>
      <c r="C8772" t="s">
        <v>17510</v>
      </c>
    </row>
    <row r="8773" spans="1:3" x14ac:dyDescent="0.15">
      <c r="A8773">
        <v>16238</v>
      </c>
      <c r="B8773" t="s">
        <v>17511</v>
      </c>
      <c r="C8773" t="s">
        <v>17512</v>
      </c>
    </row>
    <row r="8774" spans="1:3" x14ac:dyDescent="0.15">
      <c r="A8774">
        <v>16237</v>
      </c>
      <c r="B8774" t="s">
        <v>17513</v>
      </c>
      <c r="C8774" t="s">
        <v>17514</v>
      </c>
    </row>
    <row r="8775" spans="1:3" x14ac:dyDescent="0.15">
      <c r="A8775">
        <v>16236</v>
      </c>
      <c r="B8775" t="s">
        <v>17515</v>
      </c>
      <c r="C8775" t="s">
        <v>17516</v>
      </c>
    </row>
    <row r="8776" spans="1:3" x14ac:dyDescent="0.15">
      <c r="A8776">
        <v>16235</v>
      </c>
      <c r="B8776" t="s">
        <v>17517</v>
      </c>
      <c r="C8776" t="s">
        <v>17518</v>
      </c>
    </row>
    <row r="8777" spans="1:3" x14ac:dyDescent="0.15">
      <c r="A8777">
        <v>16234</v>
      </c>
      <c r="B8777" t="s">
        <v>17519</v>
      </c>
      <c r="C8777" t="s">
        <v>17520</v>
      </c>
    </row>
    <row r="8778" spans="1:3" x14ac:dyDescent="0.15">
      <c r="A8778">
        <v>16233</v>
      </c>
      <c r="B8778" t="s">
        <v>17521</v>
      </c>
      <c r="C8778" t="s">
        <v>17522</v>
      </c>
    </row>
    <row r="8779" spans="1:3" x14ac:dyDescent="0.15">
      <c r="A8779">
        <v>16232</v>
      </c>
      <c r="B8779" t="s">
        <v>17523</v>
      </c>
      <c r="C8779" t="s">
        <v>17524</v>
      </c>
    </row>
    <row r="8780" spans="1:3" x14ac:dyDescent="0.15">
      <c r="A8780">
        <v>16231</v>
      </c>
      <c r="B8780" t="s">
        <v>17525</v>
      </c>
      <c r="C8780" t="s">
        <v>17526</v>
      </c>
    </row>
    <row r="8781" spans="1:3" x14ac:dyDescent="0.15">
      <c r="A8781">
        <v>16230</v>
      </c>
      <c r="B8781" t="s">
        <v>17527</v>
      </c>
      <c r="C8781" t="s">
        <v>17528</v>
      </c>
    </row>
    <row r="8782" spans="1:3" x14ac:dyDescent="0.15">
      <c r="A8782">
        <v>16229</v>
      </c>
      <c r="B8782" t="s">
        <v>17529</v>
      </c>
      <c r="C8782" t="s">
        <v>17530</v>
      </c>
    </row>
    <row r="8783" spans="1:3" x14ac:dyDescent="0.15">
      <c r="A8783">
        <v>16228</v>
      </c>
      <c r="B8783" t="s">
        <v>17531</v>
      </c>
      <c r="C8783" t="s">
        <v>17532</v>
      </c>
    </row>
    <row r="8784" spans="1:3" x14ac:dyDescent="0.15">
      <c r="A8784">
        <v>16227</v>
      </c>
      <c r="B8784" t="s">
        <v>17533</v>
      </c>
      <c r="C8784" t="s">
        <v>17534</v>
      </c>
    </row>
    <row r="8785" spans="1:3" x14ac:dyDescent="0.15">
      <c r="A8785">
        <v>16226</v>
      </c>
      <c r="B8785" t="s">
        <v>17535</v>
      </c>
      <c r="C8785" t="s">
        <v>17536</v>
      </c>
    </row>
    <row r="8786" spans="1:3" x14ac:dyDescent="0.15">
      <c r="A8786">
        <v>16225</v>
      </c>
      <c r="B8786" t="s">
        <v>17537</v>
      </c>
      <c r="C8786" t="s">
        <v>17538</v>
      </c>
    </row>
    <row r="8787" spans="1:3" x14ac:dyDescent="0.15">
      <c r="A8787">
        <v>16224</v>
      </c>
      <c r="B8787" t="s">
        <v>17539</v>
      </c>
      <c r="C8787" t="s">
        <v>17540</v>
      </c>
    </row>
    <row r="8788" spans="1:3" x14ac:dyDescent="0.15">
      <c r="A8788">
        <v>16223</v>
      </c>
      <c r="B8788" t="s">
        <v>17541</v>
      </c>
      <c r="C8788" t="s">
        <v>17542</v>
      </c>
    </row>
    <row r="8789" spans="1:3" x14ac:dyDescent="0.15">
      <c r="A8789">
        <v>16222</v>
      </c>
      <c r="B8789" t="s">
        <v>17543</v>
      </c>
      <c r="C8789" t="s">
        <v>17544</v>
      </c>
    </row>
    <row r="8790" spans="1:3" x14ac:dyDescent="0.15">
      <c r="A8790">
        <v>16221</v>
      </c>
      <c r="B8790" t="s">
        <v>17545</v>
      </c>
      <c r="C8790" t="s">
        <v>17546</v>
      </c>
    </row>
    <row r="8791" spans="1:3" x14ac:dyDescent="0.15">
      <c r="A8791">
        <v>16220</v>
      </c>
      <c r="B8791" t="s">
        <v>17547</v>
      </c>
      <c r="C8791" t="s">
        <v>17548</v>
      </c>
    </row>
    <row r="8792" spans="1:3" x14ac:dyDescent="0.15">
      <c r="A8792">
        <v>16219</v>
      </c>
      <c r="B8792" t="s">
        <v>17549</v>
      </c>
      <c r="C8792" t="s">
        <v>17550</v>
      </c>
    </row>
    <row r="8793" spans="1:3" x14ac:dyDescent="0.15">
      <c r="A8793">
        <v>16218</v>
      </c>
      <c r="B8793" t="s">
        <v>17551</v>
      </c>
      <c r="C8793" t="s">
        <v>17552</v>
      </c>
    </row>
    <row r="8794" spans="1:3" x14ac:dyDescent="0.15">
      <c r="A8794">
        <v>16217</v>
      </c>
      <c r="B8794" t="s">
        <v>17553</v>
      </c>
      <c r="C8794" t="s">
        <v>17554</v>
      </c>
    </row>
    <row r="8795" spans="1:3" x14ac:dyDescent="0.15">
      <c r="A8795">
        <v>16216</v>
      </c>
      <c r="B8795" t="s">
        <v>17555</v>
      </c>
      <c r="C8795" t="s">
        <v>17556</v>
      </c>
    </row>
    <row r="8796" spans="1:3" x14ac:dyDescent="0.15">
      <c r="A8796">
        <v>16215</v>
      </c>
      <c r="B8796" t="s">
        <v>17557</v>
      </c>
      <c r="C8796" t="s">
        <v>17558</v>
      </c>
    </row>
    <row r="8797" spans="1:3" x14ac:dyDescent="0.15">
      <c r="A8797">
        <v>16214</v>
      </c>
      <c r="B8797" t="s">
        <v>17559</v>
      </c>
      <c r="C8797" t="s">
        <v>17560</v>
      </c>
    </row>
    <row r="8798" spans="1:3" x14ac:dyDescent="0.15">
      <c r="A8798">
        <v>16213</v>
      </c>
      <c r="B8798" t="s">
        <v>17561</v>
      </c>
      <c r="C8798" t="s">
        <v>17562</v>
      </c>
    </row>
    <row r="8799" spans="1:3" x14ac:dyDescent="0.15">
      <c r="A8799">
        <v>16212</v>
      </c>
      <c r="B8799" t="s">
        <v>17563</v>
      </c>
      <c r="C8799" t="s">
        <v>17564</v>
      </c>
    </row>
    <row r="8800" spans="1:3" x14ac:dyDescent="0.15">
      <c r="A8800">
        <v>16211</v>
      </c>
      <c r="B8800" t="s">
        <v>17565</v>
      </c>
      <c r="C8800" t="s">
        <v>17566</v>
      </c>
    </row>
    <row r="8801" spans="1:3" x14ac:dyDescent="0.15">
      <c r="A8801">
        <v>16210</v>
      </c>
      <c r="B8801" t="s">
        <v>17567</v>
      </c>
      <c r="C8801" t="s">
        <v>17568</v>
      </c>
    </row>
    <row r="8802" spans="1:3" x14ac:dyDescent="0.15">
      <c r="A8802">
        <v>16209</v>
      </c>
      <c r="B8802" t="s">
        <v>17569</v>
      </c>
      <c r="C8802" t="s">
        <v>17570</v>
      </c>
    </row>
    <row r="8803" spans="1:3" x14ac:dyDescent="0.15">
      <c r="A8803">
        <v>16208</v>
      </c>
      <c r="B8803" t="s">
        <v>17571</v>
      </c>
      <c r="C8803" t="s">
        <v>17572</v>
      </c>
    </row>
    <row r="8804" spans="1:3" x14ac:dyDescent="0.15">
      <c r="A8804">
        <v>16207</v>
      </c>
      <c r="B8804" t="s">
        <v>17573</v>
      </c>
      <c r="C8804" t="s">
        <v>17574</v>
      </c>
    </row>
    <row r="8805" spans="1:3" x14ac:dyDescent="0.15">
      <c r="A8805">
        <v>16206</v>
      </c>
      <c r="B8805" t="s">
        <v>17575</v>
      </c>
      <c r="C8805" t="s">
        <v>17576</v>
      </c>
    </row>
    <row r="8806" spans="1:3" x14ac:dyDescent="0.15">
      <c r="A8806">
        <v>16205</v>
      </c>
      <c r="B8806" t="s">
        <v>17577</v>
      </c>
      <c r="C8806" t="s">
        <v>17578</v>
      </c>
    </row>
    <row r="8807" spans="1:3" x14ac:dyDescent="0.15">
      <c r="A8807">
        <v>16204</v>
      </c>
      <c r="B8807" t="s">
        <v>17579</v>
      </c>
      <c r="C8807" t="s">
        <v>17580</v>
      </c>
    </row>
    <row r="8808" spans="1:3" x14ac:dyDescent="0.15">
      <c r="A8808">
        <v>16203</v>
      </c>
      <c r="B8808" t="s">
        <v>17581</v>
      </c>
      <c r="C8808" t="s">
        <v>17582</v>
      </c>
    </row>
    <row r="8809" spans="1:3" x14ac:dyDescent="0.15">
      <c r="A8809">
        <v>16202</v>
      </c>
      <c r="B8809" t="s">
        <v>17583</v>
      </c>
      <c r="C8809" t="s">
        <v>17584</v>
      </c>
    </row>
    <row r="8810" spans="1:3" x14ac:dyDescent="0.15">
      <c r="A8810">
        <v>16201</v>
      </c>
      <c r="B8810" t="s">
        <v>17585</v>
      </c>
      <c r="C8810" t="s">
        <v>17586</v>
      </c>
    </row>
    <row r="8811" spans="1:3" x14ac:dyDescent="0.15">
      <c r="A8811">
        <v>16200</v>
      </c>
      <c r="B8811" t="s">
        <v>17587</v>
      </c>
      <c r="C8811" t="s">
        <v>17588</v>
      </c>
    </row>
    <row r="8812" spans="1:3" x14ac:dyDescent="0.15">
      <c r="A8812">
        <v>16199</v>
      </c>
      <c r="B8812" t="s">
        <v>17589</v>
      </c>
      <c r="C8812" t="s">
        <v>17590</v>
      </c>
    </row>
    <row r="8813" spans="1:3" x14ac:dyDescent="0.15">
      <c r="A8813">
        <v>16198</v>
      </c>
      <c r="B8813" t="s">
        <v>17591</v>
      </c>
      <c r="C8813" t="s">
        <v>17592</v>
      </c>
    </row>
    <row r="8814" spans="1:3" x14ac:dyDescent="0.15">
      <c r="A8814">
        <v>16197</v>
      </c>
      <c r="B8814" t="s">
        <v>17593</v>
      </c>
      <c r="C8814" t="s">
        <v>17594</v>
      </c>
    </row>
    <row r="8815" spans="1:3" x14ac:dyDescent="0.15">
      <c r="A8815">
        <v>16196</v>
      </c>
      <c r="B8815" t="s">
        <v>17595</v>
      </c>
      <c r="C8815" t="s">
        <v>17596</v>
      </c>
    </row>
    <row r="8816" spans="1:3" x14ac:dyDescent="0.15">
      <c r="A8816">
        <v>16195</v>
      </c>
      <c r="B8816" t="s">
        <v>17597</v>
      </c>
      <c r="C8816" t="s">
        <v>17598</v>
      </c>
    </row>
    <row r="8817" spans="1:3" x14ac:dyDescent="0.15">
      <c r="A8817">
        <v>16194</v>
      </c>
      <c r="B8817" t="s">
        <v>17599</v>
      </c>
      <c r="C8817" t="s">
        <v>17600</v>
      </c>
    </row>
    <row r="8818" spans="1:3" x14ac:dyDescent="0.15">
      <c r="A8818">
        <v>16193</v>
      </c>
      <c r="B8818" t="s">
        <v>17601</v>
      </c>
      <c r="C8818" t="s">
        <v>17602</v>
      </c>
    </row>
    <row r="8819" spans="1:3" x14ac:dyDescent="0.15">
      <c r="A8819">
        <v>16192</v>
      </c>
      <c r="B8819" t="s">
        <v>17603</v>
      </c>
      <c r="C8819" t="s">
        <v>17604</v>
      </c>
    </row>
    <row r="8820" spans="1:3" x14ac:dyDescent="0.15">
      <c r="A8820">
        <v>16191</v>
      </c>
      <c r="B8820" t="s">
        <v>17605</v>
      </c>
      <c r="C8820" t="s">
        <v>17606</v>
      </c>
    </row>
    <row r="8821" spans="1:3" x14ac:dyDescent="0.15">
      <c r="A8821">
        <v>16190</v>
      </c>
      <c r="B8821" t="s">
        <v>17607</v>
      </c>
      <c r="C8821" t="s">
        <v>17608</v>
      </c>
    </row>
    <row r="8822" spans="1:3" x14ac:dyDescent="0.15">
      <c r="A8822">
        <v>16189</v>
      </c>
      <c r="B8822" t="s">
        <v>17609</v>
      </c>
      <c r="C8822" t="s">
        <v>17610</v>
      </c>
    </row>
    <row r="8823" spans="1:3" x14ac:dyDescent="0.15">
      <c r="A8823">
        <v>16188</v>
      </c>
      <c r="B8823" t="s">
        <v>17611</v>
      </c>
      <c r="C8823" t="s">
        <v>17612</v>
      </c>
    </row>
    <row r="8824" spans="1:3" x14ac:dyDescent="0.15">
      <c r="A8824">
        <v>16187</v>
      </c>
      <c r="B8824" t="s">
        <v>17613</v>
      </c>
      <c r="C8824" t="s">
        <v>17614</v>
      </c>
    </row>
    <row r="8825" spans="1:3" x14ac:dyDescent="0.15">
      <c r="A8825">
        <v>16186</v>
      </c>
      <c r="B8825" t="s">
        <v>17615</v>
      </c>
      <c r="C8825" t="s">
        <v>17616</v>
      </c>
    </row>
    <row r="8826" spans="1:3" x14ac:dyDescent="0.15">
      <c r="A8826">
        <v>16185</v>
      </c>
      <c r="B8826" t="s">
        <v>17617</v>
      </c>
      <c r="C8826" t="s">
        <v>491</v>
      </c>
    </row>
    <row r="8827" spans="1:3" x14ac:dyDescent="0.15">
      <c r="A8827">
        <v>16184</v>
      </c>
      <c r="B8827" t="s">
        <v>17618</v>
      </c>
      <c r="C8827" t="s">
        <v>17619</v>
      </c>
    </row>
    <row r="8828" spans="1:3" x14ac:dyDescent="0.15">
      <c r="A8828">
        <v>16183</v>
      </c>
      <c r="B8828" t="s">
        <v>17620</v>
      </c>
      <c r="C8828" t="s">
        <v>17621</v>
      </c>
    </row>
    <row r="8829" spans="1:3" x14ac:dyDescent="0.15">
      <c r="A8829">
        <v>16182</v>
      </c>
      <c r="B8829" t="s">
        <v>17622</v>
      </c>
      <c r="C8829" t="s">
        <v>17623</v>
      </c>
    </row>
    <row r="8830" spans="1:3" x14ac:dyDescent="0.15">
      <c r="A8830">
        <v>16181</v>
      </c>
      <c r="B8830" t="s">
        <v>17624</v>
      </c>
      <c r="C8830" t="s">
        <v>17625</v>
      </c>
    </row>
    <row r="8831" spans="1:3" x14ac:dyDescent="0.15">
      <c r="A8831">
        <v>16180</v>
      </c>
      <c r="B8831" t="s">
        <v>17626</v>
      </c>
      <c r="C8831" t="s">
        <v>17627</v>
      </c>
    </row>
    <row r="8832" spans="1:3" x14ac:dyDescent="0.15">
      <c r="A8832">
        <v>16179</v>
      </c>
      <c r="B8832" t="s">
        <v>17628</v>
      </c>
      <c r="C8832" t="s">
        <v>17629</v>
      </c>
    </row>
    <row r="8833" spans="1:3" x14ac:dyDescent="0.15">
      <c r="A8833">
        <v>16178</v>
      </c>
      <c r="B8833" t="s">
        <v>17630</v>
      </c>
      <c r="C8833" t="s">
        <v>17631</v>
      </c>
    </row>
    <row r="8834" spans="1:3" x14ac:dyDescent="0.15">
      <c r="A8834">
        <v>16177</v>
      </c>
      <c r="B8834" t="s">
        <v>17632</v>
      </c>
      <c r="C8834" t="s">
        <v>17633</v>
      </c>
    </row>
    <row r="8835" spans="1:3" x14ac:dyDescent="0.15">
      <c r="A8835">
        <v>16176</v>
      </c>
      <c r="B8835" t="s">
        <v>17634</v>
      </c>
      <c r="C8835" t="s">
        <v>17635</v>
      </c>
    </row>
    <row r="8836" spans="1:3" x14ac:dyDescent="0.15">
      <c r="A8836">
        <v>16175</v>
      </c>
      <c r="B8836" t="s">
        <v>17636</v>
      </c>
      <c r="C8836" t="s">
        <v>17637</v>
      </c>
    </row>
    <row r="8837" spans="1:3" x14ac:dyDescent="0.15">
      <c r="A8837">
        <v>16174</v>
      </c>
      <c r="B8837" t="s">
        <v>17638</v>
      </c>
      <c r="C8837" t="s">
        <v>17639</v>
      </c>
    </row>
    <row r="8838" spans="1:3" x14ac:dyDescent="0.15">
      <c r="A8838">
        <v>16173</v>
      </c>
      <c r="B8838" t="s">
        <v>17640</v>
      </c>
      <c r="C8838" t="s">
        <v>17641</v>
      </c>
    </row>
    <row r="8839" spans="1:3" x14ac:dyDescent="0.15">
      <c r="A8839">
        <v>16172</v>
      </c>
      <c r="B8839" t="s">
        <v>17642</v>
      </c>
      <c r="C8839" t="s">
        <v>17643</v>
      </c>
    </row>
    <row r="8840" spans="1:3" x14ac:dyDescent="0.15">
      <c r="A8840">
        <v>16171</v>
      </c>
      <c r="B8840" t="s">
        <v>17644</v>
      </c>
      <c r="C8840" t="s">
        <v>17645</v>
      </c>
    </row>
    <row r="8841" spans="1:3" x14ac:dyDescent="0.15">
      <c r="A8841">
        <v>16170</v>
      </c>
      <c r="B8841" t="s">
        <v>17646</v>
      </c>
      <c r="C8841" t="s">
        <v>17647</v>
      </c>
    </row>
    <row r="8842" spans="1:3" x14ac:dyDescent="0.15">
      <c r="A8842">
        <v>16169</v>
      </c>
      <c r="B8842" t="s">
        <v>17648</v>
      </c>
      <c r="C8842" t="s">
        <v>17649</v>
      </c>
    </row>
    <row r="8843" spans="1:3" x14ac:dyDescent="0.15">
      <c r="A8843">
        <v>16168</v>
      </c>
      <c r="B8843" t="s">
        <v>17650</v>
      </c>
      <c r="C8843" t="s">
        <v>17651</v>
      </c>
    </row>
    <row r="8844" spans="1:3" x14ac:dyDescent="0.15">
      <c r="A8844">
        <v>16167</v>
      </c>
      <c r="B8844" t="s">
        <v>17652</v>
      </c>
      <c r="C8844" t="s">
        <v>17653</v>
      </c>
    </row>
    <row r="8845" spans="1:3" x14ac:dyDescent="0.15">
      <c r="A8845">
        <v>16166</v>
      </c>
      <c r="B8845" t="s">
        <v>17654</v>
      </c>
      <c r="C8845" t="s">
        <v>17655</v>
      </c>
    </row>
    <row r="8846" spans="1:3" x14ac:dyDescent="0.15">
      <c r="A8846">
        <v>16165</v>
      </c>
      <c r="B8846" t="s">
        <v>17656</v>
      </c>
      <c r="C8846" t="s">
        <v>17657</v>
      </c>
    </row>
    <row r="8847" spans="1:3" x14ac:dyDescent="0.15">
      <c r="A8847">
        <v>16164</v>
      </c>
      <c r="B8847" t="s">
        <v>17658</v>
      </c>
      <c r="C8847" t="s">
        <v>17659</v>
      </c>
    </row>
    <row r="8848" spans="1:3" x14ac:dyDescent="0.15">
      <c r="A8848">
        <v>16163</v>
      </c>
      <c r="B8848" t="s">
        <v>17660</v>
      </c>
      <c r="C8848" t="s">
        <v>17661</v>
      </c>
    </row>
    <row r="8849" spans="1:3" x14ac:dyDescent="0.15">
      <c r="A8849">
        <v>16162</v>
      </c>
      <c r="B8849" t="s">
        <v>17662</v>
      </c>
      <c r="C8849" t="s">
        <v>17663</v>
      </c>
    </row>
    <row r="8850" spans="1:3" x14ac:dyDescent="0.15">
      <c r="A8850">
        <v>16161</v>
      </c>
      <c r="B8850" t="s">
        <v>17664</v>
      </c>
      <c r="C8850" t="s">
        <v>17665</v>
      </c>
    </row>
    <row r="8851" spans="1:3" x14ac:dyDescent="0.15">
      <c r="A8851">
        <v>16160</v>
      </c>
      <c r="B8851" t="s">
        <v>17666</v>
      </c>
      <c r="C8851" t="s">
        <v>17667</v>
      </c>
    </row>
    <row r="8852" spans="1:3" x14ac:dyDescent="0.15">
      <c r="A8852">
        <v>16159</v>
      </c>
      <c r="B8852" t="s">
        <v>17668</v>
      </c>
      <c r="C8852" t="s">
        <v>17669</v>
      </c>
    </row>
    <row r="8853" spans="1:3" x14ac:dyDescent="0.15">
      <c r="A8853">
        <v>16158</v>
      </c>
      <c r="B8853" t="s">
        <v>17670</v>
      </c>
      <c r="C8853" t="s">
        <v>17671</v>
      </c>
    </row>
    <row r="8854" spans="1:3" x14ac:dyDescent="0.15">
      <c r="A8854">
        <v>16157</v>
      </c>
      <c r="B8854" t="s">
        <v>17672</v>
      </c>
      <c r="C8854" t="s">
        <v>17673</v>
      </c>
    </row>
    <row r="8855" spans="1:3" x14ac:dyDescent="0.15">
      <c r="A8855">
        <v>16156</v>
      </c>
      <c r="B8855" t="s">
        <v>17674</v>
      </c>
      <c r="C8855" t="s">
        <v>17675</v>
      </c>
    </row>
    <row r="8856" spans="1:3" x14ac:dyDescent="0.15">
      <c r="A8856">
        <v>16155</v>
      </c>
      <c r="B8856" t="s">
        <v>17676</v>
      </c>
      <c r="C8856" t="s">
        <v>17677</v>
      </c>
    </row>
    <row r="8857" spans="1:3" x14ac:dyDescent="0.15">
      <c r="A8857">
        <v>16154</v>
      </c>
      <c r="B8857" t="s">
        <v>17678</v>
      </c>
      <c r="C8857" t="s">
        <v>17679</v>
      </c>
    </row>
    <row r="8858" spans="1:3" x14ac:dyDescent="0.15">
      <c r="A8858">
        <v>16153</v>
      </c>
      <c r="B8858" t="s">
        <v>17680</v>
      </c>
      <c r="C8858" t="s">
        <v>17681</v>
      </c>
    </row>
    <row r="8859" spans="1:3" x14ac:dyDescent="0.15">
      <c r="A8859">
        <v>16152</v>
      </c>
      <c r="B8859" t="s">
        <v>17682</v>
      </c>
      <c r="C8859" t="s">
        <v>17683</v>
      </c>
    </row>
    <row r="8860" spans="1:3" x14ac:dyDescent="0.15">
      <c r="A8860">
        <v>16151</v>
      </c>
      <c r="B8860" t="s">
        <v>17684</v>
      </c>
      <c r="C8860" t="s">
        <v>17685</v>
      </c>
    </row>
    <row r="8861" spans="1:3" x14ac:dyDescent="0.15">
      <c r="A8861">
        <v>16150</v>
      </c>
      <c r="B8861" t="s">
        <v>17686</v>
      </c>
      <c r="C8861" t="s">
        <v>17687</v>
      </c>
    </row>
    <row r="8862" spans="1:3" x14ac:dyDescent="0.15">
      <c r="A8862">
        <v>16149</v>
      </c>
      <c r="B8862" t="s">
        <v>17688</v>
      </c>
      <c r="C8862" t="s">
        <v>17689</v>
      </c>
    </row>
    <row r="8863" spans="1:3" x14ac:dyDescent="0.15">
      <c r="A8863">
        <v>16148</v>
      </c>
      <c r="B8863" t="s">
        <v>17690</v>
      </c>
      <c r="C8863" t="s">
        <v>17691</v>
      </c>
    </row>
    <row r="8864" spans="1:3" x14ac:dyDescent="0.15">
      <c r="A8864">
        <v>16147</v>
      </c>
      <c r="B8864" t="s">
        <v>17692</v>
      </c>
      <c r="C8864" t="s">
        <v>17693</v>
      </c>
    </row>
    <row r="8865" spans="1:3" x14ac:dyDescent="0.15">
      <c r="A8865">
        <v>16146</v>
      </c>
      <c r="B8865" t="s">
        <v>17694</v>
      </c>
      <c r="C8865" t="s">
        <v>17695</v>
      </c>
    </row>
    <row r="8866" spans="1:3" x14ac:dyDescent="0.15">
      <c r="A8866">
        <v>16145</v>
      </c>
      <c r="B8866" t="s">
        <v>17696</v>
      </c>
      <c r="C8866" t="s">
        <v>17697</v>
      </c>
    </row>
    <row r="8867" spans="1:3" x14ac:dyDescent="0.15">
      <c r="A8867">
        <v>16144</v>
      </c>
      <c r="B8867" t="s">
        <v>17698</v>
      </c>
      <c r="C8867" t="s">
        <v>17699</v>
      </c>
    </row>
    <row r="8868" spans="1:3" x14ac:dyDescent="0.15">
      <c r="A8868">
        <v>16143</v>
      </c>
      <c r="B8868" t="s">
        <v>17700</v>
      </c>
      <c r="C8868" t="s">
        <v>17701</v>
      </c>
    </row>
    <row r="8869" spans="1:3" x14ac:dyDescent="0.15">
      <c r="A8869">
        <v>16142</v>
      </c>
      <c r="B8869" t="s">
        <v>17702</v>
      </c>
      <c r="C8869" t="s">
        <v>17703</v>
      </c>
    </row>
    <row r="8870" spans="1:3" x14ac:dyDescent="0.15">
      <c r="A8870">
        <v>16141</v>
      </c>
      <c r="B8870" t="s">
        <v>17704</v>
      </c>
      <c r="C8870" t="s">
        <v>17705</v>
      </c>
    </row>
    <row r="8871" spans="1:3" x14ac:dyDescent="0.15">
      <c r="A8871">
        <v>16140</v>
      </c>
      <c r="B8871" t="s">
        <v>17706</v>
      </c>
      <c r="C8871" t="s">
        <v>17707</v>
      </c>
    </row>
    <row r="8872" spans="1:3" x14ac:dyDescent="0.15">
      <c r="A8872">
        <v>16139</v>
      </c>
      <c r="B8872" t="s">
        <v>17708</v>
      </c>
      <c r="C8872" t="s">
        <v>17709</v>
      </c>
    </row>
    <row r="8873" spans="1:3" x14ac:dyDescent="0.15">
      <c r="A8873">
        <v>16138</v>
      </c>
      <c r="B8873" t="s">
        <v>17710</v>
      </c>
      <c r="C8873" t="s">
        <v>17711</v>
      </c>
    </row>
    <row r="8874" spans="1:3" x14ac:dyDescent="0.15">
      <c r="A8874">
        <v>16137</v>
      </c>
      <c r="B8874" t="s">
        <v>17712</v>
      </c>
      <c r="C8874" t="s">
        <v>17713</v>
      </c>
    </row>
    <row r="8875" spans="1:3" x14ac:dyDescent="0.15">
      <c r="A8875">
        <v>16136</v>
      </c>
      <c r="B8875" t="s">
        <v>17714</v>
      </c>
      <c r="C8875" t="s">
        <v>17715</v>
      </c>
    </row>
    <row r="8876" spans="1:3" x14ac:dyDescent="0.15">
      <c r="A8876">
        <v>16135</v>
      </c>
      <c r="B8876" t="s">
        <v>17716</v>
      </c>
      <c r="C8876" t="s">
        <v>17717</v>
      </c>
    </row>
    <row r="8877" spans="1:3" x14ac:dyDescent="0.15">
      <c r="A8877">
        <v>16134</v>
      </c>
      <c r="B8877" t="s">
        <v>17718</v>
      </c>
      <c r="C8877" t="s">
        <v>17719</v>
      </c>
    </row>
    <row r="8878" spans="1:3" x14ac:dyDescent="0.15">
      <c r="A8878">
        <v>16133</v>
      </c>
      <c r="B8878" t="s">
        <v>17720</v>
      </c>
      <c r="C8878" t="s">
        <v>17721</v>
      </c>
    </row>
    <row r="8879" spans="1:3" x14ac:dyDescent="0.15">
      <c r="A8879">
        <v>16132</v>
      </c>
      <c r="B8879" t="s">
        <v>17722</v>
      </c>
      <c r="C8879" t="s">
        <v>17723</v>
      </c>
    </row>
    <row r="8880" spans="1:3" x14ac:dyDescent="0.15">
      <c r="A8880">
        <v>16131</v>
      </c>
      <c r="B8880" t="s">
        <v>17724</v>
      </c>
      <c r="C8880" t="s">
        <v>17725</v>
      </c>
    </row>
    <row r="8881" spans="1:3" x14ac:dyDescent="0.15">
      <c r="A8881">
        <v>16130</v>
      </c>
      <c r="B8881" t="s">
        <v>17726</v>
      </c>
      <c r="C8881" t="s">
        <v>17727</v>
      </c>
    </row>
    <row r="8882" spans="1:3" x14ac:dyDescent="0.15">
      <c r="A8882">
        <v>16129</v>
      </c>
      <c r="B8882" t="s">
        <v>17728</v>
      </c>
      <c r="C8882" t="s">
        <v>17729</v>
      </c>
    </row>
    <row r="8883" spans="1:3" x14ac:dyDescent="0.15">
      <c r="A8883">
        <v>16128</v>
      </c>
      <c r="B8883" t="s">
        <v>17730</v>
      </c>
      <c r="C8883" t="s">
        <v>17731</v>
      </c>
    </row>
    <row r="8884" spans="1:3" x14ac:dyDescent="0.15">
      <c r="A8884">
        <v>16127</v>
      </c>
      <c r="B8884" t="s">
        <v>17732</v>
      </c>
      <c r="C8884" t="s">
        <v>17733</v>
      </c>
    </row>
    <row r="8885" spans="1:3" x14ac:dyDescent="0.15">
      <c r="A8885">
        <v>16126</v>
      </c>
      <c r="B8885" t="s">
        <v>17734</v>
      </c>
      <c r="C8885" t="s">
        <v>17735</v>
      </c>
    </row>
    <row r="8886" spans="1:3" x14ac:dyDescent="0.15">
      <c r="A8886">
        <v>16125</v>
      </c>
      <c r="B8886" t="s">
        <v>17736</v>
      </c>
      <c r="C8886" t="s">
        <v>17737</v>
      </c>
    </row>
    <row r="8887" spans="1:3" x14ac:dyDescent="0.15">
      <c r="A8887">
        <v>16124</v>
      </c>
      <c r="B8887" t="s">
        <v>17738</v>
      </c>
      <c r="C8887" t="s">
        <v>17739</v>
      </c>
    </row>
    <row r="8888" spans="1:3" x14ac:dyDescent="0.15">
      <c r="A8888">
        <v>16123</v>
      </c>
      <c r="B8888" t="s">
        <v>17740</v>
      </c>
      <c r="C8888" t="s">
        <v>17741</v>
      </c>
    </row>
    <row r="8889" spans="1:3" x14ac:dyDescent="0.15">
      <c r="A8889">
        <v>16122</v>
      </c>
      <c r="B8889" t="s">
        <v>17742</v>
      </c>
      <c r="C8889" t="s">
        <v>17743</v>
      </c>
    </row>
    <row r="8890" spans="1:3" x14ac:dyDescent="0.15">
      <c r="A8890">
        <v>16121</v>
      </c>
      <c r="B8890" t="s">
        <v>17744</v>
      </c>
      <c r="C8890" t="s">
        <v>17745</v>
      </c>
    </row>
    <row r="8891" spans="1:3" x14ac:dyDescent="0.15">
      <c r="A8891">
        <v>16120</v>
      </c>
      <c r="B8891" t="s">
        <v>17746</v>
      </c>
      <c r="C8891" t="s">
        <v>17747</v>
      </c>
    </row>
    <row r="8892" spans="1:3" x14ac:dyDescent="0.15">
      <c r="A8892">
        <v>16119</v>
      </c>
      <c r="B8892" t="s">
        <v>17748</v>
      </c>
      <c r="C8892" t="s">
        <v>17749</v>
      </c>
    </row>
    <row r="8893" spans="1:3" x14ac:dyDescent="0.15">
      <c r="A8893">
        <v>16118</v>
      </c>
      <c r="B8893" t="s">
        <v>17750</v>
      </c>
      <c r="C8893" t="s">
        <v>17751</v>
      </c>
    </row>
    <row r="8894" spans="1:3" x14ac:dyDescent="0.15">
      <c r="A8894">
        <v>16117</v>
      </c>
      <c r="B8894" t="s">
        <v>17752</v>
      </c>
      <c r="C8894" t="s">
        <v>17753</v>
      </c>
    </row>
    <row r="8895" spans="1:3" x14ac:dyDescent="0.15">
      <c r="A8895">
        <v>16116</v>
      </c>
      <c r="B8895" t="s">
        <v>17754</v>
      </c>
      <c r="C8895" t="s">
        <v>17755</v>
      </c>
    </row>
    <row r="8896" spans="1:3" x14ac:dyDescent="0.15">
      <c r="A8896">
        <v>16115</v>
      </c>
      <c r="B8896" t="s">
        <v>17756</v>
      </c>
      <c r="C8896" t="s">
        <v>17757</v>
      </c>
    </row>
    <row r="8897" spans="1:3" x14ac:dyDescent="0.15">
      <c r="A8897">
        <v>16114</v>
      </c>
      <c r="B8897" t="s">
        <v>17758</v>
      </c>
      <c r="C8897" t="s">
        <v>17759</v>
      </c>
    </row>
    <row r="8898" spans="1:3" x14ac:dyDescent="0.15">
      <c r="A8898">
        <v>16113</v>
      </c>
      <c r="B8898" t="s">
        <v>17760</v>
      </c>
      <c r="C8898" t="s">
        <v>17761</v>
      </c>
    </row>
    <row r="8899" spans="1:3" x14ac:dyDescent="0.15">
      <c r="A8899">
        <v>16112</v>
      </c>
      <c r="B8899" t="s">
        <v>17762</v>
      </c>
      <c r="C8899" t="s">
        <v>17763</v>
      </c>
    </row>
    <row r="8900" spans="1:3" x14ac:dyDescent="0.15">
      <c r="A8900">
        <v>16111</v>
      </c>
      <c r="B8900" t="s">
        <v>17764</v>
      </c>
      <c r="C8900" t="s">
        <v>17765</v>
      </c>
    </row>
    <row r="8901" spans="1:3" x14ac:dyDescent="0.15">
      <c r="A8901">
        <v>16110</v>
      </c>
      <c r="B8901" t="s">
        <v>17766</v>
      </c>
      <c r="C8901" t="s">
        <v>17767</v>
      </c>
    </row>
    <row r="8902" spans="1:3" x14ac:dyDescent="0.15">
      <c r="A8902">
        <v>16109</v>
      </c>
      <c r="B8902" t="s">
        <v>17768</v>
      </c>
      <c r="C8902" t="s">
        <v>17769</v>
      </c>
    </row>
    <row r="8903" spans="1:3" x14ac:dyDescent="0.15">
      <c r="A8903">
        <v>16108</v>
      </c>
      <c r="B8903" t="s">
        <v>17770</v>
      </c>
      <c r="C8903" t="s">
        <v>17771</v>
      </c>
    </row>
    <row r="8904" spans="1:3" x14ac:dyDescent="0.15">
      <c r="A8904">
        <v>16107</v>
      </c>
      <c r="B8904" t="s">
        <v>17772</v>
      </c>
      <c r="C8904" t="s">
        <v>17773</v>
      </c>
    </row>
    <row r="8905" spans="1:3" x14ac:dyDescent="0.15">
      <c r="A8905">
        <v>16106</v>
      </c>
      <c r="B8905" t="s">
        <v>17774</v>
      </c>
      <c r="C8905" t="s">
        <v>17775</v>
      </c>
    </row>
    <row r="8906" spans="1:3" x14ac:dyDescent="0.15">
      <c r="A8906">
        <v>16105</v>
      </c>
      <c r="B8906" t="s">
        <v>17776</v>
      </c>
      <c r="C8906" t="s">
        <v>17777</v>
      </c>
    </row>
    <row r="8907" spans="1:3" x14ac:dyDescent="0.15">
      <c r="A8907">
        <v>16104</v>
      </c>
      <c r="B8907" t="s">
        <v>17778</v>
      </c>
      <c r="C8907" t="s">
        <v>17779</v>
      </c>
    </row>
    <row r="8908" spans="1:3" x14ac:dyDescent="0.15">
      <c r="A8908">
        <v>16103</v>
      </c>
      <c r="B8908" t="s">
        <v>17780</v>
      </c>
      <c r="C8908" t="s">
        <v>17781</v>
      </c>
    </row>
    <row r="8909" spans="1:3" x14ac:dyDescent="0.15">
      <c r="A8909">
        <v>16102</v>
      </c>
      <c r="B8909" t="s">
        <v>17782</v>
      </c>
      <c r="C8909" t="s">
        <v>17783</v>
      </c>
    </row>
    <row r="8910" spans="1:3" x14ac:dyDescent="0.15">
      <c r="A8910">
        <v>16101</v>
      </c>
      <c r="B8910" t="s">
        <v>17784</v>
      </c>
      <c r="C8910" t="s">
        <v>17785</v>
      </c>
    </row>
    <row r="8911" spans="1:3" x14ac:dyDescent="0.15">
      <c r="A8911">
        <v>16100</v>
      </c>
      <c r="B8911" t="s">
        <v>17786</v>
      </c>
      <c r="C8911" t="s">
        <v>17787</v>
      </c>
    </row>
    <row r="8912" spans="1:3" x14ac:dyDescent="0.15">
      <c r="A8912">
        <v>16099</v>
      </c>
      <c r="B8912" t="s">
        <v>17788</v>
      </c>
      <c r="C8912" t="s">
        <v>17789</v>
      </c>
    </row>
    <row r="8913" spans="1:3" x14ac:dyDescent="0.15">
      <c r="A8913">
        <v>16098</v>
      </c>
      <c r="B8913" t="s">
        <v>17790</v>
      </c>
      <c r="C8913" t="s">
        <v>17791</v>
      </c>
    </row>
    <row r="8914" spans="1:3" x14ac:dyDescent="0.15">
      <c r="A8914">
        <v>16097</v>
      </c>
      <c r="B8914" t="s">
        <v>17792</v>
      </c>
      <c r="C8914" t="s">
        <v>17793</v>
      </c>
    </row>
    <row r="8915" spans="1:3" x14ac:dyDescent="0.15">
      <c r="A8915">
        <v>16096</v>
      </c>
      <c r="B8915" t="s">
        <v>17794</v>
      </c>
      <c r="C8915" t="s">
        <v>17795</v>
      </c>
    </row>
    <row r="8916" spans="1:3" x14ac:dyDescent="0.15">
      <c r="A8916">
        <v>16095</v>
      </c>
      <c r="B8916" t="s">
        <v>17796</v>
      </c>
      <c r="C8916" t="s">
        <v>17797</v>
      </c>
    </row>
    <row r="8917" spans="1:3" x14ac:dyDescent="0.15">
      <c r="A8917">
        <v>16094</v>
      </c>
      <c r="B8917" t="s">
        <v>17798</v>
      </c>
      <c r="C8917" t="s">
        <v>17799</v>
      </c>
    </row>
    <row r="8918" spans="1:3" x14ac:dyDescent="0.15">
      <c r="A8918">
        <v>16093</v>
      </c>
      <c r="B8918" t="s">
        <v>17800</v>
      </c>
      <c r="C8918" t="s">
        <v>17801</v>
      </c>
    </row>
    <row r="8919" spans="1:3" x14ac:dyDescent="0.15">
      <c r="A8919">
        <v>16092</v>
      </c>
      <c r="B8919" t="s">
        <v>17802</v>
      </c>
      <c r="C8919" t="s">
        <v>17803</v>
      </c>
    </row>
    <row r="8920" spans="1:3" x14ac:dyDescent="0.15">
      <c r="A8920">
        <v>16091</v>
      </c>
      <c r="B8920" t="s">
        <v>17804</v>
      </c>
      <c r="C8920" t="s">
        <v>17805</v>
      </c>
    </row>
    <row r="8921" spans="1:3" x14ac:dyDescent="0.15">
      <c r="A8921">
        <v>16090</v>
      </c>
      <c r="B8921" t="s">
        <v>17806</v>
      </c>
      <c r="C8921" t="s">
        <v>17807</v>
      </c>
    </row>
    <row r="8922" spans="1:3" x14ac:dyDescent="0.15">
      <c r="A8922">
        <v>16089</v>
      </c>
      <c r="B8922" t="s">
        <v>17808</v>
      </c>
      <c r="C8922" t="s">
        <v>17809</v>
      </c>
    </row>
    <row r="8923" spans="1:3" x14ac:dyDescent="0.15">
      <c r="A8923">
        <v>16088</v>
      </c>
      <c r="B8923" t="s">
        <v>17810</v>
      </c>
      <c r="C8923" t="s">
        <v>17811</v>
      </c>
    </row>
    <row r="8924" spans="1:3" x14ac:dyDescent="0.15">
      <c r="A8924">
        <v>16087</v>
      </c>
      <c r="B8924" t="s">
        <v>17812</v>
      </c>
      <c r="C8924" t="s">
        <v>17813</v>
      </c>
    </row>
    <row r="8925" spans="1:3" x14ac:dyDescent="0.15">
      <c r="A8925">
        <v>16086</v>
      </c>
      <c r="B8925" t="s">
        <v>17814</v>
      </c>
      <c r="C8925" t="s">
        <v>17815</v>
      </c>
    </row>
    <row r="8926" spans="1:3" x14ac:dyDescent="0.15">
      <c r="A8926">
        <v>16085</v>
      </c>
      <c r="B8926" t="s">
        <v>17816</v>
      </c>
      <c r="C8926" t="s">
        <v>17817</v>
      </c>
    </row>
    <row r="8927" spans="1:3" x14ac:dyDescent="0.15">
      <c r="A8927">
        <v>16084</v>
      </c>
      <c r="B8927" t="s">
        <v>17818</v>
      </c>
      <c r="C8927" t="s">
        <v>17819</v>
      </c>
    </row>
    <row r="8928" spans="1:3" x14ac:dyDescent="0.15">
      <c r="A8928">
        <v>16083</v>
      </c>
      <c r="B8928" t="s">
        <v>17820</v>
      </c>
      <c r="C8928" t="s">
        <v>17821</v>
      </c>
    </row>
    <row r="8929" spans="1:3" x14ac:dyDescent="0.15">
      <c r="A8929">
        <v>16082</v>
      </c>
      <c r="B8929" t="s">
        <v>17822</v>
      </c>
      <c r="C8929" t="s">
        <v>17823</v>
      </c>
    </row>
    <row r="8930" spans="1:3" x14ac:dyDescent="0.15">
      <c r="A8930">
        <v>16081</v>
      </c>
      <c r="B8930" t="s">
        <v>17824</v>
      </c>
      <c r="C8930" t="s">
        <v>17825</v>
      </c>
    </row>
    <row r="8931" spans="1:3" x14ac:dyDescent="0.15">
      <c r="A8931">
        <v>16080</v>
      </c>
      <c r="B8931" t="s">
        <v>17826</v>
      </c>
      <c r="C8931" t="s">
        <v>17827</v>
      </c>
    </row>
    <row r="8932" spans="1:3" x14ac:dyDescent="0.15">
      <c r="A8932">
        <v>16079</v>
      </c>
      <c r="B8932" t="s">
        <v>17828</v>
      </c>
      <c r="C8932" t="s">
        <v>17829</v>
      </c>
    </row>
    <row r="8933" spans="1:3" x14ac:dyDescent="0.15">
      <c r="A8933">
        <v>16078</v>
      </c>
      <c r="B8933" t="s">
        <v>17830</v>
      </c>
      <c r="C8933" t="s">
        <v>17831</v>
      </c>
    </row>
    <row r="8934" spans="1:3" x14ac:dyDescent="0.15">
      <c r="A8934">
        <v>16077</v>
      </c>
      <c r="B8934" t="s">
        <v>17832</v>
      </c>
      <c r="C8934" t="s">
        <v>17833</v>
      </c>
    </row>
    <row r="8935" spans="1:3" x14ac:dyDescent="0.15">
      <c r="A8935">
        <v>16076</v>
      </c>
      <c r="B8935" t="s">
        <v>17834</v>
      </c>
      <c r="C8935" t="s">
        <v>17835</v>
      </c>
    </row>
    <row r="8936" spans="1:3" x14ac:dyDescent="0.15">
      <c r="A8936">
        <v>16075</v>
      </c>
      <c r="B8936" t="s">
        <v>17836</v>
      </c>
      <c r="C8936" t="s">
        <v>17837</v>
      </c>
    </row>
    <row r="8937" spans="1:3" x14ac:dyDescent="0.15">
      <c r="A8937">
        <v>16074</v>
      </c>
      <c r="B8937" t="s">
        <v>17838</v>
      </c>
      <c r="C8937" t="s">
        <v>17839</v>
      </c>
    </row>
    <row r="8938" spans="1:3" x14ac:dyDescent="0.15">
      <c r="A8938">
        <v>16073</v>
      </c>
      <c r="B8938" t="s">
        <v>17840</v>
      </c>
      <c r="C8938" t="s">
        <v>17841</v>
      </c>
    </row>
    <row r="8939" spans="1:3" x14ac:dyDescent="0.15">
      <c r="A8939">
        <v>16072</v>
      </c>
      <c r="B8939" t="s">
        <v>17842</v>
      </c>
      <c r="C8939" t="s">
        <v>17843</v>
      </c>
    </row>
    <row r="8940" spans="1:3" x14ac:dyDescent="0.15">
      <c r="A8940">
        <v>16071</v>
      </c>
      <c r="B8940" t="s">
        <v>17844</v>
      </c>
      <c r="C8940" t="s">
        <v>17845</v>
      </c>
    </row>
    <row r="8941" spans="1:3" x14ac:dyDescent="0.15">
      <c r="A8941">
        <v>16070</v>
      </c>
      <c r="B8941" t="s">
        <v>17846</v>
      </c>
      <c r="C8941" t="s">
        <v>17847</v>
      </c>
    </row>
    <row r="8942" spans="1:3" x14ac:dyDescent="0.15">
      <c r="A8942">
        <v>16069</v>
      </c>
      <c r="B8942" t="s">
        <v>17848</v>
      </c>
      <c r="C8942" t="s">
        <v>17849</v>
      </c>
    </row>
    <row r="8943" spans="1:3" x14ac:dyDescent="0.15">
      <c r="A8943">
        <v>16068</v>
      </c>
      <c r="B8943" t="s">
        <v>17850</v>
      </c>
      <c r="C8943" t="s">
        <v>17851</v>
      </c>
    </row>
    <row r="8944" spans="1:3" x14ac:dyDescent="0.15">
      <c r="A8944">
        <v>16067</v>
      </c>
      <c r="B8944" t="s">
        <v>17852</v>
      </c>
      <c r="C8944" t="s">
        <v>17853</v>
      </c>
    </row>
    <row r="8945" spans="1:3" x14ac:dyDescent="0.15">
      <c r="A8945">
        <v>16066</v>
      </c>
      <c r="B8945" t="s">
        <v>17854</v>
      </c>
      <c r="C8945" t="s">
        <v>17855</v>
      </c>
    </row>
    <row r="8946" spans="1:3" x14ac:dyDescent="0.15">
      <c r="A8946">
        <v>16065</v>
      </c>
      <c r="B8946" t="s">
        <v>17856</v>
      </c>
      <c r="C8946" t="s">
        <v>17857</v>
      </c>
    </row>
    <row r="8947" spans="1:3" x14ac:dyDescent="0.15">
      <c r="A8947">
        <v>16064</v>
      </c>
      <c r="B8947" t="s">
        <v>17858</v>
      </c>
      <c r="C8947" t="s">
        <v>17859</v>
      </c>
    </row>
    <row r="8948" spans="1:3" x14ac:dyDescent="0.15">
      <c r="A8948">
        <v>16063</v>
      </c>
      <c r="B8948" t="s">
        <v>17860</v>
      </c>
      <c r="C8948" t="s">
        <v>17861</v>
      </c>
    </row>
    <row r="8949" spans="1:3" x14ac:dyDescent="0.15">
      <c r="A8949">
        <v>16062</v>
      </c>
      <c r="B8949" t="s">
        <v>17862</v>
      </c>
      <c r="C8949" t="s">
        <v>17863</v>
      </c>
    </row>
    <row r="8950" spans="1:3" x14ac:dyDescent="0.15">
      <c r="A8950">
        <v>16061</v>
      </c>
      <c r="B8950" t="s">
        <v>17864</v>
      </c>
      <c r="C8950" t="s">
        <v>17865</v>
      </c>
    </row>
    <row r="8951" spans="1:3" x14ac:dyDescent="0.15">
      <c r="A8951">
        <v>16060</v>
      </c>
      <c r="B8951" t="s">
        <v>17866</v>
      </c>
      <c r="C8951" t="s">
        <v>17867</v>
      </c>
    </row>
    <row r="8952" spans="1:3" x14ac:dyDescent="0.15">
      <c r="A8952">
        <v>16059</v>
      </c>
      <c r="B8952" t="s">
        <v>17868</v>
      </c>
      <c r="C8952" t="s">
        <v>17869</v>
      </c>
    </row>
    <row r="8953" spans="1:3" x14ac:dyDescent="0.15">
      <c r="A8953">
        <v>16058</v>
      </c>
      <c r="B8953" t="s">
        <v>17870</v>
      </c>
      <c r="C8953" t="s">
        <v>17871</v>
      </c>
    </row>
    <row r="8954" spans="1:3" x14ac:dyDescent="0.15">
      <c r="A8954">
        <v>16057</v>
      </c>
      <c r="B8954" t="s">
        <v>17872</v>
      </c>
      <c r="C8954" t="s">
        <v>17873</v>
      </c>
    </row>
    <row r="8955" spans="1:3" x14ac:dyDescent="0.15">
      <c r="A8955">
        <v>16056</v>
      </c>
      <c r="B8955" t="s">
        <v>17874</v>
      </c>
      <c r="C8955" t="s">
        <v>17875</v>
      </c>
    </row>
    <row r="8956" spans="1:3" x14ac:dyDescent="0.15">
      <c r="A8956">
        <v>16055</v>
      </c>
      <c r="B8956" t="s">
        <v>17876</v>
      </c>
      <c r="C8956" t="s">
        <v>17877</v>
      </c>
    </row>
    <row r="8957" spans="1:3" x14ac:dyDescent="0.15">
      <c r="A8957">
        <v>16054</v>
      </c>
      <c r="B8957" t="s">
        <v>17878</v>
      </c>
      <c r="C8957" t="s">
        <v>17879</v>
      </c>
    </row>
    <row r="8958" spans="1:3" x14ac:dyDescent="0.15">
      <c r="A8958">
        <v>16053</v>
      </c>
      <c r="B8958" t="s">
        <v>17880</v>
      </c>
      <c r="C8958" t="s">
        <v>17881</v>
      </c>
    </row>
    <row r="8959" spans="1:3" x14ac:dyDescent="0.15">
      <c r="A8959">
        <v>16052</v>
      </c>
      <c r="B8959" t="s">
        <v>17882</v>
      </c>
      <c r="C8959" t="s">
        <v>17883</v>
      </c>
    </row>
    <row r="8960" spans="1:3" x14ac:dyDescent="0.15">
      <c r="A8960">
        <v>16051</v>
      </c>
      <c r="B8960" t="s">
        <v>17884</v>
      </c>
      <c r="C8960" t="s">
        <v>17885</v>
      </c>
    </row>
    <row r="8961" spans="1:3" x14ac:dyDescent="0.15">
      <c r="A8961">
        <v>16050</v>
      </c>
      <c r="B8961" t="s">
        <v>17886</v>
      </c>
      <c r="C8961" t="s">
        <v>17887</v>
      </c>
    </row>
    <row r="8962" spans="1:3" x14ac:dyDescent="0.15">
      <c r="A8962">
        <v>16049</v>
      </c>
      <c r="B8962" t="s">
        <v>17888</v>
      </c>
      <c r="C8962" t="s">
        <v>17889</v>
      </c>
    </row>
    <row r="8963" spans="1:3" x14ac:dyDescent="0.15">
      <c r="A8963">
        <v>16048</v>
      </c>
      <c r="B8963" t="s">
        <v>17890</v>
      </c>
      <c r="C8963" t="s">
        <v>17891</v>
      </c>
    </row>
    <row r="8964" spans="1:3" x14ac:dyDescent="0.15">
      <c r="A8964">
        <v>16047</v>
      </c>
      <c r="B8964" t="s">
        <v>17892</v>
      </c>
      <c r="C8964" t="s">
        <v>17893</v>
      </c>
    </row>
    <row r="8965" spans="1:3" x14ac:dyDescent="0.15">
      <c r="A8965">
        <v>16046</v>
      </c>
      <c r="B8965" t="s">
        <v>17894</v>
      </c>
      <c r="C8965" t="s">
        <v>17895</v>
      </c>
    </row>
    <row r="8966" spans="1:3" x14ac:dyDescent="0.15">
      <c r="A8966">
        <v>16045</v>
      </c>
      <c r="B8966" t="s">
        <v>17896</v>
      </c>
      <c r="C8966" t="s">
        <v>17897</v>
      </c>
    </row>
    <row r="8967" spans="1:3" x14ac:dyDescent="0.15">
      <c r="A8967">
        <v>16044</v>
      </c>
      <c r="B8967" t="s">
        <v>17898</v>
      </c>
      <c r="C8967" t="s">
        <v>17899</v>
      </c>
    </row>
    <row r="8968" spans="1:3" x14ac:dyDescent="0.15">
      <c r="A8968">
        <v>16043</v>
      </c>
      <c r="B8968" t="s">
        <v>17900</v>
      </c>
      <c r="C8968" t="s">
        <v>17901</v>
      </c>
    </row>
    <row r="8969" spans="1:3" x14ac:dyDescent="0.15">
      <c r="A8969">
        <v>16042</v>
      </c>
      <c r="B8969" t="s">
        <v>17902</v>
      </c>
      <c r="C8969" t="s">
        <v>17903</v>
      </c>
    </row>
    <row r="8970" spans="1:3" x14ac:dyDescent="0.15">
      <c r="A8970">
        <v>16041</v>
      </c>
      <c r="B8970" t="s">
        <v>17904</v>
      </c>
      <c r="C8970" t="s">
        <v>17905</v>
      </c>
    </row>
    <row r="8971" spans="1:3" x14ac:dyDescent="0.15">
      <c r="A8971">
        <v>16040</v>
      </c>
      <c r="B8971" t="s">
        <v>17906</v>
      </c>
      <c r="C8971" t="s">
        <v>17907</v>
      </c>
    </row>
    <row r="8972" spans="1:3" x14ac:dyDescent="0.15">
      <c r="A8972">
        <v>16039</v>
      </c>
      <c r="B8972" t="s">
        <v>17908</v>
      </c>
      <c r="C8972" t="s">
        <v>17909</v>
      </c>
    </row>
    <row r="8973" spans="1:3" x14ac:dyDescent="0.15">
      <c r="A8973">
        <v>16038</v>
      </c>
      <c r="B8973" t="s">
        <v>17910</v>
      </c>
      <c r="C8973" t="s">
        <v>17911</v>
      </c>
    </row>
    <row r="8974" spans="1:3" x14ac:dyDescent="0.15">
      <c r="A8974">
        <v>16037</v>
      </c>
      <c r="B8974" t="s">
        <v>17912</v>
      </c>
      <c r="C8974" t="s">
        <v>17913</v>
      </c>
    </row>
    <row r="8975" spans="1:3" x14ac:dyDescent="0.15">
      <c r="A8975">
        <v>16036</v>
      </c>
      <c r="B8975" t="s">
        <v>17914</v>
      </c>
      <c r="C8975" t="s">
        <v>17915</v>
      </c>
    </row>
    <row r="8976" spans="1:3" x14ac:dyDescent="0.15">
      <c r="A8976">
        <v>16035</v>
      </c>
      <c r="B8976" t="s">
        <v>17916</v>
      </c>
      <c r="C8976" t="s">
        <v>17917</v>
      </c>
    </row>
    <row r="8977" spans="1:3" x14ac:dyDescent="0.15">
      <c r="A8977">
        <v>16034</v>
      </c>
      <c r="B8977" t="s">
        <v>17918</v>
      </c>
      <c r="C8977" t="s">
        <v>17919</v>
      </c>
    </row>
    <row r="8978" spans="1:3" x14ac:dyDescent="0.15">
      <c r="A8978">
        <v>16033</v>
      </c>
      <c r="B8978" t="s">
        <v>17920</v>
      </c>
      <c r="C8978" t="s">
        <v>17921</v>
      </c>
    </row>
    <row r="8979" spans="1:3" x14ac:dyDescent="0.15">
      <c r="A8979">
        <v>16032</v>
      </c>
      <c r="B8979" t="s">
        <v>17922</v>
      </c>
      <c r="C8979" t="s">
        <v>17923</v>
      </c>
    </row>
    <row r="8980" spans="1:3" x14ac:dyDescent="0.15">
      <c r="A8980">
        <v>16031</v>
      </c>
      <c r="B8980" t="s">
        <v>17924</v>
      </c>
      <c r="C8980" t="s">
        <v>17925</v>
      </c>
    </row>
    <row r="8981" spans="1:3" x14ac:dyDescent="0.15">
      <c r="A8981">
        <v>16030</v>
      </c>
      <c r="B8981" t="s">
        <v>17926</v>
      </c>
      <c r="C8981" t="s">
        <v>17927</v>
      </c>
    </row>
    <row r="8982" spans="1:3" x14ac:dyDescent="0.15">
      <c r="A8982">
        <v>16029</v>
      </c>
      <c r="B8982" t="s">
        <v>17928</v>
      </c>
      <c r="C8982" t="s">
        <v>17929</v>
      </c>
    </row>
    <row r="8983" spans="1:3" x14ac:dyDescent="0.15">
      <c r="A8983">
        <v>16028</v>
      </c>
      <c r="B8983" t="s">
        <v>17930</v>
      </c>
      <c r="C8983" t="s">
        <v>17931</v>
      </c>
    </row>
    <row r="8984" spans="1:3" x14ac:dyDescent="0.15">
      <c r="A8984">
        <v>16027</v>
      </c>
      <c r="B8984" t="s">
        <v>17932</v>
      </c>
      <c r="C8984" t="s">
        <v>17933</v>
      </c>
    </row>
    <row r="8985" spans="1:3" x14ac:dyDescent="0.15">
      <c r="A8985">
        <v>16026</v>
      </c>
      <c r="B8985" t="s">
        <v>17934</v>
      </c>
      <c r="C8985" t="s">
        <v>17935</v>
      </c>
    </row>
    <row r="8986" spans="1:3" x14ac:dyDescent="0.15">
      <c r="A8986">
        <v>16025</v>
      </c>
      <c r="B8986" t="s">
        <v>17936</v>
      </c>
      <c r="C8986" t="s">
        <v>17937</v>
      </c>
    </row>
    <row r="8987" spans="1:3" x14ac:dyDescent="0.15">
      <c r="A8987">
        <v>16024</v>
      </c>
      <c r="B8987" t="s">
        <v>17938</v>
      </c>
      <c r="C8987" t="s">
        <v>17939</v>
      </c>
    </row>
    <row r="8988" spans="1:3" x14ac:dyDescent="0.15">
      <c r="A8988">
        <v>16023</v>
      </c>
      <c r="B8988" t="s">
        <v>17940</v>
      </c>
      <c r="C8988" t="s">
        <v>17941</v>
      </c>
    </row>
    <row r="8989" spans="1:3" x14ac:dyDescent="0.15">
      <c r="A8989">
        <v>16022</v>
      </c>
      <c r="B8989" t="s">
        <v>17942</v>
      </c>
      <c r="C8989" t="s">
        <v>17943</v>
      </c>
    </row>
    <row r="8990" spans="1:3" x14ac:dyDescent="0.15">
      <c r="A8990">
        <v>16021</v>
      </c>
      <c r="B8990" t="s">
        <v>17944</v>
      </c>
      <c r="C8990" t="s">
        <v>17945</v>
      </c>
    </row>
    <row r="8991" spans="1:3" x14ac:dyDescent="0.15">
      <c r="A8991">
        <v>16020</v>
      </c>
      <c r="B8991" t="s">
        <v>17946</v>
      </c>
      <c r="C8991" t="s">
        <v>17947</v>
      </c>
    </row>
    <row r="8992" spans="1:3" x14ac:dyDescent="0.15">
      <c r="A8992">
        <v>16019</v>
      </c>
      <c r="B8992" t="s">
        <v>17948</v>
      </c>
      <c r="C8992" t="s">
        <v>17949</v>
      </c>
    </row>
    <row r="8993" spans="1:3" x14ac:dyDescent="0.15">
      <c r="A8993">
        <v>16018</v>
      </c>
      <c r="B8993" t="s">
        <v>17950</v>
      </c>
      <c r="C8993" t="s">
        <v>17951</v>
      </c>
    </row>
    <row r="8994" spans="1:3" x14ac:dyDescent="0.15">
      <c r="A8994">
        <v>16017</v>
      </c>
      <c r="B8994" t="s">
        <v>17952</v>
      </c>
      <c r="C8994" t="s">
        <v>17953</v>
      </c>
    </row>
    <row r="8995" spans="1:3" x14ac:dyDescent="0.15">
      <c r="A8995">
        <v>16016</v>
      </c>
      <c r="B8995" t="s">
        <v>17954</v>
      </c>
      <c r="C8995" t="s">
        <v>17955</v>
      </c>
    </row>
    <row r="8996" spans="1:3" x14ac:dyDescent="0.15">
      <c r="A8996">
        <v>16015</v>
      </c>
      <c r="B8996" t="s">
        <v>17956</v>
      </c>
      <c r="C8996" t="s">
        <v>17957</v>
      </c>
    </row>
    <row r="8997" spans="1:3" x14ac:dyDescent="0.15">
      <c r="A8997">
        <v>16014</v>
      </c>
      <c r="B8997" t="s">
        <v>17958</v>
      </c>
      <c r="C8997" t="s">
        <v>17959</v>
      </c>
    </row>
    <row r="8998" spans="1:3" x14ac:dyDescent="0.15">
      <c r="A8998">
        <v>16013</v>
      </c>
      <c r="B8998" t="s">
        <v>17960</v>
      </c>
      <c r="C8998" t="s">
        <v>17961</v>
      </c>
    </row>
    <row r="8999" spans="1:3" x14ac:dyDescent="0.15">
      <c r="A8999">
        <v>16012</v>
      </c>
      <c r="B8999" t="s">
        <v>17962</v>
      </c>
      <c r="C8999" t="s">
        <v>17963</v>
      </c>
    </row>
    <row r="9000" spans="1:3" x14ac:dyDescent="0.15">
      <c r="A9000">
        <v>16011</v>
      </c>
      <c r="B9000" t="s">
        <v>17964</v>
      </c>
      <c r="C9000" t="s">
        <v>17965</v>
      </c>
    </row>
    <row r="9001" spans="1:3" x14ac:dyDescent="0.15">
      <c r="A9001">
        <v>16010</v>
      </c>
      <c r="B9001" t="s">
        <v>17966</v>
      </c>
      <c r="C9001" t="s">
        <v>17967</v>
      </c>
    </row>
    <row r="9002" spans="1:3" x14ac:dyDescent="0.15">
      <c r="A9002">
        <v>16009</v>
      </c>
      <c r="B9002" t="s">
        <v>17968</v>
      </c>
      <c r="C9002" t="s">
        <v>17969</v>
      </c>
    </row>
    <row r="9003" spans="1:3" x14ac:dyDescent="0.15">
      <c r="A9003">
        <v>16008</v>
      </c>
      <c r="B9003" t="s">
        <v>17970</v>
      </c>
      <c r="C9003" t="s">
        <v>17971</v>
      </c>
    </row>
    <row r="9004" spans="1:3" x14ac:dyDescent="0.15">
      <c r="A9004">
        <v>16007</v>
      </c>
      <c r="B9004" t="s">
        <v>17972</v>
      </c>
      <c r="C9004" t="s">
        <v>17973</v>
      </c>
    </row>
    <row r="9005" spans="1:3" x14ac:dyDescent="0.15">
      <c r="A9005">
        <v>16006</v>
      </c>
      <c r="B9005" t="s">
        <v>17974</v>
      </c>
      <c r="C9005" t="s">
        <v>17975</v>
      </c>
    </row>
    <row r="9006" spans="1:3" x14ac:dyDescent="0.15">
      <c r="A9006">
        <v>16005</v>
      </c>
      <c r="B9006" t="s">
        <v>17976</v>
      </c>
      <c r="C9006" t="s">
        <v>17977</v>
      </c>
    </row>
    <row r="9007" spans="1:3" x14ac:dyDescent="0.15">
      <c r="A9007">
        <v>16004</v>
      </c>
      <c r="B9007" t="s">
        <v>17978</v>
      </c>
      <c r="C9007" t="s">
        <v>17979</v>
      </c>
    </row>
    <row r="9008" spans="1:3" x14ac:dyDescent="0.15">
      <c r="A9008">
        <v>16003</v>
      </c>
      <c r="B9008" t="s">
        <v>17980</v>
      </c>
      <c r="C9008" t="s">
        <v>17981</v>
      </c>
    </row>
    <row r="9009" spans="1:3" x14ac:dyDescent="0.15">
      <c r="A9009">
        <v>16002</v>
      </c>
      <c r="B9009" t="s">
        <v>17982</v>
      </c>
      <c r="C9009" t="s">
        <v>17983</v>
      </c>
    </row>
    <row r="9010" spans="1:3" x14ac:dyDescent="0.15">
      <c r="A9010">
        <v>16001</v>
      </c>
      <c r="B9010" t="s">
        <v>17984</v>
      </c>
      <c r="C9010" t="s">
        <v>17985</v>
      </c>
    </row>
    <row r="9011" spans="1:3" x14ac:dyDescent="0.15">
      <c r="A9011">
        <v>16000</v>
      </c>
      <c r="B9011" t="s">
        <v>17986</v>
      </c>
      <c r="C9011" t="s">
        <v>17987</v>
      </c>
    </row>
    <row r="9012" spans="1:3" x14ac:dyDescent="0.15">
      <c r="A9012">
        <v>15999</v>
      </c>
      <c r="B9012" t="s">
        <v>17988</v>
      </c>
      <c r="C9012" t="s">
        <v>17989</v>
      </c>
    </row>
    <row r="9013" spans="1:3" x14ac:dyDescent="0.15">
      <c r="A9013">
        <v>15998</v>
      </c>
      <c r="B9013" t="s">
        <v>17990</v>
      </c>
      <c r="C9013" t="s">
        <v>17991</v>
      </c>
    </row>
    <row r="9014" spans="1:3" x14ac:dyDescent="0.15">
      <c r="A9014">
        <v>15997</v>
      </c>
      <c r="B9014" t="s">
        <v>17992</v>
      </c>
      <c r="C9014" t="s">
        <v>17993</v>
      </c>
    </row>
    <row r="9015" spans="1:3" x14ac:dyDescent="0.15">
      <c r="A9015">
        <v>15996</v>
      </c>
      <c r="B9015" t="s">
        <v>17994</v>
      </c>
      <c r="C9015" t="s">
        <v>17995</v>
      </c>
    </row>
    <row r="9016" spans="1:3" x14ac:dyDescent="0.15">
      <c r="A9016">
        <v>15995</v>
      </c>
      <c r="B9016" t="s">
        <v>17996</v>
      </c>
      <c r="C9016" t="s">
        <v>17997</v>
      </c>
    </row>
    <row r="9017" spans="1:3" x14ac:dyDescent="0.15">
      <c r="A9017">
        <v>15994</v>
      </c>
      <c r="B9017" t="s">
        <v>17998</v>
      </c>
      <c r="C9017" t="s">
        <v>17999</v>
      </c>
    </row>
    <row r="9018" spans="1:3" x14ac:dyDescent="0.15">
      <c r="A9018">
        <v>15993</v>
      </c>
      <c r="B9018" t="s">
        <v>18000</v>
      </c>
      <c r="C9018" t="s">
        <v>18001</v>
      </c>
    </row>
    <row r="9019" spans="1:3" x14ac:dyDescent="0.15">
      <c r="A9019">
        <v>15992</v>
      </c>
      <c r="B9019" t="s">
        <v>18002</v>
      </c>
      <c r="C9019" t="s">
        <v>18003</v>
      </c>
    </row>
    <row r="9020" spans="1:3" x14ac:dyDescent="0.15">
      <c r="A9020">
        <v>15991</v>
      </c>
      <c r="B9020" t="s">
        <v>18004</v>
      </c>
      <c r="C9020" t="s">
        <v>18005</v>
      </c>
    </row>
    <row r="9021" spans="1:3" x14ac:dyDescent="0.15">
      <c r="A9021">
        <v>15990</v>
      </c>
      <c r="B9021" t="s">
        <v>18006</v>
      </c>
      <c r="C9021" t="s">
        <v>18007</v>
      </c>
    </row>
    <row r="9022" spans="1:3" x14ac:dyDescent="0.15">
      <c r="A9022">
        <v>15989</v>
      </c>
      <c r="B9022" t="s">
        <v>18008</v>
      </c>
      <c r="C9022" t="s">
        <v>18009</v>
      </c>
    </row>
    <row r="9023" spans="1:3" x14ac:dyDescent="0.15">
      <c r="A9023">
        <v>15988</v>
      </c>
      <c r="B9023" t="s">
        <v>18010</v>
      </c>
      <c r="C9023" t="s">
        <v>18011</v>
      </c>
    </row>
    <row r="9024" spans="1:3" x14ac:dyDescent="0.15">
      <c r="A9024">
        <v>15987</v>
      </c>
      <c r="B9024" t="s">
        <v>18012</v>
      </c>
      <c r="C9024" t="s">
        <v>18013</v>
      </c>
    </row>
    <row r="9025" spans="1:3" x14ac:dyDescent="0.15">
      <c r="A9025">
        <v>15986</v>
      </c>
      <c r="B9025" t="s">
        <v>18014</v>
      </c>
      <c r="C9025" t="s">
        <v>18015</v>
      </c>
    </row>
    <row r="9026" spans="1:3" x14ac:dyDescent="0.15">
      <c r="A9026">
        <v>15985</v>
      </c>
      <c r="B9026" t="s">
        <v>18016</v>
      </c>
      <c r="C9026" t="s">
        <v>18017</v>
      </c>
    </row>
    <row r="9027" spans="1:3" x14ac:dyDescent="0.15">
      <c r="A9027">
        <v>15984</v>
      </c>
      <c r="B9027" t="s">
        <v>18018</v>
      </c>
      <c r="C9027" t="s">
        <v>18019</v>
      </c>
    </row>
    <row r="9028" spans="1:3" x14ac:dyDescent="0.15">
      <c r="A9028">
        <v>15983</v>
      </c>
      <c r="B9028" t="s">
        <v>18020</v>
      </c>
      <c r="C9028" t="s">
        <v>18021</v>
      </c>
    </row>
    <row r="9029" spans="1:3" x14ac:dyDescent="0.15">
      <c r="A9029">
        <v>15982</v>
      </c>
      <c r="B9029" t="s">
        <v>18022</v>
      </c>
      <c r="C9029" t="s">
        <v>18023</v>
      </c>
    </row>
    <row r="9030" spans="1:3" x14ac:dyDescent="0.15">
      <c r="A9030">
        <v>15981</v>
      </c>
      <c r="B9030" t="s">
        <v>18024</v>
      </c>
      <c r="C9030" t="s">
        <v>18025</v>
      </c>
    </row>
    <row r="9031" spans="1:3" x14ac:dyDescent="0.15">
      <c r="A9031">
        <v>15980</v>
      </c>
      <c r="B9031" t="s">
        <v>18026</v>
      </c>
      <c r="C9031" t="s">
        <v>18027</v>
      </c>
    </row>
    <row r="9032" spans="1:3" x14ac:dyDescent="0.15">
      <c r="A9032">
        <v>15979</v>
      </c>
      <c r="B9032" t="s">
        <v>18028</v>
      </c>
      <c r="C9032" t="s">
        <v>18029</v>
      </c>
    </row>
    <row r="9033" spans="1:3" x14ac:dyDescent="0.15">
      <c r="A9033">
        <v>15978</v>
      </c>
      <c r="B9033" t="s">
        <v>18030</v>
      </c>
      <c r="C9033" t="s">
        <v>18031</v>
      </c>
    </row>
    <row r="9034" spans="1:3" x14ac:dyDescent="0.15">
      <c r="A9034">
        <v>15977</v>
      </c>
      <c r="B9034" t="s">
        <v>18032</v>
      </c>
      <c r="C9034" t="s">
        <v>10801</v>
      </c>
    </row>
    <row r="9035" spans="1:3" x14ac:dyDescent="0.15">
      <c r="A9035">
        <v>15976</v>
      </c>
      <c r="B9035" t="s">
        <v>18033</v>
      </c>
      <c r="C9035" t="s">
        <v>18034</v>
      </c>
    </row>
    <row r="9036" spans="1:3" x14ac:dyDescent="0.15">
      <c r="A9036">
        <v>15975</v>
      </c>
      <c r="B9036" t="s">
        <v>18035</v>
      </c>
      <c r="C9036" t="s">
        <v>18036</v>
      </c>
    </row>
    <row r="9037" spans="1:3" x14ac:dyDescent="0.15">
      <c r="A9037">
        <v>15974</v>
      </c>
      <c r="B9037" t="s">
        <v>18037</v>
      </c>
      <c r="C9037" t="s">
        <v>18038</v>
      </c>
    </row>
    <row r="9038" spans="1:3" x14ac:dyDescent="0.15">
      <c r="A9038">
        <v>15973</v>
      </c>
      <c r="B9038" t="s">
        <v>18039</v>
      </c>
      <c r="C9038" t="s">
        <v>18040</v>
      </c>
    </row>
    <row r="9039" spans="1:3" x14ac:dyDescent="0.15">
      <c r="A9039">
        <v>15972</v>
      </c>
      <c r="B9039" t="s">
        <v>18041</v>
      </c>
      <c r="C9039" t="s">
        <v>18042</v>
      </c>
    </row>
    <row r="9040" spans="1:3" x14ac:dyDescent="0.15">
      <c r="A9040">
        <v>15971</v>
      </c>
      <c r="B9040" t="s">
        <v>18043</v>
      </c>
      <c r="C9040" t="s">
        <v>18044</v>
      </c>
    </row>
    <row r="9041" spans="1:3" x14ac:dyDescent="0.15">
      <c r="A9041">
        <v>15970</v>
      </c>
      <c r="B9041" t="s">
        <v>18045</v>
      </c>
      <c r="C9041" t="s">
        <v>18046</v>
      </c>
    </row>
    <row r="9042" spans="1:3" x14ac:dyDescent="0.15">
      <c r="A9042">
        <v>15969</v>
      </c>
      <c r="B9042" t="s">
        <v>18047</v>
      </c>
      <c r="C9042" t="s">
        <v>18048</v>
      </c>
    </row>
    <row r="9043" spans="1:3" x14ac:dyDescent="0.15">
      <c r="A9043">
        <v>15968</v>
      </c>
      <c r="B9043" t="s">
        <v>18049</v>
      </c>
      <c r="C9043" t="s">
        <v>18050</v>
      </c>
    </row>
    <row r="9044" spans="1:3" x14ac:dyDescent="0.15">
      <c r="A9044">
        <v>15967</v>
      </c>
      <c r="B9044" t="s">
        <v>18051</v>
      </c>
      <c r="C9044" t="s">
        <v>18052</v>
      </c>
    </row>
    <row r="9045" spans="1:3" x14ac:dyDescent="0.15">
      <c r="A9045">
        <v>15966</v>
      </c>
      <c r="B9045" t="s">
        <v>18053</v>
      </c>
      <c r="C9045" t="s">
        <v>18054</v>
      </c>
    </row>
    <row r="9046" spans="1:3" x14ac:dyDescent="0.15">
      <c r="A9046">
        <v>15965</v>
      </c>
      <c r="B9046" t="s">
        <v>18055</v>
      </c>
      <c r="C9046" t="s">
        <v>18056</v>
      </c>
    </row>
    <row r="9047" spans="1:3" x14ac:dyDescent="0.15">
      <c r="A9047">
        <v>15964</v>
      </c>
      <c r="B9047" t="s">
        <v>18057</v>
      </c>
      <c r="C9047" t="s">
        <v>18058</v>
      </c>
    </row>
    <row r="9048" spans="1:3" x14ac:dyDescent="0.15">
      <c r="A9048">
        <v>15963</v>
      </c>
      <c r="B9048" t="s">
        <v>18059</v>
      </c>
      <c r="C9048" t="s">
        <v>18060</v>
      </c>
    </row>
    <row r="9049" spans="1:3" x14ac:dyDescent="0.15">
      <c r="A9049">
        <v>15962</v>
      </c>
      <c r="B9049" t="s">
        <v>18061</v>
      </c>
      <c r="C9049" t="s">
        <v>18062</v>
      </c>
    </row>
    <row r="9050" spans="1:3" x14ac:dyDescent="0.15">
      <c r="A9050">
        <v>15961</v>
      </c>
      <c r="B9050" t="s">
        <v>18063</v>
      </c>
      <c r="C9050" t="s">
        <v>18064</v>
      </c>
    </row>
    <row r="9051" spans="1:3" x14ac:dyDescent="0.15">
      <c r="A9051">
        <v>15960</v>
      </c>
      <c r="B9051" t="s">
        <v>18065</v>
      </c>
      <c r="C9051" t="s">
        <v>18066</v>
      </c>
    </row>
    <row r="9052" spans="1:3" x14ac:dyDescent="0.15">
      <c r="A9052">
        <v>15959</v>
      </c>
      <c r="B9052" t="s">
        <v>18067</v>
      </c>
      <c r="C9052" t="s">
        <v>18068</v>
      </c>
    </row>
    <row r="9053" spans="1:3" x14ac:dyDescent="0.15">
      <c r="A9053">
        <v>15958</v>
      </c>
      <c r="B9053" t="s">
        <v>18069</v>
      </c>
      <c r="C9053" t="s">
        <v>18070</v>
      </c>
    </row>
    <row r="9054" spans="1:3" x14ac:dyDescent="0.15">
      <c r="A9054">
        <v>15957</v>
      </c>
      <c r="B9054" t="s">
        <v>18071</v>
      </c>
      <c r="C9054" t="s">
        <v>18072</v>
      </c>
    </row>
    <row r="9055" spans="1:3" x14ac:dyDescent="0.15">
      <c r="A9055">
        <v>15956</v>
      </c>
      <c r="B9055" t="s">
        <v>18073</v>
      </c>
      <c r="C9055" t="s">
        <v>18074</v>
      </c>
    </row>
    <row r="9056" spans="1:3" x14ac:dyDescent="0.15">
      <c r="A9056">
        <v>15955</v>
      </c>
      <c r="B9056" t="s">
        <v>18075</v>
      </c>
      <c r="C9056" t="s">
        <v>18076</v>
      </c>
    </row>
    <row r="9057" spans="1:3" x14ac:dyDescent="0.15">
      <c r="A9057">
        <v>15954</v>
      </c>
      <c r="B9057" t="s">
        <v>18077</v>
      </c>
      <c r="C9057" t="s">
        <v>18078</v>
      </c>
    </row>
    <row r="9058" spans="1:3" x14ac:dyDescent="0.15">
      <c r="A9058">
        <v>15953</v>
      </c>
      <c r="B9058" t="s">
        <v>18079</v>
      </c>
      <c r="C9058" t="s">
        <v>18080</v>
      </c>
    </row>
    <row r="9059" spans="1:3" x14ac:dyDescent="0.15">
      <c r="A9059">
        <v>15952</v>
      </c>
      <c r="B9059" t="s">
        <v>18081</v>
      </c>
      <c r="C9059" t="s">
        <v>18082</v>
      </c>
    </row>
    <row r="9060" spans="1:3" x14ac:dyDescent="0.15">
      <c r="A9060">
        <v>15951</v>
      </c>
      <c r="B9060" t="s">
        <v>18083</v>
      </c>
      <c r="C9060" t="s">
        <v>18084</v>
      </c>
    </row>
    <row r="9061" spans="1:3" x14ac:dyDescent="0.15">
      <c r="A9061">
        <v>15950</v>
      </c>
      <c r="B9061" t="s">
        <v>18085</v>
      </c>
      <c r="C9061" t="s">
        <v>18086</v>
      </c>
    </row>
    <row r="9062" spans="1:3" x14ac:dyDescent="0.15">
      <c r="A9062">
        <v>15949</v>
      </c>
      <c r="B9062" t="s">
        <v>18087</v>
      </c>
      <c r="C9062" t="s">
        <v>18088</v>
      </c>
    </row>
    <row r="9063" spans="1:3" x14ac:dyDescent="0.15">
      <c r="A9063">
        <v>15948</v>
      </c>
      <c r="B9063" t="s">
        <v>18089</v>
      </c>
      <c r="C9063" t="s">
        <v>18090</v>
      </c>
    </row>
    <row r="9064" spans="1:3" x14ac:dyDescent="0.15">
      <c r="A9064">
        <v>15947</v>
      </c>
      <c r="B9064" t="s">
        <v>18091</v>
      </c>
      <c r="C9064" t="s">
        <v>18092</v>
      </c>
    </row>
    <row r="9065" spans="1:3" x14ac:dyDescent="0.15">
      <c r="A9065">
        <v>15946</v>
      </c>
      <c r="B9065" t="s">
        <v>18093</v>
      </c>
      <c r="C9065" t="s">
        <v>18094</v>
      </c>
    </row>
    <row r="9066" spans="1:3" x14ac:dyDescent="0.15">
      <c r="A9066">
        <v>15945</v>
      </c>
      <c r="B9066" t="s">
        <v>18095</v>
      </c>
      <c r="C9066" t="s">
        <v>18096</v>
      </c>
    </row>
    <row r="9067" spans="1:3" x14ac:dyDescent="0.15">
      <c r="A9067">
        <v>15944</v>
      </c>
      <c r="B9067" t="s">
        <v>18097</v>
      </c>
      <c r="C9067" t="s">
        <v>6503</v>
      </c>
    </row>
    <row r="9068" spans="1:3" x14ac:dyDescent="0.15">
      <c r="A9068">
        <v>15943</v>
      </c>
      <c r="B9068" t="s">
        <v>18098</v>
      </c>
      <c r="C9068" t="s">
        <v>18099</v>
      </c>
    </row>
    <row r="9069" spans="1:3" x14ac:dyDescent="0.15">
      <c r="A9069">
        <v>15942</v>
      </c>
      <c r="B9069" t="s">
        <v>18100</v>
      </c>
      <c r="C9069" t="s">
        <v>18101</v>
      </c>
    </row>
    <row r="9070" spans="1:3" x14ac:dyDescent="0.15">
      <c r="A9070">
        <v>15941</v>
      </c>
      <c r="B9070" t="s">
        <v>18102</v>
      </c>
      <c r="C9070" t="s">
        <v>18103</v>
      </c>
    </row>
    <row r="9071" spans="1:3" x14ac:dyDescent="0.15">
      <c r="A9071">
        <v>15940</v>
      </c>
      <c r="B9071" t="s">
        <v>18104</v>
      </c>
      <c r="C9071" t="s">
        <v>18105</v>
      </c>
    </row>
    <row r="9072" spans="1:3" x14ac:dyDescent="0.15">
      <c r="A9072">
        <v>15939</v>
      </c>
      <c r="B9072" t="s">
        <v>18106</v>
      </c>
      <c r="C9072" t="s">
        <v>18107</v>
      </c>
    </row>
    <row r="9073" spans="1:3" x14ac:dyDescent="0.15">
      <c r="A9073">
        <v>15938</v>
      </c>
      <c r="B9073" t="s">
        <v>18108</v>
      </c>
      <c r="C9073" t="s">
        <v>18109</v>
      </c>
    </row>
    <row r="9074" spans="1:3" x14ac:dyDescent="0.15">
      <c r="A9074">
        <v>15937</v>
      </c>
      <c r="B9074" t="s">
        <v>18110</v>
      </c>
      <c r="C9074" t="s">
        <v>18111</v>
      </c>
    </row>
    <row r="9075" spans="1:3" x14ac:dyDescent="0.15">
      <c r="A9075">
        <v>15936</v>
      </c>
      <c r="B9075" t="s">
        <v>18112</v>
      </c>
      <c r="C9075" t="s">
        <v>18113</v>
      </c>
    </row>
    <row r="9076" spans="1:3" x14ac:dyDescent="0.15">
      <c r="A9076">
        <v>15935</v>
      </c>
      <c r="B9076" t="s">
        <v>18114</v>
      </c>
      <c r="C9076" t="s">
        <v>18115</v>
      </c>
    </row>
    <row r="9077" spans="1:3" x14ac:dyDescent="0.15">
      <c r="A9077">
        <v>15934</v>
      </c>
      <c r="B9077" t="s">
        <v>18116</v>
      </c>
      <c r="C9077" t="s">
        <v>18117</v>
      </c>
    </row>
    <row r="9078" spans="1:3" x14ac:dyDescent="0.15">
      <c r="A9078">
        <v>15933</v>
      </c>
      <c r="B9078" t="s">
        <v>18118</v>
      </c>
      <c r="C9078" t="s">
        <v>18119</v>
      </c>
    </row>
    <row r="9079" spans="1:3" x14ac:dyDescent="0.15">
      <c r="A9079">
        <v>15932</v>
      </c>
      <c r="B9079" t="s">
        <v>18120</v>
      </c>
      <c r="C9079" t="s">
        <v>18121</v>
      </c>
    </row>
    <row r="9080" spans="1:3" x14ac:dyDescent="0.15">
      <c r="A9080">
        <v>15931</v>
      </c>
      <c r="B9080" t="s">
        <v>18122</v>
      </c>
      <c r="C9080" t="s">
        <v>18123</v>
      </c>
    </row>
    <row r="9081" spans="1:3" x14ac:dyDescent="0.15">
      <c r="A9081">
        <v>15930</v>
      </c>
      <c r="B9081" t="s">
        <v>18124</v>
      </c>
      <c r="C9081" t="s">
        <v>18125</v>
      </c>
    </row>
    <row r="9082" spans="1:3" x14ac:dyDescent="0.15">
      <c r="A9082">
        <v>15929</v>
      </c>
      <c r="B9082" t="s">
        <v>18126</v>
      </c>
      <c r="C9082" t="s">
        <v>18127</v>
      </c>
    </row>
    <row r="9083" spans="1:3" x14ac:dyDescent="0.15">
      <c r="A9083">
        <v>15928</v>
      </c>
      <c r="B9083" t="s">
        <v>18128</v>
      </c>
      <c r="C9083" t="s">
        <v>18129</v>
      </c>
    </row>
    <row r="9084" spans="1:3" x14ac:dyDescent="0.15">
      <c r="A9084">
        <v>15927</v>
      </c>
      <c r="B9084" t="s">
        <v>18130</v>
      </c>
      <c r="C9084" t="s">
        <v>18131</v>
      </c>
    </row>
    <row r="9085" spans="1:3" x14ac:dyDescent="0.15">
      <c r="A9085">
        <v>15926</v>
      </c>
      <c r="B9085" t="s">
        <v>18132</v>
      </c>
      <c r="C9085" t="s">
        <v>18133</v>
      </c>
    </row>
    <row r="9086" spans="1:3" x14ac:dyDescent="0.15">
      <c r="A9086">
        <v>15925</v>
      </c>
      <c r="B9086" t="s">
        <v>18134</v>
      </c>
      <c r="C9086" t="s">
        <v>18135</v>
      </c>
    </row>
    <row r="9087" spans="1:3" x14ac:dyDescent="0.15">
      <c r="A9087">
        <v>15924</v>
      </c>
      <c r="B9087" t="s">
        <v>18136</v>
      </c>
      <c r="C9087" t="s">
        <v>18137</v>
      </c>
    </row>
    <row r="9088" spans="1:3" x14ac:dyDescent="0.15">
      <c r="A9088">
        <v>15923</v>
      </c>
      <c r="B9088" t="s">
        <v>18138</v>
      </c>
      <c r="C9088" t="s">
        <v>18139</v>
      </c>
    </row>
    <row r="9089" spans="1:3" x14ac:dyDescent="0.15">
      <c r="A9089">
        <v>15922</v>
      </c>
      <c r="B9089" t="s">
        <v>18140</v>
      </c>
      <c r="C9089" t="s">
        <v>18141</v>
      </c>
    </row>
    <row r="9090" spans="1:3" x14ac:dyDescent="0.15">
      <c r="A9090">
        <v>15921</v>
      </c>
      <c r="B9090" t="s">
        <v>18142</v>
      </c>
      <c r="C9090" t="s">
        <v>18143</v>
      </c>
    </row>
    <row r="9091" spans="1:3" x14ac:dyDescent="0.15">
      <c r="A9091">
        <v>15920</v>
      </c>
      <c r="B9091" t="s">
        <v>18144</v>
      </c>
      <c r="C9091" t="s">
        <v>18145</v>
      </c>
    </row>
    <row r="9092" spans="1:3" x14ac:dyDescent="0.15">
      <c r="A9092">
        <v>15919</v>
      </c>
      <c r="B9092" t="s">
        <v>18146</v>
      </c>
      <c r="C9092" t="s">
        <v>18147</v>
      </c>
    </row>
    <row r="9093" spans="1:3" x14ac:dyDescent="0.15">
      <c r="A9093">
        <v>15918</v>
      </c>
      <c r="B9093" t="s">
        <v>18148</v>
      </c>
      <c r="C9093" t="s">
        <v>18149</v>
      </c>
    </row>
    <row r="9094" spans="1:3" x14ac:dyDescent="0.15">
      <c r="A9094">
        <v>15917</v>
      </c>
      <c r="B9094" t="s">
        <v>18150</v>
      </c>
      <c r="C9094" t="s">
        <v>18151</v>
      </c>
    </row>
    <row r="9095" spans="1:3" x14ac:dyDescent="0.15">
      <c r="A9095">
        <v>15916</v>
      </c>
      <c r="B9095" t="s">
        <v>18152</v>
      </c>
      <c r="C9095" t="s">
        <v>18153</v>
      </c>
    </row>
    <row r="9096" spans="1:3" x14ac:dyDescent="0.15">
      <c r="A9096">
        <v>15915</v>
      </c>
      <c r="B9096" t="s">
        <v>18154</v>
      </c>
      <c r="C9096" t="s">
        <v>18155</v>
      </c>
    </row>
    <row r="9097" spans="1:3" x14ac:dyDescent="0.15">
      <c r="A9097">
        <v>15914</v>
      </c>
      <c r="B9097" t="s">
        <v>18156</v>
      </c>
      <c r="C9097" t="s">
        <v>18157</v>
      </c>
    </row>
    <row r="9098" spans="1:3" x14ac:dyDescent="0.15">
      <c r="A9098">
        <v>15913</v>
      </c>
      <c r="B9098" t="s">
        <v>18158</v>
      </c>
      <c r="C9098" t="s">
        <v>18159</v>
      </c>
    </row>
    <row r="9099" spans="1:3" x14ac:dyDescent="0.15">
      <c r="A9099">
        <v>15912</v>
      </c>
      <c r="B9099" t="s">
        <v>18160</v>
      </c>
      <c r="C9099" t="s">
        <v>18161</v>
      </c>
    </row>
    <row r="9100" spans="1:3" x14ac:dyDescent="0.15">
      <c r="A9100">
        <v>15911</v>
      </c>
      <c r="B9100" t="s">
        <v>18162</v>
      </c>
      <c r="C9100" t="s">
        <v>18163</v>
      </c>
    </row>
    <row r="9101" spans="1:3" x14ac:dyDescent="0.15">
      <c r="A9101">
        <v>15910</v>
      </c>
      <c r="B9101" t="s">
        <v>18164</v>
      </c>
      <c r="C9101" t="s">
        <v>18165</v>
      </c>
    </row>
    <row r="9102" spans="1:3" x14ac:dyDescent="0.15">
      <c r="A9102">
        <v>15909</v>
      </c>
      <c r="B9102" t="s">
        <v>18166</v>
      </c>
      <c r="C9102" t="s">
        <v>18167</v>
      </c>
    </row>
    <row r="9103" spans="1:3" x14ac:dyDescent="0.15">
      <c r="A9103">
        <v>15908</v>
      </c>
      <c r="B9103" t="s">
        <v>18168</v>
      </c>
      <c r="C9103" t="s">
        <v>18169</v>
      </c>
    </row>
    <row r="9104" spans="1:3" x14ac:dyDescent="0.15">
      <c r="A9104">
        <v>15907</v>
      </c>
      <c r="B9104" t="s">
        <v>18170</v>
      </c>
      <c r="C9104" t="s">
        <v>18171</v>
      </c>
    </row>
    <row r="9105" spans="1:3" x14ac:dyDescent="0.15">
      <c r="A9105">
        <v>15906</v>
      </c>
      <c r="B9105" t="s">
        <v>18172</v>
      </c>
      <c r="C9105" t="s">
        <v>18173</v>
      </c>
    </row>
    <row r="9106" spans="1:3" x14ac:dyDescent="0.15">
      <c r="A9106">
        <v>15905</v>
      </c>
      <c r="B9106" t="s">
        <v>18174</v>
      </c>
      <c r="C9106" t="s">
        <v>18175</v>
      </c>
    </row>
    <row r="9107" spans="1:3" x14ac:dyDescent="0.15">
      <c r="A9107">
        <v>15904</v>
      </c>
      <c r="B9107" t="s">
        <v>18176</v>
      </c>
      <c r="C9107" t="s">
        <v>18177</v>
      </c>
    </row>
    <row r="9108" spans="1:3" x14ac:dyDescent="0.15">
      <c r="A9108">
        <v>15903</v>
      </c>
      <c r="B9108" t="s">
        <v>18178</v>
      </c>
      <c r="C9108" t="s">
        <v>18179</v>
      </c>
    </row>
    <row r="9109" spans="1:3" x14ac:dyDescent="0.15">
      <c r="A9109">
        <v>15902</v>
      </c>
      <c r="B9109" t="s">
        <v>18180</v>
      </c>
      <c r="C9109" t="s">
        <v>18181</v>
      </c>
    </row>
    <row r="9110" spans="1:3" x14ac:dyDescent="0.15">
      <c r="A9110">
        <v>15901</v>
      </c>
      <c r="B9110" t="s">
        <v>18182</v>
      </c>
      <c r="C9110" t="s">
        <v>18183</v>
      </c>
    </row>
    <row r="9111" spans="1:3" x14ac:dyDescent="0.15">
      <c r="A9111">
        <v>15900</v>
      </c>
      <c r="B9111" t="s">
        <v>18184</v>
      </c>
      <c r="C9111" t="s">
        <v>18185</v>
      </c>
    </row>
    <row r="9112" spans="1:3" x14ac:dyDescent="0.15">
      <c r="A9112">
        <v>15899</v>
      </c>
      <c r="B9112" t="s">
        <v>18186</v>
      </c>
      <c r="C9112" t="s">
        <v>18187</v>
      </c>
    </row>
    <row r="9113" spans="1:3" x14ac:dyDescent="0.15">
      <c r="A9113">
        <v>15898</v>
      </c>
      <c r="B9113" t="s">
        <v>18188</v>
      </c>
      <c r="C9113" t="s">
        <v>18189</v>
      </c>
    </row>
    <row r="9114" spans="1:3" x14ac:dyDescent="0.15">
      <c r="A9114">
        <v>15897</v>
      </c>
      <c r="B9114" t="s">
        <v>18190</v>
      </c>
      <c r="C9114" t="s">
        <v>18191</v>
      </c>
    </row>
    <row r="9115" spans="1:3" x14ac:dyDescent="0.15">
      <c r="A9115">
        <v>15896</v>
      </c>
      <c r="B9115" t="s">
        <v>18192</v>
      </c>
      <c r="C9115" t="s">
        <v>18193</v>
      </c>
    </row>
    <row r="9116" spans="1:3" x14ac:dyDescent="0.15">
      <c r="A9116">
        <v>15895</v>
      </c>
      <c r="B9116" t="s">
        <v>18194</v>
      </c>
      <c r="C9116" t="s">
        <v>18195</v>
      </c>
    </row>
    <row r="9117" spans="1:3" x14ac:dyDescent="0.15">
      <c r="A9117">
        <v>15894</v>
      </c>
      <c r="B9117" t="s">
        <v>18196</v>
      </c>
      <c r="C9117" t="s">
        <v>18197</v>
      </c>
    </row>
    <row r="9118" spans="1:3" x14ac:dyDescent="0.15">
      <c r="A9118">
        <v>15893</v>
      </c>
      <c r="B9118" t="s">
        <v>18198</v>
      </c>
      <c r="C9118" t="s">
        <v>18199</v>
      </c>
    </row>
    <row r="9119" spans="1:3" x14ac:dyDescent="0.15">
      <c r="A9119">
        <v>15892</v>
      </c>
      <c r="B9119" t="s">
        <v>18200</v>
      </c>
      <c r="C9119" t="s">
        <v>18201</v>
      </c>
    </row>
    <row r="9120" spans="1:3" x14ac:dyDescent="0.15">
      <c r="A9120">
        <v>15891</v>
      </c>
      <c r="B9120" t="s">
        <v>18202</v>
      </c>
      <c r="C9120" t="s">
        <v>18203</v>
      </c>
    </row>
    <row r="9121" spans="1:3" x14ac:dyDescent="0.15">
      <c r="A9121">
        <v>15890</v>
      </c>
      <c r="B9121" t="s">
        <v>18204</v>
      </c>
      <c r="C9121" t="s">
        <v>18205</v>
      </c>
    </row>
    <row r="9122" spans="1:3" x14ac:dyDescent="0.15">
      <c r="A9122">
        <v>15889</v>
      </c>
      <c r="B9122" t="s">
        <v>18206</v>
      </c>
      <c r="C9122" t="s">
        <v>18207</v>
      </c>
    </row>
    <row r="9123" spans="1:3" x14ac:dyDescent="0.15">
      <c r="A9123">
        <v>15888</v>
      </c>
      <c r="B9123" t="s">
        <v>18208</v>
      </c>
      <c r="C9123" t="s">
        <v>18209</v>
      </c>
    </row>
    <row r="9124" spans="1:3" x14ac:dyDescent="0.15">
      <c r="A9124">
        <v>15887</v>
      </c>
      <c r="B9124" t="s">
        <v>18210</v>
      </c>
      <c r="C9124" t="s">
        <v>18211</v>
      </c>
    </row>
    <row r="9125" spans="1:3" x14ac:dyDescent="0.15">
      <c r="A9125">
        <v>15886</v>
      </c>
      <c r="B9125" t="s">
        <v>18212</v>
      </c>
      <c r="C9125" t="s">
        <v>18213</v>
      </c>
    </row>
    <row r="9126" spans="1:3" x14ac:dyDescent="0.15">
      <c r="A9126">
        <v>15885</v>
      </c>
      <c r="B9126" t="s">
        <v>18214</v>
      </c>
      <c r="C9126" t="s">
        <v>18215</v>
      </c>
    </row>
    <row r="9127" spans="1:3" x14ac:dyDescent="0.15">
      <c r="A9127">
        <v>15884</v>
      </c>
      <c r="B9127" t="s">
        <v>18216</v>
      </c>
      <c r="C9127" t="s">
        <v>18217</v>
      </c>
    </row>
    <row r="9128" spans="1:3" x14ac:dyDescent="0.15">
      <c r="A9128">
        <v>15883</v>
      </c>
      <c r="B9128" t="s">
        <v>18218</v>
      </c>
      <c r="C9128" t="s">
        <v>18219</v>
      </c>
    </row>
    <row r="9129" spans="1:3" x14ac:dyDescent="0.15">
      <c r="A9129">
        <v>15882</v>
      </c>
      <c r="B9129" t="s">
        <v>18220</v>
      </c>
      <c r="C9129" t="s">
        <v>18221</v>
      </c>
    </row>
    <row r="9130" spans="1:3" x14ac:dyDescent="0.15">
      <c r="A9130">
        <v>15881</v>
      </c>
      <c r="B9130" t="s">
        <v>18222</v>
      </c>
      <c r="C9130" t="s">
        <v>18223</v>
      </c>
    </row>
    <row r="9131" spans="1:3" x14ac:dyDescent="0.15">
      <c r="A9131">
        <v>15880</v>
      </c>
      <c r="B9131" t="s">
        <v>18224</v>
      </c>
      <c r="C9131" t="s">
        <v>18225</v>
      </c>
    </row>
    <row r="9132" spans="1:3" x14ac:dyDescent="0.15">
      <c r="A9132">
        <v>15879</v>
      </c>
      <c r="B9132" t="s">
        <v>18226</v>
      </c>
      <c r="C9132" t="s">
        <v>18227</v>
      </c>
    </row>
    <row r="9133" spans="1:3" x14ac:dyDescent="0.15">
      <c r="A9133">
        <v>15878</v>
      </c>
      <c r="B9133" t="s">
        <v>18228</v>
      </c>
      <c r="C9133" t="s">
        <v>18229</v>
      </c>
    </row>
    <row r="9134" spans="1:3" x14ac:dyDescent="0.15">
      <c r="A9134">
        <v>15877</v>
      </c>
      <c r="B9134" t="s">
        <v>18230</v>
      </c>
      <c r="C9134" t="s">
        <v>18231</v>
      </c>
    </row>
    <row r="9135" spans="1:3" x14ac:dyDescent="0.15">
      <c r="A9135">
        <v>15876</v>
      </c>
      <c r="B9135" t="s">
        <v>18232</v>
      </c>
      <c r="C9135" t="s">
        <v>18233</v>
      </c>
    </row>
    <row r="9136" spans="1:3" x14ac:dyDescent="0.15">
      <c r="A9136">
        <v>15875</v>
      </c>
      <c r="B9136" t="s">
        <v>18234</v>
      </c>
      <c r="C9136" t="s">
        <v>18235</v>
      </c>
    </row>
    <row r="9137" spans="1:3" x14ac:dyDescent="0.15">
      <c r="A9137">
        <v>15874</v>
      </c>
      <c r="B9137" t="s">
        <v>18236</v>
      </c>
      <c r="C9137" t="s">
        <v>18237</v>
      </c>
    </row>
    <row r="9138" spans="1:3" x14ac:dyDescent="0.15">
      <c r="A9138">
        <v>15873</v>
      </c>
      <c r="B9138" t="s">
        <v>18238</v>
      </c>
      <c r="C9138" t="s">
        <v>18239</v>
      </c>
    </row>
    <row r="9139" spans="1:3" x14ac:dyDescent="0.15">
      <c r="A9139">
        <v>15872</v>
      </c>
      <c r="B9139" t="s">
        <v>18240</v>
      </c>
      <c r="C9139" t="s">
        <v>18241</v>
      </c>
    </row>
    <row r="9140" spans="1:3" x14ac:dyDescent="0.15">
      <c r="A9140">
        <v>15871</v>
      </c>
      <c r="B9140" t="s">
        <v>18242</v>
      </c>
      <c r="C9140" t="s">
        <v>18243</v>
      </c>
    </row>
    <row r="9141" spans="1:3" x14ac:dyDescent="0.15">
      <c r="A9141">
        <v>15870</v>
      </c>
      <c r="B9141" t="s">
        <v>18244</v>
      </c>
      <c r="C9141" t="s">
        <v>18245</v>
      </c>
    </row>
    <row r="9142" spans="1:3" x14ac:dyDescent="0.15">
      <c r="A9142">
        <v>15869</v>
      </c>
      <c r="B9142" t="s">
        <v>18246</v>
      </c>
      <c r="C9142" t="s">
        <v>18247</v>
      </c>
    </row>
    <row r="9143" spans="1:3" x14ac:dyDescent="0.15">
      <c r="A9143">
        <v>15868</v>
      </c>
      <c r="B9143" t="s">
        <v>18248</v>
      </c>
      <c r="C9143" t="s">
        <v>18249</v>
      </c>
    </row>
    <row r="9144" spans="1:3" x14ac:dyDescent="0.15">
      <c r="A9144">
        <v>15867</v>
      </c>
      <c r="B9144" t="s">
        <v>18250</v>
      </c>
      <c r="C9144" t="s">
        <v>18251</v>
      </c>
    </row>
    <row r="9145" spans="1:3" x14ac:dyDescent="0.15">
      <c r="A9145">
        <v>15866</v>
      </c>
      <c r="B9145" t="s">
        <v>18252</v>
      </c>
      <c r="C9145" t="s">
        <v>18253</v>
      </c>
    </row>
    <row r="9146" spans="1:3" x14ac:dyDescent="0.15">
      <c r="A9146">
        <v>15865</v>
      </c>
      <c r="B9146" t="s">
        <v>18254</v>
      </c>
      <c r="C9146" t="s">
        <v>18255</v>
      </c>
    </row>
    <row r="9147" spans="1:3" x14ac:dyDescent="0.15">
      <c r="A9147">
        <v>15864</v>
      </c>
      <c r="B9147" t="s">
        <v>18256</v>
      </c>
      <c r="C9147" t="s">
        <v>18257</v>
      </c>
    </row>
    <row r="9148" spans="1:3" x14ac:dyDescent="0.15">
      <c r="A9148">
        <v>15863</v>
      </c>
      <c r="B9148" t="s">
        <v>18258</v>
      </c>
      <c r="C9148" t="s">
        <v>18259</v>
      </c>
    </row>
    <row r="9149" spans="1:3" x14ac:dyDescent="0.15">
      <c r="A9149">
        <v>15862</v>
      </c>
      <c r="B9149" t="s">
        <v>18260</v>
      </c>
      <c r="C9149" t="s">
        <v>18261</v>
      </c>
    </row>
    <row r="9150" spans="1:3" x14ac:dyDescent="0.15">
      <c r="A9150">
        <v>15861</v>
      </c>
      <c r="B9150" t="s">
        <v>18262</v>
      </c>
      <c r="C9150" t="s">
        <v>18263</v>
      </c>
    </row>
    <row r="9151" spans="1:3" x14ac:dyDescent="0.15">
      <c r="A9151">
        <v>15860</v>
      </c>
      <c r="B9151" t="s">
        <v>18264</v>
      </c>
      <c r="C9151" t="s">
        <v>18265</v>
      </c>
    </row>
    <row r="9152" spans="1:3" x14ac:dyDescent="0.15">
      <c r="A9152">
        <v>15859</v>
      </c>
      <c r="B9152" t="s">
        <v>18266</v>
      </c>
      <c r="C9152" t="s">
        <v>18267</v>
      </c>
    </row>
    <row r="9153" spans="1:3" x14ac:dyDescent="0.15">
      <c r="A9153">
        <v>15858</v>
      </c>
      <c r="B9153" t="s">
        <v>18268</v>
      </c>
      <c r="C9153" t="s">
        <v>18269</v>
      </c>
    </row>
    <row r="9154" spans="1:3" x14ac:dyDescent="0.15">
      <c r="A9154">
        <v>15857</v>
      </c>
      <c r="B9154" t="s">
        <v>18270</v>
      </c>
      <c r="C9154" t="s">
        <v>18271</v>
      </c>
    </row>
    <row r="9155" spans="1:3" x14ac:dyDescent="0.15">
      <c r="A9155">
        <v>15856</v>
      </c>
      <c r="B9155" t="s">
        <v>18272</v>
      </c>
      <c r="C9155" t="s">
        <v>18273</v>
      </c>
    </row>
    <row r="9156" spans="1:3" x14ac:dyDescent="0.15">
      <c r="A9156">
        <v>15855</v>
      </c>
      <c r="B9156" t="s">
        <v>18274</v>
      </c>
      <c r="C9156" t="s">
        <v>18275</v>
      </c>
    </row>
    <row r="9157" spans="1:3" x14ac:dyDescent="0.15">
      <c r="A9157">
        <v>15854</v>
      </c>
      <c r="B9157" t="s">
        <v>18276</v>
      </c>
      <c r="C9157" t="s">
        <v>18277</v>
      </c>
    </row>
    <row r="9158" spans="1:3" x14ac:dyDescent="0.15">
      <c r="A9158">
        <v>15853</v>
      </c>
      <c r="B9158" t="s">
        <v>18278</v>
      </c>
      <c r="C9158" t="s">
        <v>18279</v>
      </c>
    </row>
    <row r="9159" spans="1:3" x14ac:dyDescent="0.15">
      <c r="A9159">
        <v>15852</v>
      </c>
      <c r="B9159" t="s">
        <v>18280</v>
      </c>
      <c r="C9159" t="s">
        <v>18281</v>
      </c>
    </row>
    <row r="9160" spans="1:3" x14ac:dyDescent="0.15">
      <c r="A9160">
        <v>15851</v>
      </c>
      <c r="B9160" t="s">
        <v>18282</v>
      </c>
      <c r="C9160" t="s">
        <v>18283</v>
      </c>
    </row>
    <row r="9161" spans="1:3" x14ac:dyDescent="0.15">
      <c r="A9161">
        <v>15850</v>
      </c>
      <c r="B9161" t="s">
        <v>18284</v>
      </c>
      <c r="C9161" t="s">
        <v>18285</v>
      </c>
    </row>
    <row r="9162" spans="1:3" x14ac:dyDescent="0.15">
      <c r="A9162">
        <v>15849</v>
      </c>
      <c r="B9162" t="s">
        <v>18286</v>
      </c>
      <c r="C9162" t="s">
        <v>18287</v>
      </c>
    </row>
    <row r="9163" spans="1:3" x14ac:dyDescent="0.15">
      <c r="A9163">
        <v>15848</v>
      </c>
      <c r="B9163" t="s">
        <v>18288</v>
      </c>
      <c r="C9163" t="s">
        <v>18289</v>
      </c>
    </row>
    <row r="9164" spans="1:3" x14ac:dyDescent="0.15">
      <c r="A9164">
        <v>15847</v>
      </c>
      <c r="B9164" t="s">
        <v>18290</v>
      </c>
      <c r="C9164" t="s">
        <v>18291</v>
      </c>
    </row>
    <row r="9165" spans="1:3" x14ac:dyDescent="0.15">
      <c r="A9165">
        <v>15846</v>
      </c>
      <c r="B9165" t="s">
        <v>18292</v>
      </c>
      <c r="C9165" t="s">
        <v>18293</v>
      </c>
    </row>
    <row r="9166" spans="1:3" x14ac:dyDescent="0.15">
      <c r="A9166">
        <v>15845</v>
      </c>
      <c r="B9166" t="s">
        <v>18294</v>
      </c>
      <c r="C9166" t="s">
        <v>18295</v>
      </c>
    </row>
    <row r="9167" spans="1:3" x14ac:dyDescent="0.15">
      <c r="A9167">
        <v>15844</v>
      </c>
      <c r="B9167" t="s">
        <v>18296</v>
      </c>
      <c r="C9167" t="s">
        <v>18297</v>
      </c>
    </row>
    <row r="9168" spans="1:3" x14ac:dyDescent="0.15">
      <c r="A9168">
        <v>15843</v>
      </c>
      <c r="B9168" t="s">
        <v>18298</v>
      </c>
      <c r="C9168" t="s">
        <v>18299</v>
      </c>
    </row>
    <row r="9169" spans="1:3" x14ac:dyDescent="0.15">
      <c r="A9169">
        <v>15842</v>
      </c>
      <c r="B9169" t="s">
        <v>18300</v>
      </c>
      <c r="C9169" t="s">
        <v>18301</v>
      </c>
    </row>
    <row r="9170" spans="1:3" x14ac:dyDescent="0.15">
      <c r="A9170">
        <v>15841</v>
      </c>
      <c r="B9170" t="s">
        <v>18302</v>
      </c>
      <c r="C9170" t="s">
        <v>18303</v>
      </c>
    </row>
    <row r="9171" spans="1:3" x14ac:dyDescent="0.15">
      <c r="A9171">
        <v>15840</v>
      </c>
      <c r="B9171" t="s">
        <v>18304</v>
      </c>
      <c r="C9171" t="s">
        <v>18305</v>
      </c>
    </row>
    <row r="9172" spans="1:3" x14ac:dyDescent="0.15">
      <c r="A9172">
        <v>15839</v>
      </c>
      <c r="B9172" t="s">
        <v>18306</v>
      </c>
      <c r="C9172" t="s">
        <v>18307</v>
      </c>
    </row>
    <row r="9173" spans="1:3" x14ac:dyDescent="0.15">
      <c r="A9173">
        <v>15838</v>
      </c>
      <c r="B9173" t="s">
        <v>18308</v>
      </c>
      <c r="C9173" t="s">
        <v>18309</v>
      </c>
    </row>
    <row r="9174" spans="1:3" x14ac:dyDescent="0.15">
      <c r="A9174">
        <v>15837</v>
      </c>
      <c r="B9174" t="s">
        <v>18310</v>
      </c>
      <c r="C9174" t="s">
        <v>18311</v>
      </c>
    </row>
    <row r="9175" spans="1:3" x14ac:dyDescent="0.15">
      <c r="A9175">
        <v>15836</v>
      </c>
      <c r="B9175" t="s">
        <v>18312</v>
      </c>
      <c r="C9175" t="s">
        <v>18313</v>
      </c>
    </row>
    <row r="9176" spans="1:3" x14ac:dyDescent="0.15">
      <c r="A9176">
        <v>15835</v>
      </c>
      <c r="B9176" t="s">
        <v>18314</v>
      </c>
      <c r="C9176" t="s">
        <v>18315</v>
      </c>
    </row>
    <row r="9177" spans="1:3" x14ac:dyDescent="0.15">
      <c r="A9177">
        <v>15834</v>
      </c>
      <c r="B9177" t="s">
        <v>18316</v>
      </c>
      <c r="C9177" t="s">
        <v>18317</v>
      </c>
    </row>
    <row r="9178" spans="1:3" x14ac:dyDescent="0.15">
      <c r="A9178">
        <v>15833</v>
      </c>
      <c r="B9178" t="s">
        <v>18318</v>
      </c>
      <c r="C9178" t="s">
        <v>18319</v>
      </c>
    </row>
    <row r="9179" spans="1:3" x14ac:dyDescent="0.15">
      <c r="A9179">
        <v>15832</v>
      </c>
      <c r="B9179" t="s">
        <v>18320</v>
      </c>
      <c r="C9179" t="s">
        <v>18321</v>
      </c>
    </row>
    <row r="9180" spans="1:3" x14ac:dyDescent="0.15">
      <c r="A9180">
        <v>15831</v>
      </c>
      <c r="B9180" t="s">
        <v>18322</v>
      </c>
      <c r="C9180" t="s">
        <v>18323</v>
      </c>
    </row>
    <row r="9181" spans="1:3" x14ac:dyDescent="0.15">
      <c r="A9181">
        <v>15830</v>
      </c>
      <c r="B9181" t="s">
        <v>18324</v>
      </c>
      <c r="C9181" t="s">
        <v>18325</v>
      </c>
    </row>
    <row r="9182" spans="1:3" x14ac:dyDescent="0.15">
      <c r="A9182">
        <v>15829</v>
      </c>
      <c r="B9182" t="s">
        <v>18326</v>
      </c>
      <c r="C9182" t="s">
        <v>11300</v>
      </c>
    </row>
    <row r="9183" spans="1:3" x14ac:dyDescent="0.15">
      <c r="A9183">
        <v>15828</v>
      </c>
      <c r="B9183" t="s">
        <v>18327</v>
      </c>
      <c r="C9183" t="s">
        <v>18328</v>
      </c>
    </row>
    <row r="9184" spans="1:3" x14ac:dyDescent="0.15">
      <c r="A9184">
        <v>15827</v>
      </c>
      <c r="B9184" t="s">
        <v>18329</v>
      </c>
      <c r="C9184" t="s">
        <v>18330</v>
      </c>
    </row>
    <row r="9185" spans="1:3" x14ac:dyDescent="0.15">
      <c r="A9185">
        <v>15826</v>
      </c>
      <c r="B9185" t="s">
        <v>18331</v>
      </c>
      <c r="C9185" t="s">
        <v>18332</v>
      </c>
    </row>
    <row r="9186" spans="1:3" x14ac:dyDescent="0.15">
      <c r="A9186">
        <v>15825</v>
      </c>
      <c r="B9186" t="s">
        <v>18333</v>
      </c>
      <c r="C9186" t="s">
        <v>18334</v>
      </c>
    </row>
    <row r="9187" spans="1:3" x14ac:dyDescent="0.15">
      <c r="A9187">
        <v>15824</v>
      </c>
      <c r="B9187" t="s">
        <v>18335</v>
      </c>
      <c r="C9187" t="s">
        <v>18336</v>
      </c>
    </row>
    <row r="9188" spans="1:3" x14ac:dyDescent="0.15">
      <c r="A9188">
        <v>15823</v>
      </c>
      <c r="B9188" t="s">
        <v>18337</v>
      </c>
      <c r="C9188" t="s">
        <v>18338</v>
      </c>
    </row>
    <row r="9189" spans="1:3" x14ac:dyDescent="0.15">
      <c r="A9189">
        <v>15822</v>
      </c>
      <c r="B9189" t="s">
        <v>18339</v>
      </c>
      <c r="C9189" t="s">
        <v>18340</v>
      </c>
    </row>
    <row r="9190" spans="1:3" x14ac:dyDescent="0.15">
      <c r="A9190">
        <v>15821</v>
      </c>
      <c r="B9190" t="s">
        <v>18341</v>
      </c>
      <c r="C9190" t="s">
        <v>18342</v>
      </c>
    </row>
    <row r="9191" spans="1:3" x14ac:dyDescent="0.15">
      <c r="A9191">
        <v>15820</v>
      </c>
      <c r="B9191" t="s">
        <v>18343</v>
      </c>
      <c r="C9191" t="s">
        <v>18344</v>
      </c>
    </row>
    <row r="9192" spans="1:3" x14ac:dyDescent="0.15">
      <c r="A9192">
        <v>15819</v>
      </c>
      <c r="B9192" t="s">
        <v>18345</v>
      </c>
      <c r="C9192" t="s">
        <v>18346</v>
      </c>
    </row>
    <row r="9193" spans="1:3" x14ac:dyDescent="0.15">
      <c r="A9193">
        <v>15818</v>
      </c>
      <c r="B9193" t="s">
        <v>18347</v>
      </c>
      <c r="C9193" t="s">
        <v>18348</v>
      </c>
    </row>
    <row r="9194" spans="1:3" x14ac:dyDescent="0.15">
      <c r="A9194">
        <v>15817</v>
      </c>
      <c r="B9194" t="s">
        <v>18349</v>
      </c>
      <c r="C9194" t="s">
        <v>18350</v>
      </c>
    </row>
    <row r="9195" spans="1:3" x14ac:dyDescent="0.15">
      <c r="A9195">
        <v>15816</v>
      </c>
      <c r="B9195" t="s">
        <v>18351</v>
      </c>
      <c r="C9195" t="s">
        <v>18352</v>
      </c>
    </row>
    <row r="9196" spans="1:3" x14ac:dyDescent="0.15">
      <c r="A9196">
        <v>15815</v>
      </c>
      <c r="B9196" t="s">
        <v>18353</v>
      </c>
      <c r="C9196" t="s">
        <v>18354</v>
      </c>
    </row>
    <row r="9197" spans="1:3" x14ac:dyDescent="0.15">
      <c r="A9197">
        <v>15814</v>
      </c>
      <c r="B9197" t="s">
        <v>18355</v>
      </c>
      <c r="C9197" t="s">
        <v>18356</v>
      </c>
    </row>
    <row r="9198" spans="1:3" x14ac:dyDescent="0.15">
      <c r="A9198">
        <v>15813</v>
      </c>
      <c r="B9198" t="s">
        <v>18357</v>
      </c>
      <c r="C9198" t="s">
        <v>18358</v>
      </c>
    </row>
    <row r="9199" spans="1:3" x14ac:dyDescent="0.15">
      <c r="A9199">
        <v>15812</v>
      </c>
      <c r="B9199" t="s">
        <v>18359</v>
      </c>
      <c r="C9199" t="s">
        <v>18360</v>
      </c>
    </row>
    <row r="9200" spans="1:3" x14ac:dyDescent="0.15">
      <c r="A9200">
        <v>15811</v>
      </c>
      <c r="B9200" t="s">
        <v>18361</v>
      </c>
      <c r="C9200" t="s">
        <v>18362</v>
      </c>
    </row>
    <row r="9201" spans="1:3" x14ac:dyDescent="0.15">
      <c r="A9201">
        <v>15810</v>
      </c>
      <c r="B9201" t="s">
        <v>18363</v>
      </c>
      <c r="C9201" t="s">
        <v>18364</v>
      </c>
    </row>
    <row r="9202" spans="1:3" x14ac:dyDescent="0.15">
      <c r="A9202">
        <v>15809</v>
      </c>
      <c r="B9202" t="s">
        <v>18365</v>
      </c>
      <c r="C9202" t="s">
        <v>18366</v>
      </c>
    </row>
    <row r="9203" spans="1:3" x14ac:dyDescent="0.15">
      <c r="A9203">
        <v>15808</v>
      </c>
      <c r="B9203" t="s">
        <v>18367</v>
      </c>
      <c r="C9203" t="s">
        <v>18368</v>
      </c>
    </row>
    <row r="9204" spans="1:3" x14ac:dyDescent="0.15">
      <c r="A9204">
        <v>15807</v>
      </c>
      <c r="B9204" t="s">
        <v>18369</v>
      </c>
      <c r="C9204" t="s">
        <v>18370</v>
      </c>
    </row>
    <row r="9205" spans="1:3" x14ac:dyDescent="0.15">
      <c r="A9205">
        <v>15806</v>
      </c>
      <c r="B9205" t="s">
        <v>18371</v>
      </c>
      <c r="C9205" t="s">
        <v>18372</v>
      </c>
    </row>
    <row r="9206" spans="1:3" x14ac:dyDescent="0.15">
      <c r="A9206">
        <v>15805</v>
      </c>
      <c r="B9206" t="s">
        <v>18373</v>
      </c>
      <c r="C9206" t="s">
        <v>18374</v>
      </c>
    </row>
    <row r="9207" spans="1:3" x14ac:dyDescent="0.15">
      <c r="A9207">
        <v>15804</v>
      </c>
      <c r="B9207" t="s">
        <v>18375</v>
      </c>
      <c r="C9207" t="s">
        <v>18376</v>
      </c>
    </row>
    <row r="9208" spans="1:3" x14ac:dyDescent="0.15">
      <c r="A9208">
        <v>15803</v>
      </c>
      <c r="B9208" t="s">
        <v>18377</v>
      </c>
      <c r="C9208" t="s">
        <v>18378</v>
      </c>
    </row>
    <row r="9209" spans="1:3" x14ac:dyDescent="0.15">
      <c r="A9209">
        <v>15802</v>
      </c>
      <c r="B9209" t="s">
        <v>18379</v>
      </c>
      <c r="C9209" t="s">
        <v>18380</v>
      </c>
    </row>
    <row r="9210" spans="1:3" x14ac:dyDescent="0.15">
      <c r="A9210">
        <v>15801</v>
      </c>
      <c r="B9210" t="s">
        <v>18381</v>
      </c>
      <c r="C9210" t="s">
        <v>18382</v>
      </c>
    </row>
    <row r="9211" spans="1:3" x14ac:dyDescent="0.15">
      <c r="A9211">
        <v>15800</v>
      </c>
      <c r="B9211" t="s">
        <v>18383</v>
      </c>
      <c r="C9211" t="s">
        <v>18384</v>
      </c>
    </row>
    <row r="9212" spans="1:3" x14ac:dyDescent="0.15">
      <c r="A9212">
        <v>15799</v>
      </c>
      <c r="B9212" t="s">
        <v>18385</v>
      </c>
      <c r="C9212" t="s">
        <v>18386</v>
      </c>
    </row>
    <row r="9213" spans="1:3" x14ac:dyDescent="0.15">
      <c r="A9213">
        <v>15798</v>
      </c>
      <c r="B9213" t="s">
        <v>18387</v>
      </c>
      <c r="C9213" t="s">
        <v>18388</v>
      </c>
    </row>
    <row r="9214" spans="1:3" x14ac:dyDescent="0.15">
      <c r="A9214">
        <v>15797</v>
      </c>
      <c r="B9214" t="s">
        <v>18389</v>
      </c>
      <c r="C9214" t="s">
        <v>18390</v>
      </c>
    </row>
    <row r="9215" spans="1:3" x14ac:dyDescent="0.15">
      <c r="A9215">
        <v>15796</v>
      </c>
      <c r="B9215" t="s">
        <v>18391</v>
      </c>
      <c r="C9215" t="s">
        <v>18392</v>
      </c>
    </row>
    <row r="9216" spans="1:3" x14ac:dyDescent="0.15">
      <c r="A9216">
        <v>15795</v>
      </c>
      <c r="B9216" t="s">
        <v>18393</v>
      </c>
      <c r="C9216" t="s">
        <v>18394</v>
      </c>
    </row>
    <row r="9217" spans="1:3" x14ac:dyDescent="0.15">
      <c r="A9217">
        <v>15794</v>
      </c>
      <c r="B9217" t="s">
        <v>18395</v>
      </c>
      <c r="C9217" t="s">
        <v>18396</v>
      </c>
    </row>
    <row r="9218" spans="1:3" x14ac:dyDescent="0.15">
      <c r="A9218">
        <v>15793</v>
      </c>
      <c r="B9218" t="s">
        <v>18397</v>
      </c>
      <c r="C9218" t="s">
        <v>18398</v>
      </c>
    </row>
    <row r="9219" spans="1:3" x14ac:dyDescent="0.15">
      <c r="A9219">
        <v>15792</v>
      </c>
      <c r="B9219" t="s">
        <v>18399</v>
      </c>
      <c r="C9219" t="s">
        <v>18400</v>
      </c>
    </row>
    <row r="9220" spans="1:3" x14ac:dyDescent="0.15">
      <c r="A9220">
        <v>15791</v>
      </c>
      <c r="B9220" t="s">
        <v>18401</v>
      </c>
      <c r="C9220" t="s">
        <v>18402</v>
      </c>
    </row>
    <row r="9221" spans="1:3" x14ac:dyDescent="0.15">
      <c r="A9221">
        <v>15790</v>
      </c>
      <c r="B9221" t="s">
        <v>18403</v>
      </c>
      <c r="C9221" t="s">
        <v>18404</v>
      </c>
    </row>
    <row r="9222" spans="1:3" x14ac:dyDescent="0.15">
      <c r="A9222">
        <v>15789</v>
      </c>
      <c r="B9222" t="s">
        <v>18405</v>
      </c>
      <c r="C9222" t="s">
        <v>18406</v>
      </c>
    </row>
    <row r="9223" spans="1:3" x14ac:dyDescent="0.15">
      <c r="A9223">
        <v>15788</v>
      </c>
      <c r="B9223" t="s">
        <v>18407</v>
      </c>
      <c r="C9223" t="s">
        <v>18408</v>
      </c>
    </row>
    <row r="9224" spans="1:3" x14ac:dyDescent="0.15">
      <c r="A9224">
        <v>15787</v>
      </c>
      <c r="B9224" t="s">
        <v>18409</v>
      </c>
      <c r="C9224" t="s">
        <v>18410</v>
      </c>
    </row>
    <row r="9225" spans="1:3" x14ac:dyDescent="0.15">
      <c r="A9225">
        <v>15786</v>
      </c>
      <c r="B9225" t="s">
        <v>18411</v>
      </c>
      <c r="C9225" t="s">
        <v>18412</v>
      </c>
    </row>
    <row r="9226" spans="1:3" x14ac:dyDescent="0.15">
      <c r="A9226">
        <v>15785</v>
      </c>
      <c r="B9226" t="s">
        <v>18413</v>
      </c>
      <c r="C9226" t="s">
        <v>18414</v>
      </c>
    </row>
    <row r="9227" spans="1:3" x14ac:dyDescent="0.15">
      <c r="A9227">
        <v>15784</v>
      </c>
      <c r="B9227" t="s">
        <v>18415</v>
      </c>
      <c r="C9227" t="s">
        <v>18416</v>
      </c>
    </row>
    <row r="9228" spans="1:3" x14ac:dyDescent="0.15">
      <c r="A9228">
        <v>15783</v>
      </c>
      <c r="B9228" t="s">
        <v>18417</v>
      </c>
      <c r="C9228" t="s">
        <v>18418</v>
      </c>
    </row>
    <row r="9229" spans="1:3" x14ac:dyDescent="0.15">
      <c r="A9229">
        <v>15782</v>
      </c>
      <c r="B9229" t="s">
        <v>18419</v>
      </c>
      <c r="C9229" t="s">
        <v>18420</v>
      </c>
    </row>
    <row r="9230" spans="1:3" x14ac:dyDescent="0.15">
      <c r="A9230">
        <v>15781</v>
      </c>
      <c r="B9230" t="s">
        <v>18421</v>
      </c>
      <c r="C9230" t="s">
        <v>18422</v>
      </c>
    </row>
    <row r="9231" spans="1:3" x14ac:dyDescent="0.15">
      <c r="A9231">
        <v>15780</v>
      </c>
      <c r="B9231" t="s">
        <v>18423</v>
      </c>
      <c r="C9231" t="s">
        <v>18424</v>
      </c>
    </row>
    <row r="9232" spans="1:3" x14ac:dyDescent="0.15">
      <c r="A9232">
        <v>15779</v>
      </c>
      <c r="B9232" t="s">
        <v>18425</v>
      </c>
      <c r="C9232" t="s">
        <v>18426</v>
      </c>
    </row>
    <row r="9233" spans="1:3" x14ac:dyDescent="0.15">
      <c r="A9233">
        <v>15778</v>
      </c>
      <c r="B9233" t="s">
        <v>18427</v>
      </c>
      <c r="C9233" t="s">
        <v>18428</v>
      </c>
    </row>
    <row r="9234" spans="1:3" x14ac:dyDescent="0.15">
      <c r="A9234">
        <v>15777</v>
      </c>
      <c r="B9234" t="s">
        <v>18429</v>
      </c>
      <c r="C9234" t="s">
        <v>18430</v>
      </c>
    </row>
    <row r="9235" spans="1:3" x14ac:dyDescent="0.15">
      <c r="A9235">
        <v>15776</v>
      </c>
      <c r="B9235" t="s">
        <v>18431</v>
      </c>
      <c r="C9235" t="s">
        <v>18432</v>
      </c>
    </row>
    <row r="9236" spans="1:3" x14ac:dyDescent="0.15">
      <c r="A9236">
        <v>15775</v>
      </c>
      <c r="B9236" t="s">
        <v>18433</v>
      </c>
      <c r="C9236" t="s">
        <v>18434</v>
      </c>
    </row>
    <row r="9237" spans="1:3" x14ac:dyDescent="0.15">
      <c r="A9237">
        <v>15774</v>
      </c>
      <c r="B9237" t="s">
        <v>18435</v>
      </c>
      <c r="C9237" t="s">
        <v>18436</v>
      </c>
    </row>
    <row r="9238" spans="1:3" x14ac:dyDescent="0.15">
      <c r="A9238">
        <v>15773</v>
      </c>
      <c r="B9238" t="s">
        <v>18437</v>
      </c>
      <c r="C9238" t="s">
        <v>18438</v>
      </c>
    </row>
    <row r="9239" spans="1:3" x14ac:dyDescent="0.15">
      <c r="A9239">
        <v>15772</v>
      </c>
      <c r="B9239" t="s">
        <v>18439</v>
      </c>
      <c r="C9239" t="s">
        <v>18440</v>
      </c>
    </row>
    <row r="9240" spans="1:3" x14ac:dyDescent="0.15">
      <c r="A9240">
        <v>15771</v>
      </c>
      <c r="B9240" t="s">
        <v>18441</v>
      </c>
      <c r="C9240" t="s">
        <v>18442</v>
      </c>
    </row>
    <row r="9241" spans="1:3" x14ac:dyDescent="0.15">
      <c r="A9241">
        <v>15770</v>
      </c>
      <c r="B9241" t="s">
        <v>18443</v>
      </c>
      <c r="C9241" t="s">
        <v>18444</v>
      </c>
    </row>
    <row r="9242" spans="1:3" x14ac:dyDescent="0.15">
      <c r="A9242">
        <v>15769</v>
      </c>
      <c r="B9242" t="s">
        <v>18445</v>
      </c>
      <c r="C9242" t="s">
        <v>18446</v>
      </c>
    </row>
    <row r="9243" spans="1:3" x14ac:dyDescent="0.15">
      <c r="A9243">
        <v>15768</v>
      </c>
      <c r="B9243" t="s">
        <v>18447</v>
      </c>
      <c r="C9243" t="s">
        <v>18448</v>
      </c>
    </row>
    <row r="9244" spans="1:3" x14ac:dyDescent="0.15">
      <c r="A9244">
        <v>15767</v>
      </c>
      <c r="B9244" t="s">
        <v>18449</v>
      </c>
      <c r="C9244" t="s">
        <v>18450</v>
      </c>
    </row>
    <row r="9245" spans="1:3" x14ac:dyDescent="0.15">
      <c r="A9245">
        <v>15766</v>
      </c>
      <c r="B9245" t="s">
        <v>18451</v>
      </c>
      <c r="C9245" t="s">
        <v>18452</v>
      </c>
    </row>
    <row r="9246" spans="1:3" x14ac:dyDescent="0.15">
      <c r="A9246">
        <v>15765</v>
      </c>
      <c r="B9246" t="s">
        <v>18453</v>
      </c>
      <c r="C9246" t="s">
        <v>18454</v>
      </c>
    </row>
    <row r="9247" spans="1:3" x14ac:dyDescent="0.15">
      <c r="A9247">
        <v>15764</v>
      </c>
      <c r="B9247" t="s">
        <v>18455</v>
      </c>
      <c r="C9247" t="s">
        <v>18456</v>
      </c>
    </row>
    <row r="9248" spans="1:3" x14ac:dyDescent="0.15">
      <c r="A9248">
        <v>15763</v>
      </c>
      <c r="B9248" t="s">
        <v>18457</v>
      </c>
      <c r="C9248" t="s">
        <v>18458</v>
      </c>
    </row>
    <row r="9249" spans="1:3" x14ac:dyDescent="0.15">
      <c r="A9249">
        <v>15762</v>
      </c>
      <c r="B9249" t="s">
        <v>18459</v>
      </c>
      <c r="C9249" t="s">
        <v>18460</v>
      </c>
    </row>
    <row r="9250" spans="1:3" x14ac:dyDescent="0.15">
      <c r="A9250">
        <v>15761</v>
      </c>
      <c r="B9250" t="s">
        <v>18461</v>
      </c>
      <c r="C9250" t="s">
        <v>18462</v>
      </c>
    </row>
    <row r="9251" spans="1:3" x14ac:dyDescent="0.15">
      <c r="A9251">
        <v>15760</v>
      </c>
      <c r="B9251" t="s">
        <v>18463</v>
      </c>
      <c r="C9251" t="s">
        <v>18464</v>
      </c>
    </row>
    <row r="9252" spans="1:3" x14ac:dyDescent="0.15">
      <c r="A9252">
        <v>15759</v>
      </c>
      <c r="B9252" t="s">
        <v>18465</v>
      </c>
      <c r="C9252" t="s">
        <v>18466</v>
      </c>
    </row>
    <row r="9253" spans="1:3" x14ac:dyDescent="0.15">
      <c r="A9253">
        <v>15758</v>
      </c>
      <c r="B9253" t="s">
        <v>18467</v>
      </c>
      <c r="C9253" t="s">
        <v>18468</v>
      </c>
    </row>
    <row r="9254" spans="1:3" x14ac:dyDescent="0.15">
      <c r="A9254">
        <v>15757</v>
      </c>
      <c r="B9254" t="s">
        <v>18469</v>
      </c>
      <c r="C9254" t="s">
        <v>18470</v>
      </c>
    </row>
    <row r="9255" spans="1:3" x14ac:dyDescent="0.15">
      <c r="A9255">
        <v>15756</v>
      </c>
      <c r="B9255" t="s">
        <v>18471</v>
      </c>
      <c r="C9255" t="s">
        <v>18472</v>
      </c>
    </row>
    <row r="9256" spans="1:3" x14ac:dyDescent="0.15">
      <c r="A9256">
        <v>15755</v>
      </c>
      <c r="B9256" t="s">
        <v>18473</v>
      </c>
      <c r="C9256" t="s">
        <v>18474</v>
      </c>
    </row>
    <row r="9257" spans="1:3" x14ac:dyDescent="0.15">
      <c r="A9257">
        <v>15754</v>
      </c>
      <c r="B9257" t="s">
        <v>18475</v>
      </c>
      <c r="C9257" t="s">
        <v>18476</v>
      </c>
    </row>
    <row r="9258" spans="1:3" x14ac:dyDescent="0.15">
      <c r="A9258">
        <v>15753</v>
      </c>
      <c r="B9258" t="s">
        <v>18477</v>
      </c>
      <c r="C9258" t="s">
        <v>18478</v>
      </c>
    </row>
    <row r="9259" spans="1:3" x14ac:dyDescent="0.15">
      <c r="A9259">
        <v>15752</v>
      </c>
      <c r="B9259" t="s">
        <v>18479</v>
      </c>
      <c r="C9259" t="s">
        <v>18480</v>
      </c>
    </row>
    <row r="9260" spans="1:3" x14ac:dyDescent="0.15">
      <c r="A9260">
        <v>15751</v>
      </c>
      <c r="B9260" t="s">
        <v>18481</v>
      </c>
      <c r="C9260" t="s">
        <v>18482</v>
      </c>
    </row>
    <row r="9261" spans="1:3" x14ac:dyDescent="0.15">
      <c r="A9261">
        <v>15750</v>
      </c>
      <c r="B9261" t="s">
        <v>18483</v>
      </c>
      <c r="C9261" t="s">
        <v>18484</v>
      </c>
    </row>
    <row r="9262" spans="1:3" x14ac:dyDescent="0.15">
      <c r="A9262">
        <v>15749</v>
      </c>
      <c r="B9262" t="s">
        <v>18485</v>
      </c>
      <c r="C9262" t="s">
        <v>18486</v>
      </c>
    </row>
    <row r="9263" spans="1:3" x14ac:dyDescent="0.15">
      <c r="A9263">
        <v>15748</v>
      </c>
      <c r="B9263" t="s">
        <v>18487</v>
      </c>
      <c r="C9263" t="s">
        <v>18488</v>
      </c>
    </row>
    <row r="9264" spans="1:3" x14ac:dyDescent="0.15">
      <c r="A9264">
        <v>15747</v>
      </c>
      <c r="B9264" t="s">
        <v>18489</v>
      </c>
      <c r="C9264" t="s">
        <v>18490</v>
      </c>
    </row>
    <row r="9265" spans="1:3" x14ac:dyDescent="0.15">
      <c r="A9265">
        <v>15746</v>
      </c>
      <c r="B9265" t="s">
        <v>18491</v>
      </c>
      <c r="C9265" t="s">
        <v>18492</v>
      </c>
    </row>
    <row r="9266" spans="1:3" x14ac:dyDescent="0.15">
      <c r="A9266">
        <v>15745</v>
      </c>
      <c r="B9266" t="s">
        <v>18493</v>
      </c>
      <c r="C9266" t="s">
        <v>18494</v>
      </c>
    </row>
    <row r="9267" spans="1:3" x14ac:dyDescent="0.15">
      <c r="A9267">
        <v>15744</v>
      </c>
      <c r="B9267" t="s">
        <v>18495</v>
      </c>
      <c r="C9267" t="s">
        <v>18496</v>
      </c>
    </row>
    <row r="9268" spans="1:3" x14ac:dyDescent="0.15">
      <c r="A9268">
        <v>15743</v>
      </c>
      <c r="B9268" t="s">
        <v>18497</v>
      </c>
      <c r="C9268" t="s">
        <v>18498</v>
      </c>
    </row>
    <row r="9269" spans="1:3" x14ac:dyDescent="0.15">
      <c r="A9269">
        <v>15742</v>
      </c>
      <c r="B9269" t="s">
        <v>18499</v>
      </c>
      <c r="C9269" t="s">
        <v>18500</v>
      </c>
    </row>
    <row r="9270" spans="1:3" x14ac:dyDescent="0.15">
      <c r="A9270">
        <v>15741</v>
      </c>
      <c r="B9270" t="s">
        <v>18501</v>
      </c>
      <c r="C9270" t="s">
        <v>18502</v>
      </c>
    </row>
    <row r="9271" spans="1:3" x14ac:dyDescent="0.15">
      <c r="A9271">
        <v>15740</v>
      </c>
      <c r="B9271" t="s">
        <v>18503</v>
      </c>
      <c r="C9271" t="s">
        <v>18504</v>
      </c>
    </row>
    <row r="9272" spans="1:3" x14ac:dyDescent="0.15">
      <c r="A9272">
        <v>15739</v>
      </c>
      <c r="B9272" t="s">
        <v>18505</v>
      </c>
      <c r="C9272" t="s">
        <v>18506</v>
      </c>
    </row>
    <row r="9273" spans="1:3" x14ac:dyDescent="0.15">
      <c r="A9273">
        <v>15738</v>
      </c>
      <c r="B9273" t="s">
        <v>18507</v>
      </c>
      <c r="C9273" t="s">
        <v>18508</v>
      </c>
    </row>
    <row r="9274" spans="1:3" x14ac:dyDescent="0.15">
      <c r="A9274">
        <v>15737</v>
      </c>
      <c r="B9274" t="s">
        <v>18509</v>
      </c>
      <c r="C9274" t="s">
        <v>18510</v>
      </c>
    </row>
    <row r="9275" spans="1:3" x14ac:dyDescent="0.15">
      <c r="A9275">
        <v>15736</v>
      </c>
      <c r="B9275" t="s">
        <v>18511</v>
      </c>
      <c r="C9275" t="s">
        <v>18512</v>
      </c>
    </row>
    <row r="9276" spans="1:3" x14ac:dyDescent="0.15">
      <c r="A9276">
        <v>15735</v>
      </c>
      <c r="B9276" t="s">
        <v>18513</v>
      </c>
      <c r="C9276" t="s">
        <v>18514</v>
      </c>
    </row>
    <row r="9277" spans="1:3" x14ac:dyDescent="0.15">
      <c r="A9277">
        <v>15734</v>
      </c>
      <c r="B9277" t="s">
        <v>18515</v>
      </c>
      <c r="C9277" t="s">
        <v>18516</v>
      </c>
    </row>
    <row r="9278" spans="1:3" x14ac:dyDescent="0.15">
      <c r="A9278">
        <v>15733</v>
      </c>
      <c r="B9278" t="s">
        <v>18517</v>
      </c>
      <c r="C9278" t="s">
        <v>18518</v>
      </c>
    </row>
    <row r="9279" spans="1:3" x14ac:dyDescent="0.15">
      <c r="A9279">
        <v>15732</v>
      </c>
      <c r="B9279" t="s">
        <v>18519</v>
      </c>
      <c r="C9279" t="s">
        <v>18520</v>
      </c>
    </row>
    <row r="9280" spans="1:3" x14ac:dyDescent="0.15">
      <c r="A9280">
        <v>15731</v>
      </c>
      <c r="B9280" t="s">
        <v>18521</v>
      </c>
      <c r="C9280" t="s">
        <v>18522</v>
      </c>
    </row>
    <row r="9281" spans="1:3" x14ac:dyDescent="0.15">
      <c r="A9281">
        <v>15730</v>
      </c>
      <c r="B9281" t="s">
        <v>18523</v>
      </c>
      <c r="C9281" t="s">
        <v>18524</v>
      </c>
    </row>
    <row r="9282" spans="1:3" x14ac:dyDescent="0.15">
      <c r="A9282">
        <v>15729</v>
      </c>
      <c r="B9282" t="s">
        <v>18525</v>
      </c>
      <c r="C9282" t="s">
        <v>18526</v>
      </c>
    </row>
    <row r="9283" spans="1:3" x14ac:dyDescent="0.15">
      <c r="A9283">
        <v>15728</v>
      </c>
      <c r="B9283" t="s">
        <v>18527</v>
      </c>
      <c r="C9283" t="s">
        <v>18528</v>
      </c>
    </row>
    <row r="9284" spans="1:3" x14ac:dyDescent="0.15">
      <c r="A9284">
        <v>15727</v>
      </c>
      <c r="B9284" t="s">
        <v>18529</v>
      </c>
      <c r="C9284" t="s">
        <v>18530</v>
      </c>
    </row>
    <row r="9285" spans="1:3" x14ac:dyDescent="0.15">
      <c r="A9285">
        <v>15726</v>
      </c>
      <c r="B9285" t="s">
        <v>18531</v>
      </c>
      <c r="C9285" t="s">
        <v>18532</v>
      </c>
    </row>
    <row r="9286" spans="1:3" x14ac:dyDescent="0.15">
      <c r="A9286">
        <v>15725</v>
      </c>
      <c r="B9286" t="s">
        <v>18533</v>
      </c>
      <c r="C9286" t="s">
        <v>18534</v>
      </c>
    </row>
    <row r="9287" spans="1:3" x14ac:dyDescent="0.15">
      <c r="A9287">
        <v>15724</v>
      </c>
      <c r="B9287" t="s">
        <v>18535</v>
      </c>
      <c r="C9287" t="s">
        <v>18536</v>
      </c>
    </row>
    <row r="9288" spans="1:3" x14ac:dyDescent="0.15">
      <c r="A9288">
        <v>15723</v>
      </c>
      <c r="B9288" t="s">
        <v>18537</v>
      </c>
      <c r="C9288" t="s">
        <v>18538</v>
      </c>
    </row>
    <row r="9289" spans="1:3" x14ac:dyDescent="0.15">
      <c r="A9289">
        <v>15722</v>
      </c>
      <c r="B9289" t="s">
        <v>18539</v>
      </c>
      <c r="C9289" t="s">
        <v>18540</v>
      </c>
    </row>
    <row r="9290" spans="1:3" x14ac:dyDescent="0.15">
      <c r="A9290">
        <v>15721</v>
      </c>
      <c r="B9290" t="s">
        <v>18541</v>
      </c>
      <c r="C9290" t="s">
        <v>18542</v>
      </c>
    </row>
    <row r="9291" spans="1:3" x14ac:dyDescent="0.15">
      <c r="A9291">
        <v>15720</v>
      </c>
      <c r="B9291" t="s">
        <v>18543</v>
      </c>
      <c r="C9291" t="s">
        <v>18544</v>
      </c>
    </row>
    <row r="9292" spans="1:3" x14ac:dyDescent="0.15">
      <c r="A9292">
        <v>15719</v>
      </c>
      <c r="B9292" t="s">
        <v>18545</v>
      </c>
      <c r="C9292" t="s">
        <v>18546</v>
      </c>
    </row>
    <row r="9293" spans="1:3" x14ac:dyDescent="0.15">
      <c r="A9293">
        <v>15718</v>
      </c>
      <c r="B9293" t="s">
        <v>18547</v>
      </c>
      <c r="C9293" t="s">
        <v>18548</v>
      </c>
    </row>
    <row r="9294" spans="1:3" x14ac:dyDescent="0.15">
      <c r="A9294">
        <v>15717</v>
      </c>
      <c r="B9294" t="s">
        <v>18549</v>
      </c>
      <c r="C9294" t="s">
        <v>18550</v>
      </c>
    </row>
    <row r="9295" spans="1:3" x14ac:dyDescent="0.15">
      <c r="A9295">
        <v>15716</v>
      </c>
      <c r="B9295" t="s">
        <v>18551</v>
      </c>
      <c r="C9295" t="s">
        <v>18552</v>
      </c>
    </row>
    <row r="9296" spans="1:3" x14ac:dyDescent="0.15">
      <c r="A9296">
        <v>15715</v>
      </c>
      <c r="B9296" t="s">
        <v>18553</v>
      </c>
      <c r="C9296" t="s">
        <v>18554</v>
      </c>
    </row>
    <row r="9297" spans="1:3" x14ac:dyDescent="0.15">
      <c r="A9297">
        <v>15714</v>
      </c>
      <c r="B9297" t="s">
        <v>18555</v>
      </c>
      <c r="C9297" t="s">
        <v>18556</v>
      </c>
    </row>
    <row r="9298" spans="1:3" x14ac:dyDescent="0.15">
      <c r="A9298">
        <v>15713</v>
      </c>
      <c r="B9298" t="s">
        <v>18557</v>
      </c>
      <c r="C9298" t="s">
        <v>18558</v>
      </c>
    </row>
    <row r="9299" spans="1:3" x14ac:dyDescent="0.15">
      <c r="A9299">
        <v>15712</v>
      </c>
      <c r="B9299" t="s">
        <v>18559</v>
      </c>
      <c r="C9299" t="s">
        <v>18560</v>
      </c>
    </row>
    <row r="9300" spans="1:3" x14ac:dyDescent="0.15">
      <c r="A9300">
        <v>15711</v>
      </c>
      <c r="B9300" t="s">
        <v>18561</v>
      </c>
      <c r="C9300" t="s">
        <v>18562</v>
      </c>
    </row>
    <row r="9301" spans="1:3" x14ac:dyDescent="0.15">
      <c r="A9301">
        <v>15710</v>
      </c>
      <c r="B9301" t="s">
        <v>18563</v>
      </c>
      <c r="C9301" t="s">
        <v>18564</v>
      </c>
    </row>
    <row r="9302" spans="1:3" x14ac:dyDescent="0.15">
      <c r="A9302">
        <v>15709</v>
      </c>
      <c r="B9302" t="s">
        <v>18565</v>
      </c>
      <c r="C9302" t="s">
        <v>18566</v>
      </c>
    </row>
    <row r="9303" spans="1:3" x14ac:dyDescent="0.15">
      <c r="A9303">
        <v>15708</v>
      </c>
      <c r="B9303" t="s">
        <v>18567</v>
      </c>
      <c r="C9303" t="s">
        <v>18568</v>
      </c>
    </row>
    <row r="9304" spans="1:3" x14ac:dyDescent="0.15">
      <c r="A9304">
        <v>15707</v>
      </c>
      <c r="B9304" t="s">
        <v>18569</v>
      </c>
      <c r="C9304" t="s">
        <v>18570</v>
      </c>
    </row>
    <row r="9305" spans="1:3" x14ac:dyDescent="0.15">
      <c r="A9305">
        <v>15706</v>
      </c>
      <c r="B9305" t="s">
        <v>18571</v>
      </c>
      <c r="C9305" t="s">
        <v>18572</v>
      </c>
    </row>
    <row r="9306" spans="1:3" x14ac:dyDescent="0.15">
      <c r="A9306">
        <v>15705</v>
      </c>
      <c r="B9306" t="s">
        <v>18573</v>
      </c>
      <c r="C9306" t="s">
        <v>18574</v>
      </c>
    </row>
    <row r="9307" spans="1:3" x14ac:dyDescent="0.15">
      <c r="A9307">
        <v>15704</v>
      </c>
      <c r="B9307" t="s">
        <v>18575</v>
      </c>
      <c r="C9307" t="s">
        <v>18576</v>
      </c>
    </row>
    <row r="9308" spans="1:3" x14ac:dyDescent="0.15">
      <c r="A9308">
        <v>15703</v>
      </c>
      <c r="B9308" t="s">
        <v>18577</v>
      </c>
      <c r="C9308" t="s">
        <v>18578</v>
      </c>
    </row>
    <row r="9309" spans="1:3" x14ac:dyDescent="0.15">
      <c r="A9309">
        <v>15702</v>
      </c>
      <c r="B9309" t="s">
        <v>18579</v>
      </c>
      <c r="C9309" t="s">
        <v>18580</v>
      </c>
    </row>
    <row r="9310" spans="1:3" x14ac:dyDescent="0.15">
      <c r="A9310">
        <v>15701</v>
      </c>
      <c r="B9310" t="s">
        <v>18581</v>
      </c>
      <c r="C9310" t="s">
        <v>18582</v>
      </c>
    </row>
    <row r="9311" spans="1:3" x14ac:dyDescent="0.15">
      <c r="A9311">
        <v>15700</v>
      </c>
      <c r="B9311" t="s">
        <v>18583</v>
      </c>
      <c r="C9311" t="s">
        <v>18584</v>
      </c>
    </row>
    <row r="9312" spans="1:3" x14ac:dyDescent="0.15">
      <c r="A9312">
        <v>15699</v>
      </c>
      <c r="B9312" t="s">
        <v>18585</v>
      </c>
      <c r="C9312" t="s">
        <v>18586</v>
      </c>
    </row>
    <row r="9313" spans="1:3" x14ac:dyDescent="0.15">
      <c r="A9313">
        <v>15698</v>
      </c>
      <c r="B9313" t="s">
        <v>18587</v>
      </c>
      <c r="C9313" t="s">
        <v>18588</v>
      </c>
    </row>
    <row r="9314" spans="1:3" x14ac:dyDescent="0.15">
      <c r="A9314">
        <v>15697</v>
      </c>
      <c r="B9314" t="s">
        <v>18589</v>
      </c>
      <c r="C9314" t="s">
        <v>18590</v>
      </c>
    </row>
    <row r="9315" spans="1:3" x14ac:dyDescent="0.15">
      <c r="A9315">
        <v>15696</v>
      </c>
      <c r="B9315" t="s">
        <v>18591</v>
      </c>
      <c r="C9315" t="s">
        <v>18592</v>
      </c>
    </row>
    <row r="9316" spans="1:3" x14ac:dyDescent="0.15">
      <c r="A9316">
        <v>15695</v>
      </c>
      <c r="B9316" t="s">
        <v>18593</v>
      </c>
      <c r="C9316" t="s">
        <v>18594</v>
      </c>
    </row>
    <row r="9317" spans="1:3" x14ac:dyDescent="0.15">
      <c r="A9317">
        <v>15694</v>
      </c>
      <c r="B9317" t="s">
        <v>18595</v>
      </c>
      <c r="C9317" t="s">
        <v>18596</v>
      </c>
    </row>
    <row r="9318" spans="1:3" x14ac:dyDescent="0.15">
      <c r="A9318">
        <v>15693</v>
      </c>
      <c r="B9318" t="s">
        <v>18597</v>
      </c>
      <c r="C9318" t="s">
        <v>18598</v>
      </c>
    </row>
    <row r="9319" spans="1:3" x14ac:dyDescent="0.15">
      <c r="A9319">
        <v>15692</v>
      </c>
      <c r="B9319" t="s">
        <v>18599</v>
      </c>
      <c r="C9319" t="s">
        <v>18600</v>
      </c>
    </row>
    <row r="9320" spans="1:3" x14ac:dyDescent="0.15">
      <c r="A9320">
        <v>15691</v>
      </c>
      <c r="B9320" t="s">
        <v>18601</v>
      </c>
      <c r="C9320" t="s">
        <v>18602</v>
      </c>
    </row>
    <row r="9321" spans="1:3" x14ac:dyDescent="0.15">
      <c r="A9321">
        <v>15690</v>
      </c>
      <c r="B9321" t="s">
        <v>18603</v>
      </c>
      <c r="C9321" t="s">
        <v>18604</v>
      </c>
    </row>
    <row r="9322" spans="1:3" x14ac:dyDescent="0.15">
      <c r="A9322">
        <v>15689</v>
      </c>
      <c r="B9322" t="s">
        <v>18605</v>
      </c>
      <c r="C9322" t="s">
        <v>18606</v>
      </c>
    </row>
    <row r="9323" spans="1:3" x14ac:dyDescent="0.15">
      <c r="A9323">
        <v>15688</v>
      </c>
      <c r="B9323" t="s">
        <v>18607</v>
      </c>
      <c r="C9323" t="s">
        <v>18608</v>
      </c>
    </row>
    <row r="9324" spans="1:3" x14ac:dyDescent="0.15">
      <c r="A9324">
        <v>15687</v>
      </c>
      <c r="B9324" t="s">
        <v>18609</v>
      </c>
      <c r="C9324" t="s">
        <v>18610</v>
      </c>
    </row>
    <row r="9325" spans="1:3" x14ac:dyDescent="0.15">
      <c r="A9325">
        <v>15686</v>
      </c>
      <c r="B9325" t="s">
        <v>18611</v>
      </c>
      <c r="C9325" t="s">
        <v>18612</v>
      </c>
    </row>
    <row r="9326" spans="1:3" x14ac:dyDescent="0.15">
      <c r="A9326">
        <v>15685</v>
      </c>
      <c r="B9326" t="s">
        <v>18613</v>
      </c>
      <c r="C9326" t="s">
        <v>18614</v>
      </c>
    </row>
    <row r="9327" spans="1:3" x14ac:dyDescent="0.15">
      <c r="A9327">
        <v>15684</v>
      </c>
      <c r="B9327" t="s">
        <v>18615</v>
      </c>
      <c r="C9327" t="s">
        <v>18616</v>
      </c>
    </row>
    <row r="9328" spans="1:3" x14ac:dyDescent="0.15">
      <c r="A9328">
        <v>15683</v>
      </c>
      <c r="B9328" t="s">
        <v>18617</v>
      </c>
      <c r="C9328" t="s">
        <v>18618</v>
      </c>
    </row>
    <row r="9329" spans="1:3" x14ac:dyDescent="0.15">
      <c r="A9329">
        <v>15682</v>
      </c>
      <c r="B9329" t="s">
        <v>18619</v>
      </c>
      <c r="C9329" t="s">
        <v>18620</v>
      </c>
    </row>
    <row r="9330" spans="1:3" x14ac:dyDescent="0.15">
      <c r="A9330">
        <v>15681</v>
      </c>
      <c r="B9330" t="s">
        <v>18621</v>
      </c>
      <c r="C9330" t="s">
        <v>18622</v>
      </c>
    </row>
    <row r="9331" spans="1:3" x14ac:dyDescent="0.15">
      <c r="A9331">
        <v>15680</v>
      </c>
      <c r="B9331" t="s">
        <v>18623</v>
      </c>
      <c r="C9331" t="s">
        <v>18624</v>
      </c>
    </row>
    <row r="9332" spans="1:3" x14ac:dyDescent="0.15">
      <c r="A9332">
        <v>15679</v>
      </c>
      <c r="B9332" t="s">
        <v>18625</v>
      </c>
      <c r="C9332" t="s">
        <v>18626</v>
      </c>
    </row>
    <row r="9333" spans="1:3" x14ac:dyDescent="0.15">
      <c r="A9333">
        <v>15678</v>
      </c>
      <c r="B9333" t="s">
        <v>18627</v>
      </c>
      <c r="C9333" t="s">
        <v>18628</v>
      </c>
    </row>
    <row r="9334" spans="1:3" x14ac:dyDescent="0.15">
      <c r="A9334">
        <v>15677</v>
      </c>
      <c r="B9334" t="s">
        <v>18629</v>
      </c>
      <c r="C9334" t="s">
        <v>18630</v>
      </c>
    </row>
    <row r="9335" spans="1:3" x14ac:dyDescent="0.15">
      <c r="A9335">
        <v>15676</v>
      </c>
      <c r="B9335" t="s">
        <v>18631</v>
      </c>
      <c r="C9335" t="s">
        <v>18632</v>
      </c>
    </row>
    <row r="9336" spans="1:3" x14ac:dyDescent="0.15">
      <c r="A9336">
        <v>15675</v>
      </c>
      <c r="B9336" t="s">
        <v>18633</v>
      </c>
      <c r="C9336" t="s">
        <v>18634</v>
      </c>
    </row>
    <row r="9337" spans="1:3" x14ac:dyDescent="0.15">
      <c r="A9337">
        <v>15674</v>
      </c>
      <c r="B9337" t="s">
        <v>18635</v>
      </c>
      <c r="C9337" t="s">
        <v>18636</v>
      </c>
    </row>
    <row r="9338" spans="1:3" x14ac:dyDescent="0.15">
      <c r="A9338">
        <v>15673</v>
      </c>
      <c r="B9338" t="s">
        <v>18637</v>
      </c>
      <c r="C9338" t="s">
        <v>18638</v>
      </c>
    </row>
    <row r="9339" spans="1:3" x14ac:dyDescent="0.15">
      <c r="A9339">
        <v>15672</v>
      </c>
      <c r="B9339" t="s">
        <v>18639</v>
      </c>
      <c r="C9339" t="s">
        <v>18640</v>
      </c>
    </row>
    <row r="9340" spans="1:3" x14ac:dyDescent="0.15">
      <c r="A9340">
        <v>15671</v>
      </c>
      <c r="B9340" t="s">
        <v>18641</v>
      </c>
      <c r="C9340" t="s">
        <v>18642</v>
      </c>
    </row>
    <row r="9341" spans="1:3" x14ac:dyDescent="0.15">
      <c r="A9341">
        <v>15670</v>
      </c>
      <c r="B9341" t="s">
        <v>18643</v>
      </c>
      <c r="C9341" t="s">
        <v>18644</v>
      </c>
    </row>
    <row r="9342" spans="1:3" x14ac:dyDescent="0.15">
      <c r="A9342">
        <v>15669</v>
      </c>
      <c r="B9342" t="s">
        <v>18645</v>
      </c>
      <c r="C9342" t="s">
        <v>18646</v>
      </c>
    </row>
    <row r="9343" spans="1:3" x14ac:dyDescent="0.15">
      <c r="A9343">
        <v>15668</v>
      </c>
      <c r="B9343" t="s">
        <v>18647</v>
      </c>
      <c r="C9343" t="s">
        <v>18648</v>
      </c>
    </row>
    <row r="9344" spans="1:3" x14ac:dyDescent="0.15">
      <c r="A9344">
        <v>15667</v>
      </c>
      <c r="B9344" t="s">
        <v>18649</v>
      </c>
      <c r="C9344" t="s">
        <v>18650</v>
      </c>
    </row>
    <row r="9345" spans="1:3" x14ac:dyDescent="0.15">
      <c r="A9345">
        <v>15666</v>
      </c>
      <c r="B9345" t="s">
        <v>18651</v>
      </c>
      <c r="C9345" t="s">
        <v>18652</v>
      </c>
    </row>
    <row r="9346" spans="1:3" x14ac:dyDescent="0.15">
      <c r="A9346">
        <v>15665</v>
      </c>
      <c r="B9346" t="s">
        <v>18653</v>
      </c>
      <c r="C9346" t="s">
        <v>18654</v>
      </c>
    </row>
    <row r="9347" spans="1:3" x14ac:dyDescent="0.15">
      <c r="A9347">
        <v>15664</v>
      </c>
      <c r="B9347" t="s">
        <v>18655</v>
      </c>
      <c r="C9347" t="s">
        <v>18656</v>
      </c>
    </row>
    <row r="9348" spans="1:3" x14ac:dyDescent="0.15">
      <c r="A9348">
        <v>15663</v>
      </c>
      <c r="B9348" t="s">
        <v>18657</v>
      </c>
      <c r="C9348" t="s">
        <v>18658</v>
      </c>
    </row>
    <row r="9349" spans="1:3" x14ac:dyDescent="0.15">
      <c r="A9349">
        <v>15662</v>
      </c>
      <c r="B9349" t="s">
        <v>18659</v>
      </c>
      <c r="C9349" t="s">
        <v>18660</v>
      </c>
    </row>
    <row r="9350" spans="1:3" x14ac:dyDescent="0.15">
      <c r="A9350">
        <v>15661</v>
      </c>
      <c r="B9350" t="s">
        <v>18661</v>
      </c>
      <c r="C9350" t="s">
        <v>18662</v>
      </c>
    </row>
    <row r="9351" spans="1:3" x14ac:dyDescent="0.15">
      <c r="A9351">
        <v>15660</v>
      </c>
      <c r="B9351" t="s">
        <v>18663</v>
      </c>
      <c r="C9351" t="s">
        <v>18664</v>
      </c>
    </row>
    <row r="9352" spans="1:3" x14ac:dyDescent="0.15">
      <c r="A9352">
        <v>15659</v>
      </c>
      <c r="B9352" t="s">
        <v>18665</v>
      </c>
      <c r="C9352" t="s">
        <v>18666</v>
      </c>
    </row>
    <row r="9353" spans="1:3" x14ac:dyDescent="0.15">
      <c r="A9353">
        <v>15658</v>
      </c>
      <c r="B9353" t="s">
        <v>18667</v>
      </c>
      <c r="C9353" t="s">
        <v>18668</v>
      </c>
    </row>
    <row r="9354" spans="1:3" x14ac:dyDescent="0.15">
      <c r="A9354">
        <v>15657</v>
      </c>
      <c r="B9354" t="s">
        <v>18669</v>
      </c>
      <c r="C9354" t="s">
        <v>18670</v>
      </c>
    </row>
    <row r="9355" spans="1:3" x14ac:dyDescent="0.15">
      <c r="A9355">
        <v>15656</v>
      </c>
      <c r="B9355" t="s">
        <v>18671</v>
      </c>
      <c r="C9355" t="s">
        <v>18672</v>
      </c>
    </row>
    <row r="9356" spans="1:3" x14ac:dyDescent="0.15">
      <c r="A9356">
        <v>15655</v>
      </c>
      <c r="B9356" t="s">
        <v>18673</v>
      </c>
      <c r="C9356" t="s">
        <v>18674</v>
      </c>
    </row>
    <row r="9357" spans="1:3" x14ac:dyDescent="0.15">
      <c r="A9357">
        <v>15654</v>
      </c>
      <c r="B9357" t="s">
        <v>18675</v>
      </c>
      <c r="C9357" t="s">
        <v>18676</v>
      </c>
    </row>
    <row r="9358" spans="1:3" x14ac:dyDescent="0.15">
      <c r="A9358">
        <v>15653</v>
      </c>
      <c r="B9358" t="s">
        <v>18677</v>
      </c>
      <c r="C9358" t="s">
        <v>18678</v>
      </c>
    </row>
    <row r="9359" spans="1:3" x14ac:dyDescent="0.15">
      <c r="A9359">
        <v>15652</v>
      </c>
      <c r="B9359" t="s">
        <v>18679</v>
      </c>
      <c r="C9359" t="s">
        <v>18680</v>
      </c>
    </row>
    <row r="9360" spans="1:3" x14ac:dyDescent="0.15">
      <c r="A9360">
        <v>15651</v>
      </c>
      <c r="B9360" t="s">
        <v>18681</v>
      </c>
      <c r="C9360" t="s">
        <v>18682</v>
      </c>
    </row>
    <row r="9361" spans="1:3" x14ac:dyDescent="0.15">
      <c r="A9361">
        <v>15650</v>
      </c>
      <c r="B9361" t="s">
        <v>18683</v>
      </c>
      <c r="C9361" t="s">
        <v>18684</v>
      </c>
    </row>
    <row r="9362" spans="1:3" x14ac:dyDescent="0.15">
      <c r="A9362">
        <v>15649</v>
      </c>
      <c r="B9362" t="s">
        <v>18685</v>
      </c>
      <c r="C9362" t="s">
        <v>18686</v>
      </c>
    </row>
    <row r="9363" spans="1:3" x14ac:dyDescent="0.15">
      <c r="A9363">
        <v>15648</v>
      </c>
      <c r="B9363" t="s">
        <v>18687</v>
      </c>
      <c r="C9363" t="s">
        <v>18688</v>
      </c>
    </row>
    <row r="9364" spans="1:3" x14ac:dyDescent="0.15">
      <c r="A9364">
        <v>15647</v>
      </c>
      <c r="B9364" t="s">
        <v>18689</v>
      </c>
      <c r="C9364" t="s">
        <v>18690</v>
      </c>
    </row>
    <row r="9365" spans="1:3" x14ac:dyDescent="0.15">
      <c r="A9365">
        <v>15646</v>
      </c>
      <c r="B9365" t="s">
        <v>18691</v>
      </c>
      <c r="C9365" t="s">
        <v>18692</v>
      </c>
    </row>
    <row r="9366" spans="1:3" x14ac:dyDescent="0.15">
      <c r="A9366">
        <v>15645</v>
      </c>
      <c r="B9366" t="s">
        <v>18693</v>
      </c>
      <c r="C9366" t="s">
        <v>18694</v>
      </c>
    </row>
    <row r="9367" spans="1:3" x14ac:dyDescent="0.15">
      <c r="A9367">
        <v>15644</v>
      </c>
      <c r="B9367" t="s">
        <v>18695</v>
      </c>
      <c r="C9367" t="s">
        <v>18696</v>
      </c>
    </row>
    <row r="9368" spans="1:3" x14ac:dyDescent="0.15">
      <c r="A9368">
        <v>15643</v>
      </c>
      <c r="B9368" t="s">
        <v>18697</v>
      </c>
      <c r="C9368" t="s">
        <v>18698</v>
      </c>
    </row>
    <row r="9369" spans="1:3" x14ac:dyDescent="0.15">
      <c r="A9369">
        <v>15642</v>
      </c>
      <c r="B9369" t="s">
        <v>18699</v>
      </c>
      <c r="C9369" t="s">
        <v>18700</v>
      </c>
    </row>
    <row r="9370" spans="1:3" x14ac:dyDescent="0.15">
      <c r="A9370">
        <v>15641</v>
      </c>
      <c r="B9370" t="s">
        <v>18701</v>
      </c>
      <c r="C9370" t="s">
        <v>18702</v>
      </c>
    </row>
    <row r="9371" spans="1:3" x14ac:dyDescent="0.15">
      <c r="A9371">
        <v>15640</v>
      </c>
      <c r="B9371" t="s">
        <v>18703</v>
      </c>
      <c r="C9371" t="s">
        <v>18704</v>
      </c>
    </row>
    <row r="9372" spans="1:3" x14ac:dyDescent="0.15">
      <c r="A9372">
        <v>15639</v>
      </c>
      <c r="B9372" t="s">
        <v>18705</v>
      </c>
      <c r="C9372" t="s">
        <v>18706</v>
      </c>
    </row>
    <row r="9373" spans="1:3" x14ac:dyDescent="0.15">
      <c r="A9373">
        <v>15638</v>
      </c>
      <c r="B9373" t="s">
        <v>18707</v>
      </c>
      <c r="C9373" t="s">
        <v>18708</v>
      </c>
    </row>
    <row r="9374" spans="1:3" x14ac:dyDescent="0.15">
      <c r="A9374">
        <v>15637</v>
      </c>
      <c r="B9374" t="s">
        <v>18709</v>
      </c>
      <c r="C9374" t="s">
        <v>18710</v>
      </c>
    </row>
    <row r="9375" spans="1:3" x14ac:dyDescent="0.15">
      <c r="A9375">
        <v>15636</v>
      </c>
      <c r="B9375" t="s">
        <v>18711</v>
      </c>
      <c r="C9375" t="s">
        <v>18712</v>
      </c>
    </row>
    <row r="9376" spans="1:3" x14ac:dyDescent="0.15">
      <c r="A9376">
        <v>15635</v>
      </c>
      <c r="B9376" t="s">
        <v>18713</v>
      </c>
      <c r="C9376" t="s">
        <v>18714</v>
      </c>
    </row>
    <row r="9377" spans="1:3" x14ac:dyDescent="0.15">
      <c r="A9377">
        <v>15634</v>
      </c>
      <c r="B9377" t="s">
        <v>18715</v>
      </c>
      <c r="C9377" t="s">
        <v>18716</v>
      </c>
    </row>
    <row r="9378" spans="1:3" x14ac:dyDescent="0.15">
      <c r="A9378">
        <v>15633</v>
      </c>
      <c r="B9378" t="s">
        <v>18717</v>
      </c>
      <c r="C9378" t="s">
        <v>18718</v>
      </c>
    </row>
    <row r="9379" spans="1:3" x14ac:dyDescent="0.15">
      <c r="A9379">
        <v>15632</v>
      </c>
      <c r="B9379" t="s">
        <v>18719</v>
      </c>
      <c r="C9379" t="s">
        <v>18720</v>
      </c>
    </row>
    <row r="9380" spans="1:3" x14ac:dyDescent="0.15">
      <c r="A9380">
        <v>15631</v>
      </c>
      <c r="B9380" t="s">
        <v>18721</v>
      </c>
      <c r="C9380" t="s">
        <v>18722</v>
      </c>
    </row>
    <row r="9381" spans="1:3" x14ac:dyDescent="0.15">
      <c r="A9381">
        <v>15630</v>
      </c>
      <c r="B9381" t="s">
        <v>18723</v>
      </c>
      <c r="C9381" t="s">
        <v>18724</v>
      </c>
    </row>
    <row r="9382" spans="1:3" x14ac:dyDescent="0.15">
      <c r="A9382">
        <v>15629</v>
      </c>
      <c r="B9382" t="s">
        <v>18725</v>
      </c>
      <c r="C9382" t="s">
        <v>18726</v>
      </c>
    </row>
    <row r="9383" spans="1:3" x14ac:dyDescent="0.15">
      <c r="A9383">
        <v>15628</v>
      </c>
      <c r="B9383" t="s">
        <v>18727</v>
      </c>
      <c r="C9383" t="s">
        <v>18728</v>
      </c>
    </row>
    <row r="9384" spans="1:3" x14ac:dyDescent="0.15">
      <c r="A9384">
        <v>15627</v>
      </c>
      <c r="B9384" t="s">
        <v>18729</v>
      </c>
      <c r="C9384" t="s">
        <v>18730</v>
      </c>
    </row>
    <row r="9385" spans="1:3" x14ac:dyDescent="0.15">
      <c r="A9385">
        <v>15626</v>
      </c>
      <c r="B9385" t="s">
        <v>18731</v>
      </c>
      <c r="C9385" t="s">
        <v>18732</v>
      </c>
    </row>
    <row r="9386" spans="1:3" x14ac:dyDescent="0.15">
      <c r="A9386">
        <v>15625</v>
      </c>
      <c r="B9386" t="s">
        <v>18733</v>
      </c>
      <c r="C9386" t="s">
        <v>18734</v>
      </c>
    </row>
    <row r="9387" spans="1:3" x14ac:dyDescent="0.15">
      <c r="A9387">
        <v>15624</v>
      </c>
      <c r="B9387" t="s">
        <v>18735</v>
      </c>
      <c r="C9387" t="s">
        <v>18736</v>
      </c>
    </row>
    <row r="9388" spans="1:3" x14ac:dyDescent="0.15">
      <c r="A9388">
        <v>15623</v>
      </c>
      <c r="B9388" t="s">
        <v>18737</v>
      </c>
      <c r="C9388" t="s">
        <v>18738</v>
      </c>
    </row>
    <row r="9389" spans="1:3" x14ac:dyDescent="0.15">
      <c r="A9389">
        <v>15622</v>
      </c>
      <c r="B9389" t="s">
        <v>18739</v>
      </c>
      <c r="C9389" t="s">
        <v>18740</v>
      </c>
    </row>
    <row r="9390" spans="1:3" x14ac:dyDescent="0.15">
      <c r="A9390">
        <v>15621</v>
      </c>
      <c r="B9390" t="s">
        <v>18741</v>
      </c>
      <c r="C9390" t="s">
        <v>18742</v>
      </c>
    </row>
    <row r="9391" spans="1:3" x14ac:dyDescent="0.15">
      <c r="A9391">
        <v>15620</v>
      </c>
      <c r="B9391" t="s">
        <v>18743</v>
      </c>
      <c r="C9391" t="s">
        <v>18744</v>
      </c>
    </row>
    <row r="9392" spans="1:3" x14ac:dyDescent="0.15">
      <c r="A9392">
        <v>15619</v>
      </c>
      <c r="B9392" t="s">
        <v>18745</v>
      </c>
      <c r="C9392" t="s">
        <v>18746</v>
      </c>
    </row>
    <row r="9393" spans="1:3" x14ac:dyDescent="0.15">
      <c r="A9393">
        <v>15618</v>
      </c>
      <c r="B9393" t="s">
        <v>18747</v>
      </c>
      <c r="C9393" t="s">
        <v>18748</v>
      </c>
    </row>
    <row r="9394" spans="1:3" x14ac:dyDescent="0.15">
      <c r="A9394">
        <v>15617</v>
      </c>
      <c r="B9394" t="s">
        <v>18749</v>
      </c>
      <c r="C9394" t="s">
        <v>18750</v>
      </c>
    </row>
    <row r="9395" spans="1:3" x14ac:dyDescent="0.15">
      <c r="A9395">
        <v>15616</v>
      </c>
      <c r="B9395" t="s">
        <v>18751</v>
      </c>
      <c r="C9395" t="s">
        <v>18752</v>
      </c>
    </row>
    <row r="9396" spans="1:3" x14ac:dyDescent="0.15">
      <c r="A9396">
        <v>15615</v>
      </c>
      <c r="B9396" t="s">
        <v>18753</v>
      </c>
      <c r="C9396" t="s">
        <v>18754</v>
      </c>
    </row>
    <row r="9397" spans="1:3" x14ac:dyDescent="0.15">
      <c r="A9397">
        <v>15614</v>
      </c>
      <c r="B9397" t="s">
        <v>18755</v>
      </c>
      <c r="C9397" t="s">
        <v>18756</v>
      </c>
    </row>
    <row r="9398" spans="1:3" x14ac:dyDescent="0.15">
      <c r="A9398">
        <v>15613</v>
      </c>
      <c r="B9398" t="s">
        <v>18757</v>
      </c>
      <c r="C9398" t="s">
        <v>18758</v>
      </c>
    </row>
    <row r="9399" spans="1:3" x14ac:dyDescent="0.15">
      <c r="A9399">
        <v>15612</v>
      </c>
      <c r="B9399" t="s">
        <v>18759</v>
      </c>
      <c r="C9399" t="s">
        <v>18760</v>
      </c>
    </row>
    <row r="9400" spans="1:3" x14ac:dyDescent="0.15">
      <c r="A9400">
        <v>15611</v>
      </c>
      <c r="B9400" t="s">
        <v>18761</v>
      </c>
      <c r="C9400" t="s">
        <v>18762</v>
      </c>
    </row>
    <row r="9401" spans="1:3" x14ac:dyDescent="0.15">
      <c r="A9401">
        <v>15610</v>
      </c>
      <c r="B9401" t="s">
        <v>18763</v>
      </c>
      <c r="C9401" t="s">
        <v>18764</v>
      </c>
    </row>
    <row r="9402" spans="1:3" x14ac:dyDescent="0.15">
      <c r="A9402">
        <v>15609</v>
      </c>
      <c r="B9402" t="s">
        <v>18765</v>
      </c>
      <c r="C9402" t="s">
        <v>18766</v>
      </c>
    </row>
    <row r="9403" spans="1:3" x14ac:dyDescent="0.15">
      <c r="A9403">
        <v>15608</v>
      </c>
      <c r="B9403" t="s">
        <v>18767</v>
      </c>
      <c r="C9403" t="s">
        <v>18768</v>
      </c>
    </row>
    <row r="9404" spans="1:3" x14ac:dyDescent="0.15">
      <c r="A9404">
        <v>15607</v>
      </c>
      <c r="B9404" t="s">
        <v>18769</v>
      </c>
      <c r="C9404" t="s">
        <v>18770</v>
      </c>
    </row>
    <row r="9405" spans="1:3" x14ac:dyDescent="0.15">
      <c r="A9405">
        <v>15606</v>
      </c>
      <c r="B9405" t="s">
        <v>18771</v>
      </c>
      <c r="C9405" t="s">
        <v>18772</v>
      </c>
    </row>
    <row r="9406" spans="1:3" x14ac:dyDescent="0.15">
      <c r="A9406">
        <v>15605</v>
      </c>
      <c r="B9406" t="s">
        <v>18773</v>
      </c>
      <c r="C9406" t="s">
        <v>18774</v>
      </c>
    </row>
    <row r="9407" spans="1:3" x14ac:dyDescent="0.15">
      <c r="A9407">
        <v>15604</v>
      </c>
      <c r="B9407" t="s">
        <v>18775</v>
      </c>
      <c r="C9407" t="s">
        <v>18776</v>
      </c>
    </row>
    <row r="9408" spans="1:3" x14ac:dyDescent="0.15">
      <c r="A9408">
        <v>15603</v>
      </c>
      <c r="B9408" t="s">
        <v>18777</v>
      </c>
      <c r="C9408" t="s">
        <v>18778</v>
      </c>
    </row>
    <row r="9409" spans="1:3" x14ac:dyDescent="0.15">
      <c r="A9409">
        <v>15602</v>
      </c>
      <c r="B9409" t="s">
        <v>18779</v>
      </c>
      <c r="C9409" t="s">
        <v>18780</v>
      </c>
    </row>
    <row r="9410" spans="1:3" x14ac:dyDescent="0.15">
      <c r="A9410">
        <v>15601</v>
      </c>
      <c r="B9410" t="s">
        <v>18781</v>
      </c>
      <c r="C9410" t="s">
        <v>18782</v>
      </c>
    </row>
    <row r="9411" spans="1:3" x14ac:dyDescent="0.15">
      <c r="A9411">
        <v>15600</v>
      </c>
      <c r="B9411" t="s">
        <v>18783</v>
      </c>
      <c r="C9411" t="s">
        <v>18784</v>
      </c>
    </row>
    <row r="9412" spans="1:3" x14ac:dyDescent="0.15">
      <c r="A9412">
        <v>15599</v>
      </c>
      <c r="B9412" t="s">
        <v>18785</v>
      </c>
      <c r="C9412" t="s">
        <v>18786</v>
      </c>
    </row>
    <row r="9413" spans="1:3" x14ac:dyDescent="0.15">
      <c r="A9413">
        <v>15598</v>
      </c>
      <c r="B9413" t="s">
        <v>18787</v>
      </c>
      <c r="C9413" t="s">
        <v>18788</v>
      </c>
    </row>
    <row r="9414" spans="1:3" x14ac:dyDescent="0.15">
      <c r="A9414">
        <v>15597</v>
      </c>
      <c r="B9414" t="s">
        <v>18789</v>
      </c>
      <c r="C9414" t="s">
        <v>18790</v>
      </c>
    </row>
    <row r="9415" spans="1:3" x14ac:dyDescent="0.15">
      <c r="A9415">
        <v>15596</v>
      </c>
      <c r="B9415" t="s">
        <v>18791</v>
      </c>
      <c r="C9415" t="s">
        <v>18792</v>
      </c>
    </row>
    <row r="9416" spans="1:3" x14ac:dyDescent="0.15">
      <c r="A9416">
        <v>15595</v>
      </c>
      <c r="B9416" t="s">
        <v>18793</v>
      </c>
      <c r="C9416" t="s">
        <v>18794</v>
      </c>
    </row>
    <row r="9417" spans="1:3" x14ac:dyDescent="0.15">
      <c r="A9417">
        <v>15594</v>
      </c>
      <c r="B9417" t="s">
        <v>18795</v>
      </c>
      <c r="C9417" t="s">
        <v>18796</v>
      </c>
    </row>
    <row r="9418" spans="1:3" x14ac:dyDescent="0.15">
      <c r="A9418">
        <v>15593</v>
      </c>
      <c r="B9418" t="s">
        <v>18797</v>
      </c>
      <c r="C9418" t="s">
        <v>18798</v>
      </c>
    </row>
    <row r="9419" spans="1:3" x14ac:dyDescent="0.15">
      <c r="A9419">
        <v>15592</v>
      </c>
      <c r="B9419" t="s">
        <v>18799</v>
      </c>
      <c r="C9419" t="s">
        <v>18800</v>
      </c>
    </row>
    <row r="9420" spans="1:3" x14ac:dyDescent="0.15">
      <c r="A9420">
        <v>15591</v>
      </c>
      <c r="B9420" t="s">
        <v>18801</v>
      </c>
      <c r="C9420" t="s">
        <v>18802</v>
      </c>
    </row>
    <row r="9421" spans="1:3" x14ac:dyDescent="0.15">
      <c r="A9421">
        <v>15590</v>
      </c>
      <c r="B9421" t="s">
        <v>18803</v>
      </c>
      <c r="C9421" t="s">
        <v>18804</v>
      </c>
    </row>
    <row r="9422" spans="1:3" x14ac:dyDescent="0.15">
      <c r="A9422">
        <v>15589</v>
      </c>
      <c r="B9422" t="s">
        <v>18805</v>
      </c>
      <c r="C9422" t="s">
        <v>18806</v>
      </c>
    </row>
    <row r="9423" spans="1:3" x14ac:dyDescent="0.15">
      <c r="A9423">
        <v>15588</v>
      </c>
      <c r="B9423" t="s">
        <v>18807</v>
      </c>
      <c r="C9423" t="s">
        <v>18808</v>
      </c>
    </row>
    <row r="9424" spans="1:3" x14ac:dyDescent="0.15">
      <c r="A9424">
        <v>15587</v>
      </c>
      <c r="B9424" t="s">
        <v>18809</v>
      </c>
      <c r="C9424" t="s">
        <v>18810</v>
      </c>
    </row>
    <row r="9425" spans="1:3" x14ac:dyDescent="0.15">
      <c r="A9425">
        <v>15586</v>
      </c>
      <c r="B9425" t="s">
        <v>18811</v>
      </c>
      <c r="C9425" t="s">
        <v>18812</v>
      </c>
    </row>
    <row r="9426" spans="1:3" x14ac:dyDescent="0.15">
      <c r="A9426">
        <v>15585</v>
      </c>
      <c r="B9426" t="s">
        <v>18813</v>
      </c>
      <c r="C9426" t="s">
        <v>18814</v>
      </c>
    </row>
    <row r="9427" spans="1:3" x14ac:dyDescent="0.15">
      <c r="A9427">
        <v>15584</v>
      </c>
      <c r="B9427" t="s">
        <v>18815</v>
      </c>
      <c r="C9427" t="s">
        <v>18816</v>
      </c>
    </row>
    <row r="9428" spans="1:3" x14ac:dyDescent="0.15">
      <c r="A9428">
        <v>15583</v>
      </c>
      <c r="B9428" t="s">
        <v>18817</v>
      </c>
      <c r="C9428" t="s">
        <v>18818</v>
      </c>
    </row>
    <row r="9429" spans="1:3" x14ac:dyDescent="0.15">
      <c r="A9429">
        <v>15582</v>
      </c>
      <c r="B9429" t="s">
        <v>18819</v>
      </c>
      <c r="C9429" t="s">
        <v>18820</v>
      </c>
    </row>
    <row r="9430" spans="1:3" x14ac:dyDescent="0.15">
      <c r="A9430">
        <v>15581</v>
      </c>
      <c r="B9430" t="s">
        <v>18821</v>
      </c>
      <c r="C9430" t="s">
        <v>18822</v>
      </c>
    </row>
    <row r="9431" spans="1:3" x14ac:dyDescent="0.15">
      <c r="A9431">
        <v>15580</v>
      </c>
      <c r="B9431" t="s">
        <v>18823</v>
      </c>
      <c r="C9431" t="s">
        <v>18824</v>
      </c>
    </row>
    <row r="9432" spans="1:3" x14ac:dyDescent="0.15">
      <c r="A9432">
        <v>15579</v>
      </c>
      <c r="B9432" t="s">
        <v>18825</v>
      </c>
      <c r="C9432" t="s">
        <v>18826</v>
      </c>
    </row>
    <row r="9433" spans="1:3" x14ac:dyDescent="0.15">
      <c r="A9433">
        <v>15578</v>
      </c>
      <c r="B9433" t="s">
        <v>18827</v>
      </c>
      <c r="C9433" t="s">
        <v>18828</v>
      </c>
    </row>
    <row r="9434" spans="1:3" x14ac:dyDescent="0.15">
      <c r="A9434">
        <v>15577</v>
      </c>
      <c r="B9434" t="s">
        <v>18829</v>
      </c>
      <c r="C9434" t="s">
        <v>18830</v>
      </c>
    </row>
    <row r="9435" spans="1:3" x14ac:dyDescent="0.15">
      <c r="A9435">
        <v>15576</v>
      </c>
      <c r="B9435" t="s">
        <v>18831</v>
      </c>
      <c r="C9435" t="s">
        <v>18832</v>
      </c>
    </row>
    <row r="9436" spans="1:3" x14ac:dyDescent="0.15">
      <c r="A9436">
        <v>15575</v>
      </c>
      <c r="B9436" t="s">
        <v>18833</v>
      </c>
      <c r="C9436" t="s">
        <v>18834</v>
      </c>
    </row>
    <row r="9437" spans="1:3" x14ac:dyDescent="0.15">
      <c r="A9437">
        <v>15574</v>
      </c>
      <c r="B9437" t="s">
        <v>18835</v>
      </c>
      <c r="C9437" t="s">
        <v>18836</v>
      </c>
    </row>
    <row r="9438" spans="1:3" x14ac:dyDescent="0.15">
      <c r="A9438">
        <v>15573</v>
      </c>
      <c r="B9438" t="s">
        <v>18837</v>
      </c>
      <c r="C9438" t="s">
        <v>18838</v>
      </c>
    </row>
    <row r="9439" spans="1:3" x14ac:dyDescent="0.15">
      <c r="A9439">
        <v>15572</v>
      </c>
      <c r="B9439" t="s">
        <v>18839</v>
      </c>
      <c r="C9439" t="s">
        <v>18840</v>
      </c>
    </row>
    <row r="9440" spans="1:3" x14ac:dyDescent="0.15">
      <c r="A9440">
        <v>15571</v>
      </c>
      <c r="B9440" t="s">
        <v>18841</v>
      </c>
      <c r="C9440" t="s">
        <v>18842</v>
      </c>
    </row>
    <row r="9441" spans="1:3" x14ac:dyDescent="0.15">
      <c r="A9441">
        <v>15570</v>
      </c>
      <c r="B9441" t="s">
        <v>18843</v>
      </c>
      <c r="C9441" t="s">
        <v>18844</v>
      </c>
    </row>
    <row r="9442" spans="1:3" x14ac:dyDescent="0.15">
      <c r="A9442">
        <v>15569</v>
      </c>
      <c r="B9442" t="s">
        <v>18845</v>
      </c>
      <c r="C9442" t="s">
        <v>18846</v>
      </c>
    </row>
    <row r="9443" spans="1:3" x14ac:dyDescent="0.15">
      <c r="A9443">
        <v>15568</v>
      </c>
      <c r="B9443" t="s">
        <v>18847</v>
      </c>
      <c r="C9443" t="s">
        <v>18848</v>
      </c>
    </row>
    <row r="9444" spans="1:3" x14ac:dyDescent="0.15">
      <c r="A9444">
        <v>15567</v>
      </c>
      <c r="B9444" t="s">
        <v>18849</v>
      </c>
      <c r="C9444" t="s">
        <v>18850</v>
      </c>
    </row>
    <row r="9445" spans="1:3" x14ac:dyDescent="0.15">
      <c r="A9445">
        <v>15566</v>
      </c>
      <c r="B9445" t="s">
        <v>18851</v>
      </c>
      <c r="C9445" t="s">
        <v>18852</v>
      </c>
    </row>
    <row r="9446" spans="1:3" x14ac:dyDescent="0.15">
      <c r="A9446">
        <v>15565</v>
      </c>
      <c r="B9446" t="s">
        <v>18853</v>
      </c>
      <c r="C9446" t="s">
        <v>18854</v>
      </c>
    </row>
    <row r="9447" spans="1:3" x14ac:dyDescent="0.15">
      <c r="A9447">
        <v>15564</v>
      </c>
      <c r="B9447" t="s">
        <v>18855</v>
      </c>
      <c r="C9447" t="s">
        <v>18856</v>
      </c>
    </row>
    <row r="9448" spans="1:3" x14ac:dyDescent="0.15">
      <c r="A9448">
        <v>15563</v>
      </c>
      <c r="B9448" t="s">
        <v>18857</v>
      </c>
      <c r="C9448" t="s">
        <v>18858</v>
      </c>
    </row>
    <row r="9449" spans="1:3" x14ac:dyDescent="0.15">
      <c r="A9449">
        <v>15562</v>
      </c>
      <c r="B9449" t="s">
        <v>18859</v>
      </c>
      <c r="C9449" t="s">
        <v>18860</v>
      </c>
    </row>
    <row r="9450" spans="1:3" x14ac:dyDescent="0.15">
      <c r="A9450">
        <v>15561</v>
      </c>
      <c r="B9450" t="s">
        <v>18861</v>
      </c>
      <c r="C9450" t="s">
        <v>18862</v>
      </c>
    </row>
    <row r="9451" spans="1:3" x14ac:dyDescent="0.15">
      <c r="A9451">
        <v>15560</v>
      </c>
      <c r="B9451" t="s">
        <v>18863</v>
      </c>
      <c r="C9451" t="s">
        <v>18864</v>
      </c>
    </row>
    <row r="9452" spans="1:3" x14ac:dyDescent="0.15">
      <c r="A9452">
        <v>15559</v>
      </c>
      <c r="B9452" t="s">
        <v>18865</v>
      </c>
      <c r="C9452" t="s">
        <v>18866</v>
      </c>
    </row>
    <row r="9453" spans="1:3" x14ac:dyDescent="0.15">
      <c r="A9453">
        <v>15558</v>
      </c>
      <c r="B9453" t="s">
        <v>18867</v>
      </c>
      <c r="C9453" t="s">
        <v>18868</v>
      </c>
    </row>
    <row r="9454" spans="1:3" x14ac:dyDescent="0.15">
      <c r="A9454">
        <v>15557</v>
      </c>
      <c r="B9454" t="s">
        <v>18869</v>
      </c>
      <c r="C9454" t="s">
        <v>18870</v>
      </c>
    </row>
    <row r="9455" spans="1:3" x14ac:dyDescent="0.15">
      <c r="A9455">
        <v>15556</v>
      </c>
      <c r="B9455" t="s">
        <v>18871</v>
      </c>
      <c r="C9455" t="s">
        <v>18872</v>
      </c>
    </row>
    <row r="9456" spans="1:3" x14ac:dyDescent="0.15">
      <c r="A9456">
        <v>15555</v>
      </c>
      <c r="B9456" t="s">
        <v>18873</v>
      </c>
      <c r="C9456" t="s">
        <v>18874</v>
      </c>
    </row>
    <row r="9457" spans="1:3" x14ac:dyDescent="0.15">
      <c r="A9457">
        <v>15554</v>
      </c>
      <c r="B9457" t="s">
        <v>18875</v>
      </c>
      <c r="C9457" t="s">
        <v>18876</v>
      </c>
    </row>
    <row r="9458" spans="1:3" x14ac:dyDescent="0.15">
      <c r="A9458">
        <v>15553</v>
      </c>
      <c r="B9458" t="s">
        <v>18877</v>
      </c>
      <c r="C9458" t="s">
        <v>18878</v>
      </c>
    </row>
    <row r="9459" spans="1:3" x14ac:dyDescent="0.15">
      <c r="A9459">
        <v>15552</v>
      </c>
      <c r="B9459" t="s">
        <v>18879</v>
      </c>
      <c r="C9459" t="s">
        <v>18880</v>
      </c>
    </row>
    <row r="9460" spans="1:3" x14ac:dyDescent="0.15">
      <c r="A9460">
        <v>15551</v>
      </c>
      <c r="B9460" t="s">
        <v>18881</v>
      </c>
      <c r="C9460" t="s">
        <v>18882</v>
      </c>
    </row>
    <row r="9461" spans="1:3" x14ac:dyDescent="0.15">
      <c r="A9461">
        <v>15550</v>
      </c>
      <c r="B9461" t="s">
        <v>18883</v>
      </c>
      <c r="C9461" t="s">
        <v>18884</v>
      </c>
    </row>
    <row r="9462" spans="1:3" x14ac:dyDescent="0.15">
      <c r="A9462">
        <v>15549</v>
      </c>
      <c r="B9462" t="s">
        <v>18885</v>
      </c>
      <c r="C9462" t="s">
        <v>18886</v>
      </c>
    </row>
    <row r="9463" spans="1:3" x14ac:dyDescent="0.15">
      <c r="A9463">
        <v>15548</v>
      </c>
      <c r="B9463" t="s">
        <v>18887</v>
      </c>
      <c r="C9463" t="s">
        <v>18888</v>
      </c>
    </row>
    <row r="9464" spans="1:3" x14ac:dyDescent="0.15">
      <c r="A9464">
        <v>15547</v>
      </c>
      <c r="B9464" t="s">
        <v>18889</v>
      </c>
      <c r="C9464" t="s">
        <v>18890</v>
      </c>
    </row>
    <row r="9465" spans="1:3" x14ac:dyDescent="0.15">
      <c r="A9465">
        <v>15546</v>
      </c>
      <c r="B9465" t="s">
        <v>18891</v>
      </c>
      <c r="C9465" t="s">
        <v>18892</v>
      </c>
    </row>
    <row r="9466" spans="1:3" x14ac:dyDescent="0.15">
      <c r="A9466">
        <v>15545</v>
      </c>
      <c r="B9466" t="s">
        <v>18893</v>
      </c>
      <c r="C9466" t="s">
        <v>18894</v>
      </c>
    </row>
    <row r="9467" spans="1:3" x14ac:dyDescent="0.15">
      <c r="A9467">
        <v>15544</v>
      </c>
      <c r="B9467" t="s">
        <v>18895</v>
      </c>
      <c r="C9467" t="s">
        <v>18896</v>
      </c>
    </row>
    <row r="9468" spans="1:3" x14ac:dyDescent="0.15">
      <c r="A9468">
        <v>15543</v>
      </c>
      <c r="B9468" t="s">
        <v>18897</v>
      </c>
      <c r="C9468" t="s">
        <v>18898</v>
      </c>
    </row>
    <row r="9469" spans="1:3" x14ac:dyDescent="0.15">
      <c r="A9469">
        <v>15542</v>
      </c>
      <c r="B9469" t="s">
        <v>18899</v>
      </c>
      <c r="C9469" t="s">
        <v>18900</v>
      </c>
    </row>
    <row r="9470" spans="1:3" x14ac:dyDescent="0.15">
      <c r="A9470">
        <v>15541</v>
      </c>
      <c r="B9470" t="s">
        <v>18901</v>
      </c>
      <c r="C9470" t="s">
        <v>18902</v>
      </c>
    </row>
    <row r="9471" spans="1:3" x14ac:dyDescent="0.15">
      <c r="A9471">
        <v>15540</v>
      </c>
      <c r="B9471" t="s">
        <v>18903</v>
      </c>
      <c r="C9471" t="s">
        <v>18904</v>
      </c>
    </row>
    <row r="9472" spans="1:3" x14ac:dyDescent="0.15">
      <c r="A9472">
        <v>15539</v>
      </c>
      <c r="B9472" t="s">
        <v>18905</v>
      </c>
      <c r="C9472" t="s">
        <v>18906</v>
      </c>
    </row>
    <row r="9473" spans="1:3" x14ac:dyDescent="0.15">
      <c r="A9473">
        <v>15538</v>
      </c>
      <c r="B9473" t="s">
        <v>18907</v>
      </c>
      <c r="C9473" t="s">
        <v>18908</v>
      </c>
    </row>
    <row r="9474" spans="1:3" x14ac:dyDescent="0.15">
      <c r="A9474">
        <v>15537</v>
      </c>
      <c r="B9474" t="s">
        <v>18909</v>
      </c>
      <c r="C9474" t="s">
        <v>18910</v>
      </c>
    </row>
    <row r="9475" spans="1:3" x14ac:dyDescent="0.15">
      <c r="A9475">
        <v>15536</v>
      </c>
      <c r="B9475" t="s">
        <v>18911</v>
      </c>
      <c r="C9475" t="s">
        <v>18912</v>
      </c>
    </row>
    <row r="9476" spans="1:3" x14ac:dyDescent="0.15">
      <c r="A9476">
        <v>15535</v>
      </c>
      <c r="B9476" t="s">
        <v>18913</v>
      </c>
      <c r="C9476" t="s">
        <v>18914</v>
      </c>
    </row>
    <row r="9477" spans="1:3" x14ac:dyDescent="0.15">
      <c r="A9477">
        <v>15534</v>
      </c>
      <c r="B9477" t="s">
        <v>18915</v>
      </c>
      <c r="C9477" t="s">
        <v>18916</v>
      </c>
    </row>
    <row r="9478" spans="1:3" x14ac:dyDescent="0.15">
      <c r="A9478">
        <v>15533</v>
      </c>
      <c r="B9478" t="s">
        <v>18917</v>
      </c>
      <c r="C9478" t="s">
        <v>18918</v>
      </c>
    </row>
    <row r="9479" spans="1:3" x14ac:dyDescent="0.15">
      <c r="A9479">
        <v>15532</v>
      </c>
      <c r="B9479" t="s">
        <v>18919</v>
      </c>
      <c r="C9479" t="s">
        <v>18920</v>
      </c>
    </row>
    <row r="9480" spans="1:3" x14ac:dyDescent="0.15">
      <c r="A9480">
        <v>15531</v>
      </c>
      <c r="B9480" t="s">
        <v>18921</v>
      </c>
      <c r="C9480" t="s">
        <v>18922</v>
      </c>
    </row>
    <row r="9481" spans="1:3" x14ac:dyDescent="0.15">
      <c r="A9481">
        <v>15530</v>
      </c>
      <c r="B9481" t="s">
        <v>18923</v>
      </c>
      <c r="C9481" t="s">
        <v>18924</v>
      </c>
    </row>
    <row r="9482" spans="1:3" x14ac:dyDescent="0.15">
      <c r="A9482">
        <v>15529</v>
      </c>
      <c r="B9482" t="s">
        <v>18925</v>
      </c>
      <c r="C9482" t="s">
        <v>18926</v>
      </c>
    </row>
    <row r="9483" spans="1:3" x14ac:dyDescent="0.15">
      <c r="A9483">
        <v>15528</v>
      </c>
      <c r="B9483" t="s">
        <v>18927</v>
      </c>
      <c r="C9483" t="s">
        <v>18928</v>
      </c>
    </row>
    <row r="9484" spans="1:3" x14ac:dyDescent="0.15">
      <c r="A9484">
        <v>15527</v>
      </c>
      <c r="B9484" t="s">
        <v>18929</v>
      </c>
      <c r="C9484" t="s">
        <v>18930</v>
      </c>
    </row>
    <row r="9485" spans="1:3" x14ac:dyDescent="0.15">
      <c r="A9485">
        <v>15526</v>
      </c>
      <c r="B9485" t="s">
        <v>18931</v>
      </c>
      <c r="C9485" t="s">
        <v>18932</v>
      </c>
    </row>
    <row r="9486" spans="1:3" x14ac:dyDescent="0.15">
      <c r="A9486">
        <v>15525</v>
      </c>
      <c r="B9486" t="s">
        <v>18933</v>
      </c>
      <c r="C9486" t="s">
        <v>18934</v>
      </c>
    </row>
    <row r="9487" spans="1:3" x14ac:dyDescent="0.15">
      <c r="A9487">
        <v>15524</v>
      </c>
      <c r="B9487" t="s">
        <v>18935</v>
      </c>
      <c r="C9487" t="s">
        <v>18936</v>
      </c>
    </row>
    <row r="9488" spans="1:3" x14ac:dyDescent="0.15">
      <c r="A9488">
        <v>15523</v>
      </c>
      <c r="B9488" t="s">
        <v>18937</v>
      </c>
      <c r="C9488" t="s">
        <v>18938</v>
      </c>
    </row>
    <row r="9489" spans="1:3" x14ac:dyDescent="0.15">
      <c r="A9489">
        <v>15522</v>
      </c>
      <c r="B9489" t="s">
        <v>18939</v>
      </c>
      <c r="C9489" t="s">
        <v>18940</v>
      </c>
    </row>
    <row r="9490" spans="1:3" x14ac:dyDescent="0.15">
      <c r="A9490">
        <v>15521</v>
      </c>
      <c r="B9490" t="s">
        <v>18941</v>
      </c>
      <c r="C9490" t="s">
        <v>18942</v>
      </c>
    </row>
    <row r="9491" spans="1:3" x14ac:dyDescent="0.15">
      <c r="A9491">
        <v>15520</v>
      </c>
      <c r="B9491" t="s">
        <v>18943</v>
      </c>
      <c r="C9491" t="s">
        <v>18944</v>
      </c>
    </row>
    <row r="9492" spans="1:3" x14ac:dyDescent="0.15">
      <c r="A9492">
        <v>15519</v>
      </c>
      <c r="B9492" t="s">
        <v>18945</v>
      </c>
      <c r="C9492" t="s">
        <v>18946</v>
      </c>
    </row>
    <row r="9493" spans="1:3" x14ac:dyDescent="0.15">
      <c r="A9493">
        <v>15518</v>
      </c>
      <c r="B9493" t="s">
        <v>18947</v>
      </c>
      <c r="C9493" t="s">
        <v>18948</v>
      </c>
    </row>
    <row r="9494" spans="1:3" x14ac:dyDescent="0.15">
      <c r="A9494">
        <v>15517</v>
      </c>
      <c r="B9494" t="s">
        <v>18949</v>
      </c>
      <c r="C9494" t="s">
        <v>18950</v>
      </c>
    </row>
    <row r="9495" spans="1:3" x14ac:dyDescent="0.15">
      <c r="A9495">
        <v>15516</v>
      </c>
      <c r="B9495" t="s">
        <v>18951</v>
      </c>
      <c r="C9495" t="s">
        <v>18952</v>
      </c>
    </row>
    <row r="9496" spans="1:3" x14ac:dyDescent="0.15">
      <c r="A9496">
        <v>15515</v>
      </c>
      <c r="B9496" t="s">
        <v>18953</v>
      </c>
      <c r="C9496" t="s">
        <v>18954</v>
      </c>
    </row>
    <row r="9497" spans="1:3" x14ac:dyDescent="0.15">
      <c r="A9497">
        <v>15514</v>
      </c>
      <c r="B9497" t="s">
        <v>18955</v>
      </c>
      <c r="C9497" t="s">
        <v>18956</v>
      </c>
    </row>
    <row r="9498" spans="1:3" x14ac:dyDescent="0.15">
      <c r="A9498">
        <v>15513</v>
      </c>
      <c r="B9498" t="s">
        <v>18957</v>
      </c>
      <c r="C9498" t="s">
        <v>18958</v>
      </c>
    </row>
    <row r="9499" spans="1:3" x14ac:dyDescent="0.15">
      <c r="A9499">
        <v>15512</v>
      </c>
      <c r="B9499" t="s">
        <v>18959</v>
      </c>
      <c r="C9499" t="s">
        <v>18960</v>
      </c>
    </row>
    <row r="9500" spans="1:3" x14ac:dyDescent="0.15">
      <c r="A9500">
        <v>15511</v>
      </c>
      <c r="B9500" t="s">
        <v>18961</v>
      </c>
      <c r="C9500" t="s">
        <v>18962</v>
      </c>
    </row>
    <row r="9501" spans="1:3" x14ac:dyDescent="0.15">
      <c r="A9501">
        <v>15510</v>
      </c>
      <c r="B9501" t="s">
        <v>18963</v>
      </c>
      <c r="C9501" t="s">
        <v>18964</v>
      </c>
    </row>
    <row r="9502" spans="1:3" x14ac:dyDescent="0.15">
      <c r="A9502">
        <v>15509</v>
      </c>
      <c r="B9502" t="s">
        <v>18965</v>
      </c>
      <c r="C9502" t="s">
        <v>18966</v>
      </c>
    </row>
    <row r="9503" spans="1:3" x14ac:dyDescent="0.15">
      <c r="A9503">
        <v>15508</v>
      </c>
      <c r="B9503" t="s">
        <v>18967</v>
      </c>
      <c r="C9503" t="s">
        <v>18968</v>
      </c>
    </row>
    <row r="9504" spans="1:3" x14ac:dyDescent="0.15">
      <c r="A9504">
        <v>15507</v>
      </c>
      <c r="B9504" t="s">
        <v>18969</v>
      </c>
      <c r="C9504" t="s">
        <v>18970</v>
      </c>
    </row>
    <row r="9505" spans="1:3" x14ac:dyDescent="0.15">
      <c r="A9505">
        <v>15506</v>
      </c>
      <c r="B9505" t="s">
        <v>18971</v>
      </c>
      <c r="C9505" t="s">
        <v>18972</v>
      </c>
    </row>
    <row r="9506" spans="1:3" x14ac:dyDescent="0.15">
      <c r="A9506">
        <v>15505</v>
      </c>
      <c r="B9506" t="s">
        <v>18973</v>
      </c>
      <c r="C9506" t="s">
        <v>18974</v>
      </c>
    </row>
    <row r="9507" spans="1:3" x14ac:dyDescent="0.15">
      <c r="A9507">
        <v>15504</v>
      </c>
      <c r="B9507" t="s">
        <v>18975</v>
      </c>
      <c r="C9507" t="s">
        <v>18976</v>
      </c>
    </row>
    <row r="9508" spans="1:3" x14ac:dyDescent="0.15">
      <c r="A9508">
        <v>15503</v>
      </c>
      <c r="B9508" t="s">
        <v>18977</v>
      </c>
      <c r="C9508" t="s">
        <v>18978</v>
      </c>
    </row>
    <row r="9509" spans="1:3" x14ac:dyDescent="0.15">
      <c r="A9509">
        <v>15502</v>
      </c>
      <c r="B9509" t="s">
        <v>18979</v>
      </c>
      <c r="C9509" t="s">
        <v>18980</v>
      </c>
    </row>
    <row r="9510" spans="1:3" x14ac:dyDescent="0.15">
      <c r="A9510">
        <v>15501</v>
      </c>
      <c r="B9510" t="s">
        <v>18981</v>
      </c>
      <c r="C9510" t="s">
        <v>18982</v>
      </c>
    </row>
    <row r="9511" spans="1:3" x14ac:dyDescent="0.15">
      <c r="A9511">
        <v>15500</v>
      </c>
      <c r="B9511" t="s">
        <v>18983</v>
      </c>
      <c r="C9511" t="s">
        <v>18984</v>
      </c>
    </row>
    <row r="9512" spans="1:3" x14ac:dyDescent="0.15">
      <c r="A9512">
        <v>15499</v>
      </c>
      <c r="B9512" t="s">
        <v>18985</v>
      </c>
      <c r="C9512" t="s">
        <v>18986</v>
      </c>
    </row>
    <row r="9513" spans="1:3" x14ac:dyDescent="0.15">
      <c r="A9513">
        <v>15498</v>
      </c>
      <c r="B9513" t="s">
        <v>18987</v>
      </c>
      <c r="C9513" t="s">
        <v>18988</v>
      </c>
    </row>
    <row r="9514" spans="1:3" x14ac:dyDescent="0.15">
      <c r="A9514">
        <v>15497</v>
      </c>
      <c r="B9514" t="s">
        <v>18989</v>
      </c>
      <c r="C9514" t="s">
        <v>18990</v>
      </c>
    </row>
    <row r="9515" spans="1:3" x14ac:dyDescent="0.15">
      <c r="A9515">
        <v>15496</v>
      </c>
      <c r="B9515" t="s">
        <v>18991</v>
      </c>
      <c r="C9515" t="s">
        <v>18992</v>
      </c>
    </row>
    <row r="9516" spans="1:3" x14ac:dyDescent="0.15">
      <c r="A9516">
        <v>15495</v>
      </c>
      <c r="B9516" t="s">
        <v>18993</v>
      </c>
      <c r="C9516" t="s">
        <v>18994</v>
      </c>
    </row>
    <row r="9517" spans="1:3" x14ac:dyDescent="0.15">
      <c r="A9517">
        <v>15494</v>
      </c>
      <c r="B9517" t="s">
        <v>18995</v>
      </c>
      <c r="C9517" t="s">
        <v>18996</v>
      </c>
    </row>
    <row r="9518" spans="1:3" x14ac:dyDescent="0.15">
      <c r="A9518">
        <v>15493</v>
      </c>
      <c r="B9518" t="s">
        <v>18997</v>
      </c>
      <c r="C9518" t="s">
        <v>18998</v>
      </c>
    </row>
    <row r="9519" spans="1:3" x14ac:dyDescent="0.15">
      <c r="A9519">
        <v>15492</v>
      </c>
      <c r="B9519" t="s">
        <v>18999</v>
      </c>
      <c r="C9519" t="s">
        <v>19000</v>
      </c>
    </row>
    <row r="9520" spans="1:3" x14ac:dyDescent="0.15">
      <c r="A9520">
        <v>15491</v>
      </c>
      <c r="B9520" t="s">
        <v>19001</v>
      </c>
      <c r="C9520" t="s">
        <v>19002</v>
      </c>
    </row>
    <row r="9521" spans="1:3" x14ac:dyDescent="0.15">
      <c r="A9521">
        <v>15490</v>
      </c>
      <c r="B9521" t="s">
        <v>19003</v>
      </c>
      <c r="C9521" t="s">
        <v>19004</v>
      </c>
    </row>
    <row r="9522" spans="1:3" x14ac:dyDescent="0.15">
      <c r="A9522">
        <v>15489</v>
      </c>
      <c r="B9522" t="s">
        <v>19005</v>
      </c>
      <c r="C9522" t="s">
        <v>19006</v>
      </c>
    </row>
    <row r="9523" spans="1:3" x14ac:dyDescent="0.15">
      <c r="A9523">
        <v>15488</v>
      </c>
      <c r="B9523" t="s">
        <v>19007</v>
      </c>
      <c r="C9523" t="s">
        <v>19008</v>
      </c>
    </row>
    <row r="9524" spans="1:3" x14ac:dyDescent="0.15">
      <c r="A9524">
        <v>15487</v>
      </c>
      <c r="B9524" t="s">
        <v>19009</v>
      </c>
      <c r="C9524" t="s">
        <v>19010</v>
      </c>
    </row>
    <row r="9525" spans="1:3" x14ac:dyDescent="0.15">
      <c r="A9525">
        <v>15486</v>
      </c>
      <c r="B9525" t="s">
        <v>19011</v>
      </c>
      <c r="C9525" t="s">
        <v>19012</v>
      </c>
    </row>
    <row r="9526" spans="1:3" x14ac:dyDescent="0.15">
      <c r="A9526">
        <v>15485</v>
      </c>
      <c r="B9526" t="s">
        <v>19013</v>
      </c>
      <c r="C9526" t="s">
        <v>19014</v>
      </c>
    </row>
    <row r="9527" spans="1:3" x14ac:dyDescent="0.15">
      <c r="A9527">
        <v>15484</v>
      </c>
      <c r="B9527" t="s">
        <v>19015</v>
      </c>
      <c r="C9527" t="s">
        <v>19016</v>
      </c>
    </row>
    <row r="9528" spans="1:3" x14ac:dyDescent="0.15">
      <c r="A9528">
        <v>15483</v>
      </c>
      <c r="B9528" t="s">
        <v>19017</v>
      </c>
      <c r="C9528" t="s">
        <v>19018</v>
      </c>
    </row>
    <row r="9529" spans="1:3" x14ac:dyDescent="0.15">
      <c r="A9529">
        <v>15482</v>
      </c>
      <c r="B9529" t="s">
        <v>19019</v>
      </c>
      <c r="C9529" t="s">
        <v>19020</v>
      </c>
    </row>
    <row r="9530" spans="1:3" x14ac:dyDescent="0.15">
      <c r="A9530">
        <v>15481</v>
      </c>
      <c r="B9530" t="s">
        <v>19021</v>
      </c>
      <c r="C9530" t="s">
        <v>19022</v>
      </c>
    </row>
    <row r="9531" spans="1:3" x14ac:dyDescent="0.15">
      <c r="A9531">
        <v>15480</v>
      </c>
      <c r="B9531" t="s">
        <v>19023</v>
      </c>
      <c r="C9531" t="s">
        <v>19024</v>
      </c>
    </row>
    <row r="9532" spans="1:3" x14ac:dyDescent="0.15">
      <c r="A9532">
        <v>15479</v>
      </c>
      <c r="B9532" t="s">
        <v>19025</v>
      </c>
      <c r="C9532" t="s">
        <v>19026</v>
      </c>
    </row>
    <row r="9533" spans="1:3" x14ac:dyDescent="0.15">
      <c r="A9533">
        <v>15478</v>
      </c>
      <c r="B9533" t="s">
        <v>19027</v>
      </c>
      <c r="C9533" t="s">
        <v>19028</v>
      </c>
    </row>
    <row r="9534" spans="1:3" x14ac:dyDescent="0.15">
      <c r="A9534">
        <v>15477</v>
      </c>
      <c r="B9534" t="s">
        <v>19029</v>
      </c>
      <c r="C9534" t="s">
        <v>19030</v>
      </c>
    </row>
    <row r="9535" spans="1:3" x14ac:dyDescent="0.15">
      <c r="A9535">
        <v>15476</v>
      </c>
      <c r="B9535" t="s">
        <v>19031</v>
      </c>
      <c r="C9535" t="s">
        <v>19032</v>
      </c>
    </row>
    <row r="9536" spans="1:3" x14ac:dyDescent="0.15">
      <c r="A9536">
        <v>15475</v>
      </c>
      <c r="B9536" t="s">
        <v>19033</v>
      </c>
      <c r="C9536" t="s">
        <v>19034</v>
      </c>
    </row>
    <row r="9537" spans="1:3" x14ac:dyDescent="0.15">
      <c r="A9537">
        <v>15474</v>
      </c>
      <c r="B9537" t="s">
        <v>19035</v>
      </c>
      <c r="C9537" t="s">
        <v>19036</v>
      </c>
    </row>
    <row r="9538" spans="1:3" x14ac:dyDescent="0.15">
      <c r="A9538">
        <v>15473</v>
      </c>
      <c r="B9538" t="s">
        <v>19037</v>
      </c>
      <c r="C9538" t="s">
        <v>19038</v>
      </c>
    </row>
    <row r="9539" spans="1:3" x14ac:dyDescent="0.15">
      <c r="A9539">
        <v>15472</v>
      </c>
      <c r="B9539" t="s">
        <v>19039</v>
      </c>
      <c r="C9539" t="s">
        <v>19040</v>
      </c>
    </row>
    <row r="9540" spans="1:3" x14ac:dyDescent="0.15">
      <c r="A9540">
        <v>15471</v>
      </c>
      <c r="B9540" t="s">
        <v>19041</v>
      </c>
      <c r="C9540" t="s">
        <v>19042</v>
      </c>
    </row>
    <row r="9541" spans="1:3" x14ac:dyDescent="0.15">
      <c r="A9541">
        <v>15470</v>
      </c>
      <c r="B9541" t="s">
        <v>19043</v>
      </c>
      <c r="C9541" t="s">
        <v>19044</v>
      </c>
    </row>
    <row r="9542" spans="1:3" x14ac:dyDescent="0.15">
      <c r="A9542">
        <v>15469</v>
      </c>
      <c r="B9542" t="s">
        <v>19045</v>
      </c>
      <c r="C9542" t="s">
        <v>19046</v>
      </c>
    </row>
    <row r="9543" spans="1:3" x14ac:dyDescent="0.15">
      <c r="A9543">
        <v>15468</v>
      </c>
      <c r="B9543" t="s">
        <v>19047</v>
      </c>
      <c r="C9543" t="s">
        <v>19048</v>
      </c>
    </row>
    <row r="9544" spans="1:3" x14ac:dyDescent="0.15">
      <c r="A9544">
        <v>15467</v>
      </c>
      <c r="B9544" t="s">
        <v>19049</v>
      </c>
      <c r="C9544" t="s">
        <v>19050</v>
      </c>
    </row>
    <row r="9545" spans="1:3" x14ac:dyDescent="0.15">
      <c r="A9545">
        <v>15466</v>
      </c>
      <c r="B9545" t="s">
        <v>19051</v>
      </c>
      <c r="C9545" t="s">
        <v>19052</v>
      </c>
    </row>
    <row r="9546" spans="1:3" x14ac:dyDescent="0.15">
      <c r="A9546">
        <v>15465</v>
      </c>
      <c r="B9546" t="s">
        <v>19053</v>
      </c>
      <c r="C9546" t="s">
        <v>19054</v>
      </c>
    </row>
    <row r="9547" spans="1:3" x14ac:dyDescent="0.15">
      <c r="A9547">
        <v>15464</v>
      </c>
      <c r="B9547" t="s">
        <v>19055</v>
      </c>
      <c r="C9547" t="s">
        <v>19056</v>
      </c>
    </row>
    <row r="9548" spans="1:3" x14ac:dyDescent="0.15">
      <c r="A9548">
        <v>15463</v>
      </c>
      <c r="B9548" t="s">
        <v>19057</v>
      </c>
      <c r="C9548" t="s">
        <v>19058</v>
      </c>
    </row>
    <row r="9549" spans="1:3" x14ac:dyDescent="0.15">
      <c r="A9549">
        <v>15462</v>
      </c>
      <c r="B9549" t="s">
        <v>19059</v>
      </c>
      <c r="C9549" t="s">
        <v>19060</v>
      </c>
    </row>
    <row r="9550" spans="1:3" x14ac:dyDescent="0.15">
      <c r="A9550">
        <v>15461</v>
      </c>
      <c r="B9550" t="s">
        <v>19061</v>
      </c>
      <c r="C9550" t="s">
        <v>19062</v>
      </c>
    </row>
    <row r="9551" spans="1:3" x14ac:dyDescent="0.15">
      <c r="A9551">
        <v>15460</v>
      </c>
      <c r="B9551" t="s">
        <v>19063</v>
      </c>
      <c r="C9551" t="s">
        <v>19064</v>
      </c>
    </row>
    <row r="9552" spans="1:3" x14ac:dyDescent="0.15">
      <c r="A9552">
        <v>15459</v>
      </c>
      <c r="B9552" t="s">
        <v>19065</v>
      </c>
      <c r="C9552" t="s">
        <v>19066</v>
      </c>
    </row>
    <row r="9553" spans="1:3" x14ac:dyDescent="0.15">
      <c r="A9553">
        <v>15458</v>
      </c>
      <c r="B9553" t="s">
        <v>19067</v>
      </c>
      <c r="C9553" t="s">
        <v>19068</v>
      </c>
    </row>
    <row r="9554" spans="1:3" x14ac:dyDescent="0.15">
      <c r="A9554">
        <v>15457</v>
      </c>
      <c r="B9554" t="s">
        <v>19069</v>
      </c>
      <c r="C9554" t="s">
        <v>19070</v>
      </c>
    </row>
    <row r="9555" spans="1:3" x14ac:dyDescent="0.15">
      <c r="A9555">
        <v>15456</v>
      </c>
      <c r="B9555" t="s">
        <v>19071</v>
      </c>
      <c r="C9555" t="s">
        <v>19072</v>
      </c>
    </row>
    <row r="9556" spans="1:3" x14ac:dyDescent="0.15">
      <c r="A9556">
        <v>15455</v>
      </c>
      <c r="B9556" t="s">
        <v>19073</v>
      </c>
      <c r="C9556" t="s">
        <v>19074</v>
      </c>
    </row>
    <row r="9557" spans="1:3" x14ac:dyDescent="0.15">
      <c r="A9557">
        <v>15454</v>
      </c>
      <c r="B9557" t="s">
        <v>19075</v>
      </c>
      <c r="C9557" t="s">
        <v>19076</v>
      </c>
    </row>
    <row r="9558" spans="1:3" x14ac:dyDescent="0.15">
      <c r="A9558">
        <v>15453</v>
      </c>
      <c r="B9558" t="s">
        <v>19077</v>
      </c>
      <c r="C9558" t="s">
        <v>19078</v>
      </c>
    </row>
    <row r="9559" spans="1:3" x14ac:dyDescent="0.15">
      <c r="A9559">
        <v>15452</v>
      </c>
      <c r="B9559" t="s">
        <v>19079</v>
      </c>
      <c r="C9559" t="s">
        <v>19080</v>
      </c>
    </row>
    <row r="9560" spans="1:3" x14ac:dyDescent="0.15">
      <c r="A9560">
        <v>15451</v>
      </c>
      <c r="B9560" t="s">
        <v>19081</v>
      </c>
      <c r="C9560" t="s">
        <v>19082</v>
      </c>
    </row>
    <row r="9561" spans="1:3" x14ac:dyDescent="0.15">
      <c r="A9561">
        <v>15450</v>
      </c>
      <c r="B9561" t="s">
        <v>19083</v>
      </c>
      <c r="C9561" t="s">
        <v>19084</v>
      </c>
    </row>
    <row r="9562" spans="1:3" x14ac:dyDescent="0.15">
      <c r="A9562">
        <v>15449</v>
      </c>
      <c r="B9562" t="s">
        <v>19085</v>
      </c>
      <c r="C9562" t="s">
        <v>19086</v>
      </c>
    </row>
    <row r="9563" spans="1:3" x14ac:dyDescent="0.15">
      <c r="A9563">
        <v>15448</v>
      </c>
      <c r="B9563" t="s">
        <v>19087</v>
      </c>
      <c r="C9563" t="s">
        <v>19088</v>
      </c>
    </row>
    <row r="9564" spans="1:3" x14ac:dyDescent="0.15">
      <c r="A9564">
        <v>15447</v>
      </c>
      <c r="B9564" t="s">
        <v>19089</v>
      </c>
      <c r="C9564" t="s">
        <v>19090</v>
      </c>
    </row>
    <row r="9565" spans="1:3" x14ac:dyDescent="0.15">
      <c r="A9565">
        <v>15446</v>
      </c>
      <c r="B9565" t="s">
        <v>19091</v>
      </c>
      <c r="C9565" t="s">
        <v>19092</v>
      </c>
    </row>
    <row r="9566" spans="1:3" x14ac:dyDescent="0.15">
      <c r="A9566">
        <v>15445</v>
      </c>
      <c r="B9566" t="s">
        <v>19093</v>
      </c>
      <c r="C9566" t="s">
        <v>19094</v>
      </c>
    </row>
    <row r="9567" spans="1:3" x14ac:dyDescent="0.15">
      <c r="A9567">
        <v>15444</v>
      </c>
      <c r="B9567" t="s">
        <v>19095</v>
      </c>
      <c r="C9567" t="s">
        <v>19096</v>
      </c>
    </row>
    <row r="9568" spans="1:3" x14ac:dyDescent="0.15">
      <c r="A9568">
        <v>15443</v>
      </c>
      <c r="B9568" t="s">
        <v>19097</v>
      </c>
      <c r="C9568" t="s">
        <v>19098</v>
      </c>
    </row>
    <row r="9569" spans="1:3" x14ac:dyDescent="0.15">
      <c r="A9569">
        <v>15442</v>
      </c>
      <c r="B9569" t="s">
        <v>19099</v>
      </c>
      <c r="C9569" t="s">
        <v>19100</v>
      </c>
    </row>
    <row r="9570" spans="1:3" x14ac:dyDescent="0.15">
      <c r="A9570">
        <v>15441</v>
      </c>
      <c r="B9570" t="s">
        <v>19101</v>
      </c>
      <c r="C9570" t="s">
        <v>19102</v>
      </c>
    </row>
    <row r="9571" spans="1:3" x14ac:dyDescent="0.15">
      <c r="A9571">
        <v>15440</v>
      </c>
      <c r="B9571" t="s">
        <v>19103</v>
      </c>
      <c r="C9571" t="s">
        <v>19104</v>
      </c>
    </row>
    <row r="9572" spans="1:3" x14ac:dyDescent="0.15">
      <c r="A9572">
        <v>15439</v>
      </c>
      <c r="B9572" t="s">
        <v>19105</v>
      </c>
      <c r="C9572" t="s">
        <v>19106</v>
      </c>
    </row>
    <row r="9573" spans="1:3" x14ac:dyDescent="0.15">
      <c r="A9573">
        <v>15438</v>
      </c>
      <c r="B9573" t="s">
        <v>19107</v>
      </c>
      <c r="C9573" t="s">
        <v>19108</v>
      </c>
    </row>
    <row r="9574" spans="1:3" x14ac:dyDescent="0.15">
      <c r="A9574">
        <v>15437</v>
      </c>
      <c r="B9574" t="s">
        <v>19109</v>
      </c>
      <c r="C9574" t="s">
        <v>19110</v>
      </c>
    </row>
    <row r="9575" spans="1:3" x14ac:dyDescent="0.15">
      <c r="A9575">
        <v>15436</v>
      </c>
      <c r="B9575" t="s">
        <v>19111</v>
      </c>
      <c r="C9575" t="s">
        <v>19112</v>
      </c>
    </row>
    <row r="9576" spans="1:3" x14ac:dyDescent="0.15">
      <c r="A9576">
        <v>15435</v>
      </c>
      <c r="B9576" t="s">
        <v>19113</v>
      </c>
      <c r="C9576" t="s">
        <v>19114</v>
      </c>
    </row>
    <row r="9577" spans="1:3" x14ac:dyDescent="0.15">
      <c r="A9577">
        <v>15434</v>
      </c>
      <c r="B9577" t="s">
        <v>19115</v>
      </c>
      <c r="C9577" t="s">
        <v>19116</v>
      </c>
    </row>
    <row r="9578" spans="1:3" x14ac:dyDescent="0.15">
      <c r="A9578">
        <v>15433</v>
      </c>
      <c r="B9578" t="s">
        <v>19117</v>
      </c>
      <c r="C9578" t="s">
        <v>19118</v>
      </c>
    </row>
    <row r="9579" spans="1:3" x14ac:dyDescent="0.15">
      <c r="A9579">
        <v>15432</v>
      </c>
      <c r="B9579" t="s">
        <v>19119</v>
      </c>
      <c r="C9579" t="s">
        <v>19120</v>
      </c>
    </row>
    <row r="9580" spans="1:3" x14ac:dyDescent="0.15">
      <c r="A9580">
        <v>15431</v>
      </c>
      <c r="B9580" t="s">
        <v>19121</v>
      </c>
      <c r="C9580" t="s">
        <v>19122</v>
      </c>
    </row>
    <row r="9581" spans="1:3" x14ac:dyDescent="0.15">
      <c r="A9581">
        <v>15430</v>
      </c>
      <c r="B9581" t="s">
        <v>19123</v>
      </c>
      <c r="C9581" t="s">
        <v>19124</v>
      </c>
    </row>
    <row r="9582" spans="1:3" x14ac:dyDescent="0.15">
      <c r="A9582">
        <v>15429</v>
      </c>
      <c r="B9582" t="s">
        <v>19125</v>
      </c>
      <c r="C9582" t="s">
        <v>19126</v>
      </c>
    </row>
    <row r="9583" spans="1:3" x14ac:dyDescent="0.15">
      <c r="A9583">
        <v>15428</v>
      </c>
      <c r="B9583" t="s">
        <v>19127</v>
      </c>
      <c r="C9583" t="s">
        <v>19128</v>
      </c>
    </row>
    <row r="9584" spans="1:3" x14ac:dyDescent="0.15">
      <c r="A9584">
        <v>15427</v>
      </c>
      <c r="B9584" t="s">
        <v>19129</v>
      </c>
      <c r="C9584" t="s">
        <v>19130</v>
      </c>
    </row>
    <row r="9585" spans="1:3" x14ac:dyDescent="0.15">
      <c r="A9585">
        <v>15426</v>
      </c>
      <c r="B9585" t="s">
        <v>19131</v>
      </c>
      <c r="C9585" t="s">
        <v>19132</v>
      </c>
    </row>
    <row r="9586" spans="1:3" x14ac:dyDescent="0.15">
      <c r="A9586">
        <v>15425</v>
      </c>
      <c r="B9586" t="s">
        <v>19133</v>
      </c>
      <c r="C9586" t="s">
        <v>19134</v>
      </c>
    </row>
    <row r="9587" spans="1:3" x14ac:dyDescent="0.15">
      <c r="A9587">
        <v>15424</v>
      </c>
      <c r="B9587" t="s">
        <v>19135</v>
      </c>
      <c r="C9587" t="s">
        <v>19136</v>
      </c>
    </row>
    <row r="9588" spans="1:3" x14ac:dyDescent="0.15">
      <c r="A9588">
        <v>15423</v>
      </c>
      <c r="B9588" t="s">
        <v>19137</v>
      </c>
      <c r="C9588" t="s">
        <v>19138</v>
      </c>
    </row>
    <row r="9589" spans="1:3" x14ac:dyDescent="0.15">
      <c r="A9589">
        <v>15422</v>
      </c>
      <c r="B9589" t="s">
        <v>19139</v>
      </c>
      <c r="C9589" t="s">
        <v>19140</v>
      </c>
    </row>
    <row r="9590" spans="1:3" x14ac:dyDescent="0.15">
      <c r="A9590">
        <v>15421</v>
      </c>
      <c r="B9590" t="s">
        <v>19141</v>
      </c>
      <c r="C9590" t="s">
        <v>19142</v>
      </c>
    </row>
    <row r="9591" spans="1:3" x14ac:dyDescent="0.15">
      <c r="A9591">
        <v>15420</v>
      </c>
      <c r="B9591" t="s">
        <v>19143</v>
      </c>
      <c r="C9591" t="s">
        <v>19144</v>
      </c>
    </row>
    <row r="9592" spans="1:3" x14ac:dyDescent="0.15">
      <c r="A9592">
        <v>15419</v>
      </c>
      <c r="B9592" t="s">
        <v>19145</v>
      </c>
      <c r="C9592" t="s">
        <v>19146</v>
      </c>
    </row>
    <row r="9593" spans="1:3" x14ac:dyDescent="0.15">
      <c r="A9593">
        <v>15418</v>
      </c>
      <c r="B9593" t="s">
        <v>19147</v>
      </c>
      <c r="C9593" t="s">
        <v>19148</v>
      </c>
    </row>
    <row r="9594" spans="1:3" x14ac:dyDescent="0.15">
      <c r="A9594">
        <v>15417</v>
      </c>
      <c r="B9594" t="s">
        <v>19149</v>
      </c>
      <c r="C9594" t="s">
        <v>19150</v>
      </c>
    </row>
    <row r="9595" spans="1:3" x14ac:dyDescent="0.15">
      <c r="A9595">
        <v>15416</v>
      </c>
      <c r="B9595" t="s">
        <v>19151</v>
      </c>
      <c r="C9595" t="s">
        <v>19152</v>
      </c>
    </row>
    <row r="9596" spans="1:3" x14ac:dyDescent="0.15">
      <c r="A9596">
        <v>15415</v>
      </c>
      <c r="B9596" t="s">
        <v>19153</v>
      </c>
      <c r="C9596" t="s">
        <v>19154</v>
      </c>
    </row>
    <row r="9597" spans="1:3" x14ac:dyDescent="0.15">
      <c r="A9597">
        <v>15414</v>
      </c>
      <c r="B9597" t="s">
        <v>19155</v>
      </c>
      <c r="C9597" t="s">
        <v>19156</v>
      </c>
    </row>
    <row r="9598" spans="1:3" x14ac:dyDescent="0.15">
      <c r="A9598">
        <v>15413</v>
      </c>
      <c r="B9598" t="s">
        <v>19157</v>
      </c>
      <c r="C9598" t="s">
        <v>19158</v>
      </c>
    </row>
    <row r="9599" spans="1:3" x14ac:dyDescent="0.15">
      <c r="A9599">
        <v>15412</v>
      </c>
      <c r="B9599" t="s">
        <v>19159</v>
      </c>
      <c r="C9599" t="s">
        <v>19160</v>
      </c>
    </row>
    <row r="9600" spans="1:3" x14ac:dyDescent="0.15">
      <c r="A9600">
        <v>15411</v>
      </c>
      <c r="B9600" t="s">
        <v>19161</v>
      </c>
      <c r="C9600" t="s">
        <v>19162</v>
      </c>
    </row>
    <row r="9601" spans="1:3" x14ac:dyDescent="0.15">
      <c r="A9601">
        <v>15410</v>
      </c>
      <c r="B9601" t="s">
        <v>19163</v>
      </c>
      <c r="C9601" t="s">
        <v>19164</v>
      </c>
    </row>
    <row r="9602" spans="1:3" x14ac:dyDescent="0.15">
      <c r="A9602">
        <v>15409</v>
      </c>
      <c r="B9602" t="s">
        <v>19165</v>
      </c>
      <c r="C9602" t="s">
        <v>19166</v>
      </c>
    </row>
    <row r="9603" spans="1:3" x14ac:dyDescent="0.15">
      <c r="A9603">
        <v>15408</v>
      </c>
      <c r="B9603" t="s">
        <v>19167</v>
      </c>
      <c r="C9603" t="s">
        <v>19168</v>
      </c>
    </row>
    <row r="9604" spans="1:3" x14ac:dyDescent="0.15">
      <c r="A9604">
        <v>15407</v>
      </c>
      <c r="B9604" t="s">
        <v>19169</v>
      </c>
      <c r="C9604" t="s">
        <v>19170</v>
      </c>
    </row>
    <row r="9605" spans="1:3" x14ac:dyDescent="0.15">
      <c r="A9605">
        <v>15406</v>
      </c>
      <c r="B9605" t="s">
        <v>19171</v>
      </c>
      <c r="C9605" t="s">
        <v>19172</v>
      </c>
    </row>
    <row r="9606" spans="1:3" x14ac:dyDescent="0.15">
      <c r="A9606">
        <v>15405</v>
      </c>
      <c r="B9606" t="s">
        <v>19173</v>
      </c>
      <c r="C9606" t="s">
        <v>19174</v>
      </c>
    </row>
    <row r="9607" spans="1:3" x14ac:dyDescent="0.15">
      <c r="A9607">
        <v>15404</v>
      </c>
      <c r="B9607" t="s">
        <v>19175</v>
      </c>
      <c r="C9607" t="s">
        <v>19176</v>
      </c>
    </row>
    <row r="9608" spans="1:3" x14ac:dyDescent="0.15">
      <c r="A9608">
        <v>15403</v>
      </c>
      <c r="B9608" t="s">
        <v>19177</v>
      </c>
      <c r="C9608" t="s">
        <v>19178</v>
      </c>
    </row>
    <row r="9609" spans="1:3" x14ac:dyDescent="0.15">
      <c r="A9609">
        <v>15402</v>
      </c>
      <c r="B9609" t="s">
        <v>19179</v>
      </c>
      <c r="C9609" t="s">
        <v>19180</v>
      </c>
    </row>
    <row r="9610" spans="1:3" x14ac:dyDescent="0.15">
      <c r="A9610">
        <v>15401</v>
      </c>
      <c r="B9610" t="s">
        <v>19181</v>
      </c>
      <c r="C9610" t="s">
        <v>19182</v>
      </c>
    </row>
    <row r="9611" spans="1:3" x14ac:dyDescent="0.15">
      <c r="A9611">
        <v>15400</v>
      </c>
      <c r="B9611" t="s">
        <v>19183</v>
      </c>
      <c r="C9611" t="s">
        <v>19184</v>
      </c>
    </row>
    <row r="9612" spans="1:3" x14ac:dyDescent="0.15">
      <c r="A9612">
        <v>15399</v>
      </c>
      <c r="B9612" t="s">
        <v>19185</v>
      </c>
      <c r="C9612" t="s">
        <v>19186</v>
      </c>
    </row>
    <row r="9613" spans="1:3" x14ac:dyDescent="0.15">
      <c r="A9613">
        <v>15398</v>
      </c>
      <c r="B9613" t="s">
        <v>19187</v>
      </c>
      <c r="C9613" t="s">
        <v>19188</v>
      </c>
    </row>
    <row r="9614" spans="1:3" x14ac:dyDescent="0.15">
      <c r="A9614">
        <v>15397</v>
      </c>
      <c r="B9614" t="s">
        <v>19189</v>
      </c>
      <c r="C9614" t="s">
        <v>19190</v>
      </c>
    </row>
    <row r="9615" spans="1:3" x14ac:dyDescent="0.15">
      <c r="A9615">
        <v>15396</v>
      </c>
      <c r="B9615" t="s">
        <v>19191</v>
      </c>
      <c r="C9615" t="s">
        <v>19192</v>
      </c>
    </row>
    <row r="9616" spans="1:3" x14ac:dyDescent="0.15">
      <c r="A9616">
        <v>15395</v>
      </c>
      <c r="B9616" t="s">
        <v>19193</v>
      </c>
      <c r="C9616" t="s">
        <v>19194</v>
      </c>
    </row>
    <row r="9617" spans="1:3" x14ac:dyDescent="0.15">
      <c r="A9617">
        <v>15394</v>
      </c>
      <c r="B9617" t="s">
        <v>19195</v>
      </c>
      <c r="C9617" t="s">
        <v>19196</v>
      </c>
    </row>
    <row r="9618" spans="1:3" x14ac:dyDescent="0.15">
      <c r="A9618">
        <v>15393</v>
      </c>
      <c r="B9618" t="s">
        <v>19197</v>
      </c>
      <c r="C9618" t="s">
        <v>19198</v>
      </c>
    </row>
    <row r="9619" spans="1:3" x14ac:dyDescent="0.15">
      <c r="A9619">
        <v>15392</v>
      </c>
      <c r="B9619" t="s">
        <v>19199</v>
      </c>
      <c r="C9619" t="s">
        <v>19200</v>
      </c>
    </row>
    <row r="9620" spans="1:3" x14ac:dyDescent="0.15">
      <c r="A9620">
        <v>15391</v>
      </c>
      <c r="B9620" t="s">
        <v>19201</v>
      </c>
      <c r="C9620" t="s">
        <v>19202</v>
      </c>
    </row>
    <row r="9621" spans="1:3" x14ac:dyDescent="0.15">
      <c r="A9621">
        <v>15390</v>
      </c>
      <c r="B9621" t="s">
        <v>19203</v>
      </c>
      <c r="C9621" t="s">
        <v>19204</v>
      </c>
    </row>
    <row r="9622" spans="1:3" x14ac:dyDescent="0.15">
      <c r="A9622">
        <v>15389</v>
      </c>
      <c r="B9622" t="s">
        <v>19205</v>
      </c>
      <c r="C9622" t="s">
        <v>19206</v>
      </c>
    </row>
    <row r="9623" spans="1:3" x14ac:dyDescent="0.15">
      <c r="A9623">
        <v>15388</v>
      </c>
      <c r="B9623" t="s">
        <v>19207</v>
      </c>
      <c r="C9623" t="s">
        <v>19208</v>
      </c>
    </row>
    <row r="9624" spans="1:3" x14ac:dyDescent="0.15">
      <c r="A9624">
        <v>15387</v>
      </c>
      <c r="B9624" t="s">
        <v>19209</v>
      </c>
      <c r="C9624" t="s">
        <v>19210</v>
      </c>
    </row>
    <row r="9625" spans="1:3" x14ac:dyDescent="0.15">
      <c r="A9625">
        <v>15386</v>
      </c>
      <c r="B9625" t="s">
        <v>19211</v>
      </c>
      <c r="C9625" t="s">
        <v>19212</v>
      </c>
    </row>
    <row r="9626" spans="1:3" x14ac:dyDescent="0.15">
      <c r="A9626">
        <v>15385</v>
      </c>
      <c r="B9626" t="s">
        <v>19213</v>
      </c>
      <c r="C9626" t="s">
        <v>19214</v>
      </c>
    </row>
    <row r="9627" spans="1:3" x14ac:dyDescent="0.15">
      <c r="A9627">
        <v>15384</v>
      </c>
      <c r="B9627" t="s">
        <v>19215</v>
      </c>
      <c r="C9627" t="s">
        <v>19216</v>
      </c>
    </row>
    <row r="9628" spans="1:3" x14ac:dyDescent="0.15">
      <c r="A9628">
        <v>15383</v>
      </c>
      <c r="B9628" t="s">
        <v>19217</v>
      </c>
      <c r="C9628" t="s">
        <v>19218</v>
      </c>
    </row>
    <row r="9629" spans="1:3" x14ac:dyDescent="0.15">
      <c r="A9629">
        <v>15382</v>
      </c>
      <c r="B9629" t="s">
        <v>19219</v>
      </c>
      <c r="C9629" t="s">
        <v>19220</v>
      </c>
    </row>
    <row r="9630" spans="1:3" x14ac:dyDescent="0.15">
      <c r="A9630">
        <v>15381</v>
      </c>
      <c r="B9630" t="s">
        <v>19221</v>
      </c>
      <c r="C9630" t="s">
        <v>19222</v>
      </c>
    </row>
    <row r="9631" spans="1:3" x14ac:dyDescent="0.15">
      <c r="A9631">
        <v>15380</v>
      </c>
      <c r="B9631" t="s">
        <v>19223</v>
      </c>
      <c r="C9631" t="s">
        <v>19224</v>
      </c>
    </row>
    <row r="9632" spans="1:3" x14ac:dyDescent="0.15">
      <c r="A9632">
        <v>15379</v>
      </c>
      <c r="B9632" t="s">
        <v>19225</v>
      </c>
      <c r="C9632" t="s">
        <v>19226</v>
      </c>
    </row>
    <row r="9633" spans="1:3" x14ac:dyDescent="0.15">
      <c r="A9633">
        <v>15378</v>
      </c>
      <c r="B9633" t="s">
        <v>19227</v>
      </c>
      <c r="C9633" t="s">
        <v>19228</v>
      </c>
    </row>
    <row r="9634" spans="1:3" x14ac:dyDescent="0.15">
      <c r="A9634">
        <v>15377</v>
      </c>
      <c r="B9634" t="s">
        <v>19229</v>
      </c>
      <c r="C9634" t="s">
        <v>19230</v>
      </c>
    </row>
    <row r="9635" spans="1:3" x14ac:dyDescent="0.15">
      <c r="A9635">
        <v>15376</v>
      </c>
      <c r="B9635" t="s">
        <v>19231</v>
      </c>
      <c r="C9635" t="s">
        <v>19232</v>
      </c>
    </row>
    <row r="9636" spans="1:3" x14ac:dyDescent="0.15">
      <c r="A9636">
        <v>15375</v>
      </c>
      <c r="B9636" t="s">
        <v>19233</v>
      </c>
      <c r="C9636" t="s">
        <v>19234</v>
      </c>
    </row>
    <row r="9637" spans="1:3" x14ac:dyDescent="0.15">
      <c r="A9637">
        <v>15374</v>
      </c>
      <c r="B9637" t="s">
        <v>19235</v>
      </c>
      <c r="C9637" t="s">
        <v>19236</v>
      </c>
    </row>
    <row r="9638" spans="1:3" x14ac:dyDescent="0.15">
      <c r="A9638">
        <v>15373</v>
      </c>
      <c r="B9638" t="s">
        <v>19237</v>
      </c>
      <c r="C9638" t="s">
        <v>19238</v>
      </c>
    </row>
    <row r="9639" spans="1:3" x14ac:dyDescent="0.15">
      <c r="A9639">
        <v>15372</v>
      </c>
      <c r="B9639" t="s">
        <v>19239</v>
      </c>
      <c r="C9639" t="s">
        <v>19240</v>
      </c>
    </row>
    <row r="9640" spans="1:3" x14ac:dyDescent="0.15">
      <c r="A9640">
        <v>15371</v>
      </c>
      <c r="B9640" t="s">
        <v>19241</v>
      </c>
      <c r="C9640" t="s">
        <v>19242</v>
      </c>
    </row>
    <row r="9641" spans="1:3" x14ac:dyDescent="0.15">
      <c r="A9641">
        <v>15370</v>
      </c>
      <c r="B9641" t="s">
        <v>19243</v>
      </c>
      <c r="C9641" t="s">
        <v>19244</v>
      </c>
    </row>
    <row r="9642" spans="1:3" x14ac:dyDescent="0.15">
      <c r="A9642">
        <v>15369</v>
      </c>
      <c r="B9642" t="s">
        <v>19245</v>
      </c>
      <c r="C9642" t="s">
        <v>19246</v>
      </c>
    </row>
    <row r="9643" spans="1:3" x14ac:dyDescent="0.15">
      <c r="A9643">
        <v>15368</v>
      </c>
      <c r="B9643" t="s">
        <v>19247</v>
      </c>
      <c r="C9643" t="s">
        <v>19248</v>
      </c>
    </row>
    <row r="9644" spans="1:3" x14ac:dyDescent="0.15">
      <c r="A9644">
        <v>15367</v>
      </c>
      <c r="B9644" t="s">
        <v>19249</v>
      </c>
      <c r="C9644" t="s">
        <v>19250</v>
      </c>
    </row>
    <row r="9645" spans="1:3" x14ac:dyDescent="0.15">
      <c r="A9645">
        <v>15366</v>
      </c>
      <c r="B9645" t="s">
        <v>19251</v>
      </c>
      <c r="C9645" t="s">
        <v>19252</v>
      </c>
    </row>
    <row r="9646" spans="1:3" x14ac:dyDescent="0.15">
      <c r="A9646">
        <v>15365</v>
      </c>
      <c r="B9646" t="s">
        <v>19253</v>
      </c>
      <c r="C9646" t="s">
        <v>19254</v>
      </c>
    </row>
    <row r="9647" spans="1:3" x14ac:dyDescent="0.15">
      <c r="A9647">
        <v>15364</v>
      </c>
      <c r="B9647" t="s">
        <v>19255</v>
      </c>
      <c r="C9647" t="s">
        <v>19256</v>
      </c>
    </row>
    <row r="9648" spans="1:3" x14ac:dyDescent="0.15">
      <c r="A9648">
        <v>15363</v>
      </c>
      <c r="B9648" t="s">
        <v>19257</v>
      </c>
      <c r="C9648" t="s">
        <v>19258</v>
      </c>
    </row>
    <row r="9649" spans="1:3" x14ac:dyDescent="0.15">
      <c r="A9649">
        <v>15362</v>
      </c>
      <c r="B9649" t="s">
        <v>19259</v>
      </c>
      <c r="C9649" t="s">
        <v>19260</v>
      </c>
    </row>
    <row r="9650" spans="1:3" x14ac:dyDescent="0.15">
      <c r="A9650">
        <v>15361</v>
      </c>
      <c r="B9650" t="s">
        <v>19261</v>
      </c>
      <c r="C9650" t="s">
        <v>19262</v>
      </c>
    </row>
    <row r="9651" spans="1:3" x14ac:dyDescent="0.15">
      <c r="A9651">
        <v>15360</v>
      </c>
      <c r="B9651" t="s">
        <v>19263</v>
      </c>
      <c r="C9651" t="s">
        <v>19264</v>
      </c>
    </row>
    <row r="9652" spans="1:3" x14ac:dyDescent="0.15">
      <c r="A9652">
        <v>15359</v>
      </c>
      <c r="B9652" t="s">
        <v>19265</v>
      </c>
      <c r="C9652" t="s">
        <v>19266</v>
      </c>
    </row>
    <row r="9653" spans="1:3" x14ac:dyDescent="0.15">
      <c r="A9653">
        <v>15358</v>
      </c>
      <c r="B9653" t="s">
        <v>19267</v>
      </c>
      <c r="C9653" t="s">
        <v>19268</v>
      </c>
    </row>
    <row r="9654" spans="1:3" x14ac:dyDescent="0.15">
      <c r="A9654">
        <v>15357</v>
      </c>
      <c r="B9654" t="s">
        <v>19269</v>
      </c>
      <c r="C9654" t="s">
        <v>19270</v>
      </c>
    </row>
    <row r="9655" spans="1:3" x14ac:dyDescent="0.15">
      <c r="A9655">
        <v>15356</v>
      </c>
      <c r="B9655" t="s">
        <v>19271</v>
      </c>
      <c r="C9655" t="s">
        <v>19272</v>
      </c>
    </row>
    <row r="9656" spans="1:3" x14ac:dyDescent="0.15">
      <c r="A9656">
        <v>15355</v>
      </c>
      <c r="B9656" t="s">
        <v>19273</v>
      </c>
      <c r="C9656" t="s">
        <v>19274</v>
      </c>
    </row>
    <row r="9657" spans="1:3" x14ac:dyDescent="0.15">
      <c r="A9657">
        <v>15354</v>
      </c>
      <c r="B9657" t="s">
        <v>19275</v>
      </c>
      <c r="C9657" t="s">
        <v>19276</v>
      </c>
    </row>
    <row r="9658" spans="1:3" x14ac:dyDescent="0.15">
      <c r="A9658">
        <v>15353</v>
      </c>
      <c r="B9658" t="s">
        <v>19277</v>
      </c>
      <c r="C9658" t="s">
        <v>19278</v>
      </c>
    </row>
    <row r="9659" spans="1:3" x14ac:dyDescent="0.15">
      <c r="A9659">
        <v>15352</v>
      </c>
      <c r="B9659" t="s">
        <v>19279</v>
      </c>
      <c r="C9659" t="s">
        <v>19280</v>
      </c>
    </row>
    <row r="9660" spans="1:3" x14ac:dyDescent="0.15">
      <c r="A9660">
        <v>15351</v>
      </c>
      <c r="B9660" t="s">
        <v>19281</v>
      </c>
      <c r="C9660" t="s">
        <v>19282</v>
      </c>
    </row>
    <row r="9661" spans="1:3" x14ac:dyDescent="0.15">
      <c r="A9661">
        <v>15350</v>
      </c>
      <c r="B9661" t="s">
        <v>19283</v>
      </c>
      <c r="C9661" t="s">
        <v>19284</v>
      </c>
    </row>
    <row r="9662" spans="1:3" x14ac:dyDescent="0.15">
      <c r="A9662">
        <v>15349</v>
      </c>
      <c r="B9662" t="s">
        <v>19285</v>
      </c>
      <c r="C9662" t="s">
        <v>19286</v>
      </c>
    </row>
    <row r="9663" spans="1:3" x14ac:dyDescent="0.15">
      <c r="A9663">
        <v>15348</v>
      </c>
      <c r="B9663" t="s">
        <v>19287</v>
      </c>
      <c r="C9663" t="s">
        <v>19288</v>
      </c>
    </row>
    <row r="9664" spans="1:3" x14ac:dyDescent="0.15">
      <c r="A9664">
        <v>15347</v>
      </c>
      <c r="B9664" t="s">
        <v>19289</v>
      </c>
      <c r="C9664" t="s">
        <v>19290</v>
      </c>
    </row>
    <row r="9665" spans="1:3" x14ac:dyDescent="0.15">
      <c r="A9665">
        <v>15346</v>
      </c>
      <c r="B9665" t="s">
        <v>19291</v>
      </c>
      <c r="C9665" t="s">
        <v>19292</v>
      </c>
    </row>
    <row r="9666" spans="1:3" x14ac:dyDescent="0.15">
      <c r="A9666">
        <v>15345</v>
      </c>
      <c r="B9666" t="s">
        <v>19293</v>
      </c>
      <c r="C9666" t="s">
        <v>19294</v>
      </c>
    </row>
    <row r="9667" spans="1:3" x14ac:dyDescent="0.15">
      <c r="A9667">
        <v>15344</v>
      </c>
      <c r="B9667" t="s">
        <v>19295</v>
      </c>
      <c r="C9667" t="s">
        <v>19296</v>
      </c>
    </row>
    <row r="9668" spans="1:3" x14ac:dyDescent="0.15">
      <c r="A9668">
        <v>15343</v>
      </c>
      <c r="B9668" t="s">
        <v>19297</v>
      </c>
      <c r="C9668" t="s">
        <v>19298</v>
      </c>
    </row>
    <row r="9669" spans="1:3" x14ac:dyDescent="0.15">
      <c r="A9669">
        <v>15342</v>
      </c>
      <c r="B9669" t="s">
        <v>19299</v>
      </c>
      <c r="C9669" t="s">
        <v>19300</v>
      </c>
    </row>
    <row r="9670" spans="1:3" x14ac:dyDescent="0.15">
      <c r="A9670">
        <v>15341</v>
      </c>
      <c r="B9670" t="s">
        <v>19301</v>
      </c>
      <c r="C9670" t="s">
        <v>19302</v>
      </c>
    </row>
    <row r="9671" spans="1:3" x14ac:dyDescent="0.15">
      <c r="A9671">
        <v>15340</v>
      </c>
      <c r="B9671" t="s">
        <v>19303</v>
      </c>
      <c r="C9671" t="s">
        <v>19304</v>
      </c>
    </row>
    <row r="9672" spans="1:3" x14ac:dyDescent="0.15">
      <c r="A9672">
        <v>15339</v>
      </c>
      <c r="B9672" t="s">
        <v>19305</v>
      </c>
      <c r="C9672" t="s">
        <v>19306</v>
      </c>
    </row>
    <row r="9673" spans="1:3" x14ac:dyDescent="0.15">
      <c r="A9673">
        <v>15338</v>
      </c>
      <c r="B9673" t="s">
        <v>19307</v>
      </c>
      <c r="C9673" t="s">
        <v>19308</v>
      </c>
    </row>
    <row r="9674" spans="1:3" x14ac:dyDescent="0.15">
      <c r="A9674">
        <v>15337</v>
      </c>
      <c r="B9674" t="s">
        <v>19309</v>
      </c>
      <c r="C9674" t="s">
        <v>19310</v>
      </c>
    </row>
    <row r="9675" spans="1:3" x14ac:dyDescent="0.15">
      <c r="A9675">
        <v>15336</v>
      </c>
      <c r="B9675" t="s">
        <v>19311</v>
      </c>
      <c r="C9675" t="s">
        <v>19312</v>
      </c>
    </row>
    <row r="9676" spans="1:3" x14ac:dyDescent="0.15">
      <c r="A9676">
        <v>15335</v>
      </c>
      <c r="B9676" t="s">
        <v>19313</v>
      </c>
      <c r="C9676" t="s">
        <v>19314</v>
      </c>
    </row>
    <row r="9677" spans="1:3" x14ac:dyDescent="0.15">
      <c r="A9677">
        <v>15334</v>
      </c>
      <c r="B9677" t="s">
        <v>19315</v>
      </c>
      <c r="C9677" t="s">
        <v>19316</v>
      </c>
    </row>
    <row r="9678" spans="1:3" x14ac:dyDescent="0.15">
      <c r="A9678">
        <v>15333</v>
      </c>
      <c r="B9678" t="s">
        <v>19317</v>
      </c>
      <c r="C9678" t="s">
        <v>19318</v>
      </c>
    </row>
    <row r="9679" spans="1:3" x14ac:dyDescent="0.15">
      <c r="A9679">
        <v>15332</v>
      </c>
      <c r="B9679" t="s">
        <v>19319</v>
      </c>
      <c r="C9679" t="s">
        <v>19320</v>
      </c>
    </row>
    <row r="9680" spans="1:3" x14ac:dyDescent="0.15">
      <c r="A9680">
        <v>15331</v>
      </c>
      <c r="B9680" t="s">
        <v>19321</v>
      </c>
      <c r="C9680" t="s">
        <v>19322</v>
      </c>
    </row>
    <row r="9681" spans="1:3" x14ac:dyDescent="0.15">
      <c r="A9681">
        <v>15330</v>
      </c>
      <c r="B9681" t="s">
        <v>19323</v>
      </c>
      <c r="C9681" t="s">
        <v>19324</v>
      </c>
    </row>
    <row r="9682" spans="1:3" x14ac:dyDescent="0.15">
      <c r="A9682">
        <v>15329</v>
      </c>
      <c r="B9682" t="s">
        <v>19325</v>
      </c>
      <c r="C9682" t="s">
        <v>19326</v>
      </c>
    </row>
    <row r="9683" spans="1:3" x14ac:dyDescent="0.15">
      <c r="A9683">
        <v>15328</v>
      </c>
      <c r="B9683" t="s">
        <v>19327</v>
      </c>
      <c r="C9683" t="s">
        <v>19328</v>
      </c>
    </row>
    <row r="9684" spans="1:3" x14ac:dyDescent="0.15">
      <c r="A9684">
        <v>15327</v>
      </c>
      <c r="B9684" t="s">
        <v>19329</v>
      </c>
      <c r="C9684" t="s">
        <v>19330</v>
      </c>
    </row>
    <row r="9685" spans="1:3" x14ac:dyDescent="0.15">
      <c r="A9685">
        <v>15326</v>
      </c>
      <c r="B9685" t="s">
        <v>19331</v>
      </c>
      <c r="C9685" t="s">
        <v>19332</v>
      </c>
    </row>
    <row r="9686" spans="1:3" x14ac:dyDescent="0.15">
      <c r="A9686">
        <v>15325</v>
      </c>
      <c r="B9686" t="s">
        <v>19333</v>
      </c>
      <c r="C9686" t="s">
        <v>19334</v>
      </c>
    </row>
    <row r="9687" spans="1:3" x14ac:dyDescent="0.15">
      <c r="A9687">
        <v>15324</v>
      </c>
      <c r="B9687" t="s">
        <v>19335</v>
      </c>
      <c r="C9687" t="s">
        <v>19336</v>
      </c>
    </row>
    <row r="9688" spans="1:3" x14ac:dyDescent="0.15">
      <c r="A9688">
        <v>15323</v>
      </c>
      <c r="B9688" t="s">
        <v>19337</v>
      </c>
      <c r="C9688" t="s">
        <v>19338</v>
      </c>
    </row>
    <row r="9689" spans="1:3" x14ac:dyDescent="0.15">
      <c r="A9689">
        <v>15322</v>
      </c>
      <c r="B9689" t="s">
        <v>19339</v>
      </c>
      <c r="C9689" t="s">
        <v>19340</v>
      </c>
    </row>
    <row r="9690" spans="1:3" x14ac:dyDescent="0.15">
      <c r="A9690">
        <v>15321</v>
      </c>
      <c r="B9690" t="s">
        <v>19341</v>
      </c>
      <c r="C9690" t="s">
        <v>19342</v>
      </c>
    </row>
    <row r="9691" spans="1:3" x14ac:dyDescent="0.15">
      <c r="A9691">
        <v>15320</v>
      </c>
      <c r="B9691" t="s">
        <v>19343</v>
      </c>
      <c r="C9691" t="s">
        <v>19344</v>
      </c>
    </row>
    <row r="9692" spans="1:3" x14ac:dyDescent="0.15">
      <c r="A9692">
        <v>15319</v>
      </c>
      <c r="B9692" t="s">
        <v>19345</v>
      </c>
      <c r="C9692" t="s">
        <v>19346</v>
      </c>
    </row>
    <row r="9693" spans="1:3" x14ac:dyDescent="0.15">
      <c r="A9693">
        <v>15318</v>
      </c>
      <c r="B9693" t="s">
        <v>19347</v>
      </c>
      <c r="C9693" t="s">
        <v>491</v>
      </c>
    </row>
    <row r="9694" spans="1:3" x14ac:dyDescent="0.15">
      <c r="A9694">
        <v>15317</v>
      </c>
      <c r="B9694" t="s">
        <v>19348</v>
      </c>
      <c r="C9694" t="s">
        <v>19349</v>
      </c>
    </row>
    <row r="9695" spans="1:3" x14ac:dyDescent="0.15">
      <c r="A9695">
        <v>15316</v>
      </c>
      <c r="B9695" t="s">
        <v>19350</v>
      </c>
      <c r="C9695" t="s">
        <v>19351</v>
      </c>
    </row>
    <row r="9696" spans="1:3" x14ac:dyDescent="0.15">
      <c r="A9696">
        <v>15315</v>
      </c>
      <c r="B9696" t="s">
        <v>19352</v>
      </c>
      <c r="C9696" t="s">
        <v>19353</v>
      </c>
    </row>
    <row r="9697" spans="1:3" x14ac:dyDescent="0.15">
      <c r="A9697">
        <v>15314</v>
      </c>
      <c r="B9697" t="s">
        <v>19354</v>
      </c>
      <c r="C9697" t="s">
        <v>19355</v>
      </c>
    </row>
    <row r="9698" spans="1:3" x14ac:dyDescent="0.15">
      <c r="A9698">
        <v>15313</v>
      </c>
      <c r="B9698" t="s">
        <v>19356</v>
      </c>
      <c r="C9698" t="s">
        <v>19357</v>
      </c>
    </row>
    <row r="9699" spans="1:3" x14ac:dyDescent="0.15">
      <c r="A9699">
        <v>15312</v>
      </c>
      <c r="B9699" t="s">
        <v>19358</v>
      </c>
      <c r="C9699" t="s">
        <v>19359</v>
      </c>
    </row>
    <row r="9700" spans="1:3" x14ac:dyDescent="0.15">
      <c r="A9700">
        <v>15311</v>
      </c>
      <c r="B9700" t="s">
        <v>19360</v>
      </c>
      <c r="C9700" t="s">
        <v>19361</v>
      </c>
    </row>
    <row r="9701" spans="1:3" x14ac:dyDescent="0.15">
      <c r="A9701">
        <v>15310</v>
      </c>
      <c r="B9701" t="s">
        <v>19362</v>
      </c>
      <c r="C9701" t="s">
        <v>19363</v>
      </c>
    </row>
    <row r="9702" spans="1:3" x14ac:dyDescent="0.15">
      <c r="A9702">
        <v>15309</v>
      </c>
      <c r="B9702" t="s">
        <v>19364</v>
      </c>
      <c r="C9702" t="s">
        <v>19365</v>
      </c>
    </row>
    <row r="9703" spans="1:3" x14ac:dyDescent="0.15">
      <c r="A9703">
        <v>15308</v>
      </c>
      <c r="B9703" t="s">
        <v>19366</v>
      </c>
      <c r="C9703" t="s">
        <v>19367</v>
      </c>
    </row>
    <row r="9704" spans="1:3" x14ac:dyDescent="0.15">
      <c r="A9704">
        <v>15307</v>
      </c>
      <c r="B9704" t="s">
        <v>19368</v>
      </c>
      <c r="C9704" t="s">
        <v>19369</v>
      </c>
    </row>
    <row r="9705" spans="1:3" x14ac:dyDescent="0.15">
      <c r="A9705">
        <v>15306</v>
      </c>
      <c r="B9705" t="s">
        <v>19370</v>
      </c>
      <c r="C9705" t="s">
        <v>19371</v>
      </c>
    </row>
    <row r="9706" spans="1:3" x14ac:dyDescent="0.15">
      <c r="A9706">
        <v>15305</v>
      </c>
      <c r="B9706" t="s">
        <v>19372</v>
      </c>
      <c r="C9706" t="s">
        <v>19373</v>
      </c>
    </row>
    <row r="9707" spans="1:3" x14ac:dyDescent="0.15">
      <c r="A9707">
        <v>15304</v>
      </c>
      <c r="B9707" t="s">
        <v>19374</v>
      </c>
      <c r="C9707" t="s">
        <v>19375</v>
      </c>
    </row>
    <row r="9708" spans="1:3" x14ac:dyDescent="0.15">
      <c r="A9708">
        <v>15303</v>
      </c>
      <c r="B9708" t="s">
        <v>19376</v>
      </c>
      <c r="C9708" t="s">
        <v>19377</v>
      </c>
    </row>
    <row r="9709" spans="1:3" x14ac:dyDescent="0.15">
      <c r="A9709">
        <v>15302</v>
      </c>
      <c r="B9709" t="s">
        <v>19378</v>
      </c>
      <c r="C9709" t="s">
        <v>19379</v>
      </c>
    </row>
    <row r="9710" spans="1:3" x14ac:dyDescent="0.15">
      <c r="A9710">
        <v>15301</v>
      </c>
      <c r="B9710" t="s">
        <v>19380</v>
      </c>
      <c r="C9710" t="s">
        <v>19381</v>
      </c>
    </row>
    <row r="9711" spans="1:3" x14ac:dyDescent="0.15">
      <c r="A9711">
        <v>15300</v>
      </c>
      <c r="B9711" t="s">
        <v>19382</v>
      </c>
      <c r="C9711" t="s">
        <v>19383</v>
      </c>
    </row>
    <row r="9712" spans="1:3" x14ac:dyDescent="0.15">
      <c r="A9712">
        <v>15299</v>
      </c>
      <c r="B9712" t="s">
        <v>19384</v>
      </c>
      <c r="C9712" t="s">
        <v>19385</v>
      </c>
    </row>
    <row r="9713" spans="1:3" x14ac:dyDescent="0.15">
      <c r="A9713">
        <v>15298</v>
      </c>
      <c r="B9713" t="s">
        <v>19386</v>
      </c>
      <c r="C9713" t="s">
        <v>19387</v>
      </c>
    </row>
    <row r="9714" spans="1:3" x14ac:dyDescent="0.15">
      <c r="A9714">
        <v>15297</v>
      </c>
      <c r="B9714" t="s">
        <v>19388</v>
      </c>
      <c r="C9714" t="s">
        <v>19389</v>
      </c>
    </row>
    <row r="9715" spans="1:3" x14ac:dyDescent="0.15">
      <c r="A9715">
        <v>15296</v>
      </c>
      <c r="B9715" t="s">
        <v>19390</v>
      </c>
      <c r="C9715" t="s">
        <v>19391</v>
      </c>
    </row>
    <row r="9716" spans="1:3" x14ac:dyDescent="0.15">
      <c r="A9716">
        <v>15295</v>
      </c>
      <c r="B9716" t="s">
        <v>19392</v>
      </c>
      <c r="C9716" t="s">
        <v>19393</v>
      </c>
    </row>
    <row r="9717" spans="1:3" x14ac:dyDescent="0.15">
      <c r="A9717">
        <v>15294</v>
      </c>
      <c r="B9717" t="s">
        <v>19394</v>
      </c>
      <c r="C9717" t="s">
        <v>19395</v>
      </c>
    </row>
    <row r="9718" spans="1:3" x14ac:dyDescent="0.15">
      <c r="A9718">
        <v>15293</v>
      </c>
      <c r="B9718" t="s">
        <v>19396</v>
      </c>
      <c r="C9718" t="s">
        <v>19397</v>
      </c>
    </row>
    <row r="9719" spans="1:3" x14ac:dyDescent="0.15">
      <c r="A9719">
        <v>15292</v>
      </c>
      <c r="B9719" t="s">
        <v>19398</v>
      </c>
      <c r="C9719" t="s">
        <v>19399</v>
      </c>
    </row>
    <row r="9720" spans="1:3" x14ac:dyDescent="0.15">
      <c r="A9720">
        <v>15291</v>
      </c>
      <c r="B9720" t="s">
        <v>19400</v>
      </c>
      <c r="C9720" t="s">
        <v>19401</v>
      </c>
    </row>
    <row r="9721" spans="1:3" x14ac:dyDescent="0.15">
      <c r="A9721">
        <v>15290</v>
      </c>
      <c r="B9721" t="s">
        <v>19402</v>
      </c>
      <c r="C9721" t="s">
        <v>19403</v>
      </c>
    </row>
    <row r="9722" spans="1:3" x14ac:dyDescent="0.15">
      <c r="A9722">
        <v>15289</v>
      </c>
      <c r="B9722" t="s">
        <v>19404</v>
      </c>
      <c r="C9722" t="s">
        <v>19405</v>
      </c>
    </row>
    <row r="9723" spans="1:3" x14ac:dyDescent="0.15">
      <c r="A9723">
        <v>15288</v>
      </c>
      <c r="B9723" t="s">
        <v>19406</v>
      </c>
      <c r="C9723" t="s">
        <v>19407</v>
      </c>
    </row>
    <row r="9724" spans="1:3" x14ac:dyDescent="0.15">
      <c r="A9724">
        <v>15287</v>
      </c>
      <c r="B9724" t="s">
        <v>19408</v>
      </c>
      <c r="C9724" t="s">
        <v>19409</v>
      </c>
    </row>
    <row r="9725" spans="1:3" x14ac:dyDescent="0.15">
      <c r="A9725">
        <v>15286</v>
      </c>
      <c r="B9725" t="s">
        <v>19410</v>
      </c>
      <c r="C9725" t="s">
        <v>19411</v>
      </c>
    </row>
    <row r="9726" spans="1:3" x14ac:dyDescent="0.15">
      <c r="A9726">
        <v>15285</v>
      </c>
      <c r="B9726" t="s">
        <v>19412</v>
      </c>
      <c r="C9726" t="s">
        <v>19413</v>
      </c>
    </row>
    <row r="9727" spans="1:3" x14ac:dyDescent="0.15">
      <c r="A9727">
        <v>15284</v>
      </c>
      <c r="B9727" t="s">
        <v>19414</v>
      </c>
      <c r="C9727" t="s">
        <v>19415</v>
      </c>
    </row>
    <row r="9728" spans="1:3" x14ac:dyDescent="0.15">
      <c r="A9728">
        <v>15283</v>
      </c>
      <c r="B9728" t="s">
        <v>19416</v>
      </c>
      <c r="C9728" t="s">
        <v>19417</v>
      </c>
    </row>
    <row r="9729" spans="1:3" x14ac:dyDescent="0.15">
      <c r="A9729">
        <v>15282</v>
      </c>
      <c r="B9729" t="s">
        <v>19418</v>
      </c>
      <c r="C9729" t="s">
        <v>19419</v>
      </c>
    </row>
    <row r="9730" spans="1:3" x14ac:dyDescent="0.15">
      <c r="A9730">
        <v>15281</v>
      </c>
      <c r="B9730" t="s">
        <v>19420</v>
      </c>
      <c r="C9730" t="s">
        <v>19421</v>
      </c>
    </row>
    <row r="9731" spans="1:3" x14ac:dyDescent="0.15">
      <c r="A9731">
        <v>15280</v>
      </c>
      <c r="B9731" t="s">
        <v>19422</v>
      </c>
      <c r="C9731" t="s">
        <v>19423</v>
      </c>
    </row>
    <row r="9732" spans="1:3" x14ac:dyDescent="0.15">
      <c r="A9732">
        <v>15279</v>
      </c>
      <c r="B9732" t="s">
        <v>19424</v>
      </c>
      <c r="C9732" t="s">
        <v>19425</v>
      </c>
    </row>
    <row r="9733" spans="1:3" x14ac:dyDescent="0.15">
      <c r="A9733">
        <v>15278</v>
      </c>
      <c r="B9733" t="s">
        <v>19426</v>
      </c>
      <c r="C9733" t="s">
        <v>19427</v>
      </c>
    </row>
    <row r="9734" spans="1:3" x14ac:dyDescent="0.15">
      <c r="A9734">
        <v>15277</v>
      </c>
      <c r="B9734" t="s">
        <v>19428</v>
      </c>
      <c r="C9734" t="s">
        <v>19429</v>
      </c>
    </row>
    <row r="9735" spans="1:3" x14ac:dyDescent="0.15">
      <c r="A9735">
        <v>15276</v>
      </c>
      <c r="B9735" t="s">
        <v>19430</v>
      </c>
      <c r="C9735" t="s">
        <v>19431</v>
      </c>
    </row>
    <row r="9736" spans="1:3" x14ac:dyDescent="0.15">
      <c r="A9736">
        <v>15275</v>
      </c>
      <c r="B9736" t="s">
        <v>19432</v>
      </c>
      <c r="C9736" t="s">
        <v>19433</v>
      </c>
    </row>
    <row r="9737" spans="1:3" x14ac:dyDescent="0.15">
      <c r="A9737">
        <v>15274</v>
      </c>
      <c r="B9737" t="s">
        <v>19434</v>
      </c>
      <c r="C9737" t="s">
        <v>19435</v>
      </c>
    </row>
    <row r="9738" spans="1:3" x14ac:dyDescent="0.15">
      <c r="A9738">
        <v>15273</v>
      </c>
      <c r="B9738" t="s">
        <v>19436</v>
      </c>
      <c r="C9738" t="s">
        <v>19437</v>
      </c>
    </row>
    <row r="9739" spans="1:3" x14ac:dyDescent="0.15">
      <c r="A9739">
        <v>15272</v>
      </c>
      <c r="B9739" t="s">
        <v>19438</v>
      </c>
      <c r="C9739" t="s">
        <v>19439</v>
      </c>
    </row>
    <row r="9740" spans="1:3" x14ac:dyDescent="0.15">
      <c r="A9740">
        <v>15271</v>
      </c>
      <c r="B9740" t="s">
        <v>19440</v>
      </c>
      <c r="C9740" t="s">
        <v>19441</v>
      </c>
    </row>
    <row r="9741" spans="1:3" x14ac:dyDescent="0.15">
      <c r="A9741">
        <v>15270</v>
      </c>
      <c r="B9741" t="s">
        <v>19442</v>
      </c>
      <c r="C9741" t="s">
        <v>19443</v>
      </c>
    </row>
    <row r="9742" spans="1:3" x14ac:dyDescent="0.15">
      <c r="A9742">
        <v>15269</v>
      </c>
      <c r="B9742" t="s">
        <v>19444</v>
      </c>
      <c r="C9742" t="s">
        <v>19445</v>
      </c>
    </row>
    <row r="9743" spans="1:3" x14ac:dyDescent="0.15">
      <c r="A9743">
        <v>15268</v>
      </c>
      <c r="B9743" t="s">
        <v>19446</v>
      </c>
      <c r="C9743" t="s">
        <v>19447</v>
      </c>
    </row>
    <row r="9744" spans="1:3" x14ac:dyDescent="0.15">
      <c r="A9744">
        <v>15267</v>
      </c>
      <c r="B9744" t="s">
        <v>19448</v>
      </c>
      <c r="C9744" t="s">
        <v>19449</v>
      </c>
    </row>
    <row r="9745" spans="1:3" x14ac:dyDescent="0.15">
      <c r="A9745">
        <v>15266</v>
      </c>
      <c r="B9745" t="s">
        <v>19450</v>
      </c>
      <c r="C9745" t="s">
        <v>19451</v>
      </c>
    </row>
    <row r="9746" spans="1:3" x14ac:dyDescent="0.15">
      <c r="A9746">
        <v>15265</v>
      </c>
      <c r="B9746" t="s">
        <v>19452</v>
      </c>
      <c r="C9746" t="s">
        <v>19453</v>
      </c>
    </row>
    <row r="9747" spans="1:3" x14ac:dyDescent="0.15">
      <c r="A9747">
        <v>15264</v>
      </c>
      <c r="B9747" t="s">
        <v>19454</v>
      </c>
      <c r="C9747" t="s">
        <v>19455</v>
      </c>
    </row>
    <row r="9748" spans="1:3" x14ac:dyDescent="0.15">
      <c r="A9748">
        <v>15263</v>
      </c>
      <c r="B9748" t="s">
        <v>19456</v>
      </c>
      <c r="C9748" t="s">
        <v>19457</v>
      </c>
    </row>
    <row r="9749" spans="1:3" x14ac:dyDescent="0.15">
      <c r="A9749">
        <v>15262</v>
      </c>
      <c r="B9749" t="s">
        <v>19458</v>
      </c>
      <c r="C9749" t="s">
        <v>19459</v>
      </c>
    </row>
    <row r="9750" spans="1:3" x14ac:dyDescent="0.15">
      <c r="A9750">
        <v>15261</v>
      </c>
      <c r="B9750" t="s">
        <v>19460</v>
      </c>
      <c r="C9750" t="s">
        <v>19461</v>
      </c>
    </row>
    <row r="9751" spans="1:3" x14ac:dyDescent="0.15">
      <c r="A9751">
        <v>15260</v>
      </c>
      <c r="B9751" t="s">
        <v>19462</v>
      </c>
      <c r="C9751" t="s">
        <v>19463</v>
      </c>
    </row>
    <row r="9752" spans="1:3" x14ac:dyDescent="0.15">
      <c r="A9752">
        <v>15259</v>
      </c>
      <c r="B9752" t="s">
        <v>19464</v>
      </c>
      <c r="C9752" t="s">
        <v>19465</v>
      </c>
    </row>
    <row r="9753" spans="1:3" x14ac:dyDescent="0.15">
      <c r="A9753">
        <v>15258</v>
      </c>
      <c r="B9753" t="s">
        <v>19466</v>
      </c>
      <c r="C9753" t="s">
        <v>19467</v>
      </c>
    </row>
    <row r="9754" spans="1:3" x14ac:dyDescent="0.15">
      <c r="A9754">
        <v>15257</v>
      </c>
      <c r="B9754" t="s">
        <v>19468</v>
      </c>
      <c r="C9754" t="s">
        <v>19469</v>
      </c>
    </row>
    <row r="9755" spans="1:3" x14ac:dyDescent="0.15">
      <c r="A9755">
        <v>15256</v>
      </c>
      <c r="B9755" t="s">
        <v>19470</v>
      </c>
      <c r="C9755" t="s">
        <v>19471</v>
      </c>
    </row>
    <row r="9756" spans="1:3" x14ac:dyDescent="0.15">
      <c r="A9756">
        <v>15255</v>
      </c>
      <c r="B9756" t="s">
        <v>19472</v>
      </c>
      <c r="C9756" t="s">
        <v>19473</v>
      </c>
    </row>
    <row r="9757" spans="1:3" x14ac:dyDescent="0.15">
      <c r="A9757">
        <v>15254</v>
      </c>
      <c r="B9757" t="s">
        <v>19474</v>
      </c>
      <c r="C9757" t="s">
        <v>19475</v>
      </c>
    </row>
    <row r="9758" spans="1:3" x14ac:dyDescent="0.15">
      <c r="A9758">
        <v>15253</v>
      </c>
      <c r="B9758" t="s">
        <v>19476</v>
      </c>
      <c r="C9758" t="s">
        <v>19477</v>
      </c>
    </row>
    <row r="9759" spans="1:3" x14ac:dyDescent="0.15">
      <c r="A9759">
        <v>15252</v>
      </c>
      <c r="B9759" t="s">
        <v>19478</v>
      </c>
      <c r="C9759" t="s">
        <v>19479</v>
      </c>
    </row>
    <row r="9760" spans="1:3" x14ac:dyDescent="0.15">
      <c r="A9760">
        <v>15251</v>
      </c>
      <c r="B9760" t="s">
        <v>19480</v>
      </c>
      <c r="C9760" t="s">
        <v>19481</v>
      </c>
    </row>
    <row r="9761" spans="1:3" x14ac:dyDescent="0.15">
      <c r="A9761">
        <v>15250</v>
      </c>
      <c r="B9761" t="s">
        <v>19482</v>
      </c>
      <c r="C9761" t="s">
        <v>19483</v>
      </c>
    </row>
    <row r="9762" spans="1:3" x14ac:dyDescent="0.15">
      <c r="A9762">
        <v>15249</v>
      </c>
      <c r="B9762" t="s">
        <v>19484</v>
      </c>
      <c r="C9762" t="s">
        <v>19485</v>
      </c>
    </row>
    <row r="9763" spans="1:3" x14ac:dyDescent="0.15">
      <c r="A9763">
        <v>15248</v>
      </c>
      <c r="B9763" t="s">
        <v>19486</v>
      </c>
      <c r="C9763" t="s">
        <v>19487</v>
      </c>
    </row>
    <row r="9764" spans="1:3" x14ac:dyDescent="0.15">
      <c r="A9764">
        <v>15247</v>
      </c>
      <c r="B9764" t="s">
        <v>19488</v>
      </c>
      <c r="C9764" t="s">
        <v>19489</v>
      </c>
    </row>
    <row r="9765" spans="1:3" x14ac:dyDescent="0.15">
      <c r="A9765">
        <v>15246</v>
      </c>
      <c r="B9765" t="s">
        <v>19490</v>
      </c>
      <c r="C9765" t="s">
        <v>19491</v>
      </c>
    </row>
    <row r="9766" spans="1:3" x14ac:dyDescent="0.15">
      <c r="A9766">
        <v>15245</v>
      </c>
      <c r="B9766" t="s">
        <v>19492</v>
      </c>
      <c r="C9766" t="s">
        <v>19493</v>
      </c>
    </row>
    <row r="9767" spans="1:3" x14ac:dyDescent="0.15">
      <c r="A9767">
        <v>15244</v>
      </c>
      <c r="B9767" t="s">
        <v>19494</v>
      </c>
      <c r="C9767" t="s">
        <v>19495</v>
      </c>
    </row>
    <row r="9768" spans="1:3" x14ac:dyDescent="0.15">
      <c r="A9768">
        <v>15243</v>
      </c>
      <c r="B9768" t="s">
        <v>19496</v>
      </c>
      <c r="C9768" t="s">
        <v>19497</v>
      </c>
    </row>
    <row r="9769" spans="1:3" x14ac:dyDescent="0.15">
      <c r="A9769">
        <v>15242</v>
      </c>
      <c r="B9769" t="s">
        <v>19498</v>
      </c>
      <c r="C9769" t="s">
        <v>19499</v>
      </c>
    </row>
    <row r="9770" spans="1:3" x14ac:dyDescent="0.15">
      <c r="A9770">
        <v>15241</v>
      </c>
      <c r="B9770" t="s">
        <v>19500</v>
      </c>
      <c r="C9770" t="s">
        <v>19501</v>
      </c>
    </row>
    <row r="9771" spans="1:3" x14ac:dyDescent="0.15">
      <c r="A9771">
        <v>15240</v>
      </c>
      <c r="B9771" t="s">
        <v>19502</v>
      </c>
      <c r="C9771" t="s">
        <v>19503</v>
      </c>
    </row>
    <row r="9772" spans="1:3" x14ac:dyDescent="0.15">
      <c r="A9772">
        <v>15239</v>
      </c>
      <c r="B9772" t="s">
        <v>19504</v>
      </c>
      <c r="C9772" t="s">
        <v>19505</v>
      </c>
    </row>
    <row r="9773" spans="1:3" x14ac:dyDescent="0.15">
      <c r="A9773">
        <v>15238</v>
      </c>
      <c r="B9773" t="s">
        <v>19506</v>
      </c>
      <c r="C9773" t="s">
        <v>19507</v>
      </c>
    </row>
    <row r="9774" spans="1:3" x14ac:dyDescent="0.15">
      <c r="A9774">
        <v>15237</v>
      </c>
      <c r="B9774" t="s">
        <v>19508</v>
      </c>
      <c r="C9774" t="s">
        <v>19509</v>
      </c>
    </row>
    <row r="9775" spans="1:3" x14ac:dyDescent="0.15">
      <c r="A9775">
        <v>15236</v>
      </c>
      <c r="B9775" t="s">
        <v>19510</v>
      </c>
      <c r="C9775" t="s">
        <v>19511</v>
      </c>
    </row>
    <row r="9776" spans="1:3" x14ac:dyDescent="0.15">
      <c r="A9776">
        <v>15235</v>
      </c>
      <c r="B9776" t="s">
        <v>19512</v>
      </c>
      <c r="C9776" t="s">
        <v>19513</v>
      </c>
    </row>
    <row r="9777" spans="1:3" x14ac:dyDescent="0.15">
      <c r="A9777">
        <v>15234</v>
      </c>
      <c r="B9777" t="s">
        <v>19514</v>
      </c>
      <c r="C9777" t="s">
        <v>19515</v>
      </c>
    </row>
    <row r="9778" spans="1:3" x14ac:dyDescent="0.15">
      <c r="A9778">
        <v>15233</v>
      </c>
      <c r="B9778" t="s">
        <v>19516</v>
      </c>
      <c r="C9778" t="s">
        <v>19517</v>
      </c>
    </row>
    <row r="9779" spans="1:3" x14ac:dyDescent="0.15">
      <c r="A9779">
        <v>15232</v>
      </c>
      <c r="B9779" t="s">
        <v>19518</v>
      </c>
      <c r="C9779" t="s">
        <v>19519</v>
      </c>
    </row>
    <row r="9780" spans="1:3" x14ac:dyDescent="0.15">
      <c r="A9780">
        <v>15231</v>
      </c>
      <c r="B9780" t="s">
        <v>19520</v>
      </c>
      <c r="C9780" t="s">
        <v>19521</v>
      </c>
    </row>
    <row r="9781" spans="1:3" x14ac:dyDescent="0.15">
      <c r="A9781">
        <v>15230</v>
      </c>
      <c r="B9781" t="s">
        <v>19522</v>
      </c>
      <c r="C9781" t="s">
        <v>19523</v>
      </c>
    </row>
    <row r="9782" spans="1:3" x14ac:dyDescent="0.15">
      <c r="A9782">
        <v>15229</v>
      </c>
      <c r="B9782" t="s">
        <v>19524</v>
      </c>
      <c r="C9782" t="s">
        <v>19525</v>
      </c>
    </row>
    <row r="9783" spans="1:3" x14ac:dyDescent="0.15">
      <c r="A9783">
        <v>15228</v>
      </c>
      <c r="B9783" t="s">
        <v>19526</v>
      </c>
      <c r="C9783" t="s">
        <v>19527</v>
      </c>
    </row>
    <row r="9784" spans="1:3" x14ac:dyDescent="0.15">
      <c r="A9784">
        <v>15227</v>
      </c>
      <c r="B9784" t="s">
        <v>19528</v>
      </c>
      <c r="C9784" t="s">
        <v>19529</v>
      </c>
    </row>
    <row r="9785" spans="1:3" x14ac:dyDescent="0.15">
      <c r="A9785">
        <v>15226</v>
      </c>
      <c r="B9785" t="s">
        <v>19530</v>
      </c>
      <c r="C9785" t="s">
        <v>19531</v>
      </c>
    </row>
    <row r="9786" spans="1:3" x14ac:dyDescent="0.15">
      <c r="A9786">
        <v>15225</v>
      </c>
      <c r="B9786" t="s">
        <v>19532</v>
      </c>
      <c r="C9786" t="s">
        <v>19533</v>
      </c>
    </row>
    <row r="9787" spans="1:3" x14ac:dyDescent="0.15">
      <c r="A9787">
        <v>15224</v>
      </c>
      <c r="B9787" t="s">
        <v>19534</v>
      </c>
      <c r="C9787" t="s">
        <v>19535</v>
      </c>
    </row>
    <row r="9788" spans="1:3" x14ac:dyDescent="0.15">
      <c r="A9788">
        <v>15223</v>
      </c>
      <c r="B9788" t="s">
        <v>19536</v>
      </c>
      <c r="C9788" t="s">
        <v>19537</v>
      </c>
    </row>
    <row r="9789" spans="1:3" x14ac:dyDescent="0.15">
      <c r="A9789">
        <v>15222</v>
      </c>
      <c r="B9789" t="s">
        <v>19538</v>
      </c>
      <c r="C9789" t="s">
        <v>19539</v>
      </c>
    </row>
    <row r="9790" spans="1:3" x14ac:dyDescent="0.15">
      <c r="A9790">
        <v>15221</v>
      </c>
      <c r="B9790" t="s">
        <v>15078</v>
      </c>
      <c r="C9790" t="s">
        <v>19540</v>
      </c>
    </row>
    <row r="9791" spans="1:3" x14ac:dyDescent="0.15">
      <c r="A9791">
        <v>15220</v>
      </c>
      <c r="B9791" t="s">
        <v>19541</v>
      </c>
      <c r="C9791" t="s">
        <v>19542</v>
      </c>
    </row>
    <row r="9792" spans="1:3" x14ac:dyDescent="0.15">
      <c r="A9792">
        <v>15219</v>
      </c>
      <c r="B9792" t="s">
        <v>19543</v>
      </c>
      <c r="C9792" t="s">
        <v>19544</v>
      </c>
    </row>
    <row r="9793" spans="1:3" x14ac:dyDescent="0.15">
      <c r="A9793">
        <v>15218</v>
      </c>
      <c r="B9793" t="s">
        <v>19545</v>
      </c>
      <c r="C9793" t="s">
        <v>19546</v>
      </c>
    </row>
    <row r="9794" spans="1:3" x14ac:dyDescent="0.15">
      <c r="A9794">
        <v>15217</v>
      </c>
      <c r="B9794" t="s">
        <v>19547</v>
      </c>
      <c r="C9794" t="s">
        <v>19548</v>
      </c>
    </row>
    <row r="9795" spans="1:3" x14ac:dyDescent="0.15">
      <c r="A9795">
        <v>15216</v>
      </c>
      <c r="B9795" t="s">
        <v>19549</v>
      </c>
      <c r="C9795" t="s">
        <v>19550</v>
      </c>
    </row>
    <row r="9796" spans="1:3" x14ac:dyDescent="0.15">
      <c r="A9796">
        <v>15215</v>
      </c>
      <c r="B9796" t="s">
        <v>19551</v>
      </c>
      <c r="C9796" t="s">
        <v>19552</v>
      </c>
    </row>
    <row r="9797" spans="1:3" x14ac:dyDescent="0.15">
      <c r="A9797">
        <v>15214</v>
      </c>
      <c r="B9797" t="s">
        <v>19553</v>
      </c>
      <c r="C9797" t="s">
        <v>19554</v>
      </c>
    </row>
    <row r="9798" spans="1:3" x14ac:dyDescent="0.15">
      <c r="A9798">
        <v>15213</v>
      </c>
      <c r="B9798" t="s">
        <v>19555</v>
      </c>
      <c r="C9798" t="s">
        <v>19556</v>
      </c>
    </row>
    <row r="9799" spans="1:3" x14ac:dyDescent="0.15">
      <c r="A9799">
        <v>15212</v>
      </c>
      <c r="B9799" t="s">
        <v>19557</v>
      </c>
      <c r="C9799" t="s">
        <v>19558</v>
      </c>
    </row>
    <row r="9800" spans="1:3" x14ac:dyDescent="0.15">
      <c r="A9800">
        <v>15211</v>
      </c>
      <c r="B9800" t="s">
        <v>19559</v>
      </c>
      <c r="C9800" t="s">
        <v>19560</v>
      </c>
    </row>
    <row r="9801" spans="1:3" x14ac:dyDescent="0.15">
      <c r="A9801">
        <v>15210</v>
      </c>
      <c r="B9801" t="s">
        <v>19561</v>
      </c>
      <c r="C9801" t="s">
        <v>19562</v>
      </c>
    </row>
    <row r="9802" spans="1:3" x14ac:dyDescent="0.15">
      <c r="A9802">
        <v>15209</v>
      </c>
      <c r="B9802" t="s">
        <v>19563</v>
      </c>
      <c r="C9802" t="s">
        <v>19564</v>
      </c>
    </row>
    <row r="9803" spans="1:3" x14ac:dyDescent="0.15">
      <c r="A9803">
        <v>15208</v>
      </c>
      <c r="B9803" t="s">
        <v>19565</v>
      </c>
      <c r="C9803" t="s">
        <v>19566</v>
      </c>
    </row>
    <row r="9804" spans="1:3" x14ac:dyDescent="0.15">
      <c r="A9804">
        <v>15207</v>
      </c>
      <c r="B9804" t="s">
        <v>19567</v>
      </c>
      <c r="C9804" t="s">
        <v>19568</v>
      </c>
    </row>
    <row r="9805" spans="1:3" x14ac:dyDescent="0.15">
      <c r="A9805">
        <v>15206</v>
      </c>
      <c r="B9805" t="s">
        <v>19569</v>
      </c>
      <c r="C9805" t="s">
        <v>19570</v>
      </c>
    </row>
    <row r="9806" spans="1:3" x14ac:dyDescent="0.15">
      <c r="A9806">
        <v>15205</v>
      </c>
      <c r="B9806" t="s">
        <v>19571</v>
      </c>
      <c r="C9806" t="s">
        <v>19572</v>
      </c>
    </row>
    <row r="9807" spans="1:3" x14ac:dyDescent="0.15">
      <c r="A9807">
        <v>15204</v>
      </c>
      <c r="B9807" t="s">
        <v>19573</v>
      </c>
      <c r="C9807" t="s">
        <v>19574</v>
      </c>
    </row>
    <row r="9808" spans="1:3" x14ac:dyDescent="0.15">
      <c r="A9808">
        <v>15203</v>
      </c>
      <c r="B9808" t="s">
        <v>19575</v>
      </c>
      <c r="C9808" t="s">
        <v>19576</v>
      </c>
    </row>
    <row r="9809" spans="1:3" x14ac:dyDescent="0.15">
      <c r="A9809">
        <v>15202</v>
      </c>
      <c r="B9809" t="s">
        <v>19577</v>
      </c>
      <c r="C9809" t="s">
        <v>19578</v>
      </c>
    </row>
    <row r="9810" spans="1:3" x14ac:dyDescent="0.15">
      <c r="A9810">
        <v>15201</v>
      </c>
      <c r="B9810" t="s">
        <v>19579</v>
      </c>
      <c r="C9810" t="s">
        <v>19580</v>
      </c>
    </row>
    <row r="9811" spans="1:3" x14ac:dyDescent="0.15">
      <c r="A9811">
        <v>15200</v>
      </c>
      <c r="B9811" t="s">
        <v>19581</v>
      </c>
      <c r="C9811" t="s">
        <v>19582</v>
      </c>
    </row>
    <row r="9812" spans="1:3" x14ac:dyDescent="0.15">
      <c r="A9812">
        <v>15199</v>
      </c>
      <c r="B9812" t="s">
        <v>19583</v>
      </c>
      <c r="C9812" t="s">
        <v>19584</v>
      </c>
    </row>
    <row r="9813" spans="1:3" x14ac:dyDescent="0.15">
      <c r="A9813">
        <v>15198</v>
      </c>
      <c r="B9813" t="s">
        <v>19585</v>
      </c>
      <c r="C9813" t="s">
        <v>19586</v>
      </c>
    </row>
    <row r="9814" spans="1:3" x14ac:dyDescent="0.15">
      <c r="A9814">
        <v>15197</v>
      </c>
      <c r="B9814" t="s">
        <v>19587</v>
      </c>
      <c r="C9814" t="s">
        <v>19588</v>
      </c>
    </row>
    <row r="9815" spans="1:3" x14ac:dyDescent="0.15">
      <c r="A9815">
        <v>15196</v>
      </c>
      <c r="B9815" t="s">
        <v>19589</v>
      </c>
      <c r="C9815" t="s">
        <v>19590</v>
      </c>
    </row>
    <row r="9816" spans="1:3" x14ac:dyDescent="0.15">
      <c r="A9816">
        <v>15195</v>
      </c>
      <c r="B9816" t="s">
        <v>19591</v>
      </c>
      <c r="C9816" t="s">
        <v>19592</v>
      </c>
    </row>
    <row r="9817" spans="1:3" x14ac:dyDescent="0.15">
      <c r="A9817">
        <v>15194</v>
      </c>
      <c r="B9817" t="s">
        <v>19593</v>
      </c>
      <c r="C9817" t="s">
        <v>19594</v>
      </c>
    </row>
    <row r="9818" spans="1:3" x14ac:dyDescent="0.15">
      <c r="A9818">
        <v>15193</v>
      </c>
      <c r="B9818" t="s">
        <v>19595</v>
      </c>
      <c r="C9818" t="s">
        <v>19596</v>
      </c>
    </row>
    <row r="9819" spans="1:3" x14ac:dyDescent="0.15">
      <c r="A9819">
        <v>15192</v>
      </c>
      <c r="B9819" t="s">
        <v>19597</v>
      </c>
      <c r="C9819" t="s">
        <v>19598</v>
      </c>
    </row>
    <row r="9820" spans="1:3" x14ac:dyDescent="0.15">
      <c r="A9820">
        <v>15191</v>
      </c>
      <c r="B9820" t="s">
        <v>19599</v>
      </c>
      <c r="C9820" t="s">
        <v>19600</v>
      </c>
    </row>
    <row r="9821" spans="1:3" x14ac:dyDescent="0.15">
      <c r="A9821">
        <v>15190</v>
      </c>
      <c r="B9821" t="s">
        <v>19601</v>
      </c>
      <c r="C9821" t="s">
        <v>19602</v>
      </c>
    </row>
    <row r="9822" spans="1:3" x14ac:dyDescent="0.15">
      <c r="A9822">
        <v>15189</v>
      </c>
      <c r="B9822" t="s">
        <v>19603</v>
      </c>
      <c r="C9822" t="s">
        <v>19604</v>
      </c>
    </row>
    <row r="9823" spans="1:3" x14ac:dyDescent="0.15">
      <c r="A9823">
        <v>15188</v>
      </c>
      <c r="B9823" t="s">
        <v>19605</v>
      </c>
      <c r="C9823" t="s">
        <v>19606</v>
      </c>
    </row>
    <row r="9824" spans="1:3" x14ac:dyDescent="0.15">
      <c r="A9824">
        <v>15187</v>
      </c>
      <c r="B9824" t="s">
        <v>19607</v>
      </c>
      <c r="C9824" t="s">
        <v>19608</v>
      </c>
    </row>
    <row r="9825" spans="1:3" x14ac:dyDescent="0.15">
      <c r="A9825">
        <v>15186</v>
      </c>
      <c r="B9825" t="s">
        <v>19609</v>
      </c>
      <c r="C9825" t="s">
        <v>19610</v>
      </c>
    </row>
    <row r="9826" spans="1:3" x14ac:dyDescent="0.15">
      <c r="A9826">
        <v>15185</v>
      </c>
      <c r="B9826" t="s">
        <v>19611</v>
      </c>
      <c r="C9826" t="s">
        <v>19612</v>
      </c>
    </row>
    <row r="9827" spans="1:3" x14ac:dyDescent="0.15">
      <c r="A9827">
        <v>15184</v>
      </c>
      <c r="B9827" t="s">
        <v>19613</v>
      </c>
      <c r="C9827" t="s">
        <v>19614</v>
      </c>
    </row>
    <row r="9828" spans="1:3" x14ac:dyDescent="0.15">
      <c r="A9828">
        <v>15183</v>
      </c>
      <c r="B9828" t="s">
        <v>19615</v>
      </c>
      <c r="C9828" t="s">
        <v>19616</v>
      </c>
    </row>
    <row r="9829" spans="1:3" x14ac:dyDescent="0.15">
      <c r="A9829">
        <v>15182</v>
      </c>
      <c r="B9829" t="s">
        <v>19617</v>
      </c>
      <c r="C9829" t="s">
        <v>19618</v>
      </c>
    </row>
    <row r="9830" spans="1:3" x14ac:dyDescent="0.15">
      <c r="A9830">
        <v>15181</v>
      </c>
      <c r="B9830" t="s">
        <v>19619</v>
      </c>
      <c r="C9830" t="s">
        <v>19620</v>
      </c>
    </row>
    <row r="9831" spans="1:3" x14ac:dyDescent="0.15">
      <c r="A9831">
        <v>15180</v>
      </c>
      <c r="B9831" t="s">
        <v>19621</v>
      </c>
      <c r="C9831" t="s">
        <v>19622</v>
      </c>
    </row>
    <row r="9832" spans="1:3" x14ac:dyDescent="0.15">
      <c r="A9832">
        <v>15179</v>
      </c>
      <c r="B9832" t="s">
        <v>19623</v>
      </c>
      <c r="C9832" t="s">
        <v>19624</v>
      </c>
    </row>
    <row r="9833" spans="1:3" x14ac:dyDescent="0.15">
      <c r="A9833">
        <v>15178</v>
      </c>
      <c r="B9833" t="s">
        <v>19625</v>
      </c>
      <c r="C9833" t="s">
        <v>19626</v>
      </c>
    </row>
    <row r="9834" spans="1:3" x14ac:dyDescent="0.15">
      <c r="A9834">
        <v>15177</v>
      </c>
      <c r="B9834" t="s">
        <v>19627</v>
      </c>
      <c r="C9834" t="s">
        <v>19628</v>
      </c>
    </row>
    <row r="9835" spans="1:3" x14ac:dyDescent="0.15">
      <c r="A9835">
        <v>15176</v>
      </c>
      <c r="B9835" t="s">
        <v>19629</v>
      </c>
      <c r="C9835" t="s">
        <v>19630</v>
      </c>
    </row>
    <row r="9836" spans="1:3" x14ac:dyDescent="0.15">
      <c r="A9836">
        <v>15175</v>
      </c>
      <c r="B9836" t="s">
        <v>19631</v>
      </c>
      <c r="C9836" t="s">
        <v>19632</v>
      </c>
    </row>
    <row r="9837" spans="1:3" x14ac:dyDescent="0.15">
      <c r="A9837">
        <v>15174</v>
      </c>
      <c r="B9837" t="s">
        <v>19633</v>
      </c>
      <c r="C9837" t="s">
        <v>19634</v>
      </c>
    </row>
    <row r="9838" spans="1:3" x14ac:dyDescent="0.15">
      <c r="A9838">
        <v>15173</v>
      </c>
      <c r="B9838" t="s">
        <v>19635</v>
      </c>
      <c r="C9838" t="s">
        <v>19636</v>
      </c>
    </row>
    <row r="9839" spans="1:3" x14ac:dyDescent="0.15">
      <c r="A9839">
        <v>15172</v>
      </c>
      <c r="B9839" t="s">
        <v>918</v>
      </c>
      <c r="C9839" t="s">
        <v>919</v>
      </c>
    </row>
    <row r="9840" spans="1:3" x14ac:dyDescent="0.15">
      <c r="A9840">
        <v>15171</v>
      </c>
      <c r="B9840" t="s">
        <v>19637</v>
      </c>
      <c r="C9840" t="s">
        <v>19638</v>
      </c>
    </row>
    <row r="9841" spans="1:3" x14ac:dyDescent="0.15">
      <c r="A9841">
        <v>15170</v>
      </c>
      <c r="B9841" t="s">
        <v>19639</v>
      </c>
      <c r="C9841" t="s">
        <v>19640</v>
      </c>
    </row>
    <row r="9842" spans="1:3" x14ac:dyDescent="0.15">
      <c r="A9842">
        <v>15169</v>
      </c>
      <c r="B9842" t="s">
        <v>19641</v>
      </c>
      <c r="C9842" t="s">
        <v>19642</v>
      </c>
    </row>
    <row r="9843" spans="1:3" x14ac:dyDescent="0.15">
      <c r="A9843">
        <v>15168</v>
      </c>
      <c r="B9843" t="s">
        <v>19643</v>
      </c>
      <c r="C9843" t="s">
        <v>19644</v>
      </c>
    </row>
    <row r="9844" spans="1:3" x14ac:dyDescent="0.15">
      <c r="A9844">
        <v>15167</v>
      </c>
      <c r="B9844" t="s">
        <v>19645</v>
      </c>
      <c r="C9844" t="s">
        <v>19646</v>
      </c>
    </row>
    <row r="9845" spans="1:3" x14ac:dyDescent="0.15">
      <c r="A9845">
        <v>15166</v>
      </c>
      <c r="B9845" t="s">
        <v>19647</v>
      </c>
      <c r="C9845" t="s">
        <v>19648</v>
      </c>
    </row>
    <row r="9846" spans="1:3" x14ac:dyDescent="0.15">
      <c r="A9846">
        <v>15165</v>
      </c>
      <c r="B9846" t="s">
        <v>19649</v>
      </c>
      <c r="C9846" t="s">
        <v>19650</v>
      </c>
    </row>
    <row r="9847" spans="1:3" x14ac:dyDescent="0.15">
      <c r="A9847">
        <v>15164</v>
      </c>
      <c r="B9847" t="s">
        <v>19651</v>
      </c>
      <c r="C9847" t="s">
        <v>19652</v>
      </c>
    </row>
    <row r="9848" spans="1:3" x14ac:dyDescent="0.15">
      <c r="A9848">
        <v>15163</v>
      </c>
      <c r="B9848" t="s">
        <v>19653</v>
      </c>
      <c r="C9848" t="s">
        <v>19654</v>
      </c>
    </row>
    <row r="9849" spans="1:3" x14ac:dyDescent="0.15">
      <c r="A9849">
        <v>15162</v>
      </c>
      <c r="B9849" t="s">
        <v>19655</v>
      </c>
      <c r="C9849" t="s">
        <v>19656</v>
      </c>
    </row>
    <row r="9850" spans="1:3" x14ac:dyDescent="0.15">
      <c r="A9850">
        <v>15161</v>
      </c>
      <c r="B9850" t="s">
        <v>19657</v>
      </c>
      <c r="C9850" t="s">
        <v>19658</v>
      </c>
    </row>
    <row r="9851" spans="1:3" x14ac:dyDescent="0.15">
      <c r="A9851">
        <v>15160</v>
      </c>
      <c r="B9851" t="s">
        <v>19659</v>
      </c>
      <c r="C9851" t="s">
        <v>19660</v>
      </c>
    </row>
    <row r="9852" spans="1:3" x14ac:dyDescent="0.15">
      <c r="A9852">
        <v>15159</v>
      </c>
      <c r="B9852" t="s">
        <v>19661</v>
      </c>
      <c r="C9852" t="s">
        <v>19662</v>
      </c>
    </row>
    <row r="9853" spans="1:3" x14ac:dyDescent="0.15">
      <c r="A9853">
        <v>15158</v>
      </c>
      <c r="B9853" t="s">
        <v>19663</v>
      </c>
      <c r="C9853" t="s">
        <v>19664</v>
      </c>
    </row>
    <row r="9854" spans="1:3" x14ac:dyDescent="0.15">
      <c r="A9854">
        <v>15157</v>
      </c>
      <c r="B9854" t="s">
        <v>19665</v>
      </c>
      <c r="C9854" t="s">
        <v>19666</v>
      </c>
    </row>
    <row r="9855" spans="1:3" x14ac:dyDescent="0.15">
      <c r="A9855">
        <v>15156</v>
      </c>
      <c r="B9855" t="s">
        <v>19667</v>
      </c>
      <c r="C9855" t="s">
        <v>19668</v>
      </c>
    </row>
    <row r="9856" spans="1:3" x14ac:dyDescent="0.15">
      <c r="A9856">
        <v>15155</v>
      </c>
      <c r="B9856" t="s">
        <v>19669</v>
      </c>
      <c r="C9856" t="s">
        <v>19670</v>
      </c>
    </row>
    <row r="9857" spans="1:3" x14ac:dyDescent="0.15">
      <c r="A9857">
        <v>15154</v>
      </c>
      <c r="B9857" t="s">
        <v>19671</v>
      </c>
      <c r="C9857" t="s">
        <v>19672</v>
      </c>
    </row>
    <row r="9858" spans="1:3" x14ac:dyDescent="0.15">
      <c r="A9858">
        <v>15153</v>
      </c>
      <c r="B9858" t="s">
        <v>19673</v>
      </c>
      <c r="C9858" t="s">
        <v>19674</v>
      </c>
    </row>
    <row r="9859" spans="1:3" x14ac:dyDescent="0.15">
      <c r="A9859">
        <v>15152</v>
      </c>
      <c r="B9859" t="s">
        <v>19675</v>
      </c>
      <c r="C9859" t="s">
        <v>19676</v>
      </c>
    </row>
    <row r="9860" spans="1:3" x14ac:dyDescent="0.15">
      <c r="A9860">
        <v>15151</v>
      </c>
      <c r="B9860" t="s">
        <v>19677</v>
      </c>
      <c r="C9860" t="s">
        <v>19678</v>
      </c>
    </row>
    <row r="9861" spans="1:3" x14ac:dyDescent="0.15">
      <c r="A9861">
        <v>15150</v>
      </c>
      <c r="B9861" t="s">
        <v>19679</v>
      </c>
      <c r="C9861" t="s">
        <v>19680</v>
      </c>
    </row>
    <row r="9862" spans="1:3" x14ac:dyDescent="0.15">
      <c r="A9862">
        <v>15149</v>
      </c>
      <c r="B9862" t="s">
        <v>19681</v>
      </c>
      <c r="C9862" t="s">
        <v>19682</v>
      </c>
    </row>
    <row r="9863" spans="1:3" x14ac:dyDescent="0.15">
      <c r="A9863">
        <v>15148</v>
      </c>
      <c r="B9863" t="s">
        <v>19683</v>
      </c>
      <c r="C9863" t="s">
        <v>19684</v>
      </c>
    </row>
    <row r="9864" spans="1:3" x14ac:dyDescent="0.15">
      <c r="A9864">
        <v>15147</v>
      </c>
      <c r="B9864" t="s">
        <v>19685</v>
      </c>
      <c r="C9864" t="s">
        <v>19686</v>
      </c>
    </row>
    <row r="9865" spans="1:3" x14ac:dyDescent="0.15">
      <c r="A9865">
        <v>15146</v>
      </c>
      <c r="B9865" t="s">
        <v>19687</v>
      </c>
      <c r="C9865" t="s">
        <v>19688</v>
      </c>
    </row>
    <row r="9866" spans="1:3" x14ac:dyDescent="0.15">
      <c r="A9866">
        <v>15145</v>
      </c>
      <c r="B9866" t="s">
        <v>19689</v>
      </c>
      <c r="C9866" t="s">
        <v>19690</v>
      </c>
    </row>
    <row r="9867" spans="1:3" x14ac:dyDescent="0.15">
      <c r="A9867">
        <v>15144</v>
      </c>
      <c r="B9867" t="s">
        <v>19691</v>
      </c>
      <c r="C9867" t="s">
        <v>19692</v>
      </c>
    </row>
    <row r="9868" spans="1:3" x14ac:dyDescent="0.15">
      <c r="A9868">
        <v>15143</v>
      </c>
      <c r="B9868" t="s">
        <v>19693</v>
      </c>
      <c r="C9868" t="s">
        <v>19694</v>
      </c>
    </row>
    <row r="9869" spans="1:3" x14ac:dyDescent="0.15">
      <c r="A9869">
        <v>15142</v>
      </c>
      <c r="B9869" t="s">
        <v>19695</v>
      </c>
      <c r="C9869" t="s">
        <v>19696</v>
      </c>
    </row>
    <row r="9870" spans="1:3" x14ac:dyDescent="0.15">
      <c r="A9870">
        <v>15141</v>
      </c>
      <c r="B9870" t="s">
        <v>19697</v>
      </c>
      <c r="C9870" t="s">
        <v>19698</v>
      </c>
    </row>
    <row r="9871" spans="1:3" x14ac:dyDescent="0.15">
      <c r="A9871">
        <v>15140</v>
      </c>
      <c r="B9871" t="s">
        <v>19699</v>
      </c>
      <c r="C9871" t="s">
        <v>19700</v>
      </c>
    </row>
    <row r="9872" spans="1:3" x14ac:dyDescent="0.15">
      <c r="A9872">
        <v>15139</v>
      </c>
      <c r="B9872" t="s">
        <v>19701</v>
      </c>
      <c r="C9872" t="s">
        <v>19702</v>
      </c>
    </row>
    <row r="9873" spans="1:3" x14ac:dyDescent="0.15">
      <c r="A9873">
        <v>15138</v>
      </c>
      <c r="B9873" t="s">
        <v>19703</v>
      </c>
      <c r="C9873" t="s">
        <v>19704</v>
      </c>
    </row>
    <row r="9874" spans="1:3" x14ac:dyDescent="0.15">
      <c r="A9874">
        <v>15137</v>
      </c>
      <c r="B9874" t="s">
        <v>19705</v>
      </c>
      <c r="C9874" t="s">
        <v>19706</v>
      </c>
    </row>
    <row r="9875" spans="1:3" x14ac:dyDescent="0.15">
      <c r="A9875">
        <v>15136</v>
      </c>
      <c r="B9875" t="s">
        <v>19707</v>
      </c>
      <c r="C9875" t="s">
        <v>19708</v>
      </c>
    </row>
    <row r="9876" spans="1:3" x14ac:dyDescent="0.15">
      <c r="A9876">
        <v>15135</v>
      </c>
      <c r="B9876" t="s">
        <v>19709</v>
      </c>
      <c r="C9876" t="s">
        <v>19710</v>
      </c>
    </row>
    <row r="9877" spans="1:3" x14ac:dyDescent="0.15">
      <c r="A9877">
        <v>15134</v>
      </c>
      <c r="B9877" t="s">
        <v>19711</v>
      </c>
      <c r="C9877" t="s">
        <v>19712</v>
      </c>
    </row>
    <row r="9878" spans="1:3" x14ac:dyDescent="0.15">
      <c r="A9878">
        <v>15133</v>
      </c>
      <c r="B9878" t="s">
        <v>19713</v>
      </c>
      <c r="C9878" t="s">
        <v>19714</v>
      </c>
    </row>
    <row r="9879" spans="1:3" x14ac:dyDescent="0.15">
      <c r="A9879">
        <v>15132</v>
      </c>
      <c r="B9879" t="s">
        <v>19715</v>
      </c>
      <c r="C9879" t="s">
        <v>19716</v>
      </c>
    </row>
    <row r="9880" spans="1:3" x14ac:dyDescent="0.15">
      <c r="A9880">
        <v>15131</v>
      </c>
      <c r="B9880" t="s">
        <v>19717</v>
      </c>
      <c r="C9880" t="s">
        <v>19718</v>
      </c>
    </row>
    <row r="9881" spans="1:3" x14ac:dyDescent="0.15">
      <c r="A9881">
        <v>15130</v>
      </c>
      <c r="B9881" t="s">
        <v>19719</v>
      </c>
      <c r="C9881" t="s">
        <v>19720</v>
      </c>
    </row>
    <row r="9882" spans="1:3" x14ac:dyDescent="0.15">
      <c r="A9882">
        <v>15129</v>
      </c>
      <c r="B9882" t="s">
        <v>19721</v>
      </c>
      <c r="C9882" t="s">
        <v>19722</v>
      </c>
    </row>
    <row r="9883" spans="1:3" x14ac:dyDescent="0.15">
      <c r="A9883">
        <v>15128</v>
      </c>
      <c r="B9883" t="s">
        <v>19723</v>
      </c>
      <c r="C9883" t="s">
        <v>19724</v>
      </c>
    </row>
    <row r="9884" spans="1:3" x14ac:dyDescent="0.15">
      <c r="A9884">
        <v>15127</v>
      </c>
      <c r="B9884" t="s">
        <v>19725</v>
      </c>
      <c r="C9884" t="s">
        <v>19726</v>
      </c>
    </row>
    <row r="9885" spans="1:3" x14ac:dyDescent="0.15">
      <c r="A9885">
        <v>15126</v>
      </c>
      <c r="B9885" t="s">
        <v>19727</v>
      </c>
      <c r="C9885" t="s">
        <v>19728</v>
      </c>
    </row>
    <row r="9886" spans="1:3" x14ac:dyDescent="0.15">
      <c r="A9886">
        <v>15125</v>
      </c>
      <c r="B9886" t="s">
        <v>19729</v>
      </c>
      <c r="C9886" t="s">
        <v>19730</v>
      </c>
    </row>
    <row r="9887" spans="1:3" x14ac:dyDescent="0.15">
      <c r="A9887">
        <v>15124</v>
      </c>
      <c r="B9887" t="s">
        <v>19731</v>
      </c>
      <c r="C9887" t="s">
        <v>19732</v>
      </c>
    </row>
    <row r="9888" spans="1:3" x14ac:dyDescent="0.15">
      <c r="A9888">
        <v>15123</v>
      </c>
      <c r="B9888" t="s">
        <v>19733</v>
      </c>
      <c r="C9888" t="s">
        <v>19734</v>
      </c>
    </row>
    <row r="9889" spans="1:3" x14ac:dyDescent="0.15">
      <c r="A9889">
        <v>15122</v>
      </c>
      <c r="B9889" t="s">
        <v>19735</v>
      </c>
      <c r="C9889" t="s">
        <v>8595</v>
      </c>
    </row>
    <row r="9890" spans="1:3" x14ac:dyDescent="0.15">
      <c r="A9890">
        <v>15121</v>
      </c>
      <c r="B9890" t="s">
        <v>19736</v>
      </c>
      <c r="C9890" t="s">
        <v>19737</v>
      </c>
    </row>
    <row r="9891" spans="1:3" x14ac:dyDescent="0.15">
      <c r="A9891">
        <v>15120</v>
      </c>
      <c r="B9891" t="s">
        <v>19738</v>
      </c>
      <c r="C9891" t="s">
        <v>19739</v>
      </c>
    </row>
    <row r="9892" spans="1:3" x14ac:dyDescent="0.15">
      <c r="A9892">
        <v>15119</v>
      </c>
      <c r="B9892" t="s">
        <v>19740</v>
      </c>
      <c r="C9892" t="s">
        <v>19741</v>
      </c>
    </row>
    <row r="9893" spans="1:3" x14ac:dyDescent="0.15">
      <c r="A9893">
        <v>15118</v>
      </c>
      <c r="B9893" t="s">
        <v>19742</v>
      </c>
      <c r="C9893" t="s">
        <v>19743</v>
      </c>
    </row>
    <row r="9894" spans="1:3" x14ac:dyDescent="0.15">
      <c r="A9894">
        <v>15117</v>
      </c>
      <c r="B9894" t="s">
        <v>19744</v>
      </c>
      <c r="C9894" t="s">
        <v>19745</v>
      </c>
    </row>
    <row r="9895" spans="1:3" x14ac:dyDescent="0.15">
      <c r="A9895">
        <v>15116</v>
      </c>
      <c r="B9895" t="s">
        <v>19746</v>
      </c>
      <c r="C9895" t="s">
        <v>19747</v>
      </c>
    </row>
    <row r="9896" spans="1:3" x14ac:dyDescent="0.15">
      <c r="A9896">
        <v>15115</v>
      </c>
      <c r="B9896" t="s">
        <v>19748</v>
      </c>
      <c r="C9896" t="s">
        <v>19749</v>
      </c>
    </row>
    <row r="9897" spans="1:3" x14ac:dyDescent="0.15">
      <c r="A9897">
        <v>15114</v>
      </c>
      <c r="B9897" t="s">
        <v>19750</v>
      </c>
      <c r="C9897" t="s">
        <v>19751</v>
      </c>
    </row>
    <row r="9898" spans="1:3" x14ac:dyDescent="0.15">
      <c r="A9898">
        <v>15113</v>
      </c>
      <c r="B9898" t="s">
        <v>19752</v>
      </c>
      <c r="C9898" t="s">
        <v>19753</v>
      </c>
    </row>
    <row r="9899" spans="1:3" x14ac:dyDescent="0.15">
      <c r="A9899">
        <v>15112</v>
      </c>
      <c r="B9899" t="s">
        <v>19754</v>
      </c>
      <c r="C9899" t="s">
        <v>19755</v>
      </c>
    </row>
    <row r="9900" spans="1:3" x14ac:dyDescent="0.15">
      <c r="A9900">
        <v>15111</v>
      </c>
      <c r="B9900" t="s">
        <v>19756</v>
      </c>
      <c r="C9900" t="s">
        <v>19757</v>
      </c>
    </row>
    <row r="9901" spans="1:3" x14ac:dyDescent="0.15">
      <c r="A9901">
        <v>15110</v>
      </c>
      <c r="B9901" t="s">
        <v>19758</v>
      </c>
      <c r="C9901" t="s">
        <v>19759</v>
      </c>
    </row>
    <row r="9902" spans="1:3" x14ac:dyDescent="0.15">
      <c r="A9902">
        <v>15109</v>
      </c>
      <c r="B9902" t="s">
        <v>19760</v>
      </c>
      <c r="C9902" t="s">
        <v>19761</v>
      </c>
    </row>
    <row r="9903" spans="1:3" x14ac:dyDescent="0.15">
      <c r="A9903">
        <v>15108</v>
      </c>
      <c r="B9903" t="s">
        <v>19762</v>
      </c>
      <c r="C9903" t="s">
        <v>19763</v>
      </c>
    </row>
    <row r="9904" spans="1:3" x14ac:dyDescent="0.15">
      <c r="A9904">
        <v>15107</v>
      </c>
      <c r="B9904" t="s">
        <v>19764</v>
      </c>
      <c r="C9904" t="s">
        <v>19765</v>
      </c>
    </row>
    <row r="9905" spans="1:3" x14ac:dyDescent="0.15">
      <c r="A9905">
        <v>15106</v>
      </c>
      <c r="B9905" t="s">
        <v>19766</v>
      </c>
      <c r="C9905" t="s">
        <v>19767</v>
      </c>
    </row>
    <row r="9906" spans="1:3" x14ac:dyDescent="0.15">
      <c r="A9906">
        <v>15105</v>
      </c>
      <c r="B9906" t="s">
        <v>19768</v>
      </c>
      <c r="C9906" t="s">
        <v>19769</v>
      </c>
    </row>
    <row r="9907" spans="1:3" x14ac:dyDescent="0.15">
      <c r="A9907">
        <v>15104</v>
      </c>
      <c r="B9907" t="s">
        <v>19770</v>
      </c>
      <c r="C9907" t="s">
        <v>19771</v>
      </c>
    </row>
    <row r="9908" spans="1:3" x14ac:dyDescent="0.15">
      <c r="A9908">
        <v>15103</v>
      </c>
      <c r="B9908" t="s">
        <v>19772</v>
      </c>
      <c r="C9908" t="s">
        <v>19773</v>
      </c>
    </row>
    <row r="9909" spans="1:3" x14ac:dyDescent="0.15">
      <c r="A9909">
        <v>15102</v>
      </c>
      <c r="B9909" t="s">
        <v>19774</v>
      </c>
      <c r="C9909" t="s">
        <v>19775</v>
      </c>
    </row>
    <row r="9910" spans="1:3" x14ac:dyDescent="0.15">
      <c r="A9910">
        <v>15101</v>
      </c>
      <c r="B9910" t="s">
        <v>19776</v>
      </c>
      <c r="C9910" t="s">
        <v>19777</v>
      </c>
    </row>
    <row r="9911" spans="1:3" x14ac:dyDescent="0.15">
      <c r="A9911">
        <v>15100</v>
      </c>
      <c r="B9911" t="s">
        <v>19778</v>
      </c>
      <c r="C9911" t="s">
        <v>19779</v>
      </c>
    </row>
    <row r="9912" spans="1:3" x14ac:dyDescent="0.15">
      <c r="A9912">
        <v>15099</v>
      </c>
      <c r="B9912" t="s">
        <v>19780</v>
      </c>
      <c r="C9912" t="s">
        <v>19781</v>
      </c>
    </row>
    <row r="9913" spans="1:3" x14ac:dyDescent="0.15">
      <c r="A9913">
        <v>15098</v>
      </c>
      <c r="B9913" t="s">
        <v>19782</v>
      </c>
      <c r="C9913" t="s">
        <v>19783</v>
      </c>
    </row>
    <row r="9914" spans="1:3" x14ac:dyDescent="0.15">
      <c r="A9914">
        <v>15097</v>
      </c>
      <c r="B9914" t="s">
        <v>19784</v>
      </c>
      <c r="C9914" t="s">
        <v>19785</v>
      </c>
    </row>
    <row r="9915" spans="1:3" x14ac:dyDescent="0.15">
      <c r="A9915">
        <v>15096</v>
      </c>
      <c r="B9915" t="s">
        <v>19786</v>
      </c>
      <c r="C9915" t="s">
        <v>19787</v>
      </c>
    </row>
    <row r="9916" spans="1:3" x14ac:dyDescent="0.15">
      <c r="A9916">
        <v>15095</v>
      </c>
      <c r="B9916" t="s">
        <v>19788</v>
      </c>
      <c r="C9916" t="s">
        <v>19789</v>
      </c>
    </row>
    <row r="9917" spans="1:3" x14ac:dyDescent="0.15">
      <c r="A9917">
        <v>15094</v>
      </c>
      <c r="B9917" t="s">
        <v>19790</v>
      </c>
      <c r="C9917" t="s">
        <v>19791</v>
      </c>
    </row>
    <row r="9918" spans="1:3" x14ac:dyDescent="0.15">
      <c r="A9918">
        <v>15093</v>
      </c>
      <c r="B9918" t="s">
        <v>19792</v>
      </c>
      <c r="C9918" t="s">
        <v>19793</v>
      </c>
    </row>
    <row r="9919" spans="1:3" x14ac:dyDescent="0.15">
      <c r="A9919">
        <v>15092</v>
      </c>
      <c r="B9919" t="s">
        <v>19794</v>
      </c>
      <c r="C9919" t="s">
        <v>19795</v>
      </c>
    </row>
    <row r="9920" spans="1:3" x14ac:dyDescent="0.15">
      <c r="A9920">
        <v>15091</v>
      </c>
      <c r="B9920" t="s">
        <v>19796</v>
      </c>
      <c r="C9920" t="s">
        <v>19797</v>
      </c>
    </row>
    <row r="9921" spans="1:3" x14ac:dyDescent="0.15">
      <c r="A9921">
        <v>15090</v>
      </c>
      <c r="B9921" t="s">
        <v>19798</v>
      </c>
      <c r="C9921" t="s">
        <v>19799</v>
      </c>
    </row>
    <row r="9922" spans="1:3" x14ac:dyDescent="0.15">
      <c r="A9922">
        <v>15089</v>
      </c>
      <c r="B9922" t="s">
        <v>19800</v>
      </c>
      <c r="C9922" t="s">
        <v>19801</v>
      </c>
    </row>
    <row r="9923" spans="1:3" x14ac:dyDescent="0.15">
      <c r="A9923">
        <v>15088</v>
      </c>
      <c r="B9923" t="s">
        <v>19802</v>
      </c>
      <c r="C9923" t="s">
        <v>19803</v>
      </c>
    </row>
    <row r="9924" spans="1:3" x14ac:dyDescent="0.15">
      <c r="A9924">
        <v>15087</v>
      </c>
      <c r="B9924" t="s">
        <v>19804</v>
      </c>
      <c r="C9924" t="s">
        <v>19805</v>
      </c>
    </row>
    <row r="9925" spans="1:3" x14ac:dyDescent="0.15">
      <c r="A9925">
        <v>15086</v>
      </c>
      <c r="B9925" t="s">
        <v>19806</v>
      </c>
      <c r="C9925" t="s">
        <v>19807</v>
      </c>
    </row>
    <row r="9926" spans="1:3" x14ac:dyDescent="0.15">
      <c r="A9926">
        <v>15085</v>
      </c>
      <c r="B9926" t="s">
        <v>19808</v>
      </c>
      <c r="C9926" t="s">
        <v>19809</v>
      </c>
    </row>
    <row r="9927" spans="1:3" x14ac:dyDescent="0.15">
      <c r="A9927">
        <v>15084</v>
      </c>
      <c r="B9927" t="s">
        <v>19810</v>
      </c>
      <c r="C9927" t="s">
        <v>19811</v>
      </c>
    </row>
    <row r="9928" spans="1:3" x14ac:dyDescent="0.15">
      <c r="A9928">
        <v>15083</v>
      </c>
      <c r="B9928" t="s">
        <v>19812</v>
      </c>
      <c r="C9928" t="s">
        <v>19813</v>
      </c>
    </row>
    <row r="9929" spans="1:3" x14ac:dyDescent="0.15">
      <c r="A9929">
        <v>15082</v>
      </c>
      <c r="B9929" t="s">
        <v>19814</v>
      </c>
      <c r="C9929" t="s">
        <v>19815</v>
      </c>
    </row>
    <row r="9930" spans="1:3" x14ac:dyDescent="0.15">
      <c r="A9930">
        <v>15081</v>
      </c>
      <c r="B9930" t="s">
        <v>19816</v>
      </c>
      <c r="C9930" t="s">
        <v>19817</v>
      </c>
    </row>
    <row r="9931" spans="1:3" x14ac:dyDescent="0.15">
      <c r="A9931">
        <v>15080</v>
      </c>
      <c r="B9931" t="s">
        <v>19818</v>
      </c>
      <c r="C9931" t="s">
        <v>19819</v>
      </c>
    </row>
    <row r="9932" spans="1:3" x14ac:dyDescent="0.15">
      <c r="A9932">
        <v>15079</v>
      </c>
      <c r="B9932" t="s">
        <v>19820</v>
      </c>
      <c r="C9932" t="s">
        <v>19821</v>
      </c>
    </row>
    <row r="9933" spans="1:3" x14ac:dyDescent="0.15">
      <c r="A9933">
        <v>15078</v>
      </c>
      <c r="B9933" t="s">
        <v>19822</v>
      </c>
      <c r="C9933" t="s">
        <v>19823</v>
      </c>
    </row>
    <row r="9934" spans="1:3" x14ac:dyDescent="0.15">
      <c r="A9934">
        <v>15077</v>
      </c>
      <c r="B9934" t="s">
        <v>19824</v>
      </c>
      <c r="C9934" t="s">
        <v>19825</v>
      </c>
    </row>
    <row r="9935" spans="1:3" x14ac:dyDescent="0.15">
      <c r="A9935">
        <v>15076</v>
      </c>
      <c r="B9935" t="s">
        <v>19826</v>
      </c>
      <c r="C9935" t="s">
        <v>19827</v>
      </c>
    </row>
    <row r="9936" spans="1:3" x14ac:dyDescent="0.15">
      <c r="A9936">
        <v>15075</v>
      </c>
      <c r="B9936" t="s">
        <v>19828</v>
      </c>
      <c r="C9936" t="s">
        <v>19829</v>
      </c>
    </row>
    <row r="9937" spans="1:3" x14ac:dyDescent="0.15">
      <c r="A9937">
        <v>15074</v>
      </c>
      <c r="B9937" t="s">
        <v>19830</v>
      </c>
      <c r="C9937" t="s">
        <v>19831</v>
      </c>
    </row>
    <row r="9938" spans="1:3" x14ac:dyDescent="0.15">
      <c r="A9938">
        <v>15073</v>
      </c>
      <c r="B9938" t="s">
        <v>19832</v>
      </c>
      <c r="C9938" t="s">
        <v>19833</v>
      </c>
    </row>
    <row r="9939" spans="1:3" x14ac:dyDescent="0.15">
      <c r="A9939">
        <v>15072</v>
      </c>
      <c r="B9939" t="s">
        <v>19834</v>
      </c>
      <c r="C9939" t="s">
        <v>19835</v>
      </c>
    </row>
    <row r="9940" spans="1:3" x14ac:dyDescent="0.15">
      <c r="A9940">
        <v>15071</v>
      </c>
      <c r="B9940" t="s">
        <v>19836</v>
      </c>
      <c r="C9940" t="s">
        <v>19837</v>
      </c>
    </row>
    <row r="9941" spans="1:3" x14ac:dyDescent="0.15">
      <c r="A9941">
        <v>15070</v>
      </c>
      <c r="B9941" t="s">
        <v>19838</v>
      </c>
      <c r="C9941" t="s">
        <v>19839</v>
      </c>
    </row>
    <row r="9942" spans="1:3" x14ac:dyDescent="0.15">
      <c r="A9942">
        <v>15069</v>
      </c>
      <c r="B9942" t="s">
        <v>19840</v>
      </c>
      <c r="C9942" t="s">
        <v>19841</v>
      </c>
    </row>
    <row r="9943" spans="1:3" x14ac:dyDescent="0.15">
      <c r="A9943">
        <v>15068</v>
      </c>
      <c r="B9943" t="s">
        <v>19842</v>
      </c>
      <c r="C9943" t="s">
        <v>19843</v>
      </c>
    </row>
    <row r="9944" spans="1:3" x14ac:dyDescent="0.15">
      <c r="A9944">
        <v>15067</v>
      </c>
      <c r="B9944" t="s">
        <v>19844</v>
      </c>
      <c r="C9944" t="s">
        <v>19845</v>
      </c>
    </row>
    <row r="9945" spans="1:3" x14ac:dyDescent="0.15">
      <c r="A9945">
        <v>15066</v>
      </c>
      <c r="B9945" t="s">
        <v>19846</v>
      </c>
      <c r="C9945" t="s">
        <v>19847</v>
      </c>
    </row>
    <row r="9946" spans="1:3" x14ac:dyDescent="0.15">
      <c r="A9946">
        <v>15065</v>
      </c>
      <c r="B9946" t="s">
        <v>19848</v>
      </c>
      <c r="C9946" t="s">
        <v>19849</v>
      </c>
    </row>
    <row r="9947" spans="1:3" x14ac:dyDescent="0.15">
      <c r="A9947">
        <v>15064</v>
      </c>
      <c r="B9947" t="s">
        <v>19850</v>
      </c>
      <c r="C9947" t="s">
        <v>19851</v>
      </c>
    </row>
    <row r="9948" spans="1:3" x14ac:dyDescent="0.15">
      <c r="A9948">
        <v>15063</v>
      </c>
      <c r="B9948" t="s">
        <v>19852</v>
      </c>
      <c r="C9948" t="s">
        <v>19853</v>
      </c>
    </row>
    <row r="9949" spans="1:3" x14ac:dyDescent="0.15">
      <c r="A9949">
        <v>15062</v>
      </c>
      <c r="B9949" t="s">
        <v>19854</v>
      </c>
      <c r="C9949" t="s">
        <v>19855</v>
      </c>
    </row>
    <row r="9950" spans="1:3" x14ac:dyDescent="0.15">
      <c r="A9950">
        <v>15061</v>
      </c>
      <c r="B9950" t="s">
        <v>19856</v>
      </c>
      <c r="C9950" t="s">
        <v>19857</v>
      </c>
    </row>
    <row r="9951" spans="1:3" x14ac:dyDescent="0.15">
      <c r="A9951">
        <v>15060</v>
      </c>
      <c r="B9951" t="s">
        <v>19858</v>
      </c>
      <c r="C9951" t="s">
        <v>19859</v>
      </c>
    </row>
    <row r="9952" spans="1:3" x14ac:dyDescent="0.15">
      <c r="A9952">
        <v>15059</v>
      </c>
      <c r="B9952" t="s">
        <v>19860</v>
      </c>
      <c r="C9952" t="s">
        <v>19861</v>
      </c>
    </row>
    <row r="9953" spans="1:3" x14ac:dyDescent="0.15">
      <c r="A9953">
        <v>15058</v>
      </c>
      <c r="B9953" t="s">
        <v>19862</v>
      </c>
      <c r="C9953" t="s">
        <v>19863</v>
      </c>
    </row>
    <row r="9954" spans="1:3" x14ac:dyDescent="0.15">
      <c r="A9954">
        <v>15057</v>
      </c>
      <c r="B9954" t="s">
        <v>19864</v>
      </c>
      <c r="C9954" t="s">
        <v>19865</v>
      </c>
    </row>
    <row r="9955" spans="1:3" x14ac:dyDescent="0.15">
      <c r="A9955">
        <v>15056</v>
      </c>
      <c r="B9955" t="s">
        <v>19866</v>
      </c>
      <c r="C9955" t="s">
        <v>19867</v>
      </c>
    </row>
    <row r="9956" spans="1:3" x14ac:dyDescent="0.15">
      <c r="A9956">
        <v>15055</v>
      </c>
      <c r="B9956" t="s">
        <v>19868</v>
      </c>
      <c r="C9956" t="s">
        <v>19869</v>
      </c>
    </row>
    <row r="9957" spans="1:3" x14ac:dyDescent="0.15">
      <c r="A9957">
        <v>15054</v>
      </c>
      <c r="B9957" t="s">
        <v>19870</v>
      </c>
      <c r="C9957" t="s">
        <v>19871</v>
      </c>
    </row>
    <row r="9958" spans="1:3" x14ac:dyDescent="0.15">
      <c r="A9958">
        <v>15053</v>
      </c>
      <c r="B9958" t="s">
        <v>19872</v>
      </c>
      <c r="C9958" t="s">
        <v>19873</v>
      </c>
    </row>
    <row r="9959" spans="1:3" x14ac:dyDescent="0.15">
      <c r="A9959">
        <v>15052</v>
      </c>
      <c r="B9959" t="s">
        <v>19874</v>
      </c>
      <c r="C9959" t="s">
        <v>19875</v>
      </c>
    </row>
    <row r="9960" spans="1:3" x14ac:dyDescent="0.15">
      <c r="A9960">
        <v>15051</v>
      </c>
      <c r="B9960" t="s">
        <v>19876</v>
      </c>
      <c r="C9960" t="s">
        <v>19877</v>
      </c>
    </row>
    <row r="9961" spans="1:3" x14ac:dyDescent="0.15">
      <c r="A9961">
        <v>15050</v>
      </c>
      <c r="B9961" t="s">
        <v>19878</v>
      </c>
      <c r="C9961" t="s">
        <v>19879</v>
      </c>
    </row>
    <row r="9962" spans="1:3" x14ac:dyDescent="0.15">
      <c r="A9962">
        <v>15049</v>
      </c>
      <c r="B9962" t="s">
        <v>19880</v>
      </c>
      <c r="C9962" t="s">
        <v>19881</v>
      </c>
    </row>
    <row r="9963" spans="1:3" x14ac:dyDescent="0.15">
      <c r="A9963">
        <v>15048</v>
      </c>
      <c r="B9963" t="s">
        <v>19882</v>
      </c>
      <c r="C9963" t="s">
        <v>19883</v>
      </c>
    </row>
    <row r="9964" spans="1:3" x14ac:dyDescent="0.15">
      <c r="A9964">
        <v>15047</v>
      </c>
      <c r="B9964" t="s">
        <v>19884</v>
      </c>
      <c r="C9964" t="s">
        <v>19885</v>
      </c>
    </row>
    <row r="9965" spans="1:3" x14ac:dyDescent="0.15">
      <c r="A9965">
        <v>15046</v>
      </c>
      <c r="B9965" t="s">
        <v>19886</v>
      </c>
      <c r="C9965" t="s">
        <v>19887</v>
      </c>
    </row>
    <row r="9966" spans="1:3" x14ac:dyDescent="0.15">
      <c r="A9966">
        <v>15045</v>
      </c>
      <c r="B9966" t="s">
        <v>19888</v>
      </c>
      <c r="C9966" t="s">
        <v>19889</v>
      </c>
    </row>
    <row r="9967" spans="1:3" x14ac:dyDescent="0.15">
      <c r="A9967">
        <v>15044</v>
      </c>
      <c r="B9967" t="s">
        <v>19890</v>
      </c>
      <c r="C9967" t="s">
        <v>19891</v>
      </c>
    </row>
    <row r="9968" spans="1:3" x14ac:dyDescent="0.15">
      <c r="A9968">
        <v>15043</v>
      </c>
      <c r="B9968" t="s">
        <v>19892</v>
      </c>
      <c r="C9968" t="s">
        <v>19893</v>
      </c>
    </row>
    <row r="9969" spans="1:3" x14ac:dyDescent="0.15">
      <c r="A9969">
        <v>15042</v>
      </c>
      <c r="B9969" t="s">
        <v>19894</v>
      </c>
      <c r="C9969" t="s">
        <v>19895</v>
      </c>
    </row>
    <row r="9970" spans="1:3" x14ac:dyDescent="0.15">
      <c r="A9970">
        <v>15041</v>
      </c>
      <c r="B9970" t="s">
        <v>19896</v>
      </c>
      <c r="C9970" t="s">
        <v>19897</v>
      </c>
    </row>
    <row r="9971" spans="1:3" x14ac:dyDescent="0.15">
      <c r="A9971">
        <v>15040</v>
      </c>
      <c r="B9971" t="s">
        <v>19898</v>
      </c>
      <c r="C9971" t="s">
        <v>19899</v>
      </c>
    </row>
    <row r="9972" spans="1:3" x14ac:dyDescent="0.15">
      <c r="A9972">
        <v>15039</v>
      </c>
      <c r="B9972" t="s">
        <v>19900</v>
      </c>
      <c r="C9972" t="s">
        <v>19901</v>
      </c>
    </row>
    <row r="9973" spans="1:3" x14ac:dyDescent="0.15">
      <c r="A9973">
        <v>15038</v>
      </c>
      <c r="B9973" t="s">
        <v>19902</v>
      </c>
      <c r="C9973" t="s">
        <v>19903</v>
      </c>
    </row>
    <row r="9974" spans="1:3" x14ac:dyDescent="0.15">
      <c r="A9974">
        <v>15037</v>
      </c>
      <c r="B9974" t="s">
        <v>19904</v>
      </c>
      <c r="C9974" t="s">
        <v>19905</v>
      </c>
    </row>
    <row r="9975" spans="1:3" x14ac:dyDescent="0.15">
      <c r="A9975">
        <v>15036</v>
      </c>
      <c r="B9975" t="s">
        <v>19906</v>
      </c>
      <c r="C9975" t="s">
        <v>19907</v>
      </c>
    </row>
    <row r="9976" spans="1:3" x14ac:dyDescent="0.15">
      <c r="A9976">
        <v>15035</v>
      </c>
      <c r="B9976" t="s">
        <v>19908</v>
      </c>
      <c r="C9976" t="s">
        <v>19909</v>
      </c>
    </row>
    <row r="9977" spans="1:3" x14ac:dyDescent="0.15">
      <c r="A9977">
        <v>15034</v>
      </c>
      <c r="B9977" t="s">
        <v>19910</v>
      </c>
      <c r="C9977" t="s">
        <v>19911</v>
      </c>
    </row>
    <row r="9978" spans="1:3" x14ac:dyDescent="0.15">
      <c r="A9978">
        <v>15033</v>
      </c>
      <c r="B9978" t="s">
        <v>19912</v>
      </c>
      <c r="C9978" t="s">
        <v>19913</v>
      </c>
    </row>
    <row r="9979" spans="1:3" x14ac:dyDescent="0.15">
      <c r="A9979">
        <v>15032</v>
      </c>
      <c r="B9979" t="s">
        <v>19914</v>
      </c>
      <c r="C9979" t="s">
        <v>19915</v>
      </c>
    </row>
    <row r="9980" spans="1:3" x14ac:dyDescent="0.15">
      <c r="A9980">
        <v>15031</v>
      </c>
      <c r="B9980" t="s">
        <v>19916</v>
      </c>
      <c r="C9980" t="s">
        <v>19917</v>
      </c>
    </row>
    <row r="9981" spans="1:3" x14ac:dyDescent="0.15">
      <c r="A9981">
        <v>15030</v>
      </c>
      <c r="B9981" t="s">
        <v>19918</v>
      </c>
      <c r="C9981" t="s">
        <v>19919</v>
      </c>
    </row>
    <row r="9982" spans="1:3" x14ac:dyDescent="0.15">
      <c r="A9982">
        <v>15029</v>
      </c>
      <c r="B9982" t="s">
        <v>19920</v>
      </c>
      <c r="C9982" t="s">
        <v>19921</v>
      </c>
    </row>
    <row r="9983" spans="1:3" x14ac:dyDescent="0.15">
      <c r="A9983">
        <v>15028</v>
      </c>
      <c r="B9983" t="s">
        <v>19922</v>
      </c>
      <c r="C9983" t="s">
        <v>19923</v>
      </c>
    </row>
    <row r="9984" spans="1:3" x14ac:dyDescent="0.15">
      <c r="A9984">
        <v>15027</v>
      </c>
      <c r="B9984" t="s">
        <v>19924</v>
      </c>
      <c r="C9984" t="s">
        <v>19925</v>
      </c>
    </row>
    <row r="9985" spans="1:3" x14ac:dyDescent="0.15">
      <c r="A9985">
        <v>15026</v>
      </c>
      <c r="B9985" t="s">
        <v>19926</v>
      </c>
      <c r="C9985" t="s">
        <v>19927</v>
      </c>
    </row>
    <row r="9986" spans="1:3" x14ac:dyDescent="0.15">
      <c r="A9986">
        <v>15025</v>
      </c>
      <c r="B9986" t="s">
        <v>19928</v>
      </c>
      <c r="C9986" t="s">
        <v>19929</v>
      </c>
    </row>
    <row r="9987" spans="1:3" x14ac:dyDescent="0.15">
      <c r="A9987">
        <v>15024</v>
      </c>
      <c r="B9987" t="s">
        <v>19930</v>
      </c>
      <c r="C9987" t="s">
        <v>19931</v>
      </c>
    </row>
    <row r="9988" spans="1:3" x14ac:dyDescent="0.15">
      <c r="A9988">
        <v>15023</v>
      </c>
      <c r="B9988" t="s">
        <v>19932</v>
      </c>
      <c r="C9988" t="s">
        <v>19933</v>
      </c>
    </row>
    <row r="9989" spans="1:3" x14ac:dyDescent="0.15">
      <c r="A9989">
        <v>15022</v>
      </c>
      <c r="B9989" t="s">
        <v>19934</v>
      </c>
      <c r="C9989" t="s">
        <v>19935</v>
      </c>
    </row>
    <row r="9990" spans="1:3" x14ac:dyDescent="0.15">
      <c r="A9990">
        <v>15021</v>
      </c>
      <c r="B9990" t="s">
        <v>19936</v>
      </c>
      <c r="C9990" t="s">
        <v>19937</v>
      </c>
    </row>
    <row r="9991" spans="1:3" x14ac:dyDescent="0.15">
      <c r="A9991">
        <v>15020</v>
      </c>
      <c r="B9991" t="s">
        <v>19938</v>
      </c>
      <c r="C9991" t="s">
        <v>19939</v>
      </c>
    </row>
    <row r="9992" spans="1:3" x14ac:dyDescent="0.15">
      <c r="A9992">
        <v>15019</v>
      </c>
      <c r="B9992" t="s">
        <v>19940</v>
      </c>
      <c r="C9992" t="s">
        <v>19941</v>
      </c>
    </row>
    <row r="9993" spans="1:3" x14ac:dyDescent="0.15">
      <c r="A9993">
        <v>15018</v>
      </c>
      <c r="B9993" t="s">
        <v>19942</v>
      </c>
      <c r="C9993" t="s">
        <v>19943</v>
      </c>
    </row>
    <row r="9994" spans="1:3" x14ac:dyDescent="0.15">
      <c r="A9994">
        <v>15017</v>
      </c>
      <c r="B9994" t="s">
        <v>19944</v>
      </c>
      <c r="C9994" t="s">
        <v>19945</v>
      </c>
    </row>
    <row r="9995" spans="1:3" x14ac:dyDescent="0.15">
      <c r="A9995">
        <v>15016</v>
      </c>
      <c r="B9995" t="s">
        <v>19946</v>
      </c>
      <c r="C9995" t="s">
        <v>19947</v>
      </c>
    </row>
    <row r="9996" spans="1:3" x14ac:dyDescent="0.15">
      <c r="A9996">
        <v>15015</v>
      </c>
      <c r="B9996" t="s">
        <v>19948</v>
      </c>
      <c r="C9996" t="s">
        <v>19949</v>
      </c>
    </row>
    <row r="9997" spans="1:3" x14ac:dyDescent="0.15">
      <c r="A9997">
        <v>15014</v>
      </c>
      <c r="B9997" t="s">
        <v>19950</v>
      </c>
      <c r="C9997" t="s">
        <v>19951</v>
      </c>
    </row>
    <row r="9998" spans="1:3" x14ac:dyDescent="0.15">
      <c r="A9998">
        <v>15013</v>
      </c>
      <c r="B9998" t="s">
        <v>19952</v>
      </c>
      <c r="C9998" t="s">
        <v>19953</v>
      </c>
    </row>
    <row r="9999" spans="1:3" x14ac:dyDescent="0.15">
      <c r="A9999">
        <v>15012</v>
      </c>
      <c r="B9999" t="s">
        <v>19954</v>
      </c>
      <c r="C9999" t="s">
        <v>19955</v>
      </c>
    </row>
    <row r="10000" spans="1:3" x14ac:dyDescent="0.15">
      <c r="A10000">
        <v>15011</v>
      </c>
      <c r="B10000" t="s">
        <v>19956</v>
      </c>
      <c r="C10000" t="s">
        <v>19957</v>
      </c>
    </row>
    <row r="10001" spans="1:3" x14ac:dyDescent="0.15">
      <c r="A10001">
        <v>15010</v>
      </c>
      <c r="B10001" t="s">
        <v>19958</v>
      </c>
      <c r="C10001" t="s">
        <v>19959</v>
      </c>
    </row>
    <row r="10002" spans="1:3" x14ac:dyDescent="0.15">
      <c r="A10002">
        <v>15009</v>
      </c>
      <c r="B10002" t="s">
        <v>19960</v>
      </c>
      <c r="C10002" t="s">
        <v>19961</v>
      </c>
    </row>
    <row r="10003" spans="1:3" x14ac:dyDescent="0.15">
      <c r="A10003">
        <v>15008</v>
      </c>
      <c r="B10003" t="s">
        <v>19962</v>
      </c>
      <c r="C10003" t="s">
        <v>19963</v>
      </c>
    </row>
    <row r="10004" spans="1:3" x14ac:dyDescent="0.15">
      <c r="A10004">
        <v>15007</v>
      </c>
      <c r="B10004" t="s">
        <v>19964</v>
      </c>
      <c r="C10004" t="s">
        <v>19965</v>
      </c>
    </row>
    <row r="10005" spans="1:3" x14ac:dyDescent="0.15">
      <c r="A10005">
        <v>15006</v>
      </c>
      <c r="B10005" t="s">
        <v>19966</v>
      </c>
      <c r="C10005" t="s">
        <v>19967</v>
      </c>
    </row>
    <row r="10006" spans="1:3" x14ac:dyDescent="0.15">
      <c r="A10006">
        <v>15005</v>
      </c>
      <c r="B10006" t="s">
        <v>19968</v>
      </c>
      <c r="C10006" t="s">
        <v>19969</v>
      </c>
    </row>
    <row r="10007" spans="1:3" x14ac:dyDescent="0.15">
      <c r="A10007">
        <v>15004</v>
      </c>
      <c r="B10007" t="s">
        <v>19970</v>
      </c>
      <c r="C10007" t="s">
        <v>19971</v>
      </c>
    </row>
    <row r="10008" spans="1:3" x14ac:dyDescent="0.15">
      <c r="A10008">
        <v>15003</v>
      </c>
      <c r="B10008" t="s">
        <v>19972</v>
      </c>
      <c r="C10008" t="s">
        <v>19973</v>
      </c>
    </row>
    <row r="10009" spans="1:3" x14ac:dyDescent="0.15">
      <c r="A10009">
        <v>15002</v>
      </c>
      <c r="B10009" t="s">
        <v>19974</v>
      </c>
      <c r="C10009" t="s">
        <v>19975</v>
      </c>
    </row>
    <row r="10010" spans="1:3" x14ac:dyDescent="0.15">
      <c r="A10010">
        <v>15001</v>
      </c>
      <c r="B10010" t="s">
        <v>19976</v>
      </c>
      <c r="C10010" t="s">
        <v>19977</v>
      </c>
    </row>
    <row r="10011" spans="1:3" x14ac:dyDescent="0.15">
      <c r="A10011">
        <v>15000</v>
      </c>
      <c r="B10011" t="s">
        <v>19978</v>
      </c>
      <c r="C10011" t="s">
        <v>19979</v>
      </c>
    </row>
    <row r="10012" spans="1:3" x14ac:dyDescent="0.15">
      <c r="A10012">
        <v>14999</v>
      </c>
      <c r="B10012" t="s">
        <v>19980</v>
      </c>
      <c r="C10012" t="s">
        <v>19981</v>
      </c>
    </row>
    <row r="10013" spans="1:3" x14ac:dyDescent="0.15">
      <c r="A10013">
        <v>14998</v>
      </c>
      <c r="B10013" t="s">
        <v>19982</v>
      </c>
      <c r="C10013" t="s">
        <v>19983</v>
      </c>
    </row>
    <row r="10014" spans="1:3" x14ac:dyDescent="0.15">
      <c r="A10014">
        <v>14997</v>
      </c>
      <c r="B10014" t="s">
        <v>19984</v>
      </c>
      <c r="C10014" t="s">
        <v>19985</v>
      </c>
    </row>
    <row r="10015" spans="1:3" x14ac:dyDescent="0.15">
      <c r="A10015">
        <v>14996</v>
      </c>
      <c r="B10015" t="s">
        <v>19986</v>
      </c>
      <c r="C10015" t="s">
        <v>19987</v>
      </c>
    </row>
    <row r="10016" spans="1:3" x14ac:dyDescent="0.15">
      <c r="A10016">
        <v>14995</v>
      </c>
      <c r="B10016" t="s">
        <v>19988</v>
      </c>
      <c r="C10016" t="s">
        <v>19989</v>
      </c>
    </row>
    <row r="10017" spans="1:3" x14ac:dyDescent="0.15">
      <c r="A10017">
        <v>14994</v>
      </c>
      <c r="B10017" t="s">
        <v>19990</v>
      </c>
      <c r="C10017" t="s">
        <v>19991</v>
      </c>
    </row>
    <row r="10018" spans="1:3" x14ac:dyDescent="0.15">
      <c r="A10018">
        <v>14993</v>
      </c>
      <c r="B10018" t="s">
        <v>19992</v>
      </c>
      <c r="C10018" t="s">
        <v>19993</v>
      </c>
    </row>
    <row r="10019" spans="1:3" x14ac:dyDescent="0.15">
      <c r="A10019">
        <v>14992</v>
      </c>
      <c r="B10019" t="s">
        <v>19994</v>
      </c>
      <c r="C10019" t="s">
        <v>19995</v>
      </c>
    </row>
    <row r="10020" spans="1:3" x14ac:dyDescent="0.15">
      <c r="A10020">
        <v>14991</v>
      </c>
      <c r="B10020" t="s">
        <v>19996</v>
      </c>
      <c r="C10020" t="s">
        <v>19997</v>
      </c>
    </row>
    <row r="10021" spans="1:3" x14ac:dyDescent="0.15">
      <c r="A10021">
        <v>14990</v>
      </c>
      <c r="B10021" t="s">
        <v>19998</v>
      </c>
      <c r="C10021" t="s">
        <v>19999</v>
      </c>
    </row>
    <row r="10022" spans="1:3" x14ac:dyDescent="0.15">
      <c r="A10022">
        <v>14989</v>
      </c>
      <c r="B10022" t="s">
        <v>20000</v>
      </c>
      <c r="C10022" t="s">
        <v>20001</v>
      </c>
    </row>
    <row r="10023" spans="1:3" x14ac:dyDescent="0.15">
      <c r="A10023">
        <v>14988</v>
      </c>
      <c r="B10023" t="s">
        <v>20002</v>
      </c>
      <c r="C10023" t="s">
        <v>20003</v>
      </c>
    </row>
    <row r="10024" spans="1:3" x14ac:dyDescent="0.15">
      <c r="A10024">
        <v>14987</v>
      </c>
      <c r="B10024" t="s">
        <v>20004</v>
      </c>
      <c r="C10024" t="s">
        <v>20005</v>
      </c>
    </row>
    <row r="10025" spans="1:3" x14ac:dyDescent="0.15">
      <c r="A10025">
        <v>14986</v>
      </c>
      <c r="B10025" t="s">
        <v>20006</v>
      </c>
      <c r="C10025" t="s">
        <v>20007</v>
      </c>
    </row>
    <row r="10026" spans="1:3" x14ac:dyDescent="0.15">
      <c r="A10026">
        <v>14985</v>
      </c>
      <c r="B10026" t="s">
        <v>20008</v>
      </c>
      <c r="C10026" t="s">
        <v>20009</v>
      </c>
    </row>
    <row r="10027" spans="1:3" x14ac:dyDescent="0.15">
      <c r="A10027">
        <v>14984</v>
      </c>
      <c r="B10027" t="s">
        <v>20010</v>
      </c>
      <c r="C10027" t="s">
        <v>20011</v>
      </c>
    </row>
    <row r="10028" spans="1:3" x14ac:dyDescent="0.15">
      <c r="A10028">
        <v>14983</v>
      </c>
      <c r="B10028" t="s">
        <v>20012</v>
      </c>
      <c r="C10028" t="s">
        <v>20013</v>
      </c>
    </row>
    <row r="10029" spans="1:3" x14ac:dyDescent="0.15">
      <c r="A10029">
        <v>14982</v>
      </c>
      <c r="B10029" t="s">
        <v>20014</v>
      </c>
      <c r="C10029" t="s">
        <v>20015</v>
      </c>
    </row>
    <row r="10030" spans="1:3" x14ac:dyDescent="0.15">
      <c r="A10030">
        <v>14981</v>
      </c>
      <c r="B10030" t="s">
        <v>20016</v>
      </c>
      <c r="C10030" t="s">
        <v>20017</v>
      </c>
    </row>
    <row r="10031" spans="1:3" x14ac:dyDescent="0.15">
      <c r="A10031">
        <v>14980</v>
      </c>
      <c r="B10031" t="s">
        <v>20018</v>
      </c>
      <c r="C10031" t="s">
        <v>20019</v>
      </c>
    </row>
    <row r="10032" spans="1:3" x14ac:dyDescent="0.15">
      <c r="A10032">
        <v>14979</v>
      </c>
      <c r="B10032" t="s">
        <v>20020</v>
      </c>
      <c r="C10032" t="s">
        <v>20021</v>
      </c>
    </row>
    <row r="10033" spans="1:3" x14ac:dyDescent="0.15">
      <c r="A10033">
        <v>14978</v>
      </c>
      <c r="B10033" t="s">
        <v>20022</v>
      </c>
      <c r="C10033" t="s">
        <v>20023</v>
      </c>
    </row>
    <row r="10034" spans="1:3" x14ac:dyDescent="0.15">
      <c r="A10034">
        <v>14977</v>
      </c>
      <c r="B10034" t="s">
        <v>20024</v>
      </c>
      <c r="C10034" t="s">
        <v>20025</v>
      </c>
    </row>
    <row r="10035" spans="1:3" x14ac:dyDescent="0.15">
      <c r="A10035">
        <v>14976</v>
      </c>
      <c r="B10035" t="s">
        <v>20026</v>
      </c>
      <c r="C10035" t="s">
        <v>20027</v>
      </c>
    </row>
    <row r="10036" spans="1:3" x14ac:dyDescent="0.15">
      <c r="A10036">
        <v>14975</v>
      </c>
      <c r="B10036" t="s">
        <v>20028</v>
      </c>
      <c r="C10036" t="s">
        <v>20029</v>
      </c>
    </row>
    <row r="10037" spans="1:3" x14ac:dyDescent="0.15">
      <c r="A10037">
        <v>14974</v>
      </c>
      <c r="B10037" t="s">
        <v>20030</v>
      </c>
      <c r="C10037" t="s">
        <v>20031</v>
      </c>
    </row>
    <row r="10038" spans="1:3" x14ac:dyDescent="0.15">
      <c r="A10038">
        <v>14973</v>
      </c>
      <c r="B10038" t="s">
        <v>20032</v>
      </c>
      <c r="C10038" t="s">
        <v>20033</v>
      </c>
    </row>
    <row r="10039" spans="1:3" x14ac:dyDescent="0.15">
      <c r="A10039">
        <v>14972</v>
      </c>
      <c r="B10039" t="s">
        <v>20034</v>
      </c>
      <c r="C10039" t="s">
        <v>20035</v>
      </c>
    </row>
    <row r="10040" spans="1:3" x14ac:dyDescent="0.15">
      <c r="A10040">
        <v>14971</v>
      </c>
      <c r="B10040" t="s">
        <v>20036</v>
      </c>
      <c r="C10040" t="s">
        <v>20037</v>
      </c>
    </row>
    <row r="10041" spans="1:3" x14ac:dyDescent="0.15">
      <c r="A10041">
        <v>14970</v>
      </c>
      <c r="B10041" t="s">
        <v>20038</v>
      </c>
      <c r="C10041" t="s">
        <v>20039</v>
      </c>
    </row>
    <row r="10042" spans="1:3" x14ac:dyDescent="0.15">
      <c r="A10042">
        <v>14969</v>
      </c>
      <c r="B10042" t="s">
        <v>20040</v>
      </c>
      <c r="C10042" t="s">
        <v>20041</v>
      </c>
    </row>
    <row r="10043" spans="1:3" x14ac:dyDescent="0.15">
      <c r="A10043">
        <v>14968</v>
      </c>
      <c r="B10043" t="s">
        <v>20042</v>
      </c>
      <c r="C10043" t="s">
        <v>20043</v>
      </c>
    </row>
    <row r="10044" spans="1:3" x14ac:dyDescent="0.15">
      <c r="A10044">
        <v>14967</v>
      </c>
      <c r="B10044" t="s">
        <v>20044</v>
      </c>
      <c r="C10044" t="s">
        <v>20045</v>
      </c>
    </row>
    <row r="10045" spans="1:3" x14ac:dyDescent="0.15">
      <c r="A10045">
        <v>14966</v>
      </c>
      <c r="B10045" t="s">
        <v>20046</v>
      </c>
      <c r="C10045" t="s">
        <v>20047</v>
      </c>
    </row>
    <row r="10046" spans="1:3" x14ac:dyDescent="0.15">
      <c r="A10046">
        <v>14965</v>
      </c>
      <c r="B10046" t="s">
        <v>20048</v>
      </c>
      <c r="C10046" t="s">
        <v>20049</v>
      </c>
    </row>
    <row r="10047" spans="1:3" x14ac:dyDescent="0.15">
      <c r="A10047">
        <v>14964</v>
      </c>
      <c r="B10047" t="s">
        <v>20050</v>
      </c>
      <c r="C10047" t="s">
        <v>20051</v>
      </c>
    </row>
    <row r="10048" spans="1:3" x14ac:dyDescent="0.15">
      <c r="A10048">
        <v>14963</v>
      </c>
      <c r="B10048" t="s">
        <v>20052</v>
      </c>
      <c r="C10048" t="s">
        <v>20053</v>
      </c>
    </row>
    <row r="10049" spans="1:3" x14ac:dyDescent="0.15">
      <c r="A10049">
        <v>14962</v>
      </c>
      <c r="B10049" t="s">
        <v>20054</v>
      </c>
      <c r="C10049" t="s">
        <v>20055</v>
      </c>
    </row>
    <row r="10050" spans="1:3" x14ac:dyDescent="0.15">
      <c r="A10050">
        <v>14961</v>
      </c>
      <c r="B10050" t="s">
        <v>20056</v>
      </c>
      <c r="C10050" t="s">
        <v>20057</v>
      </c>
    </row>
    <row r="10051" spans="1:3" x14ac:dyDescent="0.15">
      <c r="A10051">
        <v>14960</v>
      </c>
      <c r="B10051" t="s">
        <v>20058</v>
      </c>
      <c r="C10051" t="s">
        <v>20059</v>
      </c>
    </row>
    <row r="10052" spans="1:3" x14ac:dyDescent="0.15">
      <c r="A10052">
        <v>14959</v>
      </c>
      <c r="B10052" t="s">
        <v>20060</v>
      </c>
      <c r="C10052" t="s">
        <v>20061</v>
      </c>
    </row>
    <row r="10053" spans="1:3" x14ac:dyDescent="0.15">
      <c r="A10053">
        <v>14958</v>
      </c>
      <c r="B10053" t="s">
        <v>20062</v>
      </c>
      <c r="C10053" t="s">
        <v>20063</v>
      </c>
    </row>
    <row r="10054" spans="1:3" x14ac:dyDescent="0.15">
      <c r="A10054">
        <v>14957</v>
      </c>
      <c r="B10054" t="s">
        <v>20064</v>
      </c>
      <c r="C10054" t="s">
        <v>20065</v>
      </c>
    </row>
    <row r="10055" spans="1:3" x14ac:dyDescent="0.15">
      <c r="A10055">
        <v>14956</v>
      </c>
      <c r="B10055" t="s">
        <v>20066</v>
      </c>
      <c r="C10055" t="s">
        <v>20067</v>
      </c>
    </row>
    <row r="10056" spans="1:3" x14ac:dyDescent="0.15">
      <c r="A10056">
        <v>14955</v>
      </c>
      <c r="B10056" t="s">
        <v>20068</v>
      </c>
      <c r="C10056" t="s">
        <v>20069</v>
      </c>
    </row>
    <row r="10057" spans="1:3" x14ac:dyDescent="0.15">
      <c r="A10057">
        <v>14954</v>
      </c>
      <c r="B10057" t="s">
        <v>20070</v>
      </c>
      <c r="C10057" t="s">
        <v>20071</v>
      </c>
    </row>
    <row r="10058" spans="1:3" x14ac:dyDescent="0.15">
      <c r="A10058">
        <v>14953</v>
      </c>
      <c r="B10058" t="s">
        <v>20072</v>
      </c>
      <c r="C10058" t="s">
        <v>20073</v>
      </c>
    </row>
    <row r="10059" spans="1:3" x14ac:dyDescent="0.15">
      <c r="A10059">
        <v>14952</v>
      </c>
      <c r="B10059" t="s">
        <v>20074</v>
      </c>
      <c r="C10059" t="s">
        <v>20075</v>
      </c>
    </row>
    <row r="10060" spans="1:3" x14ac:dyDescent="0.15">
      <c r="A10060">
        <v>14951</v>
      </c>
      <c r="B10060" t="s">
        <v>20076</v>
      </c>
      <c r="C10060" t="s">
        <v>20077</v>
      </c>
    </row>
    <row r="10061" spans="1:3" x14ac:dyDescent="0.15">
      <c r="A10061">
        <v>14950</v>
      </c>
      <c r="B10061" t="s">
        <v>20078</v>
      </c>
      <c r="C10061" t="s">
        <v>20079</v>
      </c>
    </row>
    <row r="10062" spans="1:3" x14ac:dyDescent="0.15">
      <c r="A10062">
        <v>14949</v>
      </c>
      <c r="B10062" t="s">
        <v>20080</v>
      </c>
      <c r="C10062" t="s">
        <v>20081</v>
      </c>
    </row>
    <row r="10063" spans="1:3" x14ac:dyDescent="0.15">
      <c r="A10063">
        <v>14948</v>
      </c>
      <c r="B10063" t="s">
        <v>20082</v>
      </c>
      <c r="C10063" t="s">
        <v>20083</v>
      </c>
    </row>
    <row r="10064" spans="1:3" x14ac:dyDescent="0.15">
      <c r="A10064">
        <v>14947</v>
      </c>
      <c r="B10064" t="s">
        <v>20084</v>
      </c>
      <c r="C10064" t="s">
        <v>20085</v>
      </c>
    </row>
    <row r="10065" spans="1:3" x14ac:dyDescent="0.15">
      <c r="A10065">
        <v>14946</v>
      </c>
      <c r="B10065" t="s">
        <v>20086</v>
      </c>
      <c r="C10065" t="s">
        <v>20087</v>
      </c>
    </row>
    <row r="10066" spans="1:3" x14ac:dyDescent="0.15">
      <c r="A10066">
        <v>14945</v>
      </c>
      <c r="B10066" t="s">
        <v>20088</v>
      </c>
      <c r="C10066" t="s">
        <v>20089</v>
      </c>
    </row>
    <row r="10067" spans="1:3" x14ac:dyDescent="0.15">
      <c r="A10067">
        <v>14944</v>
      </c>
      <c r="B10067" t="s">
        <v>20090</v>
      </c>
      <c r="C10067" t="s">
        <v>20091</v>
      </c>
    </row>
    <row r="10068" spans="1:3" x14ac:dyDescent="0.15">
      <c r="A10068">
        <v>14943</v>
      </c>
      <c r="B10068" t="s">
        <v>20092</v>
      </c>
      <c r="C10068" t="s">
        <v>20093</v>
      </c>
    </row>
    <row r="10069" spans="1:3" x14ac:dyDescent="0.15">
      <c r="A10069">
        <v>14942</v>
      </c>
      <c r="B10069" t="s">
        <v>20094</v>
      </c>
      <c r="C10069" t="s">
        <v>20095</v>
      </c>
    </row>
    <row r="10070" spans="1:3" x14ac:dyDescent="0.15">
      <c r="A10070">
        <v>14941</v>
      </c>
      <c r="B10070" t="s">
        <v>20096</v>
      </c>
      <c r="C10070" t="s">
        <v>20097</v>
      </c>
    </row>
    <row r="10071" spans="1:3" x14ac:dyDescent="0.15">
      <c r="A10071">
        <v>14940</v>
      </c>
      <c r="B10071" t="s">
        <v>20098</v>
      </c>
      <c r="C10071" t="s">
        <v>20099</v>
      </c>
    </row>
    <row r="10072" spans="1:3" x14ac:dyDescent="0.15">
      <c r="A10072">
        <v>14939</v>
      </c>
      <c r="B10072" t="s">
        <v>20100</v>
      </c>
      <c r="C10072" t="s">
        <v>20101</v>
      </c>
    </row>
    <row r="10073" spans="1:3" x14ac:dyDescent="0.15">
      <c r="A10073">
        <v>14938</v>
      </c>
      <c r="B10073" t="s">
        <v>20102</v>
      </c>
      <c r="C10073" t="s">
        <v>20103</v>
      </c>
    </row>
    <row r="10074" spans="1:3" x14ac:dyDescent="0.15">
      <c r="A10074">
        <v>14937</v>
      </c>
      <c r="B10074" t="s">
        <v>20104</v>
      </c>
      <c r="C10074" t="s">
        <v>20105</v>
      </c>
    </row>
    <row r="10075" spans="1:3" x14ac:dyDescent="0.15">
      <c r="A10075">
        <v>14936</v>
      </c>
      <c r="B10075" t="s">
        <v>20106</v>
      </c>
      <c r="C10075" t="s">
        <v>20107</v>
      </c>
    </row>
    <row r="10076" spans="1:3" x14ac:dyDescent="0.15">
      <c r="A10076">
        <v>14935</v>
      </c>
      <c r="B10076" t="s">
        <v>20108</v>
      </c>
      <c r="C10076" t="s">
        <v>20109</v>
      </c>
    </row>
    <row r="10077" spans="1:3" x14ac:dyDescent="0.15">
      <c r="A10077">
        <v>14934</v>
      </c>
      <c r="B10077" t="s">
        <v>20110</v>
      </c>
      <c r="C10077" t="s">
        <v>20111</v>
      </c>
    </row>
    <row r="10078" spans="1:3" x14ac:dyDescent="0.15">
      <c r="A10078">
        <v>14933</v>
      </c>
      <c r="B10078" t="s">
        <v>20112</v>
      </c>
      <c r="C10078" t="s">
        <v>20113</v>
      </c>
    </row>
    <row r="10079" spans="1:3" x14ac:dyDescent="0.15">
      <c r="A10079">
        <v>14932</v>
      </c>
      <c r="B10079" t="s">
        <v>20114</v>
      </c>
      <c r="C10079" t="s">
        <v>20115</v>
      </c>
    </row>
    <row r="10080" spans="1:3" x14ac:dyDescent="0.15">
      <c r="A10080">
        <v>14931</v>
      </c>
      <c r="B10080" t="s">
        <v>20116</v>
      </c>
      <c r="C10080" t="s">
        <v>20117</v>
      </c>
    </row>
    <row r="10081" spans="1:3" x14ac:dyDescent="0.15">
      <c r="A10081">
        <v>14930</v>
      </c>
      <c r="B10081" t="s">
        <v>20118</v>
      </c>
      <c r="C10081" t="s">
        <v>20119</v>
      </c>
    </row>
    <row r="10082" spans="1:3" x14ac:dyDescent="0.15">
      <c r="A10082">
        <v>14929</v>
      </c>
      <c r="B10082" t="s">
        <v>20120</v>
      </c>
      <c r="C10082" t="s">
        <v>20121</v>
      </c>
    </row>
    <row r="10083" spans="1:3" x14ac:dyDescent="0.15">
      <c r="A10083">
        <v>14928</v>
      </c>
      <c r="B10083" t="s">
        <v>20122</v>
      </c>
      <c r="C10083" t="s">
        <v>20123</v>
      </c>
    </row>
    <row r="10084" spans="1:3" x14ac:dyDescent="0.15">
      <c r="A10084">
        <v>14927</v>
      </c>
      <c r="B10084" t="s">
        <v>20124</v>
      </c>
      <c r="C10084" t="s">
        <v>20125</v>
      </c>
    </row>
    <row r="10085" spans="1:3" x14ac:dyDescent="0.15">
      <c r="A10085">
        <v>14926</v>
      </c>
      <c r="B10085" t="s">
        <v>20126</v>
      </c>
      <c r="C10085" t="s">
        <v>20127</v>
      </c>
    </row>
    <row r="10086" spans="1:3" x14ac:dyDescent="0.15">
      <c r="A10086">
        <v>14925</v>
      </c>
      <c r="B10086" t="s">
        <v>20128</v>
      </c>
      <c r="C10086" t="s">
        <v>20129</v>
      </c>
    </row>
    <row r="10087" spans="1:3" x14ac:dyDescent="0.15">
      <c r="A10087">
        <v>14924</v>
      </c>
      <c r="B10087" t="s">
        <v>20130</v>
      </c>
      <c r="C10087" t="s">
        <v>20131</v>
      </c>
    </row>
    <row r="10088" spans="1:3" x14ac:dyDescent="0.15">
      <c r="A10088">
        <v>14923</v>
      </c>
      <c r="B10088" t="s">
        <v>20132</v>
      </c>
      <c r="C10088" t="s">
        <v>20133</v>
      </c>
    </row>
    <row r="10089" spans="1:3" x14ac:dyDescent="0.15">
      <c r="A10089">
        <v>14922</v>
      </c>
      <c r="B10089" t="s">
        <v>20134</v>
      </c>
      <c r="C10089" t="s">
        <v>20135</v>
      </c>
    </row>
    <row r="10090" spans="1:3" x14ac:dyDescent="0.15">
      <c r="A10090">
        <v>14921</v>
      </c>
      <c r="B10090" t="s">
        <v>20136</v>
      </c>
      <c r="C10090" t="s">
        <v>20137</v>
      </c>
    </row>
    <row r="10091" spans="1:3" x14ac:dyDescent="0.15">
      <c r="A10091">
        <v>14920</v>
      </c>
      <c r="B10091" t="s">
        <v>20138</v>
      </c>
      <c r="C10091" t="s">
        <v>20139</v>
      </c>
    </row>
    <row r="10092" spans="1:3" x14ac:dyDescent="0.15">
      <c r="A10092">
        <v>14919</v>
      </c>
      <c r="B10092" t="s">
        <v>20140</v>
      </c>
      <c r="C10092" t="s">
        <v>20141</v>
      </c>
    </row>
    <row r="10093" spans="1:3" x14ac:dyDescent="0.15">
      <c r="A10093">
        <v>14918</v>
      </c>
      <c r="B10093" t="s">
        <v>20142</v>
      </c>
      <c r="C10093" t="s">
        <v>20143</v>
      </c>
    </row>
    <row r="10094" spans="1:3" x14ac:dyDescent="0.15">
      <c r="A10094">
        <v>14917</v>
      </c>
      <c r="B10094" t="s">
        <v>20144</v>
      </c>
      <c r="C10094" t="s">
        <v>20145</v>
      </c>
    </row>
    <row r="10095" spans="1:3" x14ac:dyDescent="0.15">
      <c r="A10095">
        <v>14916</v>
      </c>
      <c r="B10095" t="s">
        <v>20146</v>
      </c>
      <c r="C10095" t="s">
        <v>20147</v>
      </c>
    </row>
    <row r="10096" spans="1:3" x14ac:dyDescent="0.15">
      <c r="A10096">
        <v>14915</v>
      </c>
      <c r="B10096" t="s">
        <v>20148</v>
      </c>
      <c r="C10096" t="s">
        <v>20149</v>
      </c>
    </row>
    <row r="10097" spans="1:3" x14ac:dyDescent="0.15">
      <c r="A10097">
        <v>14914</v>
      </c>
      <c r="B10097" t="s">
        <v>20150</v>
      </c>
      <c r="C10097" t="s">
        <v>20151</v>
      </c>
    </row>
    <row r="10098" spans="1:3" x14ac:dyDescent="0.15">
      <c r="A10098">
        <v>14913</v>
      </c>
      <c r="B10098" t="s">
        <v>20152</v>
      </c>
      <c r="C10098" t="s">
        <v>20153</v>
      </c>
    </row>
    <row r="10099" spans="1:3" x14ac:dyDescent="0.15">
      <c r="A10099">
        <v>14912</v>
      </c>
      <c r="B10099" t="s">
        <v>20154</v>
      </c>
      <c r="C10099" t="s">
        <v>20155</v>
      </c>
    </row>
    <row r="10100" spans="1:3" x14ac:dyDescent="0.15">
      <c r="A10100">
        <v>14911</v>
      </c>
      <c r="B10100" t="s">
        <v>20156</v>
      </c>
      <c r="C10100" t="s">
        <v>20157</v>
      </c>
    </row>
    <row r="10101" spans="1:3" x14ac:dyDescent="0.15">
      <c r="A10101">
        <v>14910</v>
      </c>
      <c r="B10101" t="s">
        <v>20158</v>
      </c>
      <c r="C10101" t="s">
        <v>20159</v>
      </c>
    </row>
    <row r="10102" spans="1:3" x14ac:dyDescent="0.15">
      <c r="A10102">
        <v>14909</v>
      </c>
      <c r="B10102" t="s">
        <v>20160</v>
      </c>
      <c r="C10102" t="s">
        <v>20161</v>
      </c>
    </row>
    <row r="10103" spans="1:3" x14ac:dyDescent="0.15">
      <c r="A10103">
        <v>14908</v>
      </c>
      <c r="B10103" t="s">
        <v>20162</v>
      </c>
      <c r="C10103" t="s">
        <v>20163</v>
      </c>
    </row>
    <row r="10104" spans="1:3" x14ac:dyDescent="0.15">
      <c r="A10104">
        <v>14907</v>
      </c>
      <c r="B10104" t="s">
        <v>20164</v>
      </c>
      <c r="C10104" t="s">
        <v>20165</v>
      </c>
    </row>
    <row r="10105" spans="1:3" x14ac:dyDescent="0.15">
      <c r="A10105">
        <v>14906</v>
      </c>
      <c r="B10105" t="s">
        <v>20166</v>
      </c>
      <c r="C10105" t="s">
        <v>20167</v>
      </c>
    </row>
    <row r="10106" spans="1:3" x14ac:dyDescent="0.15">
      <c r="A10106">
        <v>14905</v>
      </c>
      <c r="B10106" t="s">
        <v>20168</v>
      </c>
      <c r="C10106" t="s">
        <v>20169</v>
      </c>
    </row>
    <row r="10107" spans="1:3" x14ac:dyDescent="0.15">
      <c r="A10107">
        <v>14904</v>
      </c>
      <c r="B10107" t="s">
        <v>20170</v>
      </c>
      <c r="C10107" t="s">
        <v>20171</v>
      </c>
    </row>
    <row r="10108" spans="1:3" x14ac:dyDescent="0.15">
      <c r="A10108">
        <v>14903</v>
      </c>
      <c r="B10108" t="s">
        <v>20172</v>
      </c>
      <c r="C10108" t="s">
        <v>20173</v>
      </c>
    </row>
    <row r="10109" spans="1:3" x14ac:dyDescent="0.15">
      <c r="A10109">
        <v>14902</v>
      </c>
      <c r="B10109" t="s">
        <v>20174</v>
      </c>
      <c r="C10109" t="s">
        <v>20175</v>
      </c>
    </row>
    <row r="10110" spans="1:3" x14ac:dyDescent="0.15">
      <c r="A10110">
        <v>14901</v>
      </c>
      <c r="B10110" t="s">
        <v>20176</v>
      </c>
      <c r="C10110" t="s">
        <v>20177</v>
      </c>
    </row>
    <row r="10111" spans="1:3" x14ac:dyDescent="0.15">
      <c r="A10111">
        <v>14900</v>
      </c>
      <c r="B10111" t="s">
        <v>20178</v>
      </c>
      <c r="C10111" t="s">
        <v>20179</v>
      </c>
    </row>
    <row r="10112" spans="1:3" x14ac:dyDescent="0.15">
      <c r="A10112">
        <v>14899</v>
      </c>
      <c r="B10112" t="s">
        <v>20180</v>
      </c>
      <c r="C10112" t="s">
        <v>20181</v>
      </c>
    </row>
    <row r="10113" spans="1:3" x14ac:dyDescent="0.15">
      <c r="A10113">
        <v>14898</v>
      </c>
      <c r="B10113" t="s">
        <v>20182</v>
      </c>
      <c r="C10113" t="s">
        <v>20183</v>
      </c>
    </row>
    <row r="10114" spans="1:3" x14ac:dyDescent="0.15">
      <c r="A10114">
        <v>14897</v>
      </c>
      <c r="B10114" t="s">
        <v>20184</v>
      </c>
      <c r="C10114" t="s">
        <v>20185</v>
      </c>
    </row>
    <row r="10115" spans="1:3" x14ac:dyDescent="0.15">
      <c r="A10115">
        <v>14896</v>
      </c>
      <c r="B10115" t="s">
        <v>20186</v>
      </c>
      <c r="C10115" t="s">
        <v>20187</v>
      </c>
    </row>
    <row r="10116" spans="1:3" x14ac:dyDescent="0.15">
      <c r="A10116">
        <v>14895</v>
      </c>
      <c r="B10116" t="s">
        <v>20188</v>
      </c>
      <c r="C10116" t="s">
        <v>20189</v>
      </c>
    </row>
    <row r="10117" spans="1:3" x14ac:dyDescent="0.15">
      <c r="A10117">
        <v>14894</v>
      </c>
      <c r="B10117" t="s">
        <v>20190</v>
      </c>
      <c r="C10117" t="s">
        <v>20191</v>
      </c>
    </row>
    <row r="10118" spans="1:3" x14ac:dyDescent="0.15">
      <c r="A10118">
        <v>14893</v>
      </c>
      <c r="B10118" t="s">
        <v>20192</v>
      </c>
      <c r="C10118" t="s">
        <v>20193</v>
      </c>
    </row>
    <row r="10119" spans="1:3" x14ac:dyDescent="0.15">
      <c r="A10119">
        <v>14892</v>
      </c>
      <c r="B10119" t="s">
        <v>20194</v>
      </c>
      <c r="C10119" t="s">
        <v>20195</v>
      </c>
    </row>
    <row r="10120" spans="1:3" x14ac:dyDescent="0.15">
      <c r="A10120">
        <v>14891</v>
      </c>
      <c r="B10120" t="s">
        <v>20196</v>
      </c>
      <c r="C10120" t="s">
        <v>20197</v>
      </c>
    </row>
    <row r="10121" spans="1:3" x14ac:dyDescent="0.15">
      <c r="A10121">
        <v>14890</v>
      </c>
      <c r="B10121" t="s">
        <v>20198</v>
      </c>
      <c r="C10121" t="s">
        <v>20199</v>
      </c>
    </row>
    <row r="10122" spans="1:3" x14ac:dyDescent="0.15">
      <c r="A10122">
        <v>14889</v>
      </c>
      <c r="B10122" t="s">
        <v>20200</v>
      </c>
      <c r="C10122" t="s">
        <v>20201</v>
      </c>
    </row>
    <row r="10123" spans="1:3" x14ac:dyDescent="0.15">
      <c r="A10123">
        <v>14888</v>
      </c>
      <c r="B10123" t="s">
        <v>20202</v>
      </c>
      <c r="C10123" t="s">
        <v>20203</v>
      </c>
    </row>
    <row r="10124" spans="1:3" x14ac:dyDescent="0.15">
      <c r="A10124">
        <v>14887</v>
      </c>
      <c r="B10124" t="s">
        <v>20204</v>
      </c>
      <c r="C10124" t="s">
        <v>20205</v>
      </c>
    </row>
    <row r="10125" spans="1:3" x14ac:dyDescent="0.15">
      <c r="A10125">
        <v>14886</v>
      </c>
      <c r="B10125" t="s">
        <v>20206</v>
      </c>
      <c r="C10125" t="s">
        <v>20207</v>
      </c>
    </row>
    <row r="10126" spans="1:3" x14ac:dyDescent="0.15">
      <c r="A10126">
        <v>14885</v>
      </c>
      <c r="B10126" t="s">
        <v>20208</v>
      </c>
      <c r="C10126" t="s">
        <v>20209</v>
      </c>
    </row>
    <row r="10127" spans="1:3" x14ac:dyDescent="0.15">
      <c r="A10127">
        <v>14884</v>
      </c>
      <c r="B10127" t="s">
        <v>20210</v>
      </c>
      <c r="C10127" t="s">
        <v>20211</v>
      </c>
    </row>
    <row r="10128" spans="1:3" x14ac:dyDescent="0.15">
      <c r="A10128">
        <v>14883</v>
      </c>
      <c r="B10128" t="s">
        <v>20212</v>
      </c>
      <c r="C10128" t="s">
        <v>20213</v>
      </c>
    </row>
    <row r="10129" spans="1:3" x14ac:dyDescent="0.15">
      <c r="A10129">
        <v>14882</v>
      </c>
      <c r="B10129" t="s">
        <v>20214</v>
      </c>
      <c r="C10129" t="s">
        <v>20215</v>
      </c>
    </row>
    <row r="10130" spans="1:3" x14ac:dyDescent="0.15">
      <c r="A10130">
        <v>14881</v>
      </c>
      <c r="B10130" t="s">
        <v>20216</v>
      </c>
      <c r="C10130" t="s">
        <v>20217</v>
      </c>
    </row>
    <row r="10131" spans="1:3" x14ac:dyDescent="0.15">
      <c r="A10131">
        <v>14880</v>
      </c>
      <c r="B10131" t="s">
        <v>20218</v>
      </c>
      <c r="C10131" t="s">
        <v>20219</v>
      </c>
    </row>
    <row r="10132" spans="1:3" x14ac:dyDescent="0.15">
      <c r="A10132">
        <v>14879</v>
      </c>
      <c r="B10132" t="s">
        <v>20220</v>
      </c>
      <c r="C10132" t="s">
        <v>20221</v>
      </c>
    </row>
    <row r="10133" spans="1:3" x14ac:dyDescent="0.15">
      <c r="A10133">
        <v>14878</v>
      </c>
      <c r="B10133" t="s">
        <v>20222</v>
      </c>
      <c r="C10133" t="s">
        <v>20223</v>
      </c>
    </row>
    <row r="10134" spans="1:3" x14ac:dyDescent="0.15">
      <c r="A10134">
        <v>14877</v>
      </c>
      <c r="B10134" t="s">
        <v>20224</v>
      </c>
      <c r="C10134" t="s">
        <v>20225</v>
      </c>
    </row>
    <row r="10135" spans="1:3" x14ac:dyDescent="0.15">
      <c r="A10135">
        <v>14876</v>
      </c>
      <c r="B10135" t="s">
        <v>20226</v>
      </c>
      <c r="C10135" t="s">
        <v>20227</v>
      </c>
    </row>
    <row r="10136" spans="1:3" x14ac:dyDescent="0.15">
      <c r="A10136">
        <v>14875</v>
      </c>
      <c r="B10136" t="s">
        <v>20228</v>
      </c>
      <c r="C10136" t="s">
        <v>20229</v>
      </c>
    </row>
    <row r="10137" spans="1:3" x14ac:dyDescent="0.15">
      <c r="A10137">
        <v>14874</v>
      </c>
      <c r="B10137" t="s">
        <v>20230</v>
      </c>
      <c r="C10137" t="s">
        <v>20231</v>
      </c>
    </row>
    <row r="10138" spans="1:3" x14ac:dyDescent="0.15">
      <c r="A10138">
        <v>14873</v>
      </c>
      <c r="B10138" t="s">
        <v>20232</v>
      </c>
      <c r="C10138" t="s">
        <v>20233</v>
      </c>
    </row>
    <row r="10139" spans="1:3" x14ac:dyDescent="0.15">
      <c r="A10139">
        <v>14872</v>
      </c>
      <c r="B10139" t="s">
        <v>20234</v>
      </c>
      <c r="C10139" t="s">
        <v>20235</v>
      </c>
    </row>
    <row r="10140" spans="1:3" x14ac:dyDescent="0.15">
      <c r="A10140">
        <v>14871</v>
      </c>
      <c r="B10140" t="s">
        <v>20236</v>
      </c>
      <c r="C10140" t="s">
        <v>20237</v>
      </c>
    </row>
    <row r="10141" spans="1:3" x14ac:dyDescent="0.15">
      <c r="A10141">
        <v>14870</v>
      </c>
      <c r="B10141" t="s">
        <v>20238</v>
      </c>
      <c r="C10141" t="s">
        <v>20239</v>
      </c>
    </row>
    <row r="10142" spans="1:3" x14ac:dyDescent="0.15">
      <c r="A10142">
        <v>14869</v>
      </c>
      <c r="B10142" t="s">
        <v>20240</v>
      </c>
      <c r="C10142" t="s">
        <v>20241</v>
      </c>
    </row>
    <row r="10143" spans="1:3" x14ac:dyDescent="0.15">
      <c r="A10143">
        <v>14868</v>
      </c>
      <c r="B10143" t="s">
        <v>20242</v>
      </c>
      <c r="C10143" t="s">
        <v>20243</v>
      </c>
    </row>
    <row r="10144" spans="1:3" x14ac:dyDescent="0.15">
      <c r="A10144">
        <v>14867</v>
      </c>
      <c r="B10144" t="s">
        <v>20244</v>
      </c>
      <c r="C10144" t="s">
        <v>20245</v>
      </c>
    </row>
    <row r="10145" spans="1:3" x14ac:dyDescent="0.15">
      <c r="A10145">
        <v>14866</v>
      </c>
      <c r="B10145" t="s">
        <v>20246</v>
      </c>
      <c r="C10145" t="s">
        <v>20247</v>
      </c>
    </row>
    <row r="10146" spans="1:3" x14ac:dyDescent="0.15">
      <c r="A10146">
        <v>14865</v>
      </c>
      <c r="B10146" t="s">
        <v>20248</v>
      </c>
      <c r="C10146" t="s">
        <v>20249</v>
      </c>
    </row>
    <row r="10147" spans="1:3" x14ac:dyDescent="0.15">
      <c r="A10147">
        <v>14864</v>
      </c>
      <c r="B10147" t="s">
        <v>20250</v>
      </c>
      <c r="C10147" t="s">
        <v>20251</v>
      </c>
    </row>
    <row r="10148" spans="1:3" x14ac:dyDescent="0.15">
      <c r="A10148">
        <v>14863</v>
      </c>
      <c r="B10148" t="s">
        <v>20252</v>
      </c>
      <c r="C10148" t="s">
        <v>20253</v>
      </c>
    </row>
    <row r="10149" spans="1:3" x14ac:dyDescent="0.15">
      <c r="A10149">
        <v>14862</v>
      </c>
      <c r="B10149" t="s">
        <v>20254</v>
      </c>
      <c r="C10149" t="s">
        <v>20255</v>
      </c>
    </row>
    <row r="10150" spans="1:3" x14ac:dyDescent="0.15">
      <c r="A10150">
        <v>14861</v>
      </c>
      <c r="B10150" t="s">
        <v>20256</v>
      </c>
      <c r="C10150" t="s">
        <v>20257</v>
      </c>
    </row>
    <row r="10151" spans="1:3" x14ac:dyDescent="0.15">
      <c r="A10151">
        <v>14860</v>
      </c>
      <c r="B10151" t="s">
        <v>20258</v>
      </c>
      <c r="C10151" t="s">
        <v>20259</v>
      </c>
    </row>
    <row r="10152" spans="1:3" x14ac:dyDescent="0.15">
      <c r="A10152">
        <v>14859</v>
      </c>
      <c r="B10152" t="s">
        <v>20260</v>
      </c>
      <c r="C10152" t="s">
        <v>20261</v>
      </c>
    </row>
    <row r="10153" spans="1:3" x14ac:dyDescent="0.15">
      <c r="A10153">
        <v>14858</v>
      </c>
      <c r="B10153" t="s">
        <v>20262</v>
      </c>
      <c r="C10153" t="s">
        <v>20263</v>
      </c>
    </row>
    <row r="10154" spans="1:3" x14ac:dyDescent="0.15">
      <c r="A10154">
        <v>14857</v>
      </c>
      <c r="B10154" t="s">
        <v>20264</v>
      </c>
      <c r="C10154" t="s">
        <v>20265</v>
      </c>
    </row>
    <row r="10155" spans="1:3" x14ac:dyDescent="0.15">
      <c r="A10155">
        <v>14856</v>
      </c>
      <c r="B10155" t="s">
        <v>20266</v>
      </c>
      <c r="C10155" t="s">
        <v>20267</v>
      </c>
    </row>
    <row r="10156" spans="1:3" x14ac:dyDescent="0.15">
      <c r="A10156">
        <v>14855</v>
      </c>
      <c r="B10156" t="s">
        <v>20268</v>
      </c>
      <c r="C10156" t="s">
        <v>20269</v>
      </c>
    </row>
    <row r="10157" spans="1:3" x14ac:dyDescent="0.15">
      <c r="A10157">
        <v>14854</v>
      </c>
      <c r="B10157" t="s">
        <v>20270</v>
      </c>
      <c r="C10157" t="s">
        <v>20271</v>
      </c>
    </row>
    <row r="10158" spans="1:3" x14ac:dyDescent="0.15">
      <c r="A10158">
        <v>14853</v>
      </c>
      <c r="B10158" t="s">
        <v>20272</v>
      </c>
      <c r="C10158" t="s">
        <v>20273</v>
      </c>
    </row>
    <row r="10159" spans="1:3" x14ac:dyDescent="0.15">
      <c r="A10159">
        <v>14852</v>
      </c>
      <c r="B10159" t="s">
        <v>20274</v>
      </c>
      <c r="C10159" t="s">
        <v>20275</v>
      </c>
    </row>
    <row r="10160" spans="1:3" x14ac:dyDescent="0.15">
      <c r="A10160">
        <v>14851</v>
      </c>
      <c r="B10160" t="s">
        <v>20276</v>
      </c>
      <c r="C10160" t="s">
        <v>20277</v>
      </c>
    </row>
    <row r="10161" spans="1:3" x14ac:dyDescent="0.15">
      <c r="A10161">
        <v>14850</v>
      </c>
      <c r="B10161" t="s">
        <v>20278</v>
      </c>
      <c r="C10161" t="s">
        <v>20279</v>
      </c>
    </row>
    <row r="10162" spans="1:3" x14ac:dyDescent="0.15">
      <c r="A10162">
        <v>14849</v>
      </c>
      <c r="B10162" t="s">
        <v>20280</v>
      </c>
      <c r="C10162" t="s">
        <v>20281</v>
      </c>
    </row>
    <row r="10163" spans="1:3" x14ac:dyDescent="0.15">
      <c r="A10163">
        <v>14848</v>
      </c>
      <c r="B10163" t="s">
        <v>20282</v>
      </c>
      <c r="C10163" t="s">
        <v>20283</v>
      </c>
    </row>
    <row r="10164" spans="1:3" x14ac:dyDescent="0.15">
      <c r="A10164">
        <v>14847</v>
      </c>
      <c r="B10164" t="s">
        <v>20284</v>
      </c>
      <c r="C10164" t="s">
        <v>20285</v>
      </c>
    </row>
    <row r="10165" spans="1:3" x14ac:dyDescent="0.15">
      <c r="A10165">
        <v>14846</v>
      </c>
      <c r="B10165" t="s">
        <v>20286</v>
      </c>
      <c r="C10165" t="s">
        <v>20287</v>
      </c>
    </row>
    <row r="10166" spans="1:3" x14ac:dyDescent="0.15">
      <c r="A10166">
        <v>14845</v>
      </c>
      <c r="B10166" t="s">
        <v>20288</v>
      </c>
      <c r="C10166" t="s">
        <v>20289</v>
      </c>
    </row>
    <row r="10167" spans="1:3" x14ac:dyDescent="0.15">
      <c r="A10167">
        <v>14844</v>
      </c>
      <c r="B10167" t="s">
        <v>20290</v>
      </c>
      <c r="C10167" t="s">
        <v>20291</v>
      </c>
    </row>
    <row r="10168" spans="1:3" x14ac:dyDescent="0.15">
      <c r="A10168">
        <v>14843</v>
      </c>
      <c r="B10168" t="s">
        <v>20292</v>
      </c>
      <c r="C10168" t="s">
        <v>20293</v>
      </c>
    </row>
    <row r="10169" spans="1:3" x14ac:dyDescent="0.15">
      <c r="A10169">
        <v>14842</v>
      </c>
      <c r="B10169" t="s">
        <v>20294</v>
      </c>
      <c r="C10169" t="s">
        <v>20295</v>
      </c>
    </row>
    <row r="10170" spans="1:3" x14ac:dyDescent="0.15">
      <c r="A10170">
        <v>14841</v>
      </c>
      <c r="B10170" t="s">
        <v>20296</v>
      </c>
      <c r="C10170" t="s">
        <v>20297</v>
      </c>
    </row>
    <row r="10171" spans="1:3" x14ac:dyDescent="0.15">
      <c r="A10171">
        <v>14840</v>
      </c>
      <c r="B10171" t="s">
        <v>20298</v>
      </c>
      <c r="C10171" t="s">
        <v>20299</v>
      </c>
    </row>
    <row r="10172" spans="1:3" x14ac:dyDescent="0.15">
      <c r="A10172">
        <v>14839</v>
      </c>
      <c r="B10172" t="s">
        <v>20300</v>
      </c>
      <c r="C10172" t="s">
        <v>20301</v>
      </c>
    </row>
    <row r="10173" spans="1:3" x14ac:dyDescent="0.15">
      <c r="A10173">
        <v>14838</v>
      </c>
      <c r="B10173" t="s">
        <v>20302</v>
      </c>
      <c r="C10173" t="s">
        <v>20303</v>
      </c>
    </row>
    <row r="10174" spans="1:3" x14ac:dyDescent="0.15">
      <c r="A10174">
        <v>14837</v>
      </c>
      <c r="B10174" t="s">
        <v>20304</v>
      </c>
      <c r="C10174" t="s">
        <v>20305</v>
      </c>
    </row>
    <row r="10175" spans="1:3" x14ac:dyDescent="0.15">
      <c r="A10175">
        <v>14836</v>
      </c>
      <c r="B10175" t="s">
        <v>20306</v>
      </c>
      <c r="C10175" t="s">
        <v>20307</v>
      </c>
    </row>
    <row r="10176" spans="1:3" x14ac:dyDescent="0.15">
      <c r="A10176">
        <v>14835</v>
      </c>
      <c r="B10176" t="s">
        <v>20308</v>
      </c>
      <c r="C10176" t="s">
        <v>20309</v>
      </c>
    </row>
    <row r="10177" spans="1:3" x14ac:dyDescent="0.15">
      <c r="A10177">
        <v>14834</v>
      </c>
      <c r="B10177" t="s">
        <v>20310</v>
      </c>
      <c r="C10177" t="s">
        <v>20311</v>
      </c>
    </row>
    <row r="10178" spans="1:3" x14ac:dyDescent="0.15">
      <c r="A10178">
        <v>14833</v>
      </c>
      <c r="B10178" t="s">
        <v>20312</v>
      </c>
      <c r="C10178" t="s">
        <v>20313</v>
      </c>
    </row>
    <row r="10179" spans="1:3" x14ac:dyDescent="0.15">
      <c r="A10179">
        <v>14832</v>
      </c>
      <c r="B10179" t="s">
        <v>20314</v>
      </c>
      <c r="C10179" t="s">
        <v>20315</v>
      </c>
    </row>
    <row r="10180" spans="1:3" x14ac:dyDescent="0.15">
      <c r="A10180">
        <v>14831</v>
      </c>
      <c r="B10180" t="s">
        <v>20316</v>
      </c>
      <c r="C10180" t="s">
        <v>20317</v>
      </c>
    </row>
    <row r="10181" spans="1:3" x14ac:dyDescent="0.15">
      <c r="A10181">
        <v>14830</v>
      </c>
      <c r="B10181" t="s">
        <v>20318</v>
      </c>
      <c r="C10181" t="s">
        <v>20319</v>
      </c>
    </row>
    <row r="10182" spans="1:3" x14ac:dyDescent="0.15">
      <c r="A10182">
        <v>14829</v>
      </c>
      <c r="B10182" t="s">
        <v>20320</v>
      </c>
      <c r="C10182" t="s">
        <v>20321</v>
      </c>
    </row>
    <row r="10183" spans="1:3" x14ac:dyDescent="0.15">
      <c r="A10183">
        <v>14828</v>
      </c>
      <c r="B10183" t="s">
        <v>20322</v>
      </c>
      <c r="C10183" t="s">
        <v>20323</v>
      </c>
    </row>
    <row r="10184" spans="1:3" x14ac:dyDescent="0.15">
      <c r="A10184">
        <v>14827</v>
      </c>
      <c r="B10184" t="s">
        <v>20324</v>
      </c>
      <c r="C10184" t="s">
        <v>20325</v>
      </c>
    </row>
    <row r="10185" spans="1:3" x14ac:dyDescent="0.15">
      <c r="A10185">
        <v>14826</v>
      </c>
      <c r="B10185" t="s">
        <v>20326</v>
      </c>
      <c r="C10185" t="s">
        <v>20327</v>
      </c>
    </row>
    <row r="10186" spans="1:3" x14ac:dyDescent="0.15">
      <c r="A10186">
        <v>14825</v>
      </c>
      <c r="B10186" t="s">
        <v>20328</v>
      </c>
      <c r="C10186" t="s">
        <v>20329</v>
      </c>
    </row>
    <row r="10187" spans="1:3" x14ac:dyDescent="0.15">
      <c r="A10187">
        <v>14824</v>
      </c>
      <c r="B10187" t="s">
        <v>20330</v>
      </c>
      <c r="C10187" t="s">
        <v>20331</v>
      </c>
    </row>
    <row r="10188" spans="1:3" x14ac:dyDescent="0.15">
      <c r="A10188">
        <v>14823</v>
      </c>
      <c r="B10188" t="s">
        <v>20332</v>
      </c>
      <c r="C10188" t="s">
        <v>20333</v>
      </c>
    </row>
    <row r="10189" spans="1:3" x14ac:dyDescent="0.15">
      <c r="A10189">
        <v>14822</v>
      </c>
      <c r="B10189" t="s">
        <v>20334</v>
      </c>
      <c r="C10189" t="s">
        <v>20335</v>
      </c>
    </row>
    <row r="10190" spans="1:3" x14ac:dyDescent="0.15">
      <c r="A10190">
        <v>14821</v>
      </c>
      <c r="B10190" t="s">
        <v>20336</v>
      </c>
      <c r="C10190" t="s">
        <v>20337</v>
      </c>
    </row>
    <row r="10191" spans="1:3" x14ac:dyDescent="0.15">
      <c r="A10191">
        <v>14820</v>
      </c>
      <c r="B10191" t="s">
        <v>20338</v>
      </c>
      <c r="C10191" t="s">
        <v>20339</v>
      </c>
    </row>
    <row r="10192" spans="1:3" x14ac:dyDescent="0.15">
      <c r="A10192">
        <v>14819</v>
      </c>
      <c r="B10192" t="s">
        <v>20340</v>
      </c>
      <c r="C10192" t="s">
        <v>20341</v>
      </c>
    </row>
    <row r="10193" spans="1:3" x14ac:dyDescent="0.15">
      <c r="A10193">
        <v>14818</v>
      </c>
      <c r="B10193" t="s">
        <v>20342</v>
      </c>
      <c r="C10193" t="s">
        <v>20343</v>
      </c>
    </row>
    <row r="10194" spans="1:3" x14ac:dyDescent="0.15">
      <c r="A10194">
        <v>14817</v>
      </c>
      <c r="B10194" t="s">
        <v>20344</v>
      </c>
      <c r="C10194" t="s">
        <v>20345</v>
      </c>
    </row>
    <row r="10195" spans="1:3" x14ac:dyDescent="0.15">
      <c r="A10195">
        <v>14816</v>
      </c>
      <c r="B10195" t="s">
        <v>20346</v>
      </c>
      <c r="C10195" t="s">
        <v>20347</v>
      </c>
    </row>
    <row r="10196" spans="1:3" x14ac:dyDescent="0.15">
      <c r="A10196">
        <v>14815</v>
      </c>
      <c r="B10196" t="s">
        <v>20348</v>
      </c>
      <c r="C10196" t="s">
        <v>20349</v>
      </c>
    </row>
    <row r="10197" spans="1:3" x14ac:dyDescent="0.15">
      <c r="A10197">
        <v>14814</v>
      </c>
      <c r="B10197" t="s">
        <v>20350</v>
      </c>
      <c r="C10197" t="s">
        <v>20351</v>
      </c>
    </row>
    <row r="10198" spans="1:3" x14ac:dyDescent="0.15">
      <c r="A10198">
        <v>14813</v>
      </c>
      <c r="B10198" t="s">
        <v>20352</v>
      </c>
      <c r="C10198" t="s">
        <v>20353</v>
      </c>
    </row>
    <row r="10199" spans="1:3" x14ac:dyDescent="0.15">
      <c r="A10199">
        <v>14812</v>
      </c>
      <c r="B10199" t="s">
        <v>20354</v>
      </c>
      <c r="C10199" t="s">
        <v>20355</v>
      </c>
    </row>
    <row r="10200" spans="1:3" x14ac:dyDescent="0.15">
      <c r="A10200">
        <v>14811</v>
      </c>
      <c r="B10200" t="s">
        <v>20356</v>
      </c>
      <c r="C10200" t="s">
        <v>20357</v>
      </c>
    </row>
    <row r="10201" spans="1:3" x14ac:dyDescent="0.15">
      <c r="A10201">
        <v>14810</v>
      </c>
      <c r="B10201" t="s">
        <v>20358</v>
      </c>
      <c r="C10201" t="s">
        <v>20359</v>
      </c>
    </row>
    <row r="10202" spans="1:3" x14ac:dyDescent="0.15">
      <c r="A10202">
        <v>14809</v>
      </c>
      <c r="B10202" t="s">
        <v>20360</v>
      </c>
      <c r="C10202" t="s">
        <v>20361</v>
      </c>
    </row>
    <row r="10203" spans="1:3" x14ac:dyDescent="0.15">
      <c r="A10203">
        <v>14808</v>
      </c>
      <c r="B10203" t="s">
        <v>20362</v>
      </c>
      <c r="C10203" t="s">
        <v>20363</v>
      </c>
    </row>
    <row r="10204" spans="1:3" x14ac:dyDescent="0.15">
      <c r="A10204">
        <v>14807</v>
      </c>
      <c r="B10204" t="s">
        <v>20364</v>
      </c>
      <c r="C10204" t="s">
        <v>20365</v>
      </c>
    </row>
    <row r="10205" spans="1:3" x14ac:dyDescent="0.15">
      <c r="A10205">
        <v>14806</v>
      </c>
      <c r="B10205" t="s">
        <v>20366</v>
      </c>
      <c r="C10205" t="s">
        <v>20367</v>
      </c>
    </row>
    <row r="10206" spans="1:3" x14ac:dyDescent="0.15">
      <c r="A10206">
        <v>14805</v>
      </c>
      <c r="B10206" t="s">
        <v>20368</v>
      </c>
      <c r="C10206" t="s">
        <v>20369</v>
      </c>
    </row>
    <row r="10207" spans="1:3" x14ac:dyDescent="0.15">
      <c r="A10207">
        <v>14804</v>
      </c>
      <c r="B10207" t="s">
        <v>20370</v>
      </c>
      <c r="C10207" t="s">
        <v>20371</v>
      </c>
    </row>
    <row r="10208" spans="1:3" x14ac:dyDescent="0.15">
      <c r="A10208">
        <v>14803</v>
      </c>
      <c r="B10208" t="s">
        <v>20372</v>
      </c>
      <c r="C10208" t="s">
        <v>20373</v>
      </c>
    </row>
    <row r="10209" spans="1:3" x14ac:dyDescent="0.15">
      <c r="A10209">
        <v>14802</v>
      </c>
      <c r="B10209" t="s">
        <v>20374</v>
      </c>
      <c r="C10209" t="s">
        <v>20375</v>
      </c>
    </row>
    <row r="10210" spans="1:3" x14ac:dyDescent="0.15">
      <c r="A10210">
        <v>14801</v>
      </c>
      <c r="B10210" t="s">
        <v>20376</v>
      </c>
      <c r="C10210" t="s">
        <v>20377</v>
      </c>
    </row>
    <row r="10211" spans="1:3" x14ac:dyDescent="0.15">
      <c r="A10211">
        <v>14800</v>
      </c>
      <c r="B10211" t="s">
        <v>20378</v>
      </c>
      <c r="C10211" t="s">
        <v>20379</v>
      </c>
    </row>
    <row r="10212" spans="1:3" x14ac:dyDescent="0.15">
      <c r="A10212">
        <v>14799</v>
      </c>
      <c r="B10212" t="s">
        <v>20380</v>
      </c>
      <c r="C10212" t="s">
        <v>20381</v>
      </c>
    </row>
    <row r="10213" spans="1:3" x14ac:dyDescent="0.15">
      <c r="A10213">
        <v>14798</v>
      </c>
      <c r="B10213" t="s">
        <v>20382</v>
      </c>
      <c r="C10213" t="s">
        <v>20383</v>
      </c>
    </row>
    <row r="10214" spans="1:3" x14ac:dyDescent="0.15">
      <c r="A10214">
        <v>14797</v>
      </c>
      <c r="B10214" t="s">
        <v>20384</v>
      </c>
      <c r="C10214" t="s">
        <v>20385</v>
      </c>
    </row>
    <row r="10215" spans="1:3" x14ac:dyDescent="0.15">
      <c r="A10215">
        <v>14796</v>
      </c>
      <c r="B10215" t="s">
        <v>20386</v>
      </c>
      <c r="C10215" t="s">
        <v>20387</v>
      </c>
    </row>
    <row r="10216" spans="1:3" x14ac:dyDescent="0.15">
      <c r="A10216">
        <v>14795</v>
      </c>
      <c r="B10216" t="s">
        <v>20388</v>
      </c>
      <c r="C10216" t="s">
        <v>20389</v>
      </c>
    </row>
    <row r="10217" spans="1:3" x14ac:dyDescent="0.15">
      <c r="A10217">
        <v>14794</v>
      </c>
      <c r="B10217" t="s">
        <v>20390</v>
      </c>
      <c r="C10217" t="s">
        <v>20391</v>
      </c>
    </row>
    <row r="10218" spans="1:3" x14ac:dyDescent="0.15">
      <c r="A10218">
        <v>14793</v>
      </c>
      <c r="B10218" t="s">
        <v>20392</v>
      </c>
      <c r="C10218" t="s">
        <v>20393</v>
      </c>
    </row>
    <row r="10219" spans="1:3" x14ac:dyDescent="0.15">
      <c r="A10219">
        <v>14792</v>
      </c>
      <c r="B10219" t="s">
        <v>20394</v>
      </c>
      <c r="C10219" t="s">
        <v>20395</v>
      </c>
    </row>
    <row r="10220" spans="1:3" x14ac:dyDescent="0.15">
      <c r="A10220">
        <v>14791</v>
      </c>
      <c r="B10220" t="s">
        <v>20396</v>
      </c>
      <c r="C10220" t="s">
        <v>20397</v>
      </c>
    </row>
    <row r="10221" spans="1:3" x14ac:dyDescent="0.15">
      <c r="A10221">
        <v>14790</v>
      </c>
      <c r="B10221" t="s">
        <v>20398</v>
      </c>
      <c r="C10221" t="s">
        <v>20399</v>
      </c>
    </row>
    <row r="10222" spans="1:3" x14ac:dyDescent="0.15">
      <c r="A10222">
        <v>14789</v>
      </c>
      <c r="B10222" t="s">
        <v>20400</v>
      </c>
      <c r="C10222" t="s">
        <v>20401</v>
      </c>
    </row>
    <row r="10223" spans="1:3" x14ac:dyDescent="0.15">
      <c r="A10223">
        <v>14788</v>
      </c>
      <c r="B10223" t="s">
        <v>20402</v>
      </c>
      <c r="C10223" t="s">
        <v>20403</v>
      </c>
    </row>
    <row r="10224" spans="1:3" x14ac:dyDescent="0.15">
      <c r="A10224">
        <v>14787</v>
      </c>
      <c r="B10224" t="s">
        <v>20404</v>
      </c>
      <c r="C10224" t="s">
        <v>20405</v>
      </c>
    </row>
    <row r="10225" spans="1:3" x14ac:dyDescent="0.15">
      <c r="A10225">
        <v>14786</v>
      </c>
      <c r="B10225" t="s">
        <v>20406</v>
      </c>
      <c r="C10225" t="s">
        <v>20407</v>
      </c>
    </row>
    <row r="10226" spans="1:3" x14ac:dyDescent="0.15">
      <c r="A10226">
        <v>14785</v>
      </c>
      <c r="B10226" t="s">
        <v>20408</v>
      </c>
      <c r="C10226" t="s">
        <v>20409</v>
      </c>
    </row>
    <row r="10227" spans="1:3" x14ac:dyDescent="0.15">
      <c r="A10227">
        <v>14784</v>
      </c>
      <c r="B10227" t="s">
        <v>20410</v>
      </c>
      <c r="C10227" t="s">
        <v>20411</v>
      </c>
    </row>
    <row r="10228" spans="1:3" x14ac:dyDescent="0.15">
      <c r="A10228">
        <v>14783</v>
      </c>
      <c r="B10228" t="s">
        <v>20412</v>
      </c>
      <c r="C10228" t="s">
        <v>20413</v>
      </c>
    </row>
    <row r="10229" spans="1:3" x14ac:dyDescent="0.15">
      <c r="A10229">
        <v>14782</v>
      </c>
      <c r="B10229" t="s">
        <v>20414</v>
      </c>
      <c r="C10229" t="s">
        <v>20415</v>
      </c>
    </row>
    <row r="10230" spans="1:3" x14ac:dyDescent="0.15">
      <c r="A10230">
        <v>14781</v>
      </c>
      <c r="B10230" t="s">
        <v>20416</v>
      </c>
      <c r="C10230" t="s">
        <v>20417</v>
      </c>
    </row>
    <row r="10231" spans="1:3" x14ac:dyDescent="0.15">
      <c r="A10231">
        <v>14780</v>
      </c>
      <c r="B10231" t="s">
        <v>20418</v>
      </c>
      <c r="C10231" t="s">
        <v>20419</v>
      </c>
    </row>
    <row r="10232" spans="1:3" x14ac:dyDescent="0.15">
      <c r="A10232">
        <v>14779</v>
      </c>
      <c r="B10232" t="s">
        <v>20420</v>
      </c>
      <c r="C10232" t="s">
        <v>3599</v>
      </c>
    </row>
    <row r="10233" spans="1:3" x14ac:dyDescent="0.15">
      <c r="A10233">
        <v>14778</v>
      </c>
      <c r="B10233" t="s">
        <v>20421</v>
      </c>
      <c r="C10233" t="s">
        <v>20422</v>
      </c>
    </row>
    <row r="10234" spans="1:3" x14ac:dyDescent="0.15">
      <c r="A10234">
        <v>14777</v>
      </c>
      <c r="B10234" t="s">
        <v>20423</v>
      </c>
      <c r="C10234" t="s">
        <v>20424</v>
      </c>
    </row>
    <row r="10235" spans="1:3" x14ac:dyDescent="0.15">
      <c r="A10235">
        <v>14776</v>
      </c>
      <c r="B10235" t="s">
        <v>20425</v>
      </c>
      <c r="C10235" t="s">
        <v>20426</v>
      </c>
    </row>
    <row r="10236" spans="1:3" x14ac:dyDescent="0.15">
      <c r="A10236">
        <v>14775</v>
      </c>
      <c r="B10236" t="s">
        <v>20427</v>
      </c>
      <c r="C10236" t="s">
        <v>20428</v>
      </c>
    </row>
    <row r="10237" spans="1:3" x14ac:dyDescent="0.15">
      <c r="A10237">
        <v>14774</v>
      </c>
      <c r="B10237" t="s">
        <v>20429</v>
      </c>
      <c r="C10237" t="s">
        <v>20430</v>
      </c>
    </row>
    <row r="10238" spans="1:3" x14ac:dyDescent="0.15">
      <c r="A10238">
        <v>14773</v>
      </c>
      <c r="B10238" t="s">
        <v>20431</v>
      </c>
      <c r="C10238" t="s">
        <v>20432</v>
      </c>
    </row>
    <row r="10239" spans="1:3" x14ac:dyDescent="0.15">
      <c r="A10239">
        <v>14772</v>
      </c>
      <c r="B10239" t="s">
        <v>20433</v>
      </c>
      <c r="C10239" t="s">
        <v>20434</v>
      </c>
    </row>
    <row r="10240" spans="1:3" x14ac:dyDescent="0.15">
      <c r="A10240">
        <v>14771</v>
      </c>
      <c r="B10240" t="s">
        <v>20435</v>
      </c>
      <c r="C10240" t="s">
        <v>20436</v>
      </c>
    </row>
    <row r="10241" spans="1:3" x14ac:dyDescent="0.15">
      <c r="A10241">
        <v>14770</v>
      </c>
      <c r="B10241" t="s">
        <v>20437</v>
      </c>
      <c r="C10241" t="s">
        <v>20438</v>
      </c>
    </row>
    <row r="10242" spans="1:3" x14ac:dyDescent="0.15">
      <c r="A10242">
        <v>14769</v>
      </c>
      <c r="B10242" t="s">
        <v>20439</v>
      </c>
      <c r="C10242" t="s">
        <v>20440</v>
      </c>
    </row>
    <row r="10243" spans="1:3" x14ac:dyDescent="0.15">
      <c r="A10243">
        <v>14768</v>
      </c>
      <c r="B10243" t="s">
        <v>20441</v>
      </c>
      <c r="C10243" t="s">
        <v>20442</v>
      </c>
    </row>
    <row r="10244" spans="1:3" x14ac:dyDescent="0.15">
      <c r="A10244">
        <v>14767</v>
      </c>
      <c r="B10244" t="s">
        <v>20443</v>
      </c>
      <c r="C10244" t="s">
        <v>20444</v>
      </c>
    </row>
    <row r="10245" spans="1:3" x14ac:dyDescent="0.15">
      <c r="A10245">
        <v>14766</v>
      </c>
      <c r="B10245" t="s">
        <v>20445</v>
      </c>
      <c r="C10245" t="s">
        <v>20446</v>
      </c>
    </row>
    <row r="10246" spans="1:3" x14ac:dyDescent="0.15">
      <c r="A10246">
        <v>14765</v>
      </c>
      <c r="B10246" t="s">
        <v>20447</v>
      </c>
      <c r="C10246" t="s">
        <v>20448</v>
      </c>
    </row>
    <row r="10247" spans="1:3" x14ac:dyDescent="0.15">
      <c r="A10247">
        <v>14764</v>
      </c>
      <c r="B10247" t="s">
        <v>20449</v>
      </c>
      <c r="C10247" t="s">
        <v>20450</v>
      </c>
    </row>
    <row r="10248" spans="1:3" x14ac:dyDescent="0.15">
      <c r="A10248">
        <v>14763</v>
      </c>
      <c r="B10248" t="s">
        <v>20451</v>
      </c>
      <c r="C10248" t="s">
        <v>20452</v>
      </c>
    </row>
    <row r="10249" spans="1:3" x14ac:dyDescent="0.15">
      <c r="A10249">
        <v>14762</v>
      </c>
      <c r="B10249" t="s">
        <v>20453</v>
      </c>
      <c r="C10249" t="s">
        <v>20454</v>
      </c>
    </row>
    <row r="10250" spans="1:3" x14ac:dyDescent="0.15">
      <c r="A10250">
        <v>14761</v>
      </c>
      <c r="B10250" t="s">
        <v>20455</v>
      </c>
      <c r="C10250" t="s">
        <v>20456</v>
      </c>
    </row>
    <row r="10251" spans="1:3" x14ac:dyDescent="0.15">
      <c r="A10251">
        <v>14760</v>
      </c>
      <c r="B10251" t="s">
        <v>20457</v>
      </c>
      <c r="C10251" t="s">
        <v>20458</v>
      </c>
    </row>
    <row r="10252" spans="1:3" x14ac:dyDescent="0.15">
      <c r="A10252">
        <v>14759</v>
      </c>
      <c r="B10252" t="s">
        <v>20459</v>
      </c>
      <c r="C10252" t="s">
        <v>20460</v>
      </c>
    </row>
    <row r="10253" spans="1:3" x14ac:dyDescent="0.15">
      <c r="A10253">
        <v>14758</v>
      </c>
      <c r="B10253" t="s">
        <v>20461</v>
      </c>
      <c r="C10253" t="s">
        <v>20462</v>
      </c>
    </row>
    <row r="10254" spans="1:3" x14ac:dyDescent="0.15">
      <c r="A10254">
        <v>14757</v>
      </c>
      <c r="B10254" t="s">
        <v>20463</v>
      </c>
      <c r="C10254" t="s">
        <v>20464</v>
      </c>
    </row>
    <row r="10255" spans="1:3" x14ac:dyDescent="0.15">
      <c r="A10255">
        <v>14756</v>
      </c>
      <c r="B10255" t="s">
        <v>20465</v>
      </c>
      <c r="C10255" t="s">
        <v>20466</v>
      </c>
    </row>
    <row r="10256" spans="1:3" x14ac:dyDescent="0.15">
      <c r="A10256">
        <v>14755</v>
      </c>
      <c r="B10256" t="s">
        <v>20467</v>
      </c>
      <c r="C10256" t="s">
        <v>20468</v>
      </c>
    </row>
    <row r="10257" spans="1:3" x14ac:dyDescent="0.15">
      <c r="A10257">
        <v>14754</v>
      </c>
      <c r="B10257" t="s">
        <v>20469</v>
      </c>
      <c r="C10257" t="s">
        <v>20470</v>
      </c>
    </row>
    <row r="10258" spans="1:3" x14ac:dyDescent="0.15">
      <c r="A10258">
        <v>14753</v>
      </c>
      <c r="B10258" t="s">
        <v>20471</v>
      </c>
      <c r="C10258" t="s">
        <v>20472</v>
      </c>
    </row>
    <row r="10259" spans="1:3" x14ac:dyDescent="0.15">
      <c r="A10259">
        <v>14752</v>
      </c>
      <c r="B10259" t="s">
        <v>20473</v>
      </c>
      <c r="C10259" t="s">
        <v>20474</v>
      </c>
    </row>
    <row r="10260" spans="1:3" x14ac:dyDescent="0.15">
      <c r="A10260">
        <v>14751</v>
      </c>
      <c r="B10260" t="s">
        <v>20475</v>
      </c>
      <c r="C10260" t="s">
        <v>20476</v>
      </c>
    </row>
    <row r="10261" spans="1:3" x14ac:dyDescent="0.15">
      <c r="A10261">
        <v>14750</v>
      </c>
      <c r="B10261" t="s">
        <v>20477</v>
      </c>
      <c r="C10261" t="s">
        <v>20478</v>
      </c>
    </row>
    <row r="10262" spans="1:3" x14ac:dyDescent="0.15">
      <c r="A10262">
        <v>14749</v>
      </c>
      <c r="B10262" t="s">
        <v>20479</v>
      </c>
      <c r="C10262" t="s">
        <v>20480</v>
      </c>
    </row>
    <row r="10263" spans="1:3" x14ac:dyDescent="0.15">
      <c r="A10263">
        <v>14748</v>
      </c>
      <c r="B10263" t="s">
        <v>20481</v>
      </c>
      <c r="C10263" t="s">
        <v>20482</v>
      </c>
    </row>
    <row r="10264" spans="1:3" x14ac:dyDescent="0.15">
      <c r="A10264">
        <v>14747</v>
      </c>
      <c r="B10264" t="s">
        <v>20483</v>
      </c>
      <c r="C10264" t="s">
        <v>20484</v>
      </c>
    </row>
    <row r="10265" spans="1:3" x14ac:dyDescent="0.15">
      <c r="A10265">
        <v>14746</v>
      </c>
      <c r="B10265" t="s">
        <v>20485</v>
      </c>
      <c r="C10265" t="s">
        <v>20486</v>
      </c>
    </row>
    <row r="10266" spans="1:3" x14ac:dyDescent="0.15">
      <c r="A10266">
        <v>14745</v>
      </c>
      <c r="B10266" t="s">
        <v>20487</v>
      </c>
      <c r="C10266" t="s">
        <v>20488</v>
      </c>
    </row>
    <row r="10267" spans="1:3" x14ac:dyDescent="0.15">
      <c r="A10267">
        <v>14744</v>
      </c>
      <c r="B10267" t="s">
        <v>20489</v>
      </c>
      <c r="C10267" t="s">
        <v>20490</v>
      </c>
    </row>
    <row r="10268" spans="1:3" x14ac:dyDescent="0.15">
      <c r="A10268">
        <v>14743</v>
      </c>
      <c r="B10268" t="s">
        <v>20491</v>
      </c>
      <c r="C10268" t="s">
        <v>20492</v>
      </c>
    </row>
    <row r="10269" spans="1:3" x14ac:dyDescent="0.15">
      <c r="A10269">
        <v>14742</v>
      </c>
      <c r="B10269" t="s">
        <v>20493</v>
      </c>
      <c r="C10269" t="s">
        <v>20494</v>
      </c>
    </row>
    <row r="10270" spans="1:3" x14ac:dyDescent="0.15">
      <c r="A10270">
        <v>14741</v>
      </c>
      <c r="B10270" t="s">
        <v>20495</v>
      </c>
      <c r="C10270" t="s">
        <v>20496</v>
      </c>
    </row>
    <row r="10271" spans="1:3" x14ac:dyDescent="0.15">
      <c r="A10271">
        <v>14740</v>
      </c>
      <c r="B10271" t="s">
        <v>20497</v>
      </c>
      <c r="C10271" t="s">
        <v>20498</v>
      </c>
    </row>
    <row r="10272" spans="1:3" x14ac:dyDescent="0.15">
      <c r="A10272">
        <v>14739</v>
      </c>
      <c r="B10272" t="s">
        <v>20499</v>
      </c>
      <c r="C10272" t="s">
        <v>20500</v>
      </c>
    </row>
    <row r="10273" spans="1:3" x14ac:dyDescent="0.15">
      <c r="A10273">
        <v>14738</v>
      </c>
      <c r="B10273" t="s">
        <v>20501</v>
      </c>
      <c r="C10273" t="s">
        <v>20502</v>
      </c>
    </row>
    <row r="10274" spans="1:3" x14ac:dyDescent="0.15">
      <c r="A10274">
        <v>14737</v>
      </c>
      <c r="B10274" t="s">
        <v>20503</v>
      </c>
      <c r="C10274" t="s">
        <v>20504</v>
      </c>
    </row>
    <row r="10275" spans="1:3" x14ac:dyDescent="0.15">
      <c r="A10275">
        <v>14736</v>
      </c>
      <c r="B10275" t="s">
        <v>20505</v>
      </c>
      <c r="C10275" t="s">
        <v>20506</v>
      </c>
    </row>
    <row r="10276" spans="1:3" x14ac:dyDescent="0.15">
      <c r="A10276">
        <v>14735</v>
      </c>
      <c r="B10276" t="s">
        <v>20507</v>
      </c>
      <c r="C10276" t="s">
        <v>20508</v>
      </c>
    </row>
    <row r="10277" spans="1:3" x14ac:dyDescent="0.15">
      <c r="A10277">
        <v>14734</v>
      </c>
      <c r="B10277" t="s">
        <v>20509</v>
      </c>
      <c r="C10277" t="s">
        <v>20510</v>
      </c>
    </row>
    <row r="10278" spans="1:3" x14ac:dyDescent="0.15">
      <c r="A10278">
        <v>14733</v>
      </c>
      <c r="B10278" t="s">
        <v>20511</v>
      </c>
      <c r="C10278" t="s">
        <v>20512</v>
      </c>
    </row>
    <row r="10279" spans="1:3" x14ac:dyDescent="0.15">
      <c r="A10279">
        <v>14732</v>
      </c>
      <c r="B10279" t="s">
        <v>20513</v>
      </c>
      <c r="C10279" t="s">
        <v>20514</v>
      </c>
    </row>
    <row r="10280" spans="1:3" x14ac:dyDescent="0.15">
      <c r="A10280">
        <v>14731</v>
      </c>
      <c r="B10280" t="s">
        <v>20515</v>
      </c>
      <c r="C10280" t="s">
        <v>20516</v>
      </c>
    </row>
    <row r="10281" spans="1:3" x14ac:dyDescent="0.15">
      <c r="A10281">
        <v>14730</v>
      </c>
      <c r="B10281" t="s">
        <v>20517</v>
      </c>
      <c r="C10281" t="s">
        <v>20518</v>
      </c>
    </row>
    <row r="10282" spans="1:3" x14ac:dyDescent="0.15">
      <c r="A10282">
        <v>14729</v>
      </c>
      <c r="B10282" t="s">
        <v>20519</v>
      </c>
      <c r="C10282" t="s">
        <v>20520</v>
      </c>
    </row>
    <row r="10283" spans="1:3" x14ac:dyDescent="0.15">
      <c r="A10283">
        <v>14728</v>
      </c>
      <c r="B10283" t="s">
        <v>20521</v>
      </c>
      <c r="C10283" t="s">
        <v>20522</v>
      </c>
    </row>
    <row r="10284" spans="1:3" x14ac:dyDescent="0.15">
      <c r="A10284">
        <v>14727</v>
      </c>
      <c r="B10284" t="s">
        <v>20523</v>
      </c>
      <c r="C10284" t="s">
        <v>20524</v>
      </c>
    </row>
    <row r="10285" spans="1:3" x14ac:dyDescent="0.15">
      <c r="A10285">
        <v>14726</v>
      </c>
      <c r="B10285" t="s">
        <v>20525</v>
      </c>
      <c r="C10285" t="s">
        <v>20526</v>
      </c>
    </row>
    <row r="10286" spans="1:3" x14ac:dyDescent="0.15">
      <c r="A10286">
        <v>14725</v>
      </c>
      <c r="B10286" t="s">
        <v>20527</v>
      </c>
      <c r="C10286" t="s">
        <v>20528</v>
      </c>
    </row>
    <row r="10287" spans="1:3" x14ac:dyDescent="0.15">
      <c r="A10287">
        <v>14724</v>
      </c>
      <c r="B10287" t="s">
        <v>20529</v>
      </c>
      <c r="C10287" t="s">
        <v>20530</v>
      </c>
    </row>
    <row r="10288" spans="1:3" x14ac:dyDescent="0.15">
      <c r="A10288">
        <v>14723</v>
      </c>
      <c r="B10288" t="s">
        <v>20531</v>
      </c>
      <c r="C10288" t="s">
        <v>20532</v>
      </c>
    </row>
    <row r="10289" spans="1:3" x14ac:dyDescent="0.15">
      <c r="A10289">
        <v>14722</v>
      </c>
      <c r="B10289" t="s">
        <v>20533</v>
      </c>
      <c r="C10289" t="s">
        <v>20534</v>
      </c>
    </row>
    <row r="10290" spans="1:3" x14ac:dyDescent="0.15">
      <c r="A10290">
        <v>14721</v>
      </c>
      <c r="B10290" t="s">
        <v>20535</v>
      </c>
      <c r="C10290" t="s">
        <v>20536</v>
      </c>
    </row>
    <row r="10291" spans="1:3" x14ac:dyDescent="0.15">
      <c r="A10291">
        <v>14720</v>
      </c>
      <c r="B10291" t="s">
        <v>20537</v>
      </c>
      <c r="C10291" t="s">
        <v>20538</v>
      </c>
    </row>
    <row r="10292" spans="1:3" x14ac:dyDescent="0.15">
      <c r="A10292">
        <v>14719</v>
      </c>
      <c r="B10292" t="s">
        <v>20539</v>
      </c>
      <c r="C10292" t="s">
        <v>20540</v>
      </c>
    </row>
    <row r="10293" spans="1:3" x14ac:dyDescent="0.15">
      <c r="A10293">
        <v>14718</v>
      </c>
      <c r="B10293" t="s">
        <v>20541</v>
      </c>
      <c r="C10293" t="s">
        <v>20542</v>
      </c>
    </row>
    <row r="10294" spans="1:3" x14ac:dyDescent="0.15">
      <c r="A10294">
        <v>14717</v>
      </c>
      <c r="B10294" t="s">
        <v>20543</v>
      </c>
      <c r="C10294" t="s">
        <v>20544</v>
      </c>
    </row>
    <row r="10295" spans="1:3" x14ac:dyDescent="0.15">
      <c r="A10295">
        <v>14716</v>
      </c>
      <c r="B10295" t="s">
        <v>20545</v>
      </c>
      <c r="C10295" t="s">
        <v>20546</v>
      </c>
    </row>
    <row r="10296" spans="1:3" x14ac:dyDescent="0.15">
      <c r="A10296">
        <v>14715</v>
      </c>
      <c r="B10296" t="s">
        <v>20547</v>
      </c>
      <c r="C10296" t="s">
        <v>20548</v>
      </c>
    </row>
    <row r="10297" spans="1:3" x14ac:dyDescent="0.15">
      <c r="A10297">
        <v>14714</v>
      </c>
      <c r="B10297" t="s">
        <v>20549</v>
      </c>
      <c r="C10297" t="s">
        <v>20550</v>
      </c>
    </row>
    <row r="10298" spans="1:3" x14ac:dyDescent="0.15">
      <c r="A10298">
        <v>14713</v>
      </c>
      <c r="B10298" t="s">
        <v>20551</v>
      </c>
      <c r="C10298" t="s">
        <v>20552</v>
      </c>
    </row>
    <row r="10299" spans="1:3" x14ac:dyDescent="0.15">
      <c r="A10299">
        <v>14712</v>
      </c>
      <c r="B10299" t="s">
        <v>20553</v>
      </c>
      <c r="C10299" t="s">
        <v>20554</v>
      </c>
    </row>
    <row r="10300" spans="1:3" x14ac:dyDescent="0.15">
      <c r="A10300">
        <v>14711</v>
      </c>
      <c r="B10300" t="s">
        <v>20555</v>
      </c>
      <c r="C10300" t="s">
        <v>20556</v>
      </c>
    </row>
    <row r="10301" spans="1:3" x14ac:dyDescent="0.15">
      <c r="A10301">
        <v>14710</v>
      </c>
      <c r="B10301" t="s">
        <v>20557</v>
      </c>
      <c r="C10301" t="s">
        <v>20558</v>
      </c>
    </row>
    <row r="10302" spans="1:3" x14ac:dyDescent="0.15">
      <c r="A10302">
        <v>14709</v>
      </c>
      <c r="B10302" t="s">
        <v>20559</v>
      </c>
      <c r="C10302" t="s">
        <v>20560</v>
      </c>
    </row>
    <row r="10303" spans="1:3" x14ac:dyDescent="0.15">
      <c r="A10303">
        <v>14708</v>
      </c>
      <c r="B10303" t="s">
        <v>20561</v>
      </c>
      <c r="C10303" t="s">
        <v>20562</v>
      </c>
    </row>
    <row r="10304" spans="1:3" x14ac:dyDescent="0.15">
      <c r="A10304">
        <v>14707</v>
      </c>
      <c r="B10304" t="s">
        <v>20563</v>
      </c>
      <c r="C10304" t="s">
        <v>20564</v>
      </c>
    </row>
    <row r="10305" spans="1:3" x14ac:dyDescent="0.15">
      <c r="A10305">
        <v>14706</v>
      </c>
      <c r="B10305" t="s">
        <v>20565</v>
      </c>
      <c r="C10305" t="s">
        <v>20566</v>
      </c>
    </row>
    <row r="10306" spans="1:3" x14ac:dyDescent="0.15">
      <c r="A10306">
        <v>14705</v>
      </c>
      <c r="B10306" t="s">
        <v>20567</v>
      </c>
      <c r="C10306" t="s">
        <v>20568</v>
      </c>
    </row>
    <row r="10307" spans="1:3" x14ac:dyDescent="0.15">
      <c r="A10307">
        <v>14704</v>
      </c>
      <c r="B10307" t="s">
        <v>20569</v>
      </c>
      <c r="C10307" t="s">
        <v>20570</v>
      </c>
    </row>
    <row r="10308" spans="1:3" x14ac:dyDescent="0.15">
      <c r="A10308">
        <v>14703</v>
      </c>
      <c r="B10308" t="s">
        <v>20571</v>
      </c>
      <c r="C10308" t="s">
        <v>20572</v>
      </c>
    </row>
    <row r="10309" spans="1:3" x14ac:dyDescent="0.15">
      <c r="A10309">
        <v>14702</v>
      </c>
      <c r="B10309" t="s">
        <v>20573</v>
      </c>
      <c r="C10309" t="s">
        <v>20574</v>
      </c>
    </row>
    <row r="10310" spans="1:3" x14ac:dyDescent="0.15">
      <c r="A10310">
        <v>14701</v>
      </c>
      <c r="B10310" t="s">
        <v>20575</v>
      </c>
      <c r="C10310" t="s">
        <v>20576</v>
      </c>
    </row>
    <row r="10311" spans="1:3" x14ac:dyDescent="0.15">
      <c r="A10311">
        <v>14700</v>
      </c>
      <c r="B10311" t="s">
        <v>20577</v>
      </c>
      <c r="C10311" t="s">
        <v>20578</v>
      </c>
    </row>
    <row r="10312" spans="1:3" x14ac:dyDescent="0.15">
      <c r="A10312">
        <v>14699</v>
      </c>
      <c r="B10312" t="s">
        <v>20579</v>
      </c>
      <c r="C10312" t="s">
        <v>20580</v>
      </c>
    </row>
    <row r="10313" spans="1:3" x14ac:dyDescent="0.15">
      <c r="A10313">
        <v>14698</v>
      </c>
      <c r="B10313" t="s">
        <v>20581</v>
      </c>
      <c r="C10313" t="s">
        <v>20582</v>
      </c>
    </row>
    <row r="10314" spans="1:3" x14ac:dyDescent="0.15">
      <c r="A10314">
        <v>14697</v>
      </c>
      <c r="B10314" t="s">
        <v>20583</v>
      </c>
      <c r="C10314" t="s">
        <v>20584</v>
      </c>
    </row>
    <row r="10315" spans="1:3" x14ac:dyDescent="0.15">
      <c r="A10315">
        <v>14696</v>
      </c>
      <c r="B10315" t="s">
        <v>20585</v>
      </c>
      <c r="C10315" t="s">
        <v>20586</v>
      </c>
    </row>
    <row r="10316" spans="1:3" x14ac:dyDescent="0.15">
      <c r="A10316">
        <v>14695</v>
      </c>
      <c r="B10316" t="s">
        <v>20587</v>
      </c>
      <c r="C10316" t="s">
        <v>20588</v>
      </c>
    </row>
    <row r="10317" spans="1:3" x14ac:dyDescent="0.15">
      <c r="A10317">
        <v>14694</v>
      </c>
      <c r="B10317" t="s">
        <v>20589</v>
      </c>
      <c r="C10317" t="s">
        <v>20590</v>
      </c>
    </row>
    <row r="10318" spans="1:3" x14ac:dyDescent="0.15">
      <c r="A10318">
        <v>14693</v>
      </c>
      <c r="B10318" t="s">
        <v>20591</v>
      </c>
      <c r="C10318" t="s">
        <v>20592</v>
      </c>
    </row>
    <row r="10319" spans="1:3" x14ac:dyDescent="0.15">
      <c r="A10319">
        <v>14692</v>
      </c>
      <c r="B10319" t="s">
        <v>20593</v>
      </c>
      <c r="C10319" t="s">
        <v>20594</v>
      </c>
    </row>
    <row r="10320" spans="1:3" x14ac:dyDescent="0.15">
      <c r="A10320">
        <v>14691</v>
      </c>
      <c r="B10320" t="s">
        <v>20595</v>
      </c>
      <c r="C10320" t="s">
        <v>20596</v>
      </c>
    </row>
    <row r="10321" spans="1:3" x14ac:dyDescent="0.15">
      <c r="A10321">
        <v>14690</v>
      </c>
      <c r="B10321" t="s">
        <v>20597</v>
      </c>
      <c r="C10321" t="s">
        <v>20598</v>
      </c>
    </row>
    <row r="10322" spans="1:3" x14ac:dyDescent="0.15">
      <c r="A10322">
        <v>14689</v>
      </c>
      <c r="B10322" t="s">
        <v>20599</v>
      </c>
      <c r="C10322" t="s">
        <v>20600</v>
      </c>
    </row>
    <row r="10323" spans="1:3" x14ac:dyDescent="0.15">
      <c r="A10323">
        <v>14688</v>
      </c>
      <c r="B10323" t="s">
        <v>20601</v>
      </c>
      <c r="C10323" t="s">
        <v>20602</v>
      </c>
    </row>
    <row r="10324" spans="1:3" x14ac:dyDescent="0.15">
      <c r="A10324">
        <v>14687</v>
      </c>
      <c r="B10324" t="s">
        <v>20603</v>
      </c>
      <c r="C10324" t="s">
        <v>20604</v>
      </c>
    </row>
    <row r="10325" spans="1:3" x14ac:dyDescent="0.15">
      <c r="A10325">
        <v>14686</v>
      </c>
      <c r="B10325" t="s">
        <v>20605</v>
      </c>
      <c r="C10325" t="s">
        <v>20606</v>
      </c>
    </row>
    <row r="10326" spans="1:3" x14ac:dyDescent="0.15">
      <c r="A10326">
        <v>14685</v>
      </c>
      <c r="B10326" t="s">
        <v>20607</v>
      </c>
      <c r="C10326" t="s">
        <v>20608</v>
      </c>
    </row>
    <row r="10327" spans="1:3" x14ac:dyDescent="0.15">
      <c r="A10327">
        <v>14684</v>
      </c>
      <c r="B10327" t="s">
        <v>20609</v>
      </c>
      <c r="C10327" t="s">
        <v>20610</v>
      </c>
    </row>
    <row r="10328" spans="1:3" x14ac:dyDescent="0.15">
      <c r="A10328">
        <v>14683</v>
      </c>
      <c r="B10328" t="s">
        <v>20611</v>
      </c>
      <c r="C10328" t="s">
        <v>20612</v>
      </c>
    </row>
    <row r="10329" spans="1:3" x14ac:dyDescent="0.15">
      <c r="A10329">
        <v>14682</v>
      </c>
      <c r="B10329" t="s">
        <v>20613</v>
      </c>
      <c r="C10329" t="s">
        <v>20614</v>
      </c>
    </row>
    <row r="10330" spans="1:3" x14ac:dyDescent="0.15">
      <c r="A10330">
        <v>14681</v>
      </c>
      <c r="B10330" t="s">
        <v>20615</v>
      </c>
      <c r="C10330" t="s">
        <v>20616</v>
      </c>
    </row>
    <row r="10331" spans="1:3" x14ac:dyDescent="0.15">
      <c r="A10331">
        <v>14680</v>
      </c>
      <c r="B10331" t="s">
        <v>20617</v>
      </c>
      <c r="C10331" t="s">
        <v>20618</v>
      </c>
    </row>
    <row r="10332" spans="1:3" x14ac:dyDescent="0.15">
      <c r="A10332">
        <v>14679</v>
      </c>
      <c r="B10332" t="s">
        <v>20619</v>
      </c>
      <c r="C10332" t="s">
        <v>20620</v>
      </c>
    </row>
    <row r="10333" spans="1:3" x14ac:dyDescent="0.15">
      <c r="A10333">
        <v>14678</v>
      </c>
      <c r="B10333" t="s">
        <v>20621</v>
      </c>
      <c r="C10333" t="s">
        <v>20622</v>
      </c>
    </row>
    <row r="10334" spans="1:3" x14ac:dyDescent="0.15">
      <c r="A10334">
        <v>14677</v>
      </c>
      <c r="B10334" t="s">
        <v>20623</v>
      </c>
      <c r="C10334" t="s">
        <v>20624</v>
      </c>
    </row>
    <row r="10335" spans="1:3" x14ac:dyDescent="0.15">
      <c r="A10335">
        <v>14676</v>
      </c>
      <c r="B10335" t="s">
        <v>20625</v>
      </c>
      <c r="C10335" t="s">
        <v>20626</v>
      </c>
    </row>
    <row r="10336" spans="1:3" x14ac:dyDescent="0.15">
      <c r="A10336">
        <v>14675</v>
      </c>
      <c r="B10336" t="s">
        <v>20627</v>
      </c>
      <c r="C10336" t="s">
        <v>20628</v>
      </c>
    </row>
    <row r="10337" spans="1:3" x14ac:dyDescent="0.15">
      <c r="A10337">
        <v>14674</v>
      </c>
      <c r="B10337" t="s">
        <v>20629</v>
      </c>
      <c r="C10337" t="s">
        <v>20630</v>
      </c>
    </row>
    <row r="10338" spans="1:3" x14ac:dyDescent="0.15">
      <c r="A10338">
        <v>14673</v>
      </c>
      <c r="B10338" t="s">
        <v>20631</v>
      </c>
      <c r="C10338" t="s">
        <v>20632</v>
      </c>
    </row>
    <row r="10339" spans="1:3" x14ac:dyDescent="0.15">
      <c r="A10339">
        <v>14672</v>
      </c>
      <c r="B10339" t="s">
        <v>20633</v>
      </c>
      <c r="C10339" t="s">
        <v>20634</v>
      </c>
    </row>
    <row r="10340" spans="1:3" x14ac:dyDescent="0.15">
      <c r="A10340">
        <v>14670</v>
      </c>
      <c r="B10340" t="s">
        <v>20635</v>
      </c>
      <c r="C10340" t="s">
        <v>20636</v>
      </c>
    </row>
    <row r="10341" spans="1:3" x14ac:dyDescent="0.15">
      <c r="A10341">
        <v>14669</v>
      </c>
      <c r="B10341" t="s">
        <v>20637</v>
      </c>
      <c r="C10341" t="s">
        <v>20638</v>
      </c>
    </row>
    <row r="10342" spans="1:3" x14ac:dyDescent="0.15">
      <c r="A10342">
        <v>14668</v>
      </c>
      <c r="B10342" t="s">
        <v>20639</v>
      </c>
      <c r="C10342" t="s">
        <v>20640</v>
      </c>
    </row>
    <row r="10343" spans="1:3" x14ac:dyDescent="0.15">
      <c r="A10343">
        <v>14667</v>
      </c>
      <c r="B10343" t="s">
        <v>20641</v>
      </c>
      <c r="C10343" t="s">
        <v>20642</v>
      </c>
    </row>
    <row r="10344" spans="1:3" x14ac:dyDescent="0.15">
      <c r="A10344">
        <v>14666</v>
      </c>
      <c r="B10344" t="s">
        <v>20643</v>
      </c>
      <c r="C10344" t="s">
        <v>20644</v>
      </c>
    </row>
    <row r="10345" spans="1:3" x14ac:dyDescent="0.15">
      <c r="A10345">
        <v>14665</v>
      </c>
      <c r="B10345" t="s">
        <v>20645</v>
      </c>
      <c r="C10345" t="s">
        <v>20646</v>
      </c>
    </row>
    <row r="10346" spans="1:3" x14ac:dyDescent="0.15">
      <c r="A10346">
        <v>14664</v>
      </c>
      <c r="B10346" t="s">
        <v>20647</v>
      </c>
      <c r="C10346" t="s">
        <v>20648</v>
      </c>
    </row>
    <row r="10347" spans="1:3" x14ac:dyDescent="0.15">
      <c r="A10347">
        <v>14663</v>
      </c>
      <c r="B10347" t="s">
        <v>20649</v>
      </c>
      <c r="C10347" t="s">
        <v>20650</v>
      </c>
    </row>
    <row r="10348" spans="1:3" x14ac:dyDescent="0.15">
      <c r="A10348">
        <v>14662</v>
      </c>
      <c r="B10348" t="s">
        <v>20651</v>
      </c>
      <c r="C10348" t="s">
        <v>20652</v>
      </c>
    </row>
    <row r="10349" spans="1:3" x14ac:dyDescent="0.15">
      <c r="A10349">
        <v>14661</v>
      </c>
      <c r="B10349" t="s">
        <v>20653</v>
      </c>
      <c r="C10349" t="s">
        <v>20654</v>
      </c>
    </row>
    <row r="10350" spans="1:3" x14ac:dyDescent="0.15">
      <c r="A10350">
        <v>14660</v>
      </c>
      <c r="B10350" t="s">
        <v>20655</v>
      </c>
      <c r="C10350" t="s">
        <v>20656</v>
      </c>
    </row>
    <row r="10351" spans="1:3" x14ac:dyDescent="0.15">
      <c r="A10351">
        <v>14659</v>
      </c>
      <c r="B10351" t="s">
        <v>20657</v>
      </c>
      <c r="C10351" t="s">
        <v>20658</v>
      </c>
    </row>
    <row r="10352" spans="1:3" x14ac:dyDescent="0.15">
      <c r="A10352">
        <v>14658</v>
      </c>
      <c r="B10352" t="s">
        <v>20659</v>
      </c>
      <c r="C10352" t="s">
        <v>20660</v>
      </c>
    </row>
    <row r="10353" spans="1:3" x14ac:dyDescent="0.15">
      <c r="A10353">
        <v>14657</v>
      </c>
      <c r="B10353" t="s">
        <v>20661</v>
      </c>
      <c r="C10353" t="s">
        <v>20662</v>
      </c>
    </row>
    <row r="10354" spans="1:3" x14ac:dyDescent="0.15">
      <c r="A10354">
        <v>14656</v>
      </c>
      <c r="B10354" t="s">
        <v>20663</v>
      </c>
      <c r="C10354" t="s">
        <v>20664</v>
      </c>
    </row>
    <row r="10355" spans="1:3" x14ac:dyDescent="0.15">
      <c r="A10355">
        <v>14655</v>
      </c>
      <c r="B10355" t="s">
        <v>20665</v>
      </c>
      <c r="C10355" t="s">
        <v>20666</v>
      </c>
    </row>
    <row r="10356" spans="1:3" x14ac:dyDescent="0.15">
      <c r="A10356">
        <v>14654</v>
      </c>
      <c r="B10356" t="s">
        <v>20667</v>
      </c>
      <c r="C10356" t="s">
        <v>20668</v>
      </c>
    </row>
    <row r="10357" spans="1:3" x14ac:dyDescent="0.15">
      <c r="A10357">
        <v>14653</v>
      </c>
      <c r="B10357" t="s">
        <v>20669</v>
      </c>
      <c r="C10357" t="s">
        <v>20670</v>
      </c>
    </row>
    <row r="10358" spans="1:3" x14ac:dyDescent="0.15">
      <c r="A10358">
        <v>14652</v>
      </c>
      <c r="B10358" t="s">
        <v>20671</v>
      </c>
      <c r="C10358" t="s">
        <v>20672</v>
      </c>
    </row>
    <row r="10359" spans="1:3" x14ac:dyDescent="0.15">
      <c r="A10359">
        <v>14651</v>
      </c>
      <c r="B10359" t="s">
        <v>20673</v>
      </c>
      <c r="C10359" t="s">
        <v>20674</v>
      </c>
    </row>
    <row r="10360" spans="1:3" x14ac:dyDescent="0.15">
      <c r="A10360">
        <v>14650</v>
      </c>
      <c r="B10360" t="s">
        <v>20675</v>
      </c>
      <c r="C10360" t="s">
        <v>20676</v>
      </c>
    </row>
    <row r="10361" spans="1:3" x14ac:dyDescent="0.15">
      <c r="A10361">
        <v>14649</v>
      </c>
      <c r="B10361" t="s">
        <v>20677</v>
      </c>
      <c r="C10361" t="s">
        <v>20678</v>
      </c>
    </row>
    <row r="10362" spans="1:3" x14ac:dyDescent="0.15">
      <c r="A10362">
        <v>14648</v>
      </c>
      <c r="B10362" t="s">
        <v>20679</v>
      </c>
      <c r="C10362" t="s">
        <v>20680</v>
      </c>
    </row>
    <row r="10363" spans="1:3" x14ac:dyDescent="0.15">
      <c r="A10363">
        <v>14647</v>
      </c>
      <c r="B10363" t="s">
        <v>20681</v>
      </c>
      <c r="C10363" t="s">
        <v>20682</v>
      </c>
    </row>
    <row r="10364" spans="1:3" x14ac:dyDescent="0.15">
      <c r="A10364">
        <v>14646</v>
      </c>
      <c r="B10364" t="s">
        <v>20683</v>
      </c>
      <c r="C10364" t="s">
        <v>20684</v>
      </c>
    </row>
    <row r="10365" spans="1:3" x14ac:dyDescent="0.15">
      <c r="A10365">
        <v>14645</v>
      </c>
      <c r="B10365" t="s">
        <v>20685</v>
      </c>
      <c r="C10365" t="s">
        <v>20686</v>
      </c>
    </row>
    <row r="10366" spans="1:3" x14ac:dyDescent="0.15">
      <c r="A10366">
        <v>14644</v>
      </c>
      <c r="B10366" t="s">
        <v>20687</v>
      </c>
      <c r="C10366" t="s">
        <v>20688</v>
      </c>
    </row>
    <row r="10367" spans="1:3" x14ac:dyDescent="0.15">
      <c r="A10367">
        <v>14643</v>
      </c>
      <c r="B10367" t="s">
        <v>20689</v>
      </c>
      <c r="C10367" t="s">
        <v>20690</v>
      </c>
    </row>
    <row r="10368" spans="1:3" x14ac:dyDescent="0.15">
      <c r="A10368">
        <v>14642</v>
      </c>
      <c r="B10368" t="s">
        <v>20691</v>
      </c>
      <c r="C10368" t="s">
        <v>20692</v>
      </c>
    </row>
    <row r="10369" spans="1:3" x14ac:dyDescent="0.15">
      <c r="A10369">
        <v>14641</v>
      </c>
      <c r="B10369" t="s">
        <v>20693</v>
      </c>
      <c r="C10369" t="s">
        <v>20694</v>
      </c>
    </row>
    <row r="10370" spans="1:3" x14ac:dyDescent="0.15">
      <c r="A10370">
        <v>14640</v>
      </c>
      <c r="B10370" t="s">
        <v>20695</v>
      </c>
      <c r="C10370" t="s">
        <v>20696</v>
      </c>
    </row>
    <row r="10371" spans="1:3" x14ac:dyDescent="0.15">
      <c r="A10371">
        <v>14639</v>
      </c>
      <c r="B10371" t="s">
        <v>20697</v>
      </c>
      <c r="C10371" t="s">
        <v>20698</v>
      </c>
    </row>
    <row r="10372" spans="1:3" x14ac:dyDescent="0.15">
      <c r="A10372">
        <v>14638</v>
      </c>
      <c r="B10372" t="s">
        <v>20699</v>
      </c>
      <c r="C10372" t="s">
        <v>20700</v>
      </c>
    </row>
    <row r="10373" spans="1:3" x14ac:dyDescent="0.15">
      <c r="A10373">
        <v>14637</v>
      </c>
      <c r="B10373" t="s">
        <v>20701</v>
      </c>
      <c r="C10373" t="s">
        <v>20702</v>
      </c>
    </row>
    <row r="10374" spans="1:3" x14ac:dyDescent="0.15">
      <c r="A10374">
        <v>14636</v>
      </c>
      <c r="B10374" t="s">
        <v>20703</v>
      </c>
      <c r="C10374" t="s">
        <v>20704</v>
      </c>
    </row>
    <row r="10375" spans="1:3" x14ac:dyDescent="0.15">
      <c r="A10375">
        <v>14635</v>
      </c>
      <c r="B10375" t="s">
        <v>20705</v>
      </c>
      <c r="C10375" t="s">
        <v>20706</v>
      </c>
    </row>
    <row r="10376" spans="1:3" x14ac:dyDescent="0.15">
      <c r="A10376">
        <v>14634</v>
      </c>
      <c r="B10376" t="s">
        <v>20707</v>
      </c>
      <c r="C10376" t="s">
        <v>20708</v>
      </c>
    </row>
    <row r="10377" spans="1:3" x14ac:dyDescent="0.15">
      <c r="A10377">
        <v>14633</v>
      </c>
      <c r="B10377" t="s">
        <v>20709</v>
      </c>
      <c r="C10377" t="s">
        <v>20710</v>
      </c>
    </row>
    <row r="10378" spans="1:3" x14ac:dyDescent="0.15">
      <c r="A10378">
        <v>14632</v>
      </c>
      <c r="B10378" t="s">
        <v>20711</v>
      </c>
      <c r="C10378" t="s">
        <v>20712</v>
      </c>
    </row>
    <row r="10379" spans="1:3" x14ac:dyDescent="0.15">
      <c r="A10379">
        <v>14631</v>
      </c>
      <c r="B10379" t="s">
        <v>20713</v>
      </c>
      <c r="C10379" t="s">
        <v>20714</v>
      </c>
    </row>
    <row r="10380" spans="1:3" x14ac:dyDescent="0.15">
      <c r="A10380">
        <v>14630</v>
      </c>
      <c r="B10380" t="s">
        <v>20715</v>
      </c>
      <c r="C10380" t="s">
        <v>20716</v>
      </c>
    </row>
    <row r="10381" spans="1:3" x14ac:dyDescent="0.15">
      <c r="A10381">
        <v>14629</v>
      </c>
      <c r="B10381" t="s">
        <v>20717</v>
      </c>
      <c r="C10381" t="s">
        <v>20718</v>
      </c>
    </row>
    <row r="10382" spans="1:3" x14ac:dyDescent="0.15">
      <c r="A10382">
        <v>14628</v>
      </c>
      <c r="B10382" t="s">
        <v>20719</v>
      </c>
      <c r="C10382" t="s">
        <v>20720</v>
      </c>
    </row>
    <row r="10383" spans="1:3" x14ac:dyDescent="0.15">
      <c r="A10383">
        <v>14627</v>
      </c>
      <c r="B10383" t="s">
        <v>20721</v>
      </c>
      <c r="C10383" t="s">
        <v>20722</v>
      </c>
    </row>
    <row r="10384" spans="1:3" x14ac:dyDescent="0.15">
      <c r="A10384">
        <v>14626</v>
      </c>
      <c r="B10384" t="s">
        <v>20723</v>
      </c>
      <c r="C10384" t="s">
        <v>20724</v>
      </c>
    </row>
    <row r="10385" spans="1:3" x14ac:dyDescent="0.15">
      <c r="A10385">
        <v>14625</v>
      </c>
      <c r="B10385" t="s">
        <v>20725</v>
      </c>
      <c r="C10385" t="s">
        <v>20726</v>
      </c>
    </row>
    <row r="10386" spans="1:3" x14ac:dyDescent="0.15">
      <c r="A10386">
        <v>14624</v>
      </c>
      <c r="B10386" t="s">
        <v>20727</v>
      </c>
      <c r="C10386" t="s">
        <v>20728</v>
      </c>
    </row>
    <row r="10387" spans="1:3" x14ac:dyDescent="0.15">
      <c r="A10387">
        <v>14623</v>
      </c>
      <c r="B10387" t="s">
        <v>20729</v>
      </c>
      <c r="C10387" t="s">
        <v>20730</v>
      </c>
    </row>
    <row r="10388" spans="1:3" x14ac:dyDescent="0.15">
      <c r="A10388">
        <v>14622</v>
      </c>
      <c r="B10388" t="s">
        <v>20731</v>
      </c>
      <c r="C10388" t="s">
        <v>20732</v>
      </c>
    </row>
    <row r="10389" spans="1:3" x14ac:dyDescent="0.15">
      <c r="A10389">
        <v>14621</v>
      </c>
      <c r="B10389" t="s">
        <v>20733</v>
      </c>
      <c r="C10389" t="s">
        <v>20734</v>
      </c>
    </row>
    <row r="10390" spans="1:3" x14ac:dyDescent="0.15">
      <c r="A10390">
        <v>14620</v>
      </c>
      <c r="B10390" t="s">
        <v>20735</v>
      </c>
      <c r="C10390" t="s">
        <v>20736</v>
      </c>
    </row>
    <row r="10391" spans="1:3" x14ac:dyDescent="0.15">
      <c r="A10391">
        <v>14619</v>
      </c>
      <c r="B10391" t="s">
        <v>20737</v>
      </c>
      <c r="C10391" t="s">
        <v>20738</v>
      </c>
    </row>
    <row r="10392" spans="1:3" x14ac:dyDescent="0.15">
      <c r="A10392">
        <v>14618</v>
      </c>
      <c r="B10392" t="s">
        <v>20739</v>
      </c>
      <c r="C10392" t="s">
        <v>20740</v>
      </c>
    </row>
    <row r="10393" spans="1:3" x14ac:dyDescent="0.15">
      <c r="A10393">
        <v>14617</v>
      </c>
      <c r="B10393" t="s">
        <v>20741</v>
      </c>
      <c r="C10393" t="s">
        <v>20742</v>
      </c>
    </row>
    <row r="10394" spans="1:3" x14ac:dyDescent="0.15">
      <c r="A10394">
        <v>14616</v>
      </c>
      <c r="B10394" t="s">
        <v>20743</v>
      </c>
      <c r="C10394" t="s">
        <v>20744</v>
      </c>
    </row>
    <row r="10395" spans="1:3" x14ac:dyDescent="0.15">
      <c r="A10395">
        <v>14615</v>
      </c>
      <c r="B10395" t="s">
        <v>20745</v>
      </c>
      <c r="C10395" t="s">
        <v>20746</v>
      </c>
    </row>
    <row r="10396" spans="1:3" x14ac:dyDescent="0.15">
      <c r="A10396">
        <v>14614</v>
      </c>
      <c r="B10396" t="s">
        <v>20747</v>
      </c>
      <c r="C10396" t="s">
        <v>20748</v>
      </c>
    </row>
    <row r="10397" spans="1:3" x14ac:dyDescent="0.15">
      <c r="A10397">
        <v>14613</v>
      </c>
      <c r="B10397" t="s">
        <v>20749</v>
      </c>
      <c r="C10397" t="s">
        <v>20750</v>
      </c>
    </row>
    <row r="10398" spans="1:3" x14ac:dyDescent="0.15">
      <c r="A10398">
        <v>14612</v>
      </c>
      <c r="B10398" t="s">
        <v>20751</v>
      </c>
      <c r="C10398" t="s">
        <v>20752</v>
      </c>
    </row>
    <row r="10399" spans="1:3" x14ac:dyDescent="0.15">
      <c r="A10399">
        <v>14611</v>
      </c>
      <c r="B10399" t="s">
        <v>20753</v>
      </c>
      <c r="C10399" t="s">
        <v>20754</v>
      </c>
    </row>
    <row r="10400" spans="1:3" x14ac:dyDescent="0.15">
      <c r="A10400">
        <v>14610</v>
      </c>
      <c r="B10400" t="s">
        <v>20755</v>
      </c>
      <c r="C10400" t="s">
        <v>20756</v>
      </c>
    </row>
    <row r="10401" spans="1:3" x14ac:dyDescent="0.15">
      <c r="A10401">
        <v>14609</v>
      </c>
      <c r="B10401" t="s">
        <v>20757</v>
      </c>
      <c r="C10401" t="s">
        <v>20758</v>
      </c>
    </row>
    <row r="10402" spans="1:3" x14ac:dyDescent="0.15">
      <c r="A10402">
        <v>14608</v>
      </c>
      <c r="B10402" t="s">
        <v>20759</v>
      </c>
      <c r="C10402" t="s">
        <v>20760</v>
      </c>
    </row>
    <row r="10403" spans="1:3" x14ac:dyDescent="0.15">
      <c r="A10403">
        <v>14607</v>
      </c>
      <c r="B10403" t="s">
        <v>20761</v>
      </c>
      <c r="C10403" t="s">
        <v>20762</v>
      </c>
    </row>
    <row r="10404" spans="1:3" x14ac:dyDescent="0.15">
      <c r="A10404">
        <v>14606</v>
      </c>
      <c r="B10404" t="s">
        <v>20763</v>
      </c>
      <c r="C10404" t="s">
        <v>20764</v>
      </c>
    </row>
    <row r="10405" spans="1:3" x14ac:dyDescent="0.15">
      <c r="A10405">
        <v>14605</v>
      </c>
      <c r="B10405" t="s">
        <v>20765</v>
      </c>
      <c r="C10405" t="s">
        <v>20766</v>
      </c>
    </row>
    <row r="10406" spans="1:3" x14ac:dyDescent="0.15">
      <c r="A10406">
        <v>14604</v>
      </c>
      <c r="B10406" t="s">
        <v>20767</v>
      </c>
      <c r="C10406" t="s">
        <v>20768</v>
      </c>
    </row>
    <row r="10407" spans="1:3" x14ac:dyDescent="0.15">
      <c r="A10407">
        <v>14603</v>
      </c>
      <c r="B10407" t="s">
        <v>20769</v>
      </c>
      <c r="C10407" t="s">
        <v>20770</v>
      </c>
    </row>
    <row r="10408" spans="1:3" x14ac:dyDescent="0.15">
      <c r="A10408">
        <v>14602</v>
      </c>
      <c r="B10408" t="s">
        <v>20771</v>
      </c>
      <c r="C10408" t="s">
        <v>20772</v>
      </c>
    </row>
    <row r="10409" spans="1:3" x14ac:dyDescent="0.15">
      <c r="A10409">
        <v>14601</v>
      </c>
      <c r="B10409" t="s">
        <v>20773</v>
      </c>
      <c r="C10409" t="s">
        <v>20774</v>
      </c>
    </row>
    <row r="10410" spans="1:3" x14ac:dyDescent="0.15">
      <c r="A10410">
        <v>14600</v>
      </c>
      <c r="B10410" t="s">
        <v>20775</v>
      </c>
      <c r="C10410" t="s">
        <v>20776</v>
      </c>
    </row>
    <row r="10411" spans="1:3" x14ac:dyDescent="0.15">
      <c r="A10411">
        <v>14599</v>
      </c>
      <c r="B10411" t="s">
        <v>20777</v>
      </c>
      <c r="C10411" t="s">
        <v>20778</v>
      </c>
    </row>
    <row r="10412" spans="1:3" x14ac:dyDescent="0.15">
      <c r="A10412">
        <v>14598</v>
      </c>
      <c r="B10412" t="s">
        <v>20779</v>
      </c>
      <c r="C10412" t="s">
        <v>20780</v>
      </c>
    </row>
    <row r="10413" spans="1:3" x14ac:dyDescent="0.15">
      <c r="A10413">
        <v>14597</v>
      </c>
      <c r="B10413" t="s">
        <v>20781</v>
      </c>
      <c r="C10413" t="s">
        <v>20782</v>
      </c>
    </row>
    <row r="10414" spans="1:3" x14ac:dyDescent="0.15">
      <c r="A10414">
        <v>14596</v>
      </c>
      <c r="B10414" t="s">
        <v>20783</v>
      </c>
      <c r="C10414" t="s">
        <v>20784</v>
      </c>
    </row>
    <row r="10415" spans="1:3" x14ac:dyDescent="0.15">
      <c r="A10415">
        <v>14595</v>
      </c>
      <c r="B10415" t="s">
        <v>20785</v>
      </c>
      <c r="C10415" t="s">
        <v>20786</v>
      </c>
    </row>
    <row r="10416" spans="1:3" x14ac:dyDescent="0.15">
      <c r="A10416">
        <v>14594</v>
      </c>
      <c r="B10416" t="s">
        <v>20787</v>
      </c>
      <c r="C10416" t="s">
        <v>20788</v>
      </c>
    </row>
    <row r="10417" spans="1:3" x14ac:dyDescent="0.15">
      <c r="A10417">
        <v>14593</v>
      </c>
      <c r="B10417" t="s">
        <v>20789</v>
      </c>
      <c r="C10417" t="s">
        <v>20790</v>
      </c>
    </row>
    <row r="10418" spans="1:3" x14ac:dyDescent="0.15">
      <c r="A10418">
        <v>14592</v>
      </c>
      <c r="B10418" t="s">
        <v>20791</v>
      </c>
      <c r="C10418" t="s">
        <v>20792</v>
      </c>
    </row>
    <row r="10419" spans="1:3" x14ac:dyDescent="0.15">
      <c r="A10419">
        <v>14591</v>
      </c>
      <c r="B10419" t="s">
        <v>20793</v>
      </c>
      <c r="C10419" t="s">
        <v>20794</v>
      </c>
    </row>
    <row r="10420" spans="1:3" x14ac:dyDescent="0.15">
      <c r="A10420">
        <v>14590</v>
      </c>
      <c r="B10420" t="s">
        <v>20795</v>
      </c>
      <c r="C10420" t="s">
        <v>20796</v>
      </c>
    </row>
    <row r="10421" spans="1:3" x14ac:dyDescent="0.15">
      <c r="A10421">
        <v>14589</v>
      </c>
      <c r="B10421" t="s">
        <v>20797</v>
      </c>
      <c r="C10421" t="s">
        <v>20798</v>
      </c>
    </row>
    <row r="10422" spans="1:3" x14ac:dyDescent="0.15">
      <c r="A10422">
        <v>14588</v>
      </c>
      <c r="B10422" t="s">
        <v>20799</v>
      </c>
      <c r="C10422" t="s">
        <v>20800</v>
      </c>
    </row>
    <row r="10423" spans="1:3" x14ac:dyDescent="0.15">
      <c r="A10423">
        <v>14587</v>
      </c>
      <c r="B10423" t="s">
        <v>20801</v>
      </c>
      <c r="C10423" t="s">
        <v>20802</v>
      </c>
    </row>
    <row r="10424" spans="1:3" x14ac:dyDescent="0.15">
      <c r="A10424">
        <v>14586</v>
      </c>
      <c r="B10424" t="s">
        <v>20803</v>
      </c>
      <c r="C10424" t="s">
        <v>20804</v>
      </c>
    </row>
    <row r="10425" spans="1:3" x14ac:dyDescent="0.15">
      <c r="A10425">
        <v>14585</v>
      </c>
      <c r="B10425" t="s">
        <v>20805</v>
      </c>
      <c r="C10425" t="s">
        <v>20806</v>
      </c>
    </row>
    <row r="10426" spans="1:3" x14ac:dyDescent="0.15">
      <c r="A10426">
        <v>14584</v>
      </c>
      <c r="B10426" t="s">
        <v>20807</v>
      </c>
      <c r="C10426" t="s">
        <v>20808</v>
      </c>
    </row>
    <row r="10427" spans="1:3" x14ac:dyDescent="0.15">
      <c r="A10427">
        <v>14583</v>
      </c>
      <c r="B10427" t="s">
        <v>20809</v>
      </c>
      <c r="C10427" t="s">
        <v>20810</v>
      </c>
    </row>
    <row r="10428" spans="1:3" x14ac:dyDescent="0.15">
      <c r="A10428">
        <v>14582</v>
      </c>
      <c r="B10428" t="s">
        <v>20811</v>
      </c>
      <c r="C10428" t="s">
        <v>20812</v>
      </c>
    </row>
    <row r="10429" spans="1:3" x14ac:dyDescent="0.15">
      <c r="A10429">
        <v>14581</v>
      </c>
      <c r="B10429" t="s">
        <v>20813</v>
      </c>
      <c r="C10429" t="s">
        <v>20814</v>
      </c>
    </row>
    <row r="10430" spans="1:3" x14ac:dyDescent="0.15">
      <c r="A10430">
        <v>14580</v>
      </c>
      <c r="B10430" t="s">
        <v>20815</v>
      </c>
      <c r="C10430" t="s">
        <v>20816</v>
      </c>
    </row>
    <row r="10431" spans="1:3" x14ac:dyDescent="0.15">
      <c r="A10431">
        <v>14579</v>
      </c>
      <c r="B10431" t="s">
        <v>20817</v>
      </c>
      <c r="C10431" t="s">
        <v>20818</v>
      </c>
    </row>
    <row r="10432" spans="1:3" x14ac:dyDescent="0.15">
      <c r="A10432">
        <v>14578</v>
      </c>
      <c r="B10432" t="s">
        <v>20819</v>
      </c>
      <c r="C10432" t="s">
        <v>20820</v>
      </c>
    </row>
    <row r="10433" spans="1:3" x14ac:dyDescent="0.15">
      <c r="A10433">
        <v>14577</v>
      </c>
      <c r="B10433" t="s">
        <v>20821</v>
      </c>
      <c r="C10433" t="s">
        <v>20822</v>
      </c>
    </row>
    <row r="10434" spans="1:3" x14ac:dyDescent="0.15">
      <c r="A10434">
        <v>14576</v>
      </c>
      <c r="B10434" t="s">
        <v>20823</v>
      </c>
      <c r="C10434" t="s">
        <v>20824</v>
      </c>
    </row>
    <row r="10435" spans="1:3" x14ac:dyDescent="0.15">
      <c r="A10435">
        <v>14575</v>
      </c>
      <c r="B10435" t="s">
        <v>20825</v>
      </c>
      <c r="C10435" t="s">
        <v>20826</v>
      </c>
    </row>
    <row r="10436" spans="1:3" x14ac:dyDescent="0.15">
      <c r="A10436">
        <v>14574</v>
      </c>
      <c r="B10436" t="s">
        <v>20827</v>
      </c>
      <c r="C10436" t="s">
        <v>20828</v>
      </c>
    </row>
    <row r="10437" spans="1:3" x14ac:dyDescent="0.15">
      <c r="A10437">
        <v>14573</v>
      </c>
      <c r="B10437" t="s">
        <v>20829</v>
      </c>
      <c r="C10437" t="s">
        <v>20830</v>
      </c>
    </row>
    <row r="10438" spans="1:3" x14ac:dyDescent="0.15">
      <c r="A10438">
        <v>14572</v>
      </c>
      <c r="B10438" t="s">
        <v>20831</v>
      </c>
      <c r="C10438" t="s">
        <v>20832</v>
      </c>
    </row>
    <row r="10439" spans="1:3" x14ac:dyDescent="0.15">
      <c r="A10439">
        <v>14571</v>
      </c>
      <c r="B10439" t="s">
        <v>20833</v>
      </c>
      <c r="C10439" t="s">
        <v>20834</v>
      </c>
    </row>
    <row r="10440" spans="1:3" x14ac:dyDescent="0.15">
      <c r="A10440">
        <v>14570</v>
      </c>
      <c r="B10440" t="s">
        <v>20835</v>
      </c>
      <c r="C10440" t="s">
        <v>20836</v>
      </c>
    </row>
    <row r="10441" spans="1:3" x14ac:dyDescent="0.15">
      <c r="A10441">
        <v>14569</v>
      </c>
      <c r="B10441" t="s">
        <v>20837</v>
      </c>
      <c r="C10441" t="s">
        <v>20838</v>
      </c>
    </row>
    <row r="10442" spans="1:3" x14ac:dyDescent="0.15">
      <c r="A10442">
        <v>14568</v>
      </c>
      <c r="B10442" t="s">
        <v>20839</v>
      </c>
      <c r="C10442" t="s">
        <v>20840</v>
      </c>
    </row>
    <row r="10443" spans="1:3" x14ac:dyDescent="0.15">
      <c r="A10443">
        <v>14567</v>
      </c>
      <c r="B10443" t="s">
        <v>20841</v>
      </c>
      <c r="C10443" t="s">
        <v>20842</v>
      </c>
    </row>
    <row r="10444" spans="1:3" x14ac:dyDescent="0.15">
      <c r="A10444">
        <v>14566</v>
      </c>
      <c r="B10444" t="s">
        <v>20843</v>
      </c>
      <c r="C10444" t="s">
        <v>20844</v>
      </c>
    </row>
    <row r="10445" spans="1:3" x14ac:dyDescent="0.15">
      <c r="A10445">
        <v>14565</v>
      </c>
      <c r="B10445" t="s">
        <v>20845</v>
      </c>
      <c r="C10445" t="s">
        <v>20846</v>
      </c>
    </row>
    <row r="10446" spans="1:3" x14ac:dyDescent="0.15">
      <c r="A10446">
        <v>14564</v>
      </c>
      <c r="B10446" t="s">
        <v>20847</v>
      </c>
      <c r="C10446" t="s">
        <v>20848</v>
      </c>
    </row>
    <row r="10447" spans="1:3" x14ac:dyDescent="0.15">
      <c r="A10447">
        <v>14563</v>
      </c>
      <c r="B10447" t="s">
        <v>20849</v>
      </c>
      <c r="C10447" t="s">
        <v>20850</v>
      </c>
    </row>
    <row r="10448" spans="1:3" x14ac:dyDescent="0.15">
      <c r="A10448">
        <v>14562</v>
      </c>
      <c r="B10448" t="s">
        <v>20851</v>
      </c>
      <c r="C10448" t="s">
        <v>20852</v>
      </c>
    </row>
    <row r="10449" spans="1:3" x14ac:dyDescent="0.15">
      <c r="A10449">
        <v>14561</v>
      </c>
      <c r="B10449" t="s">
        <v>20853</v>
      </c>
      <c r="C10449" t="s">
        <v>20854</v>
      </c>
    </row>
    <row r="10450" spans="1:3" x14ac:dyDescent="0.15">
      <c r="A10450">
        <v>14560</v>
      </c>
      <c r="B10450" t="s">
        <v>20855</v>
      </c>
      <c r="C10450" t="s">
        <v>20856</v>
      </c>
    </row>
    <row r="10451" spans="1:3" x14ac:dyDescent="0.15">
      <c r="A10451">
        <v>14559</v>
      </c>
      <c r="B10451" t="s">
        <v>20857</v>
      </c>
      <c r="C10451" t="s">
        <v>20858</v>
      </c>
    </row>
    <row r="10452" spans="1:3" x14ac:dyDescent="0.15">
      <c r="A10452">
        <v>14558</v>
      </c>
      <c r="B10452" t="s">
        <v>20859</v>
      </c>
      <c r="C10452" t="s">
        <v>20860</v>
      </c>
    </row>
    <row r="10453" spans="1:3" x14ac:dyDescent="0.15">
      <c r="A10453">
        <v>14557</v>
      </c>
      <c r="B10453" t="s">
        <v>20861</v>
      </c>
      <c r="C10453" t="s">
        <v>20862</v>
      </c>
    </row>
    <row r="10454" spans="1:3" x14ac:dyDescent="0.15">
      <c r="A10454">
        <v>14556</v>
      </c>
      <c r="B10454" t="s">
        <v>20863</v>
      </c>
      <c r="C10454" t="s">
        <v>20864</v>
      </c>
    </row>
    <row r="10455" spans="1:3" x14ac:dyDescent="0.15">
      <c r="A10455">
        <v>14555</v>
      </c>
      <c r="B10455" t="s">
        <v>20865</v>
      </c>
      <c r="C10455" t="s">
        <v>20866</v>
      </c>
    </row>
    <row r="10456" spans="1:3" x14ac:dyDescent="0.15">
      <c r="A10456">
        <v>14554</v>
      </c>
      <c r="B10456" t="s">
        <v>20867</v>
      </c>
      <c r="C10456" t="s">
        <v>20868</v>
      </c>
    </row>
    <row r="10457" spans="1:3" x14ac:dyDescent="0.15">
      <c r="A10457">
        <v>14553</v>
      </c>
      <c r="B10457" t="s">
        <v>20869</v>
      </c>
      <c r="C10457" t="s">
        <v>20870</v>
      </c>
    </row>
    <row r="10458" spans="1:3" x14ac:dyDescent="0.15">
      <c r="A10458">
        <v>14552</v>
      </c>
      <c r="B10458" t="s">
        <v>20871</v>
      </c>
      <c r="C10458" t="s">
        <v>20872</v>
      </c>
    </row>
    <row r="10459" spans="1:3" x14ac:dyDescent="0.15">
      <c r="A10459">
        <v>14551</v>
      </c>
      <c r="B10459" t="s">
        <v>20873</v>
      </c>
      <c r="C10459" t="s">
        <v>20874</v>
      </c>
    </row>
    <row r="10460" spans="1:3" x14ac:dyDescent="0.15">
      <c r="A10460">
        <v>14550</v>
      </c>
      <c r="B10460" t="s">
        <v>20875</v>
      </c>
      <c r="C10460" t="s">
        <v>20876</v>
      </c>
    </row>
    <row r="10461" spans="1:3" x14ac:dyDescent="0.15">
      <c r="A10461">
        <v>14549</v>
      </c>
      <c r="B10461" t="s">
        <v>20877</v>
      </c>
      <c r="C10461" t="s">
        <v>20878</v>
      </c>
    </row>
    <row r="10462" spans="1:3" x14ac:dyDescent="0.15">
      <c r="A10462">
        <v>14548</v>
      </c>
      <c r="B10462" t="s">
        <v>20879</v>
      </c>
      <c r="C10462" t="s">
        <v>20880</v>
      </c>
    </row>
    <row r="10463" spans="1:3" x14ac:dyDescent="0.15">
      <c r="A10463">
        <v>14547</v>
      </c>
      <c r="B10463" t="s">
        <v>20881</v>
      </c>
      <c r="C10463" t="s">
        <v>20882</v>
      </c>
    </row>
    <row r="10464" spans="1:3" x14ac:dyDescent="0.15">
      <c r="A10464">
        <v>14546</v>
      </c>
      <c r="B10464" t="s">
        <v>20883</v>
      </c>
      <c r="C10464" t="s">
        <v>20884</v>
      </c>
    </row>
    <row r="10465" spans="1:3" x14ac:dyDescent="0.15">
      <c r="A10465">
        <v>14545</v>
      </c>
      <c r="B10465" t="s">
        <v>20885</v>
      </c>
      <c r="C10465" t="s">
        <v>20886</v>
      </c>
    </row>
    <row r="10466" spans="1:3" x14ac:dyDescent="0.15">
      <c r="A10466">
        <v>14544</v>
      </c>
      <c r="B10466" t="s">
        <v>20887</v>
      </c>
      <c r="C10466" t="s">
        <v>20888</v>
      </c>
    </row>
    <row r="10467" spans="1:3" x14ac:dyDescent="0.15">
      <c r="A10467">
        <v>14543</v>
      </c>
      <c r="B10467" t="s">
        <v>20889</v>
      </c>
      <c r="C10467" t="s">
        <v>20890</v>
      </c>
    </row>
    <row r="10468" spans="1:3" x14ac:dyDescent="0.15">
      <c r="A10468">
        <v>14542</v>
      </c>
      <c r="B10468" t="s">
        <v>20891</v>
      </c>
      <c r="C10468" t="s">
        <v>20892</v>
      </c>
    </row>
    <row r="10469" spans="1:3" x14ac:dyDescent="0.15">
      <c r="A10469">
        <v>14541</v>
      </c>
      <c r="B10469" t="s">
        <v>20893</v>
      </c>
      <c r="C10469" t="s">
        <v>20894</v>
      </c>
    </row>
    <row r="10470" spans="1:3" x14ac:dyDescent="0.15">
      <c r="A10470">
        <v>14540</v>
      </c>
      <c r="B10470" t="s">
        <v>20895</v>
      </c>
      <c r="C10470" t="s">
        <v>20896</v>
      </c>
    </row>
    <row r="10471" spans="1:3" x14ac:dyDescent="0.15">
      <c r="A10471">
        <v>14539</v>
      </c>
      <c r="B10471" t="s">
        <v>20897</v>
      </c>
      <c r="C10471" t="s">
        <v>20898</v>
      </c>
    </row>
    <row r="10472" spans="1:3" x14ac:dyDescent="0.15">
      <c r="A10472">
        <v>14538</v>
      </c>
      <c r="B10472" t="s">
        <v>20899</v>
      </c>
      <c r="C10472" t="s">
        <v>20900</v>
      </c>
    </row>
    <row r="10473" spans="1:3" x14ac:dyDescent="0.15">
      <c r="A10473">
        <v>14537</v>
      </c>
      <c r="B10473" t="s">
        <v>20901</v>
      </c>
      <c r="C10473" t="s">
        <v>20902</v>
      </c>
    </row>
    <row r="10474" spans="1:3" x14ac:dyDescent="0.15">
      <c r="A10474">
        <v>14536</v>
      </c>
      <c r="B10474" t="s">
        <v>20903</v>
      </c>
      <c r="C10474" t="s">
        <v>20904</v>
      </c>
    </row>
    <row r="10475" spans="1:3" x14ac:dyDescent="0.15">
      <c r="A10475">
        <v>14535</v>
      </c>
      <c r="B10475" t="s">
        <v>20905</v>
      </c>
      <c r="C10475" t="s">
        <v>20906</v>
      </c>
    </row>
    <row r="10476" spans="1:3" x14ac:dyDescent="0.15">
      <c r="A10476">
        <v>14534</v>
      </c>
      <c r="B10476" t="s">
        <v>20907</v>
      </c>
      <c r="C10476" t="s">
        <v>20908</v>
      </c>
    </row>
    <row r="10477" spans="1:3" x14ac:dyDescent="0.15">
      <c r="A10477">
        <v>14533</v>
      </c>
      <c r="B10477" t="s">
        <v>20909</v>
      </c>
      <c r="C10477" t="s">
        <v>20910</v>
      </c>
    </row>
    <row r="10478" spans="1:3" x14ac:dyDescent="0.15">
      <c r="A10478">
        <v>14532</v>
      </c>
      <c r="B10478" t="s">
        <v>20911</v>
      </c>
      <c r="C10478" t="s">
        <v>20912</v>
      </c>
    </row>
    <row r="10479" spans="1:3" x14ac:dyDescent="0.15">
      <c r="A10479">
        <v>14531</v>
      </c>
      <c r="B10479" t="s">
        <v>20913</v>
      </c>
      <c r="C10479" t="s">
        <v>20914</v>
      </c>
    </row>
    <row r="10480" spans="1:3" x14ac:dyDescent="0.15">
      <c r="A10480">
        <v>14530</v>
      </c>
      <c r="B10480" t="s">
        <v>20915</v>
      </c>
      <c r="C10480" t="s">
        <v>20916</v>
      </c>
    </row>
    <row r="10481" spans="1:3" x14ac:dyDescent="0.15">
      <c r="A10481">
        <v>14529</v>
      </c>
      <c r="B10481" t="s">
        <v>20917</v>
      </c>
      <c r="C10481" t="s">
        <v>20918</v>
      </c>
    </row>
    <row r="10482" spans="1:3" x14ac:dyDescent="0.15">
      <c r="A10482">
        <v>14528</v>
      </c>
      <c r="B10482" t="s">
        <v>20919</v>
      </c>
      <c r="C10482" t="s">
        <v>20920</v>
      </c>
    </row>
    <row r="10483" spans="1:3" x14ac:dyDescent="0.15">
      <c r="A10483">
        <v>14527</v>
      </c>
      <c r="B10483" t="s">
        <v>20921</v>
      </c>
      <c r="C10483" t="s">
        <v>20922</v>
      </c>
    </row>
    <row r="10484" spans="1:3" x14ac:dyDescent="0.15">
      <c r="A10484">
        <v>14526</v>
      </c>
      <c r="B10484" t="s">
        <v>20923</v>
      </c>
      <c r="C10484" t="s">
        <v>20924</v>
      </c>
    </row>
    <row r="10485" spans="1:3" x14ac:dyDescent="0.15">
      <c r="A10485">
        <v>14525</v>
      </c>
      <c r="B10485" t="s">
        <v>20925</v>
      </c>
      <c r="C10485" t="s">
        <v>20926</v>
      </c>
    </row>
    <row r="10486" spans="1:3" x14ac:dyDescent="0.15">
      <c r="A10486">
        <v>14524</v>
      </c>
      <c r="B10486" t="s">
        <v>20927</v>
      </c>
      <c r="C10486" t="s">
        <v>20928</v>
      </c>
    </row>
    <row r="10487" spans="1:3" x14ac:dyDescent="0.15">
      <c r="A10487">
        <v>14523</v>
      </c>
      <c r="B10487" t="s">
        <v>20929</v>
      </c>
      <c r="C10487" t="s">
        <v>20930</v>
      </c>
    </row>
    <row r="10488" spans="1:3" x14ac:dyDescent="0.15">
      <c r="A10488">
        <v>14522</v>
      </c>
      <c r="B10488" t="s">
        <v>20931</v>
      </c>
      <c r="C10488" t="s">
        <v>20932</v>
      </c>
    </row>
    <row r="10489" spans="1:3" x14ac:dyDescent="0.15">
      <c r="A10489">
        <v>14521</v>
      </c>
      <c r="B10489" t="s">
        <v>20933</v>
      </c>
      <c r="C10489" t="s">
        <v>20934</v>
      </c>
    </row>
    <row r="10490" spans="1:3" x14ac:dyDescent="0.15">
      <c r="A10490">
        <v>14520</v>
      </c>
      <c r="B10490" t="s">
        <v>20935</v>
      </c>
      <c r="C10490" t="s">
        <v>20936</v>
      </c>
    </row>
    <row r="10491" spans="1:3" x14ac:dyDescent="0.15">
      <c r="A10491">
        <v>14519</v>
      </c>
      <c r="B10491" t="s">
        <v>20937</v>
      </c>
      <c r="C10491" t="s">
        <v>20938</v>
      </c>
    </row>
    <row r="10492" spans="1:3" x14ac:dyDescent="0.15">
      <c r="A10492">
        <v>14518</v>
      </c>
      <c r="B10492" t="s">
        <v>20939</v>
      </c>
      <c r="C10492" t="s">
        <v>20940</v>
      </c>
    </row>
    <row r="10493" spans="1:3" x14ac:dyDescent="0.15">
      <c r="A10493">
        <v>14517</v>
      </c>
      <c r="B10493" t="s">
        <v>20941</v>
      </c>
      <c r="C10493" t="s">
        <v>20942</v>
      </c>
    </row>
    <row r="10494" spans="1:3" x14ac:dyDescent="0.15">
      <c r="A10494">
        <v>14516</v>
      </c>
      <c r="B10494" t="s">
        <v>20943</v>
      </c>
      <c r="C10494" t="s">
        <v>20944</v>
      </c>
    </row>
    <row r="10495" spans="1:3" x14ac:dyDescent="0.15">
      <c r="A10495">
        <v>14515</v>
      </c>
      <c r="B10495" t="s">
        <v>20945</v>
      </c>
      <c r="C10495" t="s">
        <v>20946</v>
      </c>
    </row>
    <row r="10496" spans="1:3" x14ac:dyDescent="0.15">
      <c r="A10496">
        <v>14514</v>
      </c>
      <c r="B10496" t="s">
        <v>20947</v>
      </c>
      <c r="C10496" t="s">
        <v>20948</v>
      </c>
    </row>
    <row r="10497" spans="1:3" x14ac:dyDescent="0.15">
      <c r="A10497">
        <v>14513</v>
      </c>
      <c r="B10497" t="s">
        <v>20949</v>
      </c>
      <c r="C10497" t="s">
        <v>20950</v>
      </c>
    </row>
    <row r="10498" spans="1:3" x14ac:dyDescent="0.15">
      <c r="A10498">
        <v>14512</v>
      </c>
      <c r="B10498" t="s">
        <v>20951</v>
      </c>
      <c r="C10498" t="s">
        <v>20952</v>
      </c>
    </row>
    <row r="10499" spans="1:3" x14ac:dyDescent="0.15">
      <c r="A10499">
        <v>14511</v>
      </c>
      <c r="B10499" t="s">
        <v>20953</v>
      </c>
      <c r="C10499" t="s">
        <v>20954</v>
      </c>
    </row>
    <row r="10500" spans="1:3" x14ac:dyDescent="0.15">
      <c r="A10500">
        <v>14510</v>
      </c>
      <c r="B10500" t="s">
        <v>20955</v>
      </c>
      <c r="C10500" t="s">
        <v>20956</v>
      </c>
    </row>
    <row r="10501" spans="1:3" x14ac:dyDescent="0.15">
      <c r="A10501">
        <v>14509</v>
      </c>
      <c r="B10501" t="s">
        <v>20957</v>
      </c>
      <c r="C10501" t="s">
        <v>20958</v>
      </c>
    </row>
    <row r="10502" spans="1:3" x14ac:dyDescent="0.15">
      <c r="A10502">
        <v>14508</v>
      </c>
      <c r="B10502" t="s">
        <v>20959</v>
      </c>
      <c r="C10502" t="s">
        <v>20960</v>
      </c>
    </row>
    <row r="10503" spans="1:3" x14ac:dyDescent="0.15">
      <c r="A10503">
        <v>14507</v>
      </c>
      <c r="B10503" t="s">
        <v>20961</v>
      </c>
      <c r="C10503" t="s">
        <v>20962</v>
      </c>
    </row>
    <row r="10504" spans="1:3" x14ac:dyDescent="0.15">
      <c r="A10504">
        <v>14506</v>
      </c>
      <c r="B10504" t="s">
        <v>20963</v>
      </c>
      <c r="C10504" t="s">
        <v>20964</v>
      </c>
    </row>
    <row r="10505" spans="1:3" x14ac:dyDescent="0.15">
      <c r="A10505">
        <v>14505</v>
      </c>
      <c r="B10505" t="s">
        <v>20965</v>
      </c>
      <c r="C10505" t="s">
        <v>20966</v>
      </c>
    </row>
    <row r="10506" spans="1:3" x14ac:dyDescent="0.15">
      <c r="A10506">
        <v>14504</v>
      </c>
      <c r="B10506" t="s">
        <v>20967</v>
      </c>
      <c r="C10506" t="s">
        <v>20968</v>
      </c>
    </row>
    <row r="10507" spans="1:3" x14ac:dyDescent="0.15">
      <c r="A10507">
        <v>14503</v>
      </c>
      <c r="B10507" t="s">
        <v>20969</v>
      </c>
      <c r="C10507" t="s">
        <v>20970</v>
      </c>
    </row>
    <row r="10508" spans="1:3" x14ac:dyDescent="0.15">
      <c r="A10508">
        <v>14502</v>
      </c>
      <c r="B10508" t="s">
        <v>20971</v>
      </c>
      <c r="C10508" t="s">
        <v>20972</v>
      </c>
    </row>
    <row r="10509" spans="1:3" x14ac:dyDescent="0.15">
      <c r="A10509">
        <v>14501</v>
      </c>
      <c r="B10509" t="s">
        <v>20973</v>
      </c>
      <c r="C10509" t="s">
        <v>20974</v>
      </c>
    </row>
    <row r="10510" spans="1:3" x14ac:dyDescent="0.15">
      <c r="A10510">
        <v>14500</v>
      </c>
      <c r="B10510" t="s">
        <v>20975</v>
      </c>
      <c r="C10510" t="s">
        <v>20976</v>
      </c>
    </row>
    <row r="10511" spans="1:3" x14ac:dyDescent="0.15">
      <c r="A10511">
        <v>14499</v>
      </c>
      <c r="B10511" t="s">
        <v>20977</v>
      </c>
      <c r="C10511" t="s">
        <v>20978</v>
      </c>
    </row>
    <row r="10512" spans="1:3" x14ac:dyDescent="0.15">
      <c r="A10512">
        <v>14498</v>
      </c>
      <c r="B10512" t="s">
        <v>20979</v>
      </c>
      <c r="C10512" t="s">
        <v>20980</v>
      </c>
    </row>
    <row r="10513" spans="1:3" x14ac:dyDescent="0.15">
      <c r="A10513">
        <v>14497</v>
      </c>
      <c r="B10513" t="s">
        <v>20981</v>
      </c>
      <c r="C10513" t="s">
        <v>20982</v>
      </c>
    </row>
    <row r="10514" spans="1:3" x14ac:dyDescent="0.15">
      <c r="A10514">
        <v>14496</v>
      </c>
      <c r="B10514" t="s">
        <v>20983</v>
      </c>
      <c r="C10514" t="s">
        <v>20984</v>
      </c>
    </row>
    <row r="10515" spans="1:3" x14ac:dyDescent="0.15">
      <c r="A10515">
        <v>14495</v>
      </c>
      <c r="B10515" t="s">
        <v>20985</v>
      </c>
      <c r="C10515" t="s">
        <v>20986</v>
      </c>
    </row>
    <row r="10516" spans="1:3" x14ac:dyDescent="0.15">
      <c r="A10516">
        <v>14494</v>
      </c>
      <c r="B10516" t="s">
        <v>20987</v>
      </c>
      <c r="C10516" t="s">
        <v>20988</v>
      </c>
    </row>
    <row r="10517" spans="1:3" x14ac:dyDescent="0.15">
      <c r="A10517">
        <v>14493</v>
      </c>
      <c r="B10517" t="s">
        <v>20989</v>
      </c>
      <c r="C10517" t="s">
        <v>20990</v>
      </c>
    </row>
    <row r="10518" spans="1:3" x14ac:dyDescent="0.15">
      <c r="A10518">
        <v>14492</v>
      </c>
      <c r="B10518" t="s">
        <v>20991</v>
      </c>
      <c r="C10518" t="s">
        <v>20992</v>
      </c>
    </row>
    <row r="10519" spans="1:3" x14ac:dyDescent="0.15">
      <c r="A10519">
        <v>14491</v>
      </c>
      <c r="B10519" t="s">
        <v>20993</v>
      </c>
      <c r="C10519" t="s">
        <v>20994</v>
      </c>
    </row>
    <row r="10520" spans="1:3" x14ac:dyDescent="0.15">
      <c r="A10520">
        <v>14490</v>
      </c>
      <c r="B10520" t="s">
        <v>20995</v>
      </c>
      <c r="C10520" t="s">
        <v>20996</v>
      </c>
    </row>
    <row r="10521" spans="1:3" x14ac:dyDescent="0.15">
      <c r="A10521">
        <v>14489</v>
      </c>
      <c r="B10521" t="s">
        <v>20997</v>
      </c>
      <c r="C10521" t="s">
        <v>20998</v>
      </c>
    </row>
    <row r="10522" spans="1:3" x14ac:dyDescent="0.15">
      <c r="A10522">
        <v>14488</v>
      </c>
      <c r="B10522" t="s">
        <v>20999</v>
      </c>
      <c r="C10522" t="s">
        <v>21000</v>
      </c>
    </row>
    <row r="10523" spans="1:3" x14ac:dyDescent="0.15">
      <c r="A10523">
        <v>14487</v>
      </c>
      <c r="B10523" t="s">
        <v>21001</v>
      </c>
      <c r="C10523" t="s">
        <v>21002</v>
      </c>
    </row>
    <row r="10524" spans="1:3" x14ac:dyDescent="0.15">
      <c r="A10524">
        <v>14486</v>
      </c>
      <c r="B10524" t="s">
        <v>21003</v>
      </c>
      <c r="C10524" t="s">
        <v>21004</v>
      </c>
    </row>
    <row r="10525" spans="1:3" x14ac:dyDescent="0.15">
      <c r="A10525">
        <v>14485</v>
      </c>
      <c r="B10525" t="s">
        <v>21005</v>
      </c>
      <c r="C10525" t="s">
        <v>21006</v>
      </c>
    </row>
    <row r="10526" spans="1:3" x14ac:dyDescent="0.15">
      <c r="A10526">
        <v>14484</v>
      </c>
      <c r="B10526" t="s">
        <v>21007</v>
      </c>
      <c r="C10526" t="s">
        <v>21008</v>
      </c>
    </row>
    <row r="10527" spans="1:3" x14ac:dyDescent="0.15">
      <c r="A10527">
        <v>14483</v>
      </c>
      <c r="B10527" t="s">
        <v>21009</v>
      </c>
      <c r="C10527" t="s">
        <v>21010</v>
      </c>
    </row>
    <row r="10528" spans="1:3" x14ac:dyDescent="0.15">
      <c r="A10528">
        <v>14482</v>
      </c>
      <c r="B10528" t="s">
        <v>21011</v>
      </c>
      <c r="C10528" t="s">
        <v>21012</v>
      </c>
    </row>
    <row r="10529" spans="1:3" x14ac:dyDescent="0.15">
      <c r="A10529">
        <v>14481</v>
      </c>
      <c r="B10529" t="s">
        <v>21013</v>
      </c>
      <c r="C10529" t="s">
        <v>21014</v>
      </c>
    </row>
    <row r="10530" spans="1:3" x14ac:dyDescent="0.15">
      <c r="A10530">
        <v>14480</v>
      </c>
      <c r="B10530" t="s">
        <v>21015</v>
      </c>
      <c r="C10530" t="s">
        <v>21016</v>
      </c>
    </row>
    <row r="10531" spans="1:3" x14ac:dyDescent="0.15">
      <c r="A10531">
        <v>14479</v>
      </c>
      <c r="B10531" t="s">
        <v>21017</v>
      </c>
      <c r="C10531" t="s">
        <v>21018</v>
      </c>
    </row>
    <row r="10532" spans="1:3" x14ac:dyDescent="0.15">
      <c r="A10532">
        <v>14478</v>
      </c>
      <c r="B10532" t="s">
        <v>21019</v>
      </c>
      <c r="C10532" t="s">
        <v>21020</v>
      </c>
    </row>
    <row r="10533" spans="1:3" x14ac:dyDescent="0.15">
      <c r="A10533">
        <v>14477</v>
      </c>
      <c r="B10533" t="s">
        <v>21021</v>
      </c>
      <c r="C10533" t="s">
        <v>21022</v>
      </c>
    </row>
    <row r="10534" spans="1:3" x14ac:dyDescent="0.15">
      <c r="A10534">
        <v>14476</v>
      </c>
      <c r="B10534" t="s">
        <v>21023</v>
      </c>
      <c r="C10534" t="s">
        <v>21024</v>
      </c>
    </row>
    <row r="10535" spans="1:3" x14ac:dyDescent="0.15">
      <c r="A10535">
        <v>14475</v>
      </c>
      <c r="B10535" t="s">
        <v>21025</v>
      </c>
      <c r="C10535" t="s">
        <v>21026</v>
      </c>
    </row>
    <row r="10536" spans="1:3" x14ac:dyDescent="0.15">
      <c r="A10536">
        <v>14474</v>
      </c>
      <c r="B10536" t="s">
        <v>21027</v>
      </c>
      <c r="C10536" t="s">
        <v>21028</v>
      </c>
    </row>
    <row r="10537" spans="1:3" x14ac:dyDescent="0.15">
      <c r="A10537">
        <v>14473</v>
      </c>
      <c r="B10537" t="s">
        <v>21029</v>
      </c>
      <c r="C10537" t="s">
        <v>21030</v>
      </c>
    </row>
    <row r="10538" spans="1:3" x14ac:dyDescent="0.15">
      <c r="A10538">
        <v>14472</v>
      </c>
      <c r="B10538" t="s">
        <v>21031</v>
      </c>
      <c r="C10538" t="s">
        <v>21032</v>
      </c>
    </row>
    <row r="10539" spans="1:3" x14ac:dyDescent="0.15">
      <c r="A10539">
        <v>14471</v>
      </c>
      <c r="B10539" t="s">
        <v>21033</v>
      </c>
      <c r="C10539" t="s">
        <v>21034</v>
      </c>
    </row>
    <row r="10540" spans="1:3" x14ac:dyDescent="0.15">
      <c r="A10540">
        <v>14470</v>
      </c>
      <c r="B10540" t="s">
        <v>21035</v>
      </c>
      <c r="C10540" t="s">
        <v>21036</v>
      </c>
    </row>
    <row r="10541" spans="1:3" x14ac:dyDescent="0.15">
      <c r="A10541">
        <v>14469</v>
      </c>
      <c r="B10541" t="s">
        <v>21037</v>
      </c>
      <c r="C10541" t="s">
        <v>21038</v>
      </c>
    </row>
    <row r="10542" spans="1:3" x14ac:dyDescent="0.15">
      <c r="A10542">
        <v>14468</v>
      </c>
      <c r="B10542" t="s">
        <v>21039</v>
      </c>
      <c r="C10542" t="s">
        <v>21040</v>
      </c>
    </row>
    <row r="10543" spans="1:3" x14ac:dyDescent="0.15">
      <c r="A10543">
        <v>14467</v>
      </c>
      <c r="B10543" t="s">
        <v>21041</v>
      </c>
      <c r="C10543" t="s">
        <v>21042</v>
      </c>
    </row>
    <row r="10544" spans="1:3" x14ac:dyDescent="0.15">
      <c r="A10544">
        <v>14466</v>
      </c>
      <c r="B10544" t="s">
        <v>21043</v>
      </c>
      <c r="C10544" t="s">
        <v>21044</v>
      </c>
    </row>
    <row r="10545" spans="1:3" x14ac:dyDescent="0.15">
      <c r="A10545">
        <v>14465</v>
      </c>
      <c r="B10545" t="s">
        <v>21045</v>
      </c>
      <c r="C10545" t="s">
        <v>21046</v>
      </c>
    </row>
    <row r="10546" spans="1:3" x14ac:dyDescent="0.15">
      <c r="A10546">
        <v>14464</v>
      </c>
      <c r="B10546" t="s">
        <v>21047</v>
      </c>
      <c r="C10546" t="s">
        <v>21048</v>
      </c>
    </row>
    <row r="10547" spans="1:3" x14ac:dyDescent="0.15">
      <c r="A10547">
        <v>14463</v>
      </c>
      <c r="B10547" t="s">
        <v>21049</v>
      </c>
      <c r="C10547" t="s">
        <v>21050</v>
      </c>
    </row>
    <row r="10548" spans="1:3" x14ac:dyDescent="0.15">
      <c r="A10548">
        <v>14462</v>
      </c>
      <c r="B10548" t="s">
        <v>21051</v>
      </c>
      <c r="C10548" t="s">
        <v>21052</v>
      </c>
    </row>
    <row r="10549" spans="1:3" x14ac:dyDescent="0.15">
      <c r="A10549">
        <v>14461</v>
      </c>
      <c r="B10549" t="s">
        <v>21053</v>
      </c>
      <c r="C10549" t="s">
        <v>21054</v>
      </c>
    </row>
    <row r="10550" spans="1:3" x14ac:dyDescent="0.15">
      <c r="A10550">
        <v>14460</v>
      </c>
      <c r="B10550" t="s">
        <v>21055</v>
      </c>
      <c r="C10550" t="s">
        <v>21056</v>
      </c>
    </row>
    <row r="10551" spans="1:3" x14ac:dyDescent="0.15">
      <c r="A10551">
        <v>14459</v>
      </c>
      <c r="B10551" t="s">
        <v>21057</v>
      </c>
      <c r="C10551" t="s">
        <v>21058</v>
      </c>
    </row>
    <row r="10552" spans="1:3" x14ac:dyDescent="0.15">
      <c r="A10552">
        <v>14458</v>
      </c>
      <c r="B10552" t="s">
        <v>21059</v>
      </c>
      <c r="C10552" t="s">
        <v>21060</v>
      </c>
    </row>
    <row r="10553" spans="1:3" x14ac:dyDescent="0.15">
      <c r="A10553">
        <v>14457</v>
      </c>
      <c r="B10553" t="s">
        <v>21061</v>
      </c>
      <c r="C10553" t="s">
        <v>21062</v>
      </c>
    </row>
    <row r="10554" spans="1:3" x14ac:dyDescent="0.15">
      <c r="A10554">
        <v>14456</v>
      </c>
      <c r="B10554" t="s">
        <v>21063</v>
      </c>
      <c r="C10554" t="s">
        <v>21064</v>
      </c>
    </row>
    <row r="10555" spans="1:3" x14ac:dyDescent="0.15">
      <c r="A10555">
        <v>14455</v>
      </c>
      <c r="B10555" t="s">
        <v>21065</v>
      </c>
      <c r="C10555" t="s">
        <v>21066</v>
      </c>
    </row>
    <row r="10556" spans="1:3" x14ac:dyDescent="0.15">
      <c r="A10556">
        <v>14454</v>
      </c>
      <c r="B10556" t="s">
        <v>21067</v>
      </c>
      <c r="C10556" t="s">
        <v>21068</v>
      </c>
    </row>
    <row r="10557" spans="1:3" x14ac:dyDescent="0.15">
      <c r="A10557">
        <v>14453</v>
      </c>
      <c r="B10557" t="s">
        <v>21069</v>
      </c>
      <c r="C10557" t="s">
        <v>21070</v>
      </c>
    </row>
    <row r="10558" spans="1:3" x14ac:dyDescent="0.15">
      <c r="A10558">
        <v>14452</v>
      </c>
      <c r="B10558" t="s">
        <v>21071</v>
      </c>
      <c r="C10558" t="s">
        <v>21072</v>
      </c>
    </row>
    <row r="10559" spans="1:3" x14ac:dyDescent="0.15">
      <c r="A10559">
        <v>14451</v>
      </c>
      <c r="B10559" t="s">
        <v>21073</v>
      </c>
      <c r="C10559" t="s">
        <v>21074</v>
      </c>
    </row>
    <row r="10560" spans="1:3" x14ac:dyDescent="0.15">
      <c r="A10560">
        <v>14450</v>
      </c>
      <c r="B10560" t="s">
        <v>21075</v>
      </c>
      <c r="C10560" t="s">
        <v>21076</v>
      </c>
    </row>
    <row r="10561" spans="1:3" x14ac:dyDescent="0.15">
      <c r="A10561">
        <v>14449</v>
      </c>
      <c r="B10561" t="s">
        <v>21077</v>
      </c>
      <c r="C10561" t="s">
        <v>21078</v>
      </c>
    </row>
    <row r="10562" spans="1:3" x14ac:dyDescent="0.15">
      <c r="A10562">
        <v>14448</v>
      </c>
      <c r="B10562" t="s">
        <v>21079</v>
      </c>
      <c r="C10562" t="s">
        <v>21080</v>
      </c>
    </row>
    <row r="10563" spans="1:3" x14ac:dyDescent="0.15">
      <c r="A10563">
        <v>14447</v>
      </c>
      <c r="B10563" t="s">
        <v>21081</v>
      </c>
      <c r="C10563" t="s">
        <v>21082</v>
      </c>
    </row>
    <row r="10564" spans="1:3" x14ac:dyDescent="0.15">
      <c r="A10564">
        <v>14446</v>
      </c>
      <c r="B10564" t="s">
        <v>21083</v>
      </c>
      <c r="C10564" t="s">
        <v>21084</v>
      </c>
    </row>
    <row r="10565" spans="1:3" x14ac:dyDescent="0.15">
      <c r="A10565">
        <v>14445</v>
      </c>
      <c r="B10565" t="s">
        <v>21085</v>
      </c>
      <c r="C10565" t="s">
        <v>21086</v>
      </c>
    </row>
    <row r="10566" spans="1:3" x14ac:dyDescent="0.15">
      <c r="A10566">
        <v>14444</v>
      </c>
      <c r="B10566" t="s">
        <v>21087</v>
      </c>
      <c r="C10566" t="s">
        <v>21088</v>
      </c>
    </row>
    <row r="10567" spans="1:3" x14ac:dyDescent="0.15">
      <c r="A10567">
        <v>14443</v>
      </c>
      <c r="B10567" t="s">
        <v>21089</v>
      </c>
      <c r="C10567" t="s">
        <v>21090</v>
      </c>
    </row>
    <row r="10568" spans="1:3" x14ac:dyDescent="0.15">
      <c r="A10568">
        <v>14442</v>
      </c>
      <c r="B10568" t="s">
        <v>21091</v>
      </c>
      <c r="C10568" t="s">
        <v>21092</v>
      </c>
    </row>
    <row r="10569" spans="1:3" x14ac:dyDescent="0.15">
      <c r="A10569">
        <v>14441</v>
      </c>
      <c r="B10569" t="s">
        <v>21093</v>
      </c>
      <c r="C10569" t="s">
        <v>21094</v>
      </c>
    </row>
    <row r="10570" spans="1:3" x14ac:dyDescent="0.15">
      <c r="A10570">
        <v>14440</v>
      </c>
      <c r="B10570" t="s">
        <v>21095</v>
      </c>
      <c r="C10570" t="s">
        <v>21096</v>
      </c>
    </row>
    <row r="10571" spans="1:3" x14ac:dyDescent="0.15">
      <c r="A10571">
        <v>14439</v>
      </c>
      <c r="B10571" t="s">
        <v>21097</v>
      </c>
      <c r="C10571" t="s">
        <v>21098</v>
      </c>
    </row>
    <row r="10572" spans="1:3" x14ac:dyDescent="0.15">
      <c r="A10572">
        <v>14438</v>
      </c>
      <c r="B10572" t="s">
        <v>21099</v>
      </c>
      <c r="C10572" t="s">
        <v>21100</v>
      </c>
    </row>
    <row r="10573" spans="1:3" x14ac:dyDescent="0.15">
      <c r="A10573">
        <v>14437</v>
      </c>
      <c r="B10573" t="s">
        <v>21101</v>
      </c>
      <c r="C10573" t="s">
        <v>21102</v>
      </c>
    </row>
    <row r="10574" spans="1:3" x14ac:dyDescent="0.15">
      <c r="A10574">
        <v>14436</v>
      </c>
      <c r="B10574" t="s">
        <v>21103</v>
      </c>
      <c r="C10574" t="s">
        <v>21104</v>
      </c>
    </row>
    <row r="10575" spans="1:3" x14ac:dyDescent="0.15">
      <c r="A10575">
        <v>14435</v>
      </c>
      <c r="B10575" t="s">
        <v>21105</v>
      </c>
      <c r="C10575" t="s">
        <v>21106</v>
      </c>
    </row>
    <row r="10576" spans="1:3" x14ac:dyDescent="0.15">
      <c r="A10576">
        <v>14434</v>
      </c>
      <c r="B10576" t="s">
        <v>21107</v>
      </c>
      <c r="C10576" t="s">
        <v>21108</v>
      </c>
    </row>
    <row r="10577" spans="1:3" x14ac:dyDescent="0.15">
      <c r="A10577">
        <v>14433</v>
      </c>
      <c r="B10577" t="s">
        <v>21109</v>
      </c>
      <c r="C10577" t="s">
        <v>21110</v>
      </c>
    </row>
    <row r="10578" spans="1:3" x14ac:dyDescent="0.15">
      <c r="A10578">
        <v>14432</v>
      </c>
      <c r="B10578" t="s">
        <v>21111</v>
      </c>
      <c r="C10578" t="s">
        <v>21112</v>
      </c>
    </row>
    <row r="10579" spans="1:3" x14ac:dyDescent="0.15">
      <c r="A10579">
        <v>14431</v>
      </c>
      <c r="B10579" t="s">
        <v>21113</v>
      </c>
      <c r="C10579" t="s">
        <v>21114</v>
      </c>
    </row>
    <row r="10580" spans="1:3" x14ac:dyDescent="0.15">
      <c r="A10580">
        <v>14430</v>
      </c>
      <c r="B10580" t="s">
        <v>21115</v>
      </c>
      <c r="C10580" t="s">
        <v>21116</v>
      </c>
    </row>
    <row r="10581" spans="1:3" x14ac:dyDescent="0.15">
      <c r="A10581">
        <v>14429</v>
      </c>
      <c r="B10581" t="s">
        <v>21117</v>
      </c>
      <c r="C10581" t="s">
        <v>21118</v>
      </c>
    </row>
    <row r="10582" spans="1:3" x14ac:dyDescent="0.15">
      <c r="A10582">
        <v>14428</v>
      </c>
      <c r="B10582" t="s">
        <v>21119</v>
      </c>
      <c r="C10582" t="s">
        <v>21120</v>
      </c>
    </row>
    <row r="10583" spans="1:3" x14ac:dyDescent="0.15">
      <c r="A10583">
        <v>14427</v>
      </c>
      <c r="B10583" t="s">
        <v>21121</v>
      </c>
      <c r="C10583" t="s">
        <v>21122</v>
      </c>
    </row>
    <row r="10584" spans="1:3" x14ac:dyDescent="0.15">
      <c r="A10584">
        <v>14426</v>
      </c>
      <c r="B10584" t="s">
        <v>21123</v>
      </c>
      <c r="C10584" t="s">
        <v>21124</v>
      </c>
    </row>
    <row r="10585" spans="1:3" x14ac:dyDescent="0.15">
      <c r="A10585">
        <v>14425</v>
      </c>
      <c r="B10585" t="s">
        <v>21125</v>
      </c>
      <c r="C10585" t="s">
        <v>21126</v>
      </c>
    </row>
    <row r="10586" spans="1:3" x14ac:dyDescent="0.15">
      <c r="A10586">
        <v>14424</v>
      </c>
      <c r="B10586" t="s">
        <v>21127</v>
      </c>
      <c r="C10586" t="s">
        <v>21128</v>
      </c>
    </row>
    <row r="10587" spans="1:3" x14ac:dyDescent="0.15">
      <c r="A10587">
        <v>14423</v>
      </c>
      <c r="B10587" t="s">
        <v>21129</v>
      </c>
      <c r="C10587" t="s">
        <v>21130</v>
      </c>
    </row>
    <row r="10588" spans="1:3" x14ac:dyDescent="0.15">
      <c r="A10588">
        <v>14422</v>
      </c>
      <c r="B10588" t="s">
        <v>21131</v>
      </c>
      <c r="C10588" t="s">
        <v>21132</v>
      </c>
    </row>
    <row r="10589" spans="1:3" x14ac:dyDescent="0.15">
      <c r="A10589">
        <v>14421</v>
      </c>
      <c r="B10589" t="s">
        <v>21133</v>
      </c>
      <c r="C10589" t="s">
        <v>21134</v>
      </c>
    </row>
    <row r="10590" spans="1:3" x14ac:dyDescent="0.15">
      <c r="A10590">
        <v>14420</v>
      </c>
      <c r="B10590" t="s">
        <v>21135</v>
      </c>
      <c r="C10590" t="s">
        <v>21136</v>
      </c>
    </row>
    <row r="10591" spans="1:3" x14ac:dyDescent="0.15">
      <c r="A10591">
        <v>14419</v>
      </c>
      <c r="B10591" t="s">
        <v>21137</v>
      </c>
      <c r="C10591" t="s">
        <v>21138</v>
      </c>
    </row>
    <row r="10592" spans="1:3" x14ac:dyDescent="0.15">
      <c r="A10592">
        <v>14418</v>
      </c>
      <c r="B10592" t="s">
        <v>21139</v>
      </c>
      <c r="C10592" t="s">
        <v>21140</v>
      </c>
    </row>
    <row r="10593" spans="1:3" x14ac:dyDescent="0.15">
      <c r="A10593">
        <v>14417</v>
      </c>
      <c r="B10593" t="s">
        <v>21141</v>
      </c>
      <c r="C10593" t="s">
        <v>21142</v>
      </c>
    </row>
    <row r="10594" spans="1:3" x14ac:dyDescent="0.15">
      <c r="A10594">
        <v>14416</v>
      </c>
      <c r="B10594" t="s">
        <v>21143</v>
      </c>
      <c r="C10594" t="s">
        <v>21144</v>
      </c>
    </row>
    <row r="10595" spans="1:3" x14ac:dyDescent="0.15">
      <c r="A10595">
        <v>14415</v>
      </c>
      <c r="B10595" t="s">
        <v>21145</v>
      </c>
      <c r="C10595" t="s">
        <v>21146</v>
      </c>
    </row>
    <row r="10596" spans="1:3" x14ac:dyDescent="0.15">
      <c r="A10596">
        <v>14414</v>
      </c>
      <c r="B10596" t="s">
        <v>21147</v>
      </c>
      <c r="C10596" t="s">
        <v>21148</v>
      </c>
    </row>
    <row r="10597" spans="1:3" x14ac:dyDescent="0.15">
      <c r="A10597">
        <v>14413</v>
      </c>
      <c r="B10597" t="s">
        <v>21149</v>
      </c>
      <c r="C10597" t="s">
        <v>21150</v>
      </c>
    </row>
    <row r="10598" spans="1:3" x14ac:dyDescent="0.15">
      <c r="A10598">
        <v>14412</v>
      </c>
      <c r="B10598" t="s">
        <v>21151</v>
      </c>
      <c r="C10598" t="s">
        <v>21152</v>
      </c>
    </row>
    <row r="10599" spans="1:3" x14ac:dyDescent="0.15">
      <c r="A10599">
        <v>14411</v>
      </c>
      <c r="B10599" t="s">
        <v>21153</v>
      </c>
      <c r="C10599" t="s">
        <v>21154</v>
      </c>
    </row>
    <row r="10600" spans="1:3" x14ac:dyDescent="0.15">
      <c r="A10600">
        <v>14410</v>
      </c>
      <c r="B10600" t="s">
        <v>21155</v>
      </c>
      <c r="C10600" t="s">
        <v>21156</v>
      </c>
    </row>
    <row r="10601" spans="1:3" x14ac:dyDescent="0.15">
      <c r="A10601">
        <v>14409</v>
      </c>
      <c r="B10601" t="s">
        <v>21157</v>
      </c>
      <c r="C10601" t="s">
        <v>21158</v>
      </c>
    </row>
    <row r="10602" spans="1:3" x14ac:dyDescent="0.15">
      <c r="A10602">
        <v>14408</v>
      </c>
      <c r="B10602" t="s">
        <v>21159</v>
      </c>
      <c r="C10602" t="s">
        <v>21160</v>
      </c>
    </row>
    <row r="10603" spans="1:3" x14ac:dyDescent="0.15">
      <c r="A10603">
        <v>14407</v>
      </c>
      <c r="B10603" t="s">
        <v>21161</v>
      </c>
      <c r="C10603" t="s">
        <v>21162</v>
      </c>
    </row>
    <row r="10604" spans="1:3" x14ac:dyDescent="0.15">
      <c r="A10604">
        <v>14406</v>
      </c>
      <c r="B10604" t="s">
        <v>21163</v>
      </c>
      <c r="C10604" t="s">
        <v>21164</v>
      </c>
    </row>
    <row r="10605" spans="1:3" x14ac:dyDescent="0.15">
      <c r="A10605">
        <v>14405</v>
      </c>
      <c r="B10605" t="s">
        <v>21165</v>
      </c>
      <c r="C10605" t="s">
        <v>21166</v>
      </c>
    </row>
    <row r="10606" spans="1:3" x14ac:dyDescent="0.15">
      <c r="A10606">
        <v>14404</v>
      </c>
      <c r="B10606" t="s">
        <v>21167</v>
      </c>
      <c r="C10606" t="s">
        <v>21168</v>
      </c>
    </row>
    <row r="10607" spans="1:3" x14ac:dyDescent="0.15">
      <c r="A10607">
        <v>14403</v>
      </c>
      <c r="B10607" t="s">
        <v>21169</v>
      </c>
      <c r="C10607" t="s">
        <v>21170</v>
      </c>
    </row>
    <row r="10608" spans="1:3" x14ac:dyDescent="0.15">
      <c r="A10608">
        <v>14402</v>
      </c>
      <c r="B10608" t="s">
        <v>21171</v>
      </c>
      <c r="C10608" t="s">
        <v>21172</v>
      </c>
    </row>
    <row r="10609" spans="1:3" x14ac:dyDescent="0.15">
      <c r="A10609">
        <v>14401</v>
      </c>
      <c r="B10609" t="s">
        <v>21173</v>
      </c>
      <c r="C10609" t="s">
        <v>21174</v>
      </c>
    </row>
    <row r="10610" spans="1:3" x14ac:dyDescent="0.15">
      <c r="A10610">
        <v>14400</v>
      </c>
      <c r="B10610" t="s">
        <v>21175</v>
      </c>
      <c r="C10610" t="s">
        <v>21176</v>
      </c>
    </row>
    <row r="10611" spans="1:3" x14ac:dyDescent="0.15">
      <c r="A10611">
        <v>14399</v>
      </c>
      <c r="B10611" t="s">
        <v>21177</v>
      </c>
      <c r="C10611" t="s">
        <v>21178</v>
      </c>
    </row>
    <row r="10612" spans="1:3" x14ac:dyDescent="0.15">
      <c r="A10612">
        <v>14398</v>
      </c>
      <c r="B10612" t="s">
        <v>21179</v>
      </c>
      <c r="C10612" t="s">
        <v>21180</v>
      </c>
    </row>
    <row r="10613" spans="1:3" x14ac:dyDescent="0.15">
      <c r="A10613">
        <v>14397</v>
      </c>
      <c r="B10613" t="s">
        <v>21181</v>
      </c>
      <c r="C10613" t="s">
        <v>21182</v>
      </c>
    </row>
    <row r="10614" spans="1:3" x14ac:dyDescent="0.15">
      <c r="A10614">
        <v>14396</v>
      </c>
      <c r="B10614" t="s">
        <v>21183</v>
      </c>
      <c r="C10614" t="s">
        <v>21184</v>
      </c>
    </row>
    <row r="10615" spans="1:3" x14ac:dyDescent="0.15">
      <c r="A10615">
        <v>14395</v>
      </c>
      <c r="B10615" t="s">
        <v>21185</v>
      </c>
      <c r="C10615" t="s">
        <v>21186</v>
      </c>
    </row>
    <row r="10616" spans="1:3" x14ac:dyDescent="0.15">
      <c r="A10616">
        <v>14394</v>
      </c>
      <c r="B10616" t="s">
        <v>21187</v>
      </c>
      <c r="C10616" t="s">
        <v>21188</v>
      </c>
    </row>
    <row r="10617" spans="1:3" x14ac:dyDescent="0.15">
      <c r="A10617">
        <v>14393</v>
      </c>
      <c r="B10617" t="s">
        <v>21189</v>
      </c>
      <c r="C10617" t="s">
        <v>21190</v>
      </c>
    </row>
    <row r="10618" spans="1:3" x14ac:dyDescent="0.15">
      <c r="A10618">
        <v>14392</v>
      </c>
      <c r="B10618" t="s">
        <v>21191</v>
      </c>
      <c r="C10618" t="s">
        <v>21192</v>
      </c>
    </row>
    <row r="10619" spans="1:3" x14ac:dyDescent="0.15">
      <c r="A10619">
        <v>14391</v>
      </c>
      <c r="B10619" t="s">
        <v>21193</v>
      </c>
      <c r="C10619" t="s">
        <v>21194</v>
      </c>
    </row>
    <row r="10620" spans="1:3" x14ac:dyDescent="0.15">
      <c r="A10620">
        <v>14390</v>
      </c>
      <c r="B10620" t="s">
        <v>21195</v>
      </c>
      <c r="C10620" t="s">
        <v>21196</v>
      </c>
    </row>
    <row r="10621" spans="1:3" x14ac:dyDescent="0.15">
      <c r="A10621">
        <v>14389</v>
      </c>
      <c r="B10621" t="s">
        <v>21197</v>
      </c>
      <c r="C10621" t="s">
        <v>21198</v>
      </c>
    </row>
    <row r="10622" spans="1:3" x14ac:dyDescent="0.15">
      <c r="A10622">
        <v>14388</v>
      </c>
      <c r="B10622" t="s">
        <v>21199</v>
      </c>
      <c r="C10622" t="s">
        <v>21200</v>
      </c>
    </row>
    <row r="10623" spans="1:3" x14ac:dyDescent="0.15">
      <c r="A10623">
        <v>14387</v>
      </c>
      <c r="B10623" t="s">
        <v>21201</v>
      </c>
      <c r="C10623" t="s">
        <v>21202</v>
      </c>
    </row>
    <row r="10624" spans="1:3" x14ac:dyDescent="0.15">
      <c r="A10624">
        <v>14386</v>
      </c>
      <c r="B10624" t="s">
        <v>21203</v>
      </c>
      <c r="C10624" t="s">
        <v>21204</v>
      </c>
    </row>
    <row r="10625" spans="1:3" x14ac:dyDescent="0.15">
      <c r="A10625">
        <v>14385</v>
      </c>
      <c r="B10625" t="s">
        <v>21205</v>
      </c>
      <c r="C10625" t="s">
        <v>21206</v>
      </c>
    </row>
    <row r="10626" spans="1:3" x14ac:dyDescent="0.15">
      <c r="A10626">
        <v>14384</v>
      </c>
      <c r="B10626" t="s">
        <v>21207</v>
      </c>
      <c r="C10626" t="s">
        <v>21208</v>
      </c>
    </row>
    <row r="10627" spans="1:3" x14ac:dyDescent="0.15">
      <c r="A10627">
        <v>14383</v>
      </c>
      <c r="B10627" t="s">
        <v>21209</v>
      </c>
      <c r="C10627" t="s">
        <v>21210</v>
      </c>
    </row>
    <row r="10628" spans="1:3" x14ac:dyDescent="0.15">
      <c r="A10628">
        <v>14382</v>
      </c>
      <c r="B10628" t="s">
        <v>21211</v>
      </c>
      <c r="C10628" t="s">
        <v>21212</v>
      </c>
    </row>
    <row r="10629" spans="1:3" x14ac:dyDescent="0.15">
      <c r="A10629">
        <v>14381</v>
      </c>
      <c r="B10629" t="s">
        <v>21213</v>
      </c>
      <c r="C10629" t="s">
        <v>21214</v>
      </c>
    </row>
    <row r="10630" spans="1:3" x14ac:dyDescent="0.15">
      <c r="A10630">
        <v>14380</v>
      </c>
      <c r="B10630" t="s">
        <v>21215</v>
      </c>
      <c r="C10630" t="s">
        <v>21216</v>
      </c>
    </row>
    <row r="10631" spans="1:3" x14ac:dyDescent="0.15">
      <c r="A10631">
        <v>14379</v>
      </c>
      <c r="B10631" t="s">
        <v>21217</v>
      </c>
      <c r="C10631" t="s">
        <v>21218</v>
      </c>
    </row>
    <row r="10632" spans="1:3" x14ac:dyDescent="0.15">
      <c r="A10632">
        <v>14378</v>
      </c>
      <c r="B10632" t="s">
        <v>21219</v>
      </c>
      <c r="C10632" t="s">
        <v>21220</v>
      </c>
    </row>
    <row r="10633" spans="1:3" x14ac:dyDescent="0.15">
      <c r="A10633">
        <v>14377</v>
      </c>
      <c r="B10633" t="s">
        <v>21221</v>
      </c>
      <c r="C10633" t="s">
        <v>21222</v>
      </c>
    </row>
    <row r="10634" spans="1:3" x14ac:dyDescent="0.15">
      <c r="A10634">
        <v>14376</v>
      </c>
      <c r="B10634" t="s">
        <v>21223</v>
      </c>
      <c r="C10634" t="s">
        <v>21224</v>
      </c>
    </row>
    <row r="10635" spans="1:3" x14ac:dyDescent="0.15">
      <c r="A10635">
        <v>14375</v>
      </c>
      <c r="B10635" t="s">
        <v>21225</v>
      </c>
      <c r="C10635" t="s">
        <v>21226</v>
      </c>
    </row>
    <row r="10636" spans="1:3" x14ac:dyDescent="0.15">
      <c r="A10636">
        <v>14374</v>
      </c>
      <c r="B10636" t="s">
        <v>21227</v>
      </c>
      <c r="C10636" t="s">
        <v>21228</v>
      </c>
    </row>
    <row r="10637" spans="1:3" x14ac:dyDescent="0.15">
      <c r="A10637">
        <v>14373</v>
      </c>
      <c r="B10637" t="s">
        <v>21229</v>
      </c>
      <c r="C10637" t="s">
        <v>21230</v>
      </c>
    </row>
    <row r="10638" spans="1:3" x14ac:dyDescent="0.15">
      <c r="A10638">
        <v>14372</v>
      </c>
      <c r="B10638" t="s">
        <v>21231</v>
      </c>
      <c r="C10638" t="s">
        <v>21232</v>
      </c>
    </row>
    <row r="10639" spans="1:3" x14ac:dyDescent="0.15">
      <c r="A10639">
        <v>14371</v>
      </c>
      <c r="B10639" t="s">
        <v>21233</v>
      </c>
      <c r="C10639" t="s">
        <v>21234</v>
      </c>
    </row>
    <row r="10640" spans="1:3" x14ac:dyDescent="0.15">
      <c r="A10640">
        <v>14370</v>
      </c>
      <c r="B10640" t="s">
        <v>21235</v>
      </c>
      <c r="C10640" t="s">
        <v>21236</v>
      </c>
    </row>
    <row r="10641" spans="1:3" x14ac:dyDescent="0.15">
      <c r="A10641">
        <v>14369</v>
      </c>
      <c r="B10641" t="s">
        <v>21237</v>
      </c>
      <c r="C10641" t="s">
        <v>21238</v>
      </c>
    </row>
    <row r="10642" spans="1:3" x14ac:dyDescent="0.15">
      <c r="A10642">
        <v>14368</v>
      </c>
      <c r="B10642" t="s">
        <v>21239</v>
      </c>
      <c r="C10642" t="s">
        <v>21240</v>
      </c>
    </row>
    <row r="10643" spans="1:3" x14ac:dyDescent="0.15">
      <c r="A10643">
        <v>14367</v>
      </c>
      <c r="B10643" t="s">
        <v>21241</v>
      </c>
      <c r="C10643" t="s">
        <v>21242</v>
      </c>
    </row>
    <row r="10644" spans="1:3" x14ac:dyDescent="0.15">
      <c r="A10644">
        <v>14366</v>
      </c>
      <c r="B10644" t="s">
        <v>21243</v>
      </c>
      <c r="C10644" t="s">
        <v>21244</v>
      </c>
    </row>
    <row r="10645" spans="1:3" x14ac:dyDescent="0.15">
      <c r="A10645">
        <v>14365</v>
      </c>
      <c r="B10645" t="s">
        <v>21245</v>
      </c>
      <c r="C10645" t="s">
        <v>21246</v>
      </c>
    </row>
    <row r="10646" spans="1:3" x14ac:dyDescent="0.15">
      <c r="A10646">
        <v>14364</v>
      </c>
      <c r="B10646" t="s">
        <v>21247</v>
      </c>
      <c r="C10646" t="s">
        <v>21248</v>
      </c>
    </row>
    <row r="10647" spans="1:3" x14ac:dyDescent="0.15">
      <c r="A10647">
        <v>14363</v>
      </c>
      <c r="B10647" t="s">
        <v>21249</v>
      </c>
      <c r="C10647" t="s">
        <v>21250</v>
      </c>
    </row>
    <row r="10648" spans="1:3" x14ac:dyDescent="0.15">
      <c r="A10648">
        <v>14362</v>
      </c>
      <c r="B10648" t="s">
        <v>21251</v>
      </c>
      <c r="C10648" t="s">
        <v>21252</v>
      </c>
    </row>
    <row r="10649" spans="1:3" x14ac:dyDescent="0.15">
      <c r="A10649">
        <v>14361</v>
      </c>
      <c r="B10649" t="s">
        <v>21253</v>
      </c>
      <c r="C10649" t="s">
        <v>21254</v>
      </c>
    </row>
    <row r="10650" spans="1:3" x14ac:dyDescent="0.15">
      <c r="A10650">
        <v>14360</v>
      </c>
      <c r="B10650" t="s">
        <v>21255</v>
      </c>
      <c r="C10650" t="s">
        <v>21256</v>
      </c>
    </row>
    <row r="10651" spans="1:3" x14ac:dyDescent="0.15">
      <c r="A10651">
        <v>14359</v>
      </c>
      <c r="B10651" t="s">
        <v>21257</v>
      </c>
      <c r="C10651" t="s">
        <v>21258</v>
      </c>
    </row>
    <row r="10652" spans="1:3" x14ac:dyDescent="0.15">
      <c r="A10652">
        <v>14358</v>
      </c>
      <c r="B10652" t="s">
        <v>21259</v>
      </c>
      <c r="C10652" t="s">
        <v>21260</v>
      </c>
    </row>
    <row r="10653" spans="1:3" x14ac:dyDescent="0.15">
      <c r="A10653">
        <v>14357</v>
      </c>
      <c r="B10653" t="s">
        <v>21261</v>
      </c>
      <c r="C10653" t="s">
        <v>21262</v>
      </c>
    </row>
    <row r="10654" spans="1:3" x14ac:dyDescent="0.15">
      <c r="A10654">
        <v>14356</v>
      </c>
      <c r="B10654" t="s">
        <v>21263</v>
      </c>
      <c r="C10654" t="s">
        <v>21264</v>
      </c>
    </row>
    <row r="10655" spans="1:3" x14ac:dyDescent="0.15">
      <c r="A10655">
        <v>14355</v>
      </c>
      <c r="B10655" t="s">
        <v>21265</v>
      </c>
      <c r="C10655" t="s">
        <v>21266</v>
      </c>
    </row>
    <row r="10656" spans="1:3" x14ac:dyDescent="0.15">
      <c r="A10656">
        <v>14354</v>
      </c>
      <c r="B10656" t="s">
        <v>21267</v>
      </c>
      <c r="C10656" t="s">
        <v>21268</v>
      </c>
    </row>
    <row r="10657" spans="1:3" x14ac:dyDescent="0.15">
      <c r="A10657">
        <v>14353</v>
      </c>
      <c r="B10657" t="s">
        <v>21269</v>
      </c>
      <c r="C10657" t="s">
        <v>21270</v>
      </c>
    </row>
    <row r="10658" spans="1:3" x14ac:dyDescent="0.15">
      <c r="A10658">
        <v>14352</v>
      </c>
      <c r="B10658" t="s">
        <v>21271</v>
      </c>
      <c r="C10658" t="s">
        <v>21272</v>
      </c>
    </row>
    <row r="10659" spans="1:3" x14ac:dyDescent="0.15">
      <c r="A10659">
        <v>14351</v>
      </c>
      <c r="B10659" t="s">
        <v>21273</v>
      </c>
      <c r="C10659" t="s">
        <v>21274</v>
      </c>
    </row>
    <row r="10660" spans="1:3" x14ac:dyDescent="0.15">
      <c r="A10660">
        <v>14350</v>
      </c>
      <c r="B10660" t="s">
        <v>21275</v>
      </c>
      <c r="C10660" t="s">
        <v>21276</v>
      </c>
    </row>
    <row r="10661" spans="1:3" x14ac:dyDescent="0.15">
      <c r="A10661">
        <v>14349</v>
      </c>
      <c r="B10661" t="s">
        <v>21277</v>
      </c>
      <c r="C10661" t="s">
        <v>21278</v>
      </c>
    </row>
    <row r="10662" spans="1:3" x14ac:dyDescent="0.15">
      <c r="A10662">
        <v>14348</v>
      </c>
      <c r="B10662" t="s">
        <v>21279</v>
      </c>
      <c r="C10662" t="s">
        <v>21280</v>
      </c>
    </row>
    <row r="10663" spans="1:3" x14ac:dyDescent="0.15">
      <c r="A10663">
        <v>14347</v>
      </c>
      <c r="B10663" t="s">
        <v>21281</v>
      </c>
      <c r="C10663" t="s">
        <v>21282</v>
      </c>
    </row>
    <row r="10664" spans="1:3" x14ac:dyDescent="0.15">
      <c r="A10664">
        <v>14346</v>
      </c>
      <c r="B10664" t="s">
        <v>21283</v>
      </c>
      <c r="C10664" t="s">
        <v>21284</v>
      </c>
    </row>
    <row r="10665" spans="1:3" x14ac:dyDescent="0.15">
      <c r="A10665">
        <v>14345</v>
      </c>
      <c r="B10665" t="s">
        <v>21285</v>
      </c>
      <c r="C10665" t="s">
        <v>21286</v>
      </c>
    </row>
    <row r="10666" spans="1:3" x14ac:dyDescent="0.15">
      <c r="A10666">
        <v>14344</v>
      </c>
      <c r="B10666" t="s">
        <v>21287</v>
      </c>
      <c r="C10666" t="s">
        <v>21288</v>
      </c>
    </row>
    <row r="10667" spans="1:3" x14ac:dyDescent="0.15">
      <c r="A10667">
        <v>14343</v>
      </c>
      <c r="B10667" t="s">
        <v>21289</v>
      </c>
      <c r="C10667" t="s">
        <v>21290</v>
      </c>
    </row>
    <row r="10668" spans="1:3" x14ac:dyDescent="0.15">
      <c r="A10668">
        <v>14342</v>
      </c>
      <c r="B10668" t="s">
        <v>21291</v>
      </c>
      <c r="C10668" t="s">
        <v>21292</v>
      </c>
    </row>
    <row r="10669" spans="1:3" x14ac:dyDescent="0.15">
      <c r="A10669">
        <v>14341</v>
      </c>
      <c r="B10669" t="s">
        <v>21293</v>
      </c>
      <c r="C10669" t="s">
        <v>21294</v>
      </c>
    </row>
    <row r="10670" spans="1:3" x14ac:dyDescent="0.15">
      <c r="A10670">
        <v>14340</v>
      </c>
      <c r="B10670" t="s">
        <v>21295</v>
      </c>
      <c r="C10670" t="s">
        <v>21296</v>
      </c>
    </row>
    <row r="10671" spans="1:3" x14ac:dyDescent="0.15">
      <c r="A10671">
        <v>14339</v>
      </c>
      <c r="B10671" t="s">
        <v>21297</v>
      </c>
      <c r="C10671" t="s">
        <v>21298</v>
      </c>
    </row>
    <row r="10672" spans="1:3" x14ac:dyDescent="0.15">
      <c r="A10672">
        <v>14338</v>
      </c>
      <c r="B10672" t="s">
        <v>21299</v>
      </c>
      <c r="C10672" t="s">
        <v>21300</v>
      </c>
    </row>
    <row r="10673" spans="1:3" x14ac:dyDescent="0.15">
      <c r="A10673">
        <v>14337</v>
      </c>
      <c r="B10673" t="s">
        <v>21301</v>
      </c>
      <c r="C10673" t="s">
        <v>21302</v>
      </c>
    </row>
    <row r="10674" spans="1:3" x14ac:dyDescent="0.15">
      <c r="A10674">
        <v>14336</v>
      </c>
      <c r="B10674" t="s">
        <v>21303</v>
      </c>
      <c r="C10674" t="s">
        <v>21304</v>
      </c>
    </row>
    <row r="10675" spans="1:3" x14ac:dyDescent="0.15">
      <c r="A10675">
        <v>14335</v>
      </c>
      <c r="B10675" t="s">
        <v>21305</v>
      </c>
      <c r="C10675" t="s">
        <v>21306</v>
      </c>
    </row>
    <row r="10676" spans="1:3" x14ac:dyDescent="0.15">
      <c r="A10676">
        <v>14334</v>
      </c>
      <c r="B10676" t="s">
        <v>21307</v>
      </c>
      <c r="C10676" t="s">
        <v>21308</v>
      </c>
    </row>
    <row r="10677" spans="1:3" x14ac:dyDescent="0.15">
      <c r="A10677">
        <v>14333</v>
      </c>
      <c r="B10677" t="s">
        <v>21309</v>
      </c>
      <c r="C10677" t="s">
        <v>21310</v>
      </c>
    </row>
    <row r="10678" spans="1:3" x14ac:dyDescent="0.15">
      <c r="A10678">
        <v>14332</v>
      </c>
      <c r="B10678" t="s">
        <v>21311</v>
      </c>
      <c r="C10678" t="s">
        <v>21312</v>
      </c>
    </row>
    <row r="10679" spans="1:3" x14ac:dyDescent="0.15">
      <c r="A10679">
        <v>14331</v>
      </c>
      <c r="B10679" t="s">
        <v>21313</v>
      </c>
      <c r="C10679" t="s">
        <v>21314</v>
      </c>
    </row>
    <row r="10680" spans="1:3" x14ac:dyDescent="0.15">
      <c r="A10680">
        <v>14330</v>
      </c>
      <c r="B10680" t="s">
        <v>21315</v>
      </c>
      <c r="C10680" t="s">
        <v>21316</v>
      </c>
    </row>
    <row r="10681" spans="1:3" x14ac:dyDescent="0.15">
      <c r="A10681">
        <v>14329</v>
      </c>
      <c r="B10681" t="s">
        <v>21317</v>
      </c>
      <c r="C10681" t="s">
        <v>21318</v>
      </c>
    </row>
    <row r="10682" spans="1:3" x14ac:dyDescent="0.15">
      <c r="A10682">
        <v>14328</v>
      </c>
      <c r="B10682" t="s">
        <v>21319</v>
      </c>
      <c r="C10682" t="s">
        <v>21320</v>
      </c>
    </row>
    <row r="10683" spans="1:3" x14ac:dyDescent="0.15">
      <c r="A10683">
        <v>14327</v>
      </c>
      <c r="B10683" t="s">
        <v>21321</v>
      </c>
      <c r="C10683" t="s">
        <v>21322</v>
      </c>
    </row>
    <row r="10684" spans="1:3" x14ac:dyDescent="0.15">
      <c r="A10684">
        <v>14326</v>
      </c>
      <c r="B10684" t="s">
        <v>21323</v>
      </c>
      <c r="C10684" t="s">
        <v>21324</v>
      </c>
    </row>
    <row r="10685" spans="1:3" x14ac:dyDescent="0.15">
      <c r="A10685">
        <v>14325</v>
      </c>
      <c r="B10685" t="s">
        <v>21325</v>
      </c>
      <c r="C10685" t="s">
        <v>21326</v>
      </c>
    </row>
    <row r="10686" spans="1:3" x14ac:dyDescent="0.15">
      <c r="A10686">
        <v>14324</v>
      </c>
      <c r="B10686" t="s">
        <v>21327</v>
      </c>
      <c r="C10686" t="s">
        <v>21328</v>
      </c>
    </row>
    <row r="10687" spans="1:3" x14ac:dyDescent="0.15">
      <c r="A10687">
        <v>14323</v>
      </c>
      <c r="B10687" t="s">
        <v>21329</v>
      </c>
      <c r="C10687" t="s">
        <v>21330</v>
      </c>
    </row>
    <row r="10688" spans="1:3" x14ac:dyDescent="0.15">
      <c r="A10688">
        <v>14322</v>
      </c>
      <c r="B10688" t="s">
        <v>21331</v>
      </c>
      <c r="C10688" t="s">
        <v>21332</v>
      </c>
    </row>
    <row r="10689" spans="1:3" x14ac:dyDescent="0.15">
      <c r="A10689">
        <v>14321</v>
      </c>
      <c r="B10689" t="s">
        <v>21333</v>
      </c>
      <c r="C10689" t="s">
        <v>21334</v>
      </c>
    </row>
    <row r="10690" spans="1:3" x14ac:dyDescent="0.15">
      <c r="A10690">
        <v>14320</v>
      </c>
      <c r="B10690" t="s">
        <v>21335</v>
      </c>
      <c r="C10690" t="s">
        <v>21336</v>
      </c>
    </row>
    <row r="10691" spans="1:3" x14ac:dyDescent="0.15">
      <c r="A10691">
        <v>14319</v>
      </c>
      <c r="B10691" t="s">
        <v>21337</v>
      </c>
      <c r="C10691" t="s">
        <v>21338</v>
      </c>
    </row>
    <row r="10692" spans="1:3" x14ac:dyDescent="0.15">
      <c r="A10692">
        <v>14318</v>
      </c>
      <c r="B10692" t="s">
        <v>21339</v>
      </c>
      <c r="C10692" t="s">
        <v>21340</v>
      </c>
    </row>
    <row r="10693" spans="1:3" x14ac:dyDescent="0.15">
      <c r="A10693">
        <v>14317</v>
      </c>
      <c r="B10693" t="s">
        <v>21341</v>
      </c>
      <c r="C10693" t="s">
        <v>21342</v>
      </c>
    </row>
    <row r="10694" spans="1:3" x14ac:dyDescent="0.15">
      <c r="A10694">
        <v>14316</v>
      </c>
      <c r="B10694" t="s">
        <v>21343</v>
      </c>
      <c r="C10694" t="s">
        <v>21344</v>
      </c>
    </row>
    <row r="10695" spans="1:3" x14ac:dyDescent="0.15">
      <c r="A10695">
        <v>14315</v>
      </c>
      <c r="B10695" t="s">
        <v>21345</v>
      </c>
      <c r="C10695" t="s">
        <v>21346</v>
      </c>
    </row>
    <row r="10696" spans="1:3" x14ac:dyDescent="0.15">
      <c r="A10696">
        <v>14314</v>
      </c>
      <c r="B10696" t="s">
        <v>21347</v>
      </c>
      <c r="C10696" t="s">
        <v>21348</v>
      </c>
    </row>
    <row r="10697" spans="1:3" x14ac:dyDescent="0.15">
      <c r="A10697">
        <v>14313</v>
      </c>
      <c r="B10697" t="s">
        <v>21349</v>
      </c>
      <c r="C10697" t="s">
        <v>21350</v>
      </c>
    </row>
    <row r="10698" spans="1:3" x14ac:dyDescent="0.15">
      <c r="A10698">
        <v>14312</v>
      </c>
      <c r="B10698" t="s">
        <v>21351</v>
      </c>
      <c r="C10698" t="s">
        <v>21352</v>
      </c>
    </row>
    <row r="10699" spans="1:3" x14ac:dyDescent="0.15">
      <c r="A10699">
        <v>14311</v>
      </c>
      <c r="B10699" t="s">
        <v>21353</v>
      </c>
      <c r="C10699" t="s">
        <v>21354</v>
      </c>
    </row>
    <row r="10700" spans="1:3" x14ac:dyDescent="0.15">
      <c r="A10700">
        <v>14310</v>
      </c>
      <c r="B10700" t="s">
        <v>21355</v>
      </c>
      <c r="C10700" t="s">
        <v>21356</v>
      </c>
    </row>
    <row r="10701" spans="1:3" x14ac:dyDescent="0.15">
      <c r="A10701">
        <v>14309</v>
      </c>
      <c r="B10701" t="s">
        <v>21357</v>
      </c>
      <c r="C10701" t="s">
        <v>21358</v>
      </c>
    </row>
    <row r="10702" spans="1:3" x14ac:dyDescent="0.15">
      <c r="A10702">
        <v>14308</v>
      </c>
      <c r="B10702" t="s">
        <v>21359</v>
      </c>
      <c r="C10702" t="s">
        <v>21360</v>
      </c>
    </row>
    <row r="10703" spans="1:3" x14ac:dyDescent="0.15">
      <c r="A10703">
        <v>14307</v>
      </c>
      <c r="B10703" t="s">
        <v>21361</v>
      </c>
      <c r="C10703" t="s">
        <v>21362</v>
      </c>
    </row>
    <row r="10704" spans="1:3" x14ac:dyDescent="0.15">
      <c r="A10704">
        <v>14306</v>
      </c>
      <c r="B10704" t="s">
        <v>21363</v>
      </c>
      <c r="C10704" t="s">
        <v>21364</v>
      </c>
    </row>
    <row r="10705" spans="1:3" x14ac:dyDescent="0.15">
      <c r="A10705">
        <v>14305</v>
      </c>
      <c r="B10705" t="s">
        <v>21365</v>
      </c>
      <c r="C10705" t="s">
        <v>21366</v>
      </c>
    </row>
    <row r="10706" spans="1:3" x14ac:dyDescent="0.15">
      <c r="A10706">
        <v>14304</v>
      </c>
      <c r="B10706" t="s">
        <v>21367</v>
      </c>
      <c r="C10706" t="s">
        <v>21368</v>
      </c>
    </row>
    <row r="10707" spans="1:3" x14ac:dyDescent="0.15">
      <c r="A10707">
        <v>14303</v>
      </c>
      <c r="B10707" t="s">
        <v>21369</v>
      </c>
      <c r="C10707" t="s">
        <v>21370</v>
      </c>
    </row>
    <row r="10708" spans="1:3" x14ac:dyDescent="0.15">
      <c r="A10708">
        <v>14302</v>
      </c>
      <c r="B10708" t="s">
        <v>21371</v>
      </c>
      <c r="C10708" t="s">
        <v>21372</v>
      </c>
    </row>
    <row r="10709" spans="1:3" x14ac:dyDescent="0.15">
      <c r="A10709">
        <v>14301</v>
      </c>
      <c r="B10709" t="s">
        <v>21373</v>
      </c>
      <c r="C10709" t="s">
        <v>21374</v>
      </c>
    </row>
    <row r="10710" spans="1:3" x14ac:dyDescent="0.15">
      <c r="A10710">
        <v>14300</v>
      </c>
      <c r="B10710" t="s">
        <v>21375</v>
      </c>
      <c r="C10710" t="s">
        <v>21376</v>
      </c>
    </row>
    <row r="10711" spans="1:3" x14ac:dyDescent="0.15">
      <c r="A10711">
        <v>14299</v>
      </c>
      <c r="B10711" t="s">
        <v>21377</v>
      </c>
      <c r="C10711" t="s">
        <v>21378</v>
      </c>
    </row>
    <row r="10712" spans="1:3" x14ac:dyDescent="0.15">
      <c r="A10712">
        <v>14298</v>
      </c>
      <c r="B10712" t="s">
        <v>21379</v>
      </c>
      <c r="C10712" t="s">
        <v>21380</v>
      </c>
    </row>
    <row r="10713" spans="1:3" x14ac:dyDescent="0.15">
      <c r="A10713">
        <v>14297</v>
      </c>
      <c r="B10713" t="s">
        <v>21381</v>
      </c>
      <c r="C10713" t="s">
        <v>21382</v>
      </c>
    </row>
    <row r="10714" spans="1:3" x14ac:dyDescent="0.15">
      <c r="A10714">
        <v>14296</v>
      </c>
      <c r="B10714" t="s">
        <v>21383</v>
      </c>
      <c r="C10714" t="s">
        <v>21384</v>
      </c>
    </row>
    <row r="10715" spans="1:3" x14ac:dyDescent="0.15">
      <c r="A10715">
        <v>14295</v>
      </c>
      <c r="B10715" t="s">
        <v>21385</v>
      </c>
      <c r="C10715" t="s">
        <v>21386</v>
      </c>
    </row>
    <row r="10716" spans="1:3" x14ac:dyDescent="0.15">
      <c r="A10716">
        <v>14294</v>
      </c>
      <c r="B10716" t="s">
        <v>21387</v>
      </c>
      <c r="C10716" t="s">
        <v>21388</v>
      </c>
    </row>
    <row r="10717" spans="1:3" x14ac:dyDescent="0.15">
      <c r="A10717">
        <v>14293</v>
      </c>
      <c r="B10717" t="s">
        <v>21389</v>
      </c>
      <c r="C10717" t="s">
        <v>21390</v>
      </c>
    </row>
    <row r="10718" spans="1:3" x14ac:dyDescent="0.15">
      <c r="A10718">
        <v>14292</v>
      </c>
      <c r="B10718" t="s">
        <v>21391</v>
      </c>
      <c r="C10718" t="s">
        <v>21392</v>
      </c>
    </row>
    <row r="10719" spans="1:3" x14ac:dyDescent="0.15">
      <c r="A10719">
        <v>14291</v>
      </c>
      <c r="B10719" t="s">
        <v>21393</v>
      </c>
      <c r="C10719" t="s">
        <v>21394</v>
      </c>
    </row>
    <row r="10720" spans="1:3" x14ac:dyDescent="0.15">
      <c r="A10720">
        <v>14290</v>
      </c>
      <c r="B10720" t="s">
        <v>21395</v>
      </c>
      <c r="C10720" t="s">
        <v>21396</v>
      </c>
    </row>
    <row r="10721" spans="1:3" x14ac:dyDescent="0.15">
      <c r="A10721">
        <v>14289</v>
      </c>
      <c r="B10721" t="s">
        <v>21397</v>
      </c>
      <c r="C10721" t="s">
        <v>21398</v>
      </c>
    </row>
    <row r="10722" spans="1:3" x14ac:dyDescent="0.15">
      <c r="A10722">
        <v>14288</v>
      </c>
      <c r="B10722" t="s">
        <v>21399</v>
      </c>
      <c r="C10722" t="s">
        <v>21400</v>
      </c>
    </row>
    <row r="10723" spans="1:3" x14ac:dyDescent="0.15">
      <c r="A10723">
        <v>14287</v>
      </c>
      <c r="B10723" t="s">
        <v>21401</v>
      </c>
      <c r="C10723" t="s">
        <v>21402</v>
      </c>
    </row>
    <row r="10724" spans="1:3" x14ac:dyDescent="0.15">
      <c r="A10724">
        <v>14286</v>
      </c>
      <c r="B10724" t="s">
        <v>21403</v>
      </c>
      <c r="C10724" t="s">
        <v>21404</v>
      </c>
    </row>
    <row r="10725" spans="1:3" x14ac:dyDescent="0.15">
      <c r="A10725">
        <v>14285</v>
      </c>
      <c r="B10725" t="s">
        <v>21405</v>
      </c>
      <c r="C10725" t="s">
        <v>21406</v>
      </c>
    </row>
    <row r="10726" spans="1:3" x14ac:dyDescent="0.15">
      <c r="A10726">
        <v>14284</v>
      </c>
      <c r="B10726" t="s">
        <v>21407</v>
      </c>
      <c r="C10726" t="s">
        <v>21408</v>
      </c>
    </row>
    <row r="10727" spans="1:3" x14ac:dyDescent="0.15">
      <c r="A10727">
        <v>14283</v>
      </c>
      <c r="B10727" t="s">
        <v>21409</v>
      </c>
      <c r="C10727" t="s">
        <v>21410</v>
      </c>
    </row>
    <row r="10728" spans="1:3" x14ac:dyDescent="0.15">
      <c r="A10728">
        <v>14282</v>
      </c>
      <c r="B10728" t="s">
        <v>21411</v>
      </c>
      <c r="C10728" t="s">
        <v>21412</v>
      </c>
    </row>
    <row r="10729" spans="1:3" x14ac:dyDescent="0.15">
      <c r="A10729">
        <v>14281</v>
      </c>
      <c r="B10729" t="s">
        <v>21413</v>
      </c>
      <c r="C10729" t="s">
        <v>21414</v>
      </c>
    </row>
    <row r="10730" spans="1:3" x14ac:dyDescent="0.15">
      <c r="A10730">
        <v>14280</v>
      </c>
      <c r="B10730" t="s">
        <v>21415</v>
      </c>
      <c r="C10730" t="s">
        <v>21416</v>
      </c>
    </row>
    <row r="10731" spans="1:3" x14ac:dyDescent="0.15">
      <c r="A10731">
        <v>14279</v>
      </c>
      <c r="B10731" t="s">
        <v>21417</v>
      </c>
      <c r="C10731" t="s">
        <v>21418</v>
      </c>
    </row>
    <row r="10732" spans="1:3" x14ac:dyDescent="0.15">
      <c r="A10732">
        <v>14278</v>
      </c>
      <c r="B10732" t="s">
        <v>21419</v>
      </c>
      <c r="C10732" t="s">
        <v>21420</v>
      </c>
    </row>
    <row r="10733" spans="1:3" x14ac:dyDescent="0.15">
      <c r="A10733">
        <v>14277</v>
      </c>
      <c r="B10733" t="s">
        <v>21421</v>
      </c>
      <c r="C10733" t="s">
        <v>21422</v>
      </c>
    </row>
    <row r="10734" spans="1:3" x14ac:dyDescent="0.15">
      <c r="A10734">
        <v>14276</v>
      </c>
      <c r="B10734" t="s">
        <v>21423</v>
      </c>
      <c r="C10734" t="s">
        <v>21424</v>
      </c>
    </row>
    <row r="10735" spans="1:3" x14ac:dyDescent="0.15">
      <c r="A10735">
        <v>14275</v>
      </c>
      <c r="B10735" t="s">
        <v>21425</v>
      </c>
      <c r="C10735" t="s">
        <v>21426</v>
      </c>
    </row>
    <row r="10736" spans="1:3" x14ac:dyDescent="0.15">
      <c r="A10736">
        <v>14274</v>
      </c>
      <c r="B10736" t="s">
        <v>21427</v>
      </c>
      <c r="C10736" t="s">
        <v>21428</v>
      </c>
    </row>
    <row r="10737" spans="1:3" x14ac:dyDescent="0.15">
      <c r="A10737">
        <v>14273</v>
      </c>
      <c r="B10737" t="s">
        <v>21429</v>
      </c>
      <c r="C10737" t="s">
        <v>21430</v>
      </c>
    </row>
    <row r="10738" spans="1:3" x14ac:dyDescent="0.15">
      <c r="A10738">
        <v>14272</v>
      </c>
      <c r="B10738" t="s">
        <v>21431</v>
      </c>
      <c r="C10738" t="s">
        <v>21432</v>
      </c>
    </row>
    <row r="10739" spans="1:3" x14ac:dyDescent="0.15">
      <c r="A10739">
        <v>14271</v>
      </c>
      <c r="B10739" t="s">
        <v>21433</v>
      </c>
      <c r="C10739" t="s">
        <v>21434</v>
      </c>
    </row>
    <row r="10740" spans="1:3" x14ac:dyDescent="0.15">
      <c r="A10740">
        <v>14270</v>
      </c>
      <c r="B10740" t="s">
        <v>21435</v>
      </c>
      <c r="C10740" t="s">
        <v>21436</v>
      </c>
    </row>
    <row r="10741" spans="1:3" x14ac:dyDescent="0.15">
      <c r="A10741">
        <v>14269</v>
      </c>
      <c r="B10741" t="s">
        <v>21437</v>
      </c>
      <c r="C10741" t="s">
        <v>21438</v>
      </c>
    </row>
    <row r="10742" spans="1:3" x14ac:dyDescent="0.15">
      <c r="A10742">
        <v>14268</v>
      </c>
      <c r="B10742" t="s">
        <v>21439</v>
      </c>
      <c r="C10742" t="s">
        <v>21440</v>
      </c>
    </row>
    <row r="10743" spans="1:3" x14ac:dyDescent="0.15">
      <c r="A10743">
        <v>14267</v>
      </c>
      <c r="B10743" t="s">
        <v>21441</v>
      </c>
      <c r="C10743" t="s">
        <v>21442</v>
      </c>
    </row>
    <row r="10744" spans="1:3" x14ac:dyDescent="0.15">
      <c r="A10744">
        <v>14266</v>
      </c>
      <c r="B10744" t="s">
        <v>21443</v>
      </c>
      <c r="C10744" t="s">
        <v>21444</v>
      </c>
    </row>
    <row r="10745" spans="1:3" x14ac:dyDescent="0.15">
      <c r="A10745">
        <v>14265</v>
      </c>
      <c r="B10745" t="s">
        <v>21445</v>
      </c>
      <c r="C10745" t="s">
        <v>21446</v>
      </c>
    </row>
    <row r="10746" spans="1:3" x14ac:dyDescent="0.15">
      <c r="A10746">
        <v>14264</v>
      </c>
      <c r="B10746" t="s">
        <v>21447</v>
      </c>
      <c r="C10746" t="s">
        <v>8643</v>
      </c>
    </row>
    <row r="10747" spans="1:3" x14ac:dyDescent="0.15">
      <c r="A10747">
        <v>14263</v>
      </c>
      <c r="B10747" t="s">
        <v>21448</v>
      </c>
      <c r="C10747" t="s">
        <v>21449</v>
      </c>
    </row>
    <row r="10748" spans="1:3" x14ac:dyDescent="0.15">
      <c r="A10748">
        <v>14262</v>
      </c>
      <c r="B10748" t="s">
        <v>21450</v>
      </c>
      <c r="C10748" t="s">
        <v>21451</v>
      </c>
    </row>
    <row r="10749" spans="1:3" x14ac:dyDescent="0.15">
      <c r="A10749">
        <v>14261</v>
      </c>
      <c r="B10749" t="s">
        <v>21452</v>
      </c>
      <c r="C10749" t="s">
        <v>21453</v>
      </c>
    </row>
    <row r="10750" spans="1:3" x14ac:dyDescent="0.15">
      <c r="A10750">
        <v>14260</v>
      </c>
      <c r="B10750" t="s">
        <v>21454</v>
      </c>
      <c r="C10750" t="s">
        <v>21455</v>
      </c>
    </row>
    <row r="10751" spans="1:3" x14ac:dyDescent="0.15">
      <c r="A10751">
        <v>14259</v>
      </c>
      <c r="B10751" t="s">
        <v>21456</v>
      </c>
      <c r="C10751" t="s">
        <v>21457</v>
      </c>
    </row>
    <row r="10752" spans="1:3" x14ac:dyDescent="0.15">
      <c r="A10752">
        <v>14258</v>
      </c>
      <c r="B10752" t="s">
        <v>21458</v>
      </c>
      <c r="C10752" t="s">
        <v>21459</v>
      </c>
    </row>
    <row r="10753" spans="1:3" x14ac:dyDescent="0.15">
      <c r="A10753">
        <v>14257</v>
      </c>
      <c r="B10753" t="s">
        <v>21460</v>
      </c>
      <c r="C10753" t="s">
        <v>21461</v>
      </c>
    </row>
    <row r="10754" spans="1:3" x14ac:dyDescent="0.15">
      <c r="A10754">
        <v>14256</v>
      </c>
      <c r="B10754" t="s">
        <v>21462</v>
      </c>
      <c r="C10754" t="s">
        <v>21463</v>
      </c>
    </row>
    <row r="10755" spans="1:3" x14ac:dyDescent="0.15">
      <c r="A10755">
        <v>14255</v>
      </c>
      <c r="B10755" t="s">
        <v>21464</v>
      </c>
      <c r="C10755" t="s">
        <v>21465</v>
      </c>
    </row>
    <row r="10756" spans="1:3" x14ac:dyDescent="0.15">
      <c r="A10756">
        <v>14254</v>
      </c>
      <c r="B10756" t="s">
        <v>21466</v>
      </c>
      <c r="C10756" t="s">
        <v>21467</v>
      </c>
    </row>
    <row r="10757" spans="1:3" x14ac:dyDescent="0.15">
      <c r="A10757">
        <v>14253</v>
      </c>
      <c r="B10757" t="s">
        <v>21468</v>
      </c>
      <c r="C10757" t="s">
        <v>21469</v>
      </c>
    </row>
    <row r="10758" spans="1:3" x14ac:dyDescent="0.15">
      <c r="A10758">
        <v>14252</v>
      </c>
      <c r="B10758" t="s">
        <v>21470</v>
      </c>
      <c r="C10758" t="s">
        <v>21471</v>
      </c>
    </row>
    <row r="10759" spans="1:3" x14ac:dyDescent="0.15">
      <c r="A10759">
        <v>14251</v>
      </c>
      <c r="B10759" t="s">
        <v>21472</v>
      </c>
      <c r="C10759" t="s">
        <v>21473</v>
      </c>
    </row>
    <row r="10760" spans="1:3" x14ac:dyDescent="0.15">
      <c r="A10760">
        <v>14250</v>
      </c>
      <c r="B10760" t="s">
        <v>21474</v>
      </c>
      <c r="C10760" t="s">
        <v>21475</v>
      </c>
    </row>
    <row r="10761" spans="1:3" x14ac:dyDescent="0.15">
      <c r="A10761">
        <v>14249</v>
      </c>
      <c r="B10761" t="s">
        <v>21476</v>
      </c>
      <c r="C10761" t="s">
        <v>21477</v>
      </c>
    </row>
    <row r="10762" spans="1:3" x14ac:dyDescent="0.15">
      <c r="A10762">
        <v>14248</v>
      </c>
      <c r="B10762" t="s">
        <v>21478</v>
      </c>
      <c r="C10762" t="s">
        <v>21479</v>
      </c>
    </row>
    <row r="10763" spans="1:3" x14ac:dyDescent="0.15">
      <c r="A10763">
        <v>14247</v>
      </c>
      <c r="B10763" t="s">
        <v>21480</v>
      </c>
      <c r="C10763" t="s">
        <v>21481</v>
      </c>
    </row>
    <row r="10764" spans="1:3" x14ac:dyDescent="0.15">
      <c r="A10764">
        <v>14246</v>
      </c>
      <c r="B10764" t="s">
        <v>21482</v>
      </c>
      <c r="C10764" t="s">
        <v>21483</v>
      </c>
    </row>
    <row r="10765" spans="1:3" x14ac:dyDescent="0.15">
      <c r="A10765">
        <v>14245</v>
      </c>
      <c r="B10765" t="s">
        <v>21484</v>
      </c>
      <c r="C10765" t="s">
        <v>21485</v>
      </c>
    </row>
    <row r="10766" spans="1:3" x14ac:dyDescent="0.15">
      <c r="A10766">
        <v>14244</v>
      </c>
      <c r="B10766" t="s">
        <v>21486</v>
      </c>
      <c r="C10766" t="s">
        <v>21487</v>
      </c>
    </row>
    <row r="10767" spans="1:3" x14ac:dyDescent="0.15">
      <c r="A10767">
        <v>14243</v>
      </c>
      <c r="B10767" t="s">
        <v>21488</v>
      </c>
      <c r="C10767" t="s">
        <v>21489</v>
      </c>
    </row>
    <row r="10768" spans="1:3" x14ac:dyDescent="0.15">
      <c r="A10768">
        <v>14242</v>
      </c>
      <c r="B10768" t="s">
        <v>21490</v>
      </c>
      <c r="C10768" t="s">
        <v>21491</v>
      </c>
    </row>
    <row r="10769" spans="1:3" x14ac:dyDescent="0.15">
      <c r="A10769">
        <v>14241</v>
      </c>
      <c r="B10769" t="s">
        <v>21492</v>
      </c>
      <c r="C10769" t="s">
        <v>21493</v>
      </c>
    </row>
    <row r="10770" spans="1:3" x14ac:dyDescent="0.15">
      <c r="A10770">
        <v>14240</v>
      </c>
      <c r="B10770" t="s">
        <v>21494</v>
      </c>
      <c r="C10770" t="s">
        <v>21495</v>
      </c>
    </row>
    <row r="10771" spans="1:3" x14ac:dyDescent="0.15">
      <c r="A10771">
        <v>14239</v>
      </c>
      <c r="B10771" t="s">
        <v>21496</v>
      </c>
      <c r="C10771" t="s">
        <v>21497</v>
      </c>
    </row>
    <row r="10772" spans="1:3" x14ac:dyDescent="0.15">
      <c r="A10772">
        <v>14238</v>
      </c>
      <c r="B10772" t="s">
        <v>21498</v>
      </c>
      <c r="C10772" t="s">
        <v>21499</v>
      </c>
    </row>
    <row r="10773" spans="1:3" x14ac:dyDescent="0.15">
      <c r="A10773">
        <v>14237</v>
      </c>
      <c r="B10773" t="s">
        <v>21500</v>
      </c>
      <c r="C10773" t="s">
        <v>21501</v>
      </c>
    </row>
    <row r="10774" spans="1:3" x14ac:dyDescent="0.15">
      <c r="A10774">
        <v>14236</v>
      </c>
      <c r="B10774" t="s">
        <v>21502</v>
      </c>
      <c r="C10774" t="s">
        <v>21503</v>
      </c>
    </row>
    <row r="10775" spans="1:3" x14ac:dyDescent="0.15">
      <c r="A10775">
        <v>14235</v>
      </c>
      <c r="B10775" t="s">
        <v>21504</v>
      </c>
      <c r="C10775" t="s">
        <v>21505</v>
      </c>
    </row>
    <row r="10776" spans="1:3" x14ac:dyDescent="0.15">
      <c r="A10776">
        <v>14234</v>
      </c>
      <c r="B10776" t="s">
        <v>21506</v>
      </c>
      <c r="C10776" t="s">
        <v>21507</v>
      </c>
    </row>
    <row r="10777" spans="1:3" x14ac:dyDescent="0.15">
      <c r="A10777">
        <v>14233</v>
      </c>
      <c r="B10777" t="s">
        <v>21508</v>
      </c>
      <c r="C10777" t="s">
        <v>21509</v>
      </c>
    </row>
    <row r="10778" spans="1:3" x14ac:dyDescent="0.15">
      <c r="A10778">
        <v>14232</v>
      </c>
      <c r="B10778" t="s">
        <v>21510</v>
      </c>
      <c r="C10778" t="s">
        <v>21511</v>
      </c>
    </row>
    <row r="10779" spans="1:3" x14ac:dyDescent="0.15">
      <c r="A10779">
        <v>14231</v>
      </c>
      <c r="B10779" t="s">
        <v>21512</v>
      </c>
      <c r="C10779" t="s">
        <v>21513</v>
      </c>
    </row>
    <row r="10780" spans="1:3" x14ac:dyDescent="0.15">
      <c r="A10780">
        <v>14230</v>
      </c>
      <c r="B10780" t="s">
        <v>21514</v>
      </c>
      <c r="C10780" t="s">
        <v>21515</v>
      </c>
    </row>
    <row r="10781" spans="1:3" x14ac:dyDescent="0.15">
      <c r="A10781">
        <v>14229</v>
      </c>
      <c r="B10781" t="s">
        <v>21516</v>
      </c>
      <c r="C10781" t="s">
        <v>21517</v>
      </c>
    </row>
    <row r="10782" spans="1:3" x14ac:dyDescent="0.15">
      <c r="A10782">
        <v>14228</v>
      </c>
      <c r="B10782" t="s">
        <v>21518</v>
      </c>
      <c r="C10782" t="s">
        <v>21519</v>
      </c>
    </row>
    <row r="10783" spans="1:3" x14ac:dyDescent="0.15">
      <c r="A10783">
        <v>14227</v>
      </c>
      <c r="B10783" t="s">
        <v>21520</v>
      </c>
      <c r="C10783" t="s">
        <v>21521</v>
      </c>
    </row>
    <row r="10784" spans="1:3" x14ac:dyDescent="0.15">
      <c r="A10784">
        <v>14226</v>
      </c>
      <c r="B10784" t="s">
        <v>21522</v>
      </c>
      <c r="C10784" t="s">
        <v>21523</v>
      </c>
    </row>
    <row r="10785" spans="1:3" x14ac:dyDescent="0.15">
      <c r="A10785">
        <v>14225</v>
      </c>
      <c r="B10785" t="s">
        <v>21524</v>
      </c>
      <c r="C10785" t="s">
        <v>21525</v>
      </c>
    </row>
    <row r="10786" spans="1:3" x14ac:dyDescent="0.15">
      <c r="A10786">
        <v>14224</v>
      </c>
      <c r="B10786" t="s">
        <v>21526</v>
      </c>
      <c r="C10786" t="s">
        <v>21527</v>
      </c>
    </row>
    <row r="10787" spans="1:3" x14ac:dyDescent="0.15">
      <c r="A10787">
        <v>14223</v>
      </c>
      <c r="B10787" t="s">
        <v>21528</v>
      </c>
      <c r="C10787" t="s">
        <v>21529</v>
      </c>
    </row>
    <row r="10788" spans="1:3" x14ac:dyDescent="0.15">
      <c r="A10788">
        <v>14222</v>
      </c>
      <c r="B10788" t="s">
        <v>21530</v>
      </c>
      <c r="C10788" t="s">
        <v>21531</v>
      </c>
    </row>
    <row r="10789" spans="1:3" x14ac:dyDescent="0.15">
      <c r="A10789">
        <v>14221</v>
      </c>
      <c r="B10789" t="s">
        <v>21532</v>
      </c>
      <c r="C10789" t="s">
        <v>21533</v>
      </c>
    </row>
    <row r="10790" spans="1:3" x14ac:dyDescent="0.15">
      <c r="A10790">
        <v>14220</v>
      </c>
      <c r="B10790" t="s">
        <v>21534</v>
      </c>
      <c r="C10790" t="s">
        <v>21535</v>
      </c>
    </row>
    <row r="10791" spans="1:3" x14ac:dyDescent="0.15">
      <c r="A10791">
        <v>14219</v>
      </c>
      <c r="B10791" t="s">
        <v>21536</v>
      </c>
      <c r="C10791" t="s">
        <v>21537</v>
      </c>
    </row>
    <row r="10792" spans="1:3" x14ac:dyDescent="0.15">
      <c r="A10792">
        <v>14218</v>
      </c>
      <c r="B10792" t="s">
        <v>21538</v>
      </c>
      <c r="C10792" t="s">
        <v>21539</v>
      </c>
    </row>
    <row r="10793" spans="1:3" x14ac:dyDescent="0.15">
      <c r="A10793">
        <v>14217</v>
      </c>
      <c r="B10793" t="s">
        <v>21540</v>
      </c>
      <c r="C10793" t="s">
        <v>21541</v>
      </c>
    </row>
    <row r="10794" spans="1:3" x14ac:dyDescent="0.15">
      <c r="A10794">
        <v>14216</v>
      </c>
      <c r="B10794" t="s">
        <v>21542</v>
      </c>
      <c r="C10794" t="s">
        <v>21543</v>
      </c>
    </row>
    <row r="10795" spans="1:3" x14ac:dyDescent="0.15">
      <c r="A10795">
        <v>14215</v>
      </c>
      <c r="B10795" t="s">
        <v>21544</v>
      </c>
      <c r="C10795" t="s">
        <v>21545</v>
      </c>
    </row>
    <row r="10796" spans="1:3" x14ac:dyDescent="0.15">
      <c r="A10796">
        <v>14214</v>
      </c>
      <c r="B10796" t="s">
        <v>21546</v>
      </c>
      <c r="C10796" t="s">
        <v>21547</v>
      </c>
    </row>
    <row r="10797" spans="1:3" x14ac:dyDescent="0.15">
      <c r="A10797">
        <v>14213</v>
      </c>
      <c r="B10797" t="s">
        <v>21548</v>
      </c>
      <c r="C10797" t="s">
        <v>21549</v>
      </c>
    </row>
    <row r="10798" spans="1:3" x14ac:dyDescent="0.15">
      <c r="A10798">
        <v>14212</v>
      </c>
      <c r="B10798" t="s">
        <v>21550</v>
      </c>
      <c r="C10798" t="s">
        <v>21551</v>
      </c>
    </row>
    <row r="10799" spans="1:3" x14ac:dyDescent="0.15">
      <c r="A10799">
        <v>14211</v>
      </c>
      <c r="B10799" t="s">
        <v>21552</v>
      </c>
      <c r="C10799" t="s">
        <v>21553</v>
      </c>
    </row>
    <row r="10800" spans="1:3" x14ac:dyDescent="0.15">
      <c r="A10800">
        <v>14210</v>
      </c>
      <c r="B10800" t="s">
        <v>21554</v>
      </c>
      <c r="C10800" t="s">
        <v>21555</v>
      </c>
    </row>
    <row r="10801" spans="1:3" x14ac:dyDescent="0.15">
      <c r="A10801">
        <v>14209</v>
      </c>
      <c r="B10801" t="s">
        <v>21556</v>
      </c>
      <c r="C10801" t="s">
        <v>21557</v>
      </c>
    </row>
    <row r="10802" spans="1:3" x14ac:dyDescent="0.15">
      <c r="A10802">
        <v>14208</v>
      </c>
      <c r="B10802" t="s">
        <v>21558</v>
      </c>
      <c r="C10802" t="s">
        <v>21559</v>
      </c>
    </row>
    <row r="10803" spans="1:3" x14ac:dyDescent="0.15">
      <c r="A10803">
        <v>14207</v>
      </c>
      <c r="B10803" t="s">
        <v>21560</v>
      </c>
      <c r="C10803" t="s">
        <v>21561</v>
      </c>
    </row>
    <row r="10804" spans="1:3" x14ac:dyDescent="0.15">
      <c r="A10804">
        <v>14206</v>
      </c>
      <c r="B10804" t="s">
        <v>21562</v>
      </c>
      <c r="C10804" t="s">
        <v>21563</v>
      </c>
    </row>
    <row r="10805" spans="1:3" x14ac:dyDescent="0.15">
      <c r="A10805">
        <v>14205</v>
      </c>
      <c r="B10805" t="s">
        <v>21564</v>
      </c>
      <c r="C10805" t="s">
        <v>21565</v>
      </c>
    </row>
    <row r="10806" spans="1:3" x14ac:dyDescent="0.15">
      <c r="A10806">
        <v>14204</v>
      </c>
      <c r="B10806" t="s">
        <v>21566</v>
      </c>
      <c r="C10806" t="s">
        <v>21567</v>
      </c>
    </row>
    <row r="10807" spans="1:3" x14ac:dyDescent="0.15">
      <c r="A10807">
        <v>14203</v>
      </c>
      <c r="B10807" t="s">
        <v>21568</v>
      </c>
      <c r="C10807" t="s">
        <v>21569</v>
      </c>
    </row>
    <row r="10808" spans="1:3" x14ac:dyDescent="0.15">
      <c r="A10808">
        <v>14202</v>
      </c>
      <c r="B10808" t="s">
        <v>21570</v>
      </c>
      <c r="C10808" t="s">
        <v>21571</v>
      </c>
    </row>
    <row r="10809" spans="1:3" x14ac:dyDescent="0.15">
      <c r="A10809">
        <v>14201</v>
      </c>
      <c r="B10809" t="s">
        <v>21572</v>
      </c>
      <c r="C10809" t="s">
        <v>21573</v>
      </c>
    </row>
    <row r="10810" spans="1:3" x14ac:dyDescent="0.15">
      <c r="A10810">
        <v>14200</v>
      </c>
      <c r="B10810" t="s">
        <v>21574</v>
      </c>
      <c r="C10810" t="s">
        <v>21575</v>
      </c>
    </row>
    <row r="10811" spans="1:3" x14ac:dyDescent="0.15">
      <c r="A10811">
        <v>14199</v>
      </c>
      <c r="B10811" t="s">
        <v>21576</v>
      </c>
      <c r="C10811" t="s">
        <v>21577</v>
      </c>
    </row>
    <row r="10812" spans="1:3" x14ac:dyDescent="0.15">
      <c r="A10812">
        <v>14198</v>
      </c>
      <c r="B10812" t="s">
        <v>21578</v>
      </c>
      <c r="C10812" t="s">
        <v>21579</v>
      </c>
    </row>
    <row r="10813" spans="1:3" x14ac:dyDescent="0.15">
      <c r="A10813">
        <v>14197</v>
      </c>
      <c r="B10813" t="s">
        <v>21580</v>
      </c>
      <c r="C10813" t="s">
        <v>21581</v>
      </c>
    </row>
    <row r="10814" spans="1:3" x14ac:dyDescent="0.15">
      <c r="A10814">
        <v>14196</v>
      </c>
      <c r="B10814" t="s">
        <v>21582</v>
      </c>
      <c r="C10814" t="s">
        <v>21583</v>
      </c>
    </row>
    <row r="10815" spans="1:3" x14ac:dyDescent="0.15">
      <c r="A10815">
        <v>14195</v>
      </c>
      <c r="B10815" t="s">
        <v>21584</v>
      </c>
      <c r="C10815" t="s">
        <v>21585</v>
      </c>
    </row>
    <row r="10816" spans="1:3" x14ac:dyDescent="0.15">
      <c r="A10816">
        <v>14194</v>
      </c>
      <c r="B10816" t="s">
        <v>21586</v>
      </c>
      <c r="C10816" t="s">
        <v>21587</v>
      </c>
    </row>
    <row r="10817" spans="1:3" x14ac:dyDescent="0.15">
      <c r="A10817">
        <v>14193</v>
      </c>
      <c r="B10817" t="s">
        <v>21588</v>
      </c>
      <c r="C10817" t="s">
        <v>21589</v>
      </c>
    </row>
    <row r="10818" spans="1:3" x14ac:dyDescent="0.15">
      <c r="A10818">
        <v>14192</v>
      </c>
      <c r="B10818" t="s">
        <v>21590</v>
      </c>
      <c r="C10818" t="s">
        <v>21591</v>
      </c>
    </row>
    <row r="10819" spans="1:3" x14ac:dyDescent="0.15">
      <c r="A10819">
        <v>14191</v>
      </c>
      <c r="B10819" t="s">
        <v>21592</v>
      </c>
      <c r="C10819" t="s">
        <v>21593</v>
      </c>
    </row>
    <row r="10820" spans="1:3" x14ac:dyDescent="0.15">
      <c r="A10820">
        <v>14190</v>
      </c>
      <c r="B10820" t="s">
        <v>21594</v>
      </c>
      <c r="C10820" t="s">
        <v>21595</v>
      </c>
    </row>
    <row r="10821" spans="1:3" x14ac:dyDescent="0.15">
      <c r="A10821">
        <v>14189</v>
      </c>
      <c r="B10821" t="s">
        <v>21596</v>
      </c>
      <c r="C10821" t="s">
        <v>21597</v>
      </c>
    </row>
    <row r="10822" spans="1:3" x14ac:dyDescent="0.15">
      <c r="A10822">
        <v>14188</v>
      </c>
      <c r="B10822" t="s">
        <v>21598</v>
      </c>
      <c r="C10822" t="s">
        <v>21599</v>
      </c>
    </row>
    <row r="10823" spans="1:3" x14ac:dyDescent="0.15">
      <c r="A10823">
        <v>14187</v>
      </c>
      <c r="B10823" t="s">
        <v>21600</v>
      </c>
      <c r="C10823" t="s">
        <v>21601</v>
      </c>
    </row>
    <row r="10824" spans="1:3" x14ac:dyDescent="0.15">
      <c r="A10824">
        <v>14186</v>
      </c>
      <c r="B10824" t="s">
        <v>21602</v>
      </c>
      <c r="C10824" t="s">
        <v>21603</v>
      </c>
    </row>
    <row r="10825" spans="1:3" x14ac:dyDescent="0.15">
      <c r="A10825">
        <v>14185</v>
      </c>
      <c r="B10825" t="s">
        <v>21604</v>
      </c>
      <c r="C10825" t="s">
        <v>21605</v>
      </c>
    </row>
    <row r="10826" spans="1:3" x14ac:dyDescent="0.15">
      <c r="A10826">
        <v>14184</v>
      </c>
      <c r="B10826" t="s">
        <v>21606</v>
      </c>
      <c r="C10826" t="s">
        <v>21607</v>
      </c>
    </row>
    <row r="10827" spans="1:3" x14ac:dyDescent="0.15">
      <c r="A10827">
        <v>14183</v>
      </c>
      <c r="B10827" t="s">
        <v>21608</v>
      </c>
      <c r="C10827" t="s">
        <v>21609</v>
      </c>
    </row>
    <row r="10828" spans="1:3" x14ac:dyDescent="0.15">
      <c r="A10828">
        <v>14182</v>
      </c>
      <c r="B10828" t="s">
        <v>21610</v>
      </c>
      <c r="C10828" t="s">
        <v>21611</v>
      </c>
    </row>
    <row r="10829" spans="1:3" x14ac:dyDescent="0.15">
      <c r="A10829">
        <v>14181</v>
      </c>
      <c r="B10829" t="s">
        <v>21612</v>
      </c>
      <c r="C10829" t="s">
        <v>21613</v>
      </c>
    </row>
    <row r="10830" spans="1:3" x14ac:dyDescent="0.15">
      <c r="A10830">
        <v>14180</v>
      </c>
      <c r="B10830" t="s">
        <v>21614</v>
      </c>
      <c r="C10830" t="s">
        <v>21615</v>
      </c>
    </row>
    <row r="10831" spans="1:3" x14ac:dyDescent="0.15">
      <c r="A10831">
        <v>14179</v>
      </c>
      <c r="B10831" t="s">
        <v>21616</v>
      </c>
      <c r="C10831" t="s">
        <v>21617</v>
      </c>
    </row>
    <row r="10832" spans="1:3" x14ac:dyDescent="0.15">
      <c r="A10832">
        <v>14178</v>
      </c>
      <c r="B10832" t="s">
        <v>21618</v>
      </c>
      <c r="C10832" t="s">
        <v>21619</v>
      </c>
    </row>
    <row r="10833" spans="1:3" x14ac:dyDescent="0.15">
      <c r="A10833">
        <v>14177</v>
      </c>
      <c r="B10833" t="s">
        <v>21620</v>
      </c>
      <c r="C10833" t="s">
        <v>21621</v>
      </c>
    </row>
    <row r="10834" spans="1:3" x14ac:dyDescent="0.15">
      <c r="A10834">
        <v>14176</v>
      </c>
      <c r="B10834" t="s">
        <v>21622</v>
      </c>
      <c r="C10834" t="s">
        <v>21623</v>
      </c>
    </row>
    <row r="10835" spans="1:3" x14ac:dyDescent="0.15">
      <c r="A10835">
        <v>14175</v>
      </c>
      <c r="B10835" t="s">
        <v>21624</v>
      </c>
      <c r="C10835" t="s">
        <v>21625</v>
      </c>
    </row>
    <row r="10836" spans="1:3" x14ac:dyDescent="0.15">
      <c r="A10836">
        <v>14174</v>
      </c>
      <c r="B10836" t="s">
        <v>21626</v>
      </c>
      <c r="C10836" t="s">
        <v>21627</v>
      </c>
    </row>
    <row r="10837" spans="1:3" x14ac:dyDescent="0.15">
      <c r="A10837">
        <v>14173</v>
      </c>
      <c r="B10837" t="s">
        <v>21628</v>
      </c>
      <c r="C10837" t="s">
        <v>21629</v>
      </c>
    </row>
    <row r="10838" spans="1:3" x14ac:dyDescent="0.15">
      <c r="A10838">
        <v>14172</v>
      </c>
      <c r="B10838" t="s">
        <v>21630</v>
      </c>
      <c r="C10838" t="s">
        <v>21631</v>
      </c>
    </row>
    <row r="10839" spans="1:3" x14ac:dyDescent="0.15">
      <c r="A10839">
        <v>14171</v>
      </c>
      <c r="B10839" t="s">
        <v>21632</v>
      </c>
      <c r="C10839" t="s">
        <v>21633</v>
      </c>
    </row>
    <row r="10840" spans="1:3" x14ac:dyDescent="0.15">
      <c r="A10840">
        <v>14170</v>
      </c>
      <c r="B10840" t="s">
        <v>21634</v>
      </c>
      <c r="C10840" t="s">
        <v>21635</v>
      </c>
    </row>
    <row r="10841" spans="1:3" x14ac:dyDescent="0.15">
      <c r="A10841">
        <v>14169</v>
      </c>
      <c r="B10841" t="s">
        <v>21636</v>
      </c>
      <c r="C10841" t="s">
        <v>21637</v>
      </c>
    </row>
    <row r="10842" spans="1:3" x14ac:dyDescent="0.15">
      <c r="A10842">
        <v>14168</v>
      </c>
      <c r="B10842" t="s">
        <v>21638</v>
      </c>
      <c r="C10842" t="s">
        <v>21639</v>
      </c>
    </row>
    <row r="10843" spans="1:3" x14ac:dyDescent="0.15">
      <c r="A10843">
        <v>14167</v>
      </c>
      <c r="B10843" t="s">
        <v>21640</v>
      </c>
      <c r="C10843" t="s">
        <v>21641</v>
      </c>
    </row>
    <row r="10844" spans="1:3" x14ac:dyDescent="0.15">
      <c r="A10844">
        <v>14166</v>
      </c>
      <c r="B10844" t="s">
        <v>21642</v>
      </c>
      <c r="C10844" t="s">
        <v>21643</v>
      </c>
    </row>
    <row r="10845" spans="1:3" x14ac:dyDescent="0.15">
      <c r="A10845">
        <v>14165</v>
      </c>
      <c r="B10845" t="s">
        <v>21644</v>
      </c>
      <c r="C10845" t="s">
        <v>21645</v>
      </c>
    </row>
    <row r="10846" spans="1:3" x14ac:dyDescent="0.15">
      <c r="A10846">
        <v>14164</v>
      </c>
      <c r="B10846" t="s">
        <v>21646</v>
      </c>
      <c r="C10846" t="s">
        <v>21647</v>
      </c>
    </row>
    <row r="10847" spans="1:3" x14ac:dyDescent="0.15">
      <c r="A10847">
        <v>14163</v>
      </c>
      <c r="B10847" t="s">
        <v>21648</v>
      </c>
      <c r="C10847" t="s">
        <v>21649</v>
      </c>
    </row>
    <row r="10848" spans="1:3" x14ac:dyDescent="0.15">
      <c r="A10848">
        <v>14162</v>
      </c>
      <c r="B10848" t="s">
        <v>21650</v>
      </c>
      <c r="C10848" t="s">
        <v>21651</v>
      </c>
    </row>
    <row r="10849" spans="1:3" x14ac:dyDescent="0.15">
      <c r="A10849">
        <v>14161</v>
      </c>
      <c r="B10849" t="s">
        <v>21652</v>
      </c>
      <c r="C10849" t="s">
        <v>21653</v>
      </c>
    </row>
    <row r="10850" spans="1:3" x14ac:dyDescent="0.15">
      <c r="A10850">
        <v>14160</v>
      </c>
      <c r="B10850" t="s">
        <v>21654</v>
      </c>
      <c r="C10850" t="s">
        <v>21655</v>
      </c>
    </row>
    <row r="10851" spans="1:3" x14ac:dyDescent="0.15">
      <c r="A10851">
        <v>14159</v>
      </c>
      <c r="B10851" t="s">
        <v>21656</v>
      </c>
      <c r="C10851" t="s">
        <v>21657</v>
      </c>
    </row>
    <row r="10852" spans="1:3" x14ac:dyDescent="0.15">
      <c r="A10852">
        <v>14158</v>
      </c>
      <c r="B10852" t="s">
        <v>21658</v>
      </c>
      <c r="C10852" t="s">
        <v>21659</v>
      </c>
    </row>
    <row r="10853" spans="1:3" x14ac:dyDescent="0.15">
      <c r="A10853">
        <v>14157</v>
      </c>
      <c r="B10853" t="s">
        <v>21660</v>
      </c>
      <c r="C10853" t="s">
        <v>21661</v>
      </c>
    </row>
    <row r="10854" spans="1:3" x14ac:dyDescent="0.15">
      <c r="A10854">
        <v>14156</v>
      </c>
      <c r="B10854" t="s">
        <v>21662</v>
      </c>
      <c r="C10854" t="s">
        <v>21663</v>
      </c>
    </row>
    <row r="10855" spans="1:3" x14ac:dyDescent="0.15">
      <c r="A10855">
        <v>14155</v>
      </c>
      <c r="B10855" t="s">
        <v>21664</v>
      </c>
      <c r="C10855" t="s">
        <v>21665</v>
      </c>
    </row>
    <row r="10856" spans="1:3" x14ac:dyDescent="0.15">
      <c r="A10856">
        <v>14154</v>
      </c>
      <c r="B10856" t="s">
        <v>21666</v>
      </c>
      <c r="C10856" t="s">
        <v>21667</v>
      </c>
    </row>
    <row r="10857" spans="1:3" x14ac:dyDescent="0.15">
      <c r="A10857">
        <v>14153</v>
      </c>
      <c r="B10857" t="s">
        <v>21668</v>
      </c>
      <c r="C10857" t="s">
        <v>21669</v>
      </c>
    </row>
    <row r="10858" spans="1:3" x14ac:dyDescent="0.15">
      <c r="A10858">
        <v>14152</v>
      </c>
      <c r="B10858" t="s">
        <v>21670</v>
      </c>
      <c r="C10858" t="s">
        <v>21671</v>
      </c>
    </row>
    <row r="10859" spans="1:3" x14ac:dyDescent="0.15">
      <c r="A10859">
        <v>14151</v>
      </c>
      <c r="B10859" t="s">
        <v>21672</v>
      </c>
      <c r="C10859" t="s">
        <v>21673</v>
      </c>
    </row>
    <row r="10860" spans="1:3" x14ac:dyDescent="0.15">
      <c r="A10860">
        <v>14150</v>
      </c>
      <c r="B10860" t="s">
        <v>21674</v>
      </c>
      <c r="C10860" t="s">
        <v>21675</v>
      </c>
    </row>
    <row r="10861" spans="1:3" x14ac:dyDescent="0.15">
      <c r="A10861">
        <v>14149</v>
      </c>
      <c r="B10861" t="s">
        <v>21676</v>
      </c>
      <c r="C10861" t="s">
        <v>21677</v>
      </c>
    </row>
    <row r="10862" spans="1:3" x14ac:dyDescent="0.15">
      <c r="A10862">
        <v>14148</v>
      </c>
      <c r="B10862" t="s">
        <v>21678</v>
      </c>
      <c r="C10862" t="s">
        <v>21679</v>
      </c>
    </row>
    <row r="10863" spans="1:3" x14ac:dyDescent="0.15">
      <c r="A10863">
        <v>14147</v>
      </c>
      <c r="B10863" t="s">
        <v>21680</v>
      </c>
      <c r="C10863" t="s">
        <v>21681</v>
      </c>
    </row>
    <row r="10864" spans="1:3" x14ac:dyDescent="0.15">
      <c r="A10864">
        <v>14146</v>
      </c>
      <c r="B10864" t="s">
        <v>21682</v>
      </c>
      <c r="C10864" t="s">
        <v>21683</v>
      </c>
    </row>
    <row r="10865" spans="1:3" x14ac:dyDescent="0.15">
      <c r="A10865">
        <v>14145</v>
      </c>
      <c r="B10865" t="s">
        <v>21684</v>
      </c>
      <c r="C10865" t="s">
        <v>21685</v>
      </c>
    </row>
    <row r="10866" spans="1:3" x14ac:dyDescent="0.15">
      <c r="A10866">
        <v>14144</v>
      </c>
      <c r="B10866" t="s">
        <v>21686</v>
      </c>
      <c r="C10866" t="s">
        <v>21687</v>
      </c>
    </row>
    <row r="10867" spans="1:3" x14ac:dyDescent="0.15">
      <c r="A10867">
        <v>14143</v>
      </c>
      <c r="B10867" t="s">
        <v>21688</v>
      </c>
      <c r="C10867" t="s">
        <v>21689</v>
      </c>
    </row>
    <row r="10868" spans="1:3" x14ac:dyDescent="0.15">
      <c r="A10868">
        <v>14142</v>
      </c>
      <c r="B10868" t="s">
        <v>21690</v>
      </c>
      <c r="C10868" t="s">
        <v>21691</v>
      </c>
    </row>
    <row r="10869" spans="1:3" x14ac:dyDescent="0.15">
      <c r="A10869">
        <v>14141</v>
      </c>
      <c r="B10869" t="s">
        <v>21692</v>
      </c>
      <c r="C10869" t="s">
        <v>21693</v>
      </c>
    </row>
    <row r="10870" spans="1:3" x14ac:dyDescent="0.15">
      <c r="A10870">
        <v>14140</v>
      </c>
      <c r="B10870" t="s">
        <v>21694</v>
      </c>
      <c r="C10870" t="s">
        <v>21695</v>
      </c>
    </row>
    <row r="10871" spans="1:3" x14ac:dyDescent="0.15">
      <c r="A10871">
        <v>14139</v>
      </c>
      <c r="B10871" t="s">
        <v>21696</v>
      </c>
      <c r="C10871" t="s">
        <v>21697</v>
      </c>
    </row>
    <row r="10872" spans="1:3" x14ac:dyDescent="0.15">
      <c r="A10872">
        <v>14138</v>
      </c>
      <c r="B10872" t="s">
        <v>21698</v>
      </c>
      <c r="C10872" t="s">
        <v>21699</v>
      </c>
    </row>
    <row r="10873" spans="1:3" x14ac:dyDescent="0.15">
      <c r="A10873">
        <v>14137</v>
      </c>
      <c r="B10873" t="s">
        <v>21700</v>
      </c>
      <c r="C10873" t="s">
        <v>21701</v>
      </c>
    </row>
    <row r="10874" spans="1:3" x14ac:dyDescent="0.15">
      <c r="A10874">
        <v>14136</v>
      </c>
      <c r="B10874" t="s">
        <v>21702</v>
      </c>
      <c r="C10874" t="s">
        <v>21703</v>
      </c>
    </row>
    <row r="10875" spans="1:3" x14ac:dyDescent="0.15">
      <c r="A10875">
        <v>14135</v>
      </c>
      <c r="B10875" t="s">
        <v>21704</v>
      </c>
      <c r="C10875" t="s">
        <v>21705</v>
      </c>
    </row>
    <row r="10876" spans="1:3" x14ac:dyDescent="0.15">
      <c r="A10876">
        <v>14134</v>
      </c>
      <c r="B10876" t="s">
        <v>21706</v>
      </c>
      <c r="C10876" t="s">
        <v>21707</v>
      </c>
    </row>
    <row r="10877" spans="1:3" x14ac:dyDescent="0.15">
      <c r="A10877">
        <v>14133</v>
      </c>
      <c r="B10877" t="s">
        <v>21708</v>
      </c>
      <c r="C10877" t="s">
        <v>21709</v>
      </c>
    </row>
    <row r="10878" spans="1:3" x14ac:dyDescent="0.15">
      <c r="A10878">
        <v>14132</v>
      </c>
      <c r="B10878" t="s">
        <v>21710</v>
      </c>
      <c r="C10878" t="s">
        <v>21711</v>
      </c>
    </row>
    <row r="10879" spans="1:3" x14ac:dyDescent="0.15">
      <c r="A10879">
        <v>14130</v>
      </c>
      <c r="B10879" t="s">
        <v>21712</v>
      </c>
      <c r="C10879" t="s">
        <v>21713</v>
      </c>
    </row>
    <row r="10880" spans="1:3" x14ac:dyDescent="0.15">
      <c r="A10880">
        <v>14129</v>
      </c>
      <c r="B10880" t="s">
        <v>21714</v>
      </c>
      <c r="C10880" t="s">
        <v>21715</v>
      </c>
    </row>
    <row r="10881" spans="1:3" x14ac:dyDescent="0.15">
      <c r="A10881">
        <v>14128</v>
      </c>
      <c r="B10881" t="s">
        <v>21716</v>
      </c>
      <c r="C10881" t="s">
        <v>21717</v>
      </c>
    </row>
    <row r="10882" spans="1:3" x14ac:dyDescent="0.15">
      <c r="A10882">
        <v>14127</v>
      </c>
      <c r="B10882" t="s">
        <v>21718</v>
      </c>
      <c r="C10882" t="s">
        <v>491</v>
      </c>
    </row>
    <row r="10883" spans="1:3" x14ac:dyDescent="0.15">
      <c r="A10883">
        <v>14126</v>
      </c>
      <c r="B10883" t="s">
        <v>21719</v>
      </c>
      <c r="C10883" t="s">
        <v>21720</v>
      </c>
    </row>
    <row r="10884" spans="1:3" x14ac:dyDescent="0.15">
      <c r="A10884">
        <v>14125</v>
      </c>
      <c r="B10884" t="s">
        <v>21721</v>
      </c>
      <c r="C10884" t="s">
        <v>21722</v>
      </c>
    </row>
    <row r="10885" spans="1:3" x14ac:dyDescent="0.15">
      <c r="A10885">
        <v>14124</v>
      </c>
      <c r="B10885" t="s">
        <v>21723</v>
      </c>
      <c r="C10885" t="s">
        <v>21724</v>
      </c>
    </row>
    <row r="10886" spans="1:3" x14ac:dyDescent="0.15">
      <c r="A10886">
        <v>14123</v>
      </c>
      <c r="B10886" t="s">
        <v>21725</v>
      </c>
      <c r="C10886" t="s">
        <v>21726</v>
      </c>
    </row>
    <row r="10887" spans="1:3" x14ac:dyDescent="0.15">
      <c r="A10887">
        <v>14122</v>
      </c>
      <c r="B10887" t="s">
        <v>21727</v>
      </c>
      <c r="C10887" t="s">
        <v>21728</v>
      </c>
    </row>
    <row r="10888" spans="1:3" x14ac:dyDescent="0.15">
      <c r="A10888">
        <v>14121</v>
      </c>
      <c r="B10888" t="s">
        <v>21729</v>
      </c>
      <c r="C10888" t="s">
        <v>21730</v>
      </c>
    </row>
    <row r="10889" spans="1:3" x14ac:dyDescent="0.15">
      <c r="A10889">
        <v>14120</v>
      </c>
      <c r="B10889" t="s">
        <v>21731</v>
      </c>
      <c r="C10889" t="s">
        <v>21732</v>
      </c>
    </row>
    <row r="10890" spans="1:3" x14ac:dyDescent="0.15">
      <c r="A10890">
        <v>14119</v>
      </c>
      <c r="B10890" t="s">
        <v>21733</v>
      </c>
      <c r="C10890" t="s">
        <v>21734</v>
      </c>
    </row>
    <row r="10891" spans="1:3" x14ac:dyDescent="0.15">
      <c r="A10891">
        <v>14118</v>
      </c>
      <c r="B10891" t="s">
        <v>21735</v>
      </c>
      <c r="C10891" t="s">
        <v>21736</v>
      </c>
    </row>
    <row r="10892" spans="1:3" x14ac:dyDescent="0.15">
      <c r="A10892">
        <v>14117</v>
      </c>
      <c r="B10892" t="s">
        <v>21737</v>
      </c>
      <c r="C10892" t="s">
        <v>21738</v>
      </c>
    </row>
    <row r="10893" spans="1:3" x14ac:dyDescent="0.15">
      <c r="A10893">
        <v>14116</v>
      </c>
      <c r="B10893" t="s">
        <v>21739</v>
      </c>
      <c r="C10893" t="s">
        <v>21740</v>
      </c>
    </row>
    <row r="10894" spans="1:3" x14ac:dyDescent="0.15">
      <c r="A10894">
        <v>14115</v>
      </c>
      <c r="B10894" t="s">
        <v>21741</v>
      </c>
      <c r="C10894" t="s">
        <v>21742</v>
      </c>
    </row>
    <row r="10895" spans="1:3" x14ac:dyDescent="0.15">
      <c r="A10895">
        <v>14114</v>
      </c>
      <c r="B10895" t="s">
        <v>21743</v>
      </c>
      <c r="C10895" t="s">
        <v>21744</v>
      </c>
    </row>
    <row r="10896" spans="1:3" x14ac:dyDescent="0.15">
      <c r="A10896">
        <v>14113</v>
      </c>
      <c r="B10896" t="s">
        <v>21745</v>
      </c>
      <c r="C10896" t="s">
        <v>21746</v>
      </c>
    </row>
    <row r="10897" spans="1:3" x14ac:dyDescent="0.15">
      <c r="A10897">
        <v>14112</v>
      </c>
      <c r="B10897" t="s">
        <v>21747</v>
      </c>
      <c r="C10897" t="s">
        <v>21748</v>
      </c>
    </row>
    <row r="10898" spans="1:3" x14ac:dyDescent="0.15">
      <c r="A10898">
        <v>14111</v>
      </c>
      <c r="B10898" t="s">
        <v>21749</v>
      </c>
      <c r="C10898" t="s">
        <v>21750</v>
      </c>
    </row>
    <row r="10899" spans="1:3" x14ac:dyDescent="0.15">
      <c r="A10899">
        <v>14110</v>
      </c>
      <c r="B10899" t="s">
        <v>21751</v>
      </c>
      <c r="C10899" t="s">
        <v>21752</v>
      </c>
    </row>
    <row r="10900" spans="1:3" x14ac:dyDescent="0.15">
      <c r="A10900">
        <v>14109</v>
      </c>
      <c r="B10900" t="s">
        <v>21753</v>
      </c>
      <c r="C10900" t="s">
        <v>21754</v>
      </c>
    </row>
    <row r="10901" spans="1:3" x14ac:dyDescent="0.15">
      <c r="A10901">
        <v>14108</v>
      </c>
      <c r="B10901" t="s">
        <v>21755</v>
      </c>
      <c r="C10901" t="s">
        <v>21756</v>
      </c>
    </row>
    <row r="10902" spans="1:3" x14ac:dyDescent="0.15">
      <c r="A10902">
        <v>14107</v>
      </c>
      <c r="B10902" t="s">
        <v>21757</v>
      </c>
      <c r="C10902" t="s">
        <v>21758</v>
      </c>
    </row>
    <row r="10903" spans="1:3" x14ac:dyDescent="0.15">
      <c r="A10903">
        <v>14106</v>
      </c>
      <c r="B10903" t="s">
        <v>21759</v>
      </c>
      <c r="C10903" t="s">
        <v>21760</v>
      </c>
    </row>
    <row r="10904" spans="1:3" x14ac:dyDescent="0.15">
      <c r="A10904">
        <v>14105</v>
      </c>
      <c r="B10904" t="s">
        <v>21761</v>
      </c>
      <c r="C10904" t="s">
        <v>21762</v>
      </c>
    </row>
    <row r="10905" spans="1:3" x14ac:dyDescent="0.15">
      <c r="A10905">
        <v>14104</v>
      </c>
      <c r="B10905" t="s">
        <v>21763</v>
      </c>
      <c r="C10905" t="s">
        <v>21764</v>
      </c>
    </row>
    <row r="10906" spans="1:3" x14ac:dyDescent="0.15">
      <c r="A10906">
        <v>14103</v>
      </c>
      <c r="B10906" t="s">
        <v>21765</v>
      </c>
      <c r="C10906" t="s">
        <v>21766</v>
      </c>
    </row>
    <row r="10907" spans="1:3" x14ac:dyDescent="0.15">
      <c r="A10907">
        <v>14102</v>
      </c>
      <c r="B10907" t="s">
        <v>21767</v>
      </c>
      <c r="C10907" t="s">
        <v>21768</v>
      </c>
    </row>
    <row r="10908" spans="1:3" x14ac:dyDescent="0.15">
      <c r="A10908">
        <v>14101</v>
      </c>
      <c r="B10908" t="s">
        <v>21769</v>
      </c>
      <c r="C10908" t="s">
        <v>21770</v>
      </c>
    </row>
    <row r="10909" spans="1:3" x14ac:dyDescent="0.15">
      <c r="A10909">
        <v>14100</v>
      </c>
      <c r="B10909" t="s">
        <v>21771</v>
      </c>
      <c r="C10909" t="s">
        <v>21772</v>
      </c>
    </row>
    <row r="10910" spans="1:3" x14ac:dyDescent="0.15">
      <c r="A10910">
        <v>14099</v>
      </c>
      <c r="B10910" t="s">
        <v>21773</v>
      </c>
      <c r="C10910" t="s">
        <v>21774</v>
      </c>
    </row>
    <row r="10911" spans="1:3" x14ac:dyDescent="0.15">
      <c r="A10911">
        <v>14098</v>
      </c>
      <c r="B10911" t="s">
        <v>21775</v>
      </c>
      <c r="C10911" t="s">
        <v>21776</v>
      </c>
    </row>
    <row r="10912" spans="1:3" x14ac:dyDescent="0.15">
      <c r="A10912">
        <v>14097</v>
      </c>
      <c r="B10912" t="s">
        <v>21777</v>
      </c>
      <c r="C10912" t="s">
        <v>21778</v>
      </c>
    </row>
    <row r="10913" spans="1:3" x14ac:dyDescent="0.15">
      <c r="A10913">
        <v>14096</v>
      </c>
      <c r="B10913" t="s">
        <v>21779</v>
      </c>
      <c r="C10913" t="s">
        <v>21780</v>
      </c>
    </row>
    <row r="10914" spans="1:3" x14ac:dyDescent="0.15">
      <c r="A10914">
        <v>14095</v>
      </c>
      <c r="B10914" t="s">
        <v>21781</v>
      </c>
      <c r="C10914" t="s">
        <v>21782</v>
      </c>
    </row>
    <row r="10915" spans="1:3" x14ac:dyDescent="0.15">
      <c r="A10915">
        <v>14094</v>
      </c>
      <c r="B10915" t="s">
        <v>21783</v>
      </c>
      <c r="C10915" t="s">
        <v>21784</v>
      </c>
    </row>
    <row r="10916" spans="1:3" x14ac:dyDescent="0.15">
      <c r="A10916">
        <v>14093</v>
      </c>
      <c r="B10916" t="s">
        <v>21785</v>
      </c>
      <c r="C10916" t="s">
        <v>21786</v>
      </c>
    </row>
    <row r="10917" spans="1:3" x14ac:dyDescent="0.15">
      <c r="A10917">
        <v>14092</v>
      </c>
      <c r="B10917" t="s">
        <v>21787</v>
      </c>
      <c r="C10917" t="s">
        <v>21788</v>
      </c>
    </row>
    <row r="10918" spans="1:3" x14ac:dyDescent="0.15">
      <c r="A10918">
        <v>14091</v>
      </c>
      <c r="B10918" t="s">
        <v>21789</v>
      </c>
      <c r="C10918" t="s">
        <v>21790</v>
      </c>
    </row>
    <row r="10919" spans="1:3" x14ac:dyDescent="0.15">
      <c r="A10919">
        <v>14090</v>
      </c>
      <c r="B10919" t="s">
        <v>21791</v>
      </c>
      <c r="C10919" t="s">
        <v>21792</v>
      </c>
    </row>
    <row r="10920" spans="1:3" x14ac:dyDescent="0.15">
      <c r="A10920">
        <v>14089</v>
      </c>
      <c r="B10920" t="s">
        <v>21793</v>
      </c>
      <c r="C10920" t="s">
        <v>21794</v>
      </c>
    </row>
    <row r="10921" spans="1:3" x14ac:dyDescent="0.15">
      <c r="A10921">
        <v>14088</v>
      </c>
      <c r="B10921" t="s">
        <v>21795</v>
      </c>
      <c r="C10921" t="s">
        <v>21796</v>
      </c>
    </row>
    <row r="10922" spans="1:3" x14ac:dyDescent="0.15">
      <c r="A10922">
        <v>14087</v>
      </c>
      <c r="B10922" t="s">
        <v>21797</v>
      </c>
      <c r="C10922" t="s">
        <v>21798</v>
      </c>
    </row>
    <row r="10923" spans="1:3" x14ac:dyDescent="0.15">
      <c r="A10923">
        <v>14086</v>
      </c>
      <c r="B10923" t="s">
        <v>21799</v>
      </c>
      <c r="C10923" t="s">
        <v>21800</v>
      </c>
    </row>
    <row r="10924" spans="1:3" x14ac:dyDescent="0.15">
      <c r="A10924">
        <v>14085</v>
      </c>
      <c r="B10924" t="s">
        <v>21801</v>
      </c>
      <c r="C10924" t="s">
        <v>21802</v>
      </c>
    </row>
    <row r="10925" spans="1:3" x14ac:dyDescent="0.15">
      <c r="A10925">
        <v>14084</v>
      </c>
      <c r="B10925" t="s">
        <v>21803</v>
      </c>
      <c r="C10925" t="s">
        <v>491</v>
      </c>
    </row>
    <row r="10926" spans="1:3" x14ac:dyDescent="0.15">
      <c r="A10926">
        <v>14083</v>
      </c>
      <c r="B10926" t="s">
        <v>21804</v>
      </c>
      <c r="C10926" t="s">
        <v>21805</v>
      </c>
    </row>
    <row r="10927" spans="1:3" x14ac:dyDescent="0.15">
      <c r="A10927">
        <v>14082</v>
      </c>
      <c r="B10927" t="s">
        <v>21806</v>
      </c>
      <c r="C10927" t="s">
        <v>21807</v>
      </c>
    </row>
    <row r="10928" spans="1:3" x14ac:dyDescent="0.15">
      <c r="A10928">
        <v>14081</v>
      </c>
      <c r="B10928" t="s">
        <v>21808</v>
      </c>
      <c r="C10928" t="s">
        <v>21809</v>
      </c>
    </row>
    <row r="10929" spans="1:3" x14ac:dyDescent="0.15">
      <c r="A10929">
        <v>14080</v>
      </c>
      <c r="B10929" t="s">
        <v>21810</v>
      </c>
      <c r="C10929" t="s">
        <v>21811</v>
      </c>
    </row>
    <row r="10930" spans="1:3" x14ac:dyDescent="0.15">
      <c r="A10930">
        <v>14079</v>
      </c>
      <c r="B10930" t="s">
        <v>21812</v>
      </c>
      <c r="C10930" t="s">
        <v>21813</v>
      </c>
    </row>
    <row r="10931" spans="1:3" x14ac:dyDescent="0.15">
      <c r="A10931">
        <v>14078</v>
      </c>
      <c r="B10931" t="s">
        <v>21814</v>
      </c>
      <c r="C10931" t="s">
        <v>21815</v>
      </c>
    </row>
    <row r="10932" spans="1:3" x14ac:dyDescent="0.15">
      <c r="A10932">
        <v>14077</v>
      </c>
      <c r="B10932" t="s">
        <v>21816</v>
      </c>
      <c r="C10932" t="s">
        <v>21817</v>
      </c>
    </row>
    <row r="10933" spans="1:3" x14ac:dyDescent="0.15">
      <c r="A10933">
        <v>14076</v>
      </c>
      <c r="B10933" t="s">
        <v>21818</v>
      </c>
      <c r="C10933" t="s">
        <v>21819</v>
      </c>
    </row>
    <row r="10934" spans="1:3" x14ac:dyDescent="0.15">
      <c r="A10934">
        <v>14075</v>
      </c>
      <c r="B10934" t="s">
        <v>21820</v>
      </c>
      <c r="C10934" t="s">
        <v>21821</v>
      </c>
    </row>
    <row r="10935" spans="1:3" x14ac:dyDescent="0.15">
      <c r="A10935">
        <v>14074</v>
      </c>
      <c r="B10935" t="s">
        <v>21822</v>
      </c>
      <c r="C10935" t="s">
        <v>21823</v>
      </c>
    </row>
    <row r="10936" spans="1:3" x14ac:dyDescent="0.15">
      <c r="A10936">
        <v>14073</v>
      </c>
      <c r="B10936" t="s">
        <v>21824</v>
      </c>
      <c r="C10936" t="s">
        <v>21825</v>
      </c>
    </row>
    <row r="10937" spans="1:3" x14ac:dyDescent="0.15">
      <c r="A10937">
        <v>14072</v>
      </c>
      <c r="B10937" t="s">
        <v>21826</v>
      </c>
      <c r="C10937" t="s">
        <v>21827</v>
      </c>
    </row>
    <row r="10938" spans="1:3" x14ac:dyDescent="0.15">
      <c r="A10938">
        <v>14071</v>
      </c>
      <c r="B10938" t="s">
        <v>21828</v>
      </c>
      <c r="C10938" t="e">
        <v>#NAME?</v>
      </c>
    </row>
    <row r="10939" spans="1:3" x14ac:dyDescent="0.15">
      <c r="A10939">
        <v>14070</v>
      </c>
      <c r="B10939" t="s">
        <v>21829</v>
      </c>
      <c r="C10939" t="s">
        <v>21830</v>
      </c>
    </row>
    <row r="10940" spans="1:3" x14ac:dyDescent="0.15">
      <c r="A10940">
        <v>14069</v>
      </c>
      <c r="B10940" t="s">
        <v>21831</v>
      </c>
      <c r="C10940" t="s">
        <v>21832</v>
      </c>
    </row>
    <row r="10941" spans="1:3" x14ac:dyDescent="0.15">
      <c r="A10941">
        <v>14068</v>
      </c>
      <c r="B10941" t="s">
        <v>21833</v>
      </c>
      <c r="C10941" t="s">
        <v>21834</v>
      </c>
    </row>
    <row r="10942" spans="1:3" x14ac:dyDescent="0.15">
      <c r="A10942">
        <v>14067</v>
      </c>
      <c r="B10942" t="s">
        <v>21835</v>
      </c>
      <c r="C10942" t="s">
        <v>21836</v>
      </c>
    </row>
    <row r="10943" spans="1:3" x14ac:dyDescent="0.15">
      <c r="A10943">
        <v>14066</v>
      </c>
      <c r="B10943" t="s">
        <v>21837</v>
      </c>
      <c r="C10943" t="s">
        <v>21838</v>
      </c>
    </row>
    <row r="10944" spans="1:3" x14ac:dyDescent="0.15">
      <c r="A10944">
        <v>14065</v>
      </c>
      <c r="B10944" t="s">
        <v>21839</v>
      </c>
      <c r="C10944" t="s">
        <v>21840</v>
      </c>
    </row>
    <row r="10945" spans="1:3" x14ac:dyDescent="0.15">
      <c r="A10945">
        <v>14064</v>
      </c>
      <c r="B10945" t="s">
        <v>21841</v>
      </c>
      <c r="C10945" t="s">
        <v>21842</v>
      </c>
    </row>
    <row r="10946" spans="1:3" x14ac:dyDescent="0.15">
      <c r="A10946">
        <v>14063</v>
      </c>
      <c r="B10946" t="s">
        <v>21843</v>
      </c>
      <c r="C10946" t="s">
        <v>21844</v>
      </c>
    </row>
    <row r="10947" spans="1:3" x14ac:dyDescent="0.15">
      <c r="A10947">
        <v>14062</v>
      </c>
      <c r="B10947" t="s">
        <v>21845</v>
      </c>
      <c r="C10947" t="s">
        <v>21846</v>
      </c>
    </row>
    <row r="10948" spans="1:3" x14ac:dyDescent="0.15">
      <c r="A10948">
        <v>14061</v>
      </c>
      <c r="B10948" t="s">
        <v>21847</v>
      </c>
      <c r="C10948" t="s">
        <v>21848</v>
      </c>
    </row>
    <row r="10949" spans="1:3" x14ac:dyDescent="0.15">
      <c r="A10949">
        <v>14060</v>
      </c>
      <c r="B10949" t="s">
        <v>21849</v>
      </c>
      <c r="C10949" t="s">
        <v>21850</v>
      </c>
    </row>
    <row r="10950" spans="1:3" x14ac:dyDescent="0.15">
      <c r="A10950">
        <v>14059</v>
      </c>
      <c r="B10950" t="s">
        <v>21851</v>
      </c>
      <c r="C10950" t="s">
        <v>21852</v>
      </c>
    </row>
    <row r="10951" spans="1:3" x14ac:dyDescent="0.15">
      <c r="A10951">
        <v>14058</v>
      </c>
      <c r="B10951" t="s">
        <v>21853</v>
      </c>
      <c r="C10951" t="s">
        <v>21854</v>
      </c>
    </row>
    <row r="10952" spans="1:3" x14ac:dyDescent="0.15">
      <c r="A10952">
        <v>14057</v>
      </c>
      <c r="B10952" t="s">
        <v>21855</v>
      </c>
      <c r="C10952" t="s">
        <v>21856</v>
      </c>
    </row>
    <row r="10953" spans="1:3" x14ac:dyDescent="0.15">
      <c r="A10953">
        <v>14056</v>
      </c>
      <c r="B10953" t="s">
        <v>21857</v>
      </c>
      <c r="C10953" t="s">
        <v>21858</v>
      </c>
    </row>
    <row r="10954" spans="1:3" x14ac:dyDescent="0.15">
      <c r="A10954">
        <v>14055</v>
      </c>
      <c r="B10954" t="s">
        <v>21859</v>
      </c>
      <c r="C10954" t="s">
        <v>21860</v>
      </c>
    </row>
    <row r="10955" spans="1:3" x14ac:dyDescent="0.15">
      <c r="A10955">
        <v>14054</v>
      </c>
      <c r="B10955" t="s">
        <v>21861</v>
      </c>
      <c r="C10955" t="s">
        <v>21862</v>
      </c>
    </row>
    <row r="10956" spans="1:3" x14ac:dyDescent="0.15">
      <c r="A10956">
        <v>14053</v>
      </c>
      <c r="B10956" t="s">
        <v>21863</v>
      </c>
      <c r="C10956" t="s">
        <v>21864</v>
      </c>
    </row>
    <row r="10957" spans="1:3" x14ac:dyDescent="0.15">
      <c r="A10957">
        <v>14052</v>
      </c>
      <c r="B10957" t="s">
        <v>21865</v>
      </c>
      <c r="C10957" t="s">
        <v>21866</v>
      </c>
    </row>
    <row r="10958" spans="1:3" x14ac:dyDescent="0.15">
      <c r="A10958">
        <v>14051</v>
      </c>
      <c r="B10958" t="s">
        <v>21867</v>
      </c>
      <c r="C10958" t="s">
        <v>21868</v>
      </c>
    </row>
    <row r="10959" spans="1:3" x14ac:dyDescent="0.15">
      <c r="A10959">
        <v>14050</v>
      </c>
      <c r="B10959" t="s">
        <v>21869</v>
      </c>
      <c r="C10959" t="s">
        <v>21870</v>
      </c>
    </row>
    <row r="10960" spans="1:3" x14ac:dyDescent="0.15">
      <c r="A10960">
        <v>14049</v>
      </c>
      <c r="B10960" t="s">
        <v>21871</v>
      </c>
      <c r="C10960" t="s">
        <v>21872</v>
      </c>
    </row>
    <row r="10961" spans="1:3" x14ac:dyDescent="0.15">
      <c r="A10961">
        <v>14048</v>
      </c>
      <c r="B10961" t="s">
        <v>21873</v>
      </c>
      <c r="C10961" t="s">
        <v>21874</v>
      </c>
    </row>
    <row r="10962" spans="1:3" x14ac:dyDescent="0.15">
      <c r="A10962">
        <v>14047</v>
      </c>
      <c r="B10962" t="s">
        <v>21875</v>
      </c>
      <c r="C10962" t="s">
        <v>21876</v>
      </c>
    </row>
    <row r="10963" spans="1:3" x14ac:dyDescent="0.15">
      <c r="A10963">
        <v>14046</v>
      </c>
      <c r="B10963" t="s">
        <v>21877</v>
      </c>
      <c r="C10963" t="s">
        <v>21878</v>
      </c>
    </row>
    <row r="10964" spans="1:3" x14ac:dyDescent="0.15">
      <c r="A10964">
        <v>14045</v>
      </c>
      <c r="B10964" t="s">
        <v>21879</v>
      </c>
      <c r="C10964" t="s">
        <v>21880</v>
      </c>
    </row>
    <row r="10965" spans="1:3" x14ac:dyDescent="0.15">
      <c r="A10965">
        <v>14044</v>
      </c>
      <c r="B10965" t="s">
        <v>21881</v>
      </c>
      <c r="C10965" t="s">
        <v>21882</v>
      </c>
    </row>
    <row r="10966" spans="1:3" x14ac:dyDescent="0.15">
      <c r="A10966">
        <v>14043</v>
      </c>
      <c r="B10966" t="s">
        <v>21883</v>
      </c>
      <c r="C10966" t="s">
        <v>21884</v>
      </c>
    </row>
    <row r="10967" spans="1:3" x14ac:dyDescent="0.15">
      <c r="A10967">
        <v>14042</v>
      </c>
      <c r="B10967" t="s">
        <v>21885</v>
      </c>
      <c r="C10967" t="s">
        <v>21886</v>
      </c>
    </row>
    <row r="10968" spans="1:3" x14ac:dyDescent="0.15">
      <c r="A10968">
        <v>14041</v>
      </c>
      <c r="B10968" t="s">
        <v>21887</v>
      </c>
      <c r="C10968" t="s">
        <v>21888</v>
      </c>
    </row>
    <row r="10969" spans="1:3" x14ac:dyDescent="0.15">
      <c r="A10969">
        <v>14040</v>
      </c>
      <c r="B10969" t="s">
        <v>21889</v>
      </c>
      <c r="C10969" t="s">
        <v>21890</v>
      </c>
    </row>
    <row r="10970" spans="1:3" x14ac:dyDescent="0.15">
      <c r="A10970">
        <v>14039</v>
      </c>
      <c r="B10970" t="s">
        <v>21891</v>
      </c>
      <c r="C10970" t="s">
        <v>21892</v>
      </c>
    </row>
    <row r="10971" spans="1:3" x14ac:dyDescent="0.15">
      <c r="A10971">
        <v>14038</v>
      </c>
      <c r="B10971" t="s">
        <v>21893</v>
      </c>
      <c r="C10971" t="s">
        <v>21894</v>
      </c>
    </row>
    <row r="10972" spans="1:3" x14ac:dyDescent="0.15">
      <c r="A10972">
        <v>14037</v>
      </c>
      <c r="B10972" t="s">
        <v>21895</v>
      </c>
      <c r="C10972" t="s">
        <v>21896</v>
      </c>
    </row>
    <row r="10973" spans="1:3" x14ac:dyDescent="0.15">
      <c r="A10973">
        <v>14036</v>
      </c>
      <c r="B10973" t="s">
        <v>21897</v>
      </c>
      <c r="C10973" t="s">
        <v>21898</v>
      </c>
    </row>
    <row r="10974" spans="1:3" x14ac:dyDescent="0.15">
      <c r="A10974">
        <v>14035</v>
      </c>
      <c r="B10974" t="s">
        <v>21899</v>
      </c>
      <c r="C10974" t="s">
        <v>21900</v>
      </c>
    </row>
    <row r="10975" spans="1:3" x14ac:dyDescent="0.15">
      <c r="A10975">
        <v>14034</v>
      </c>
      <c r="B10975" t="s">
        <v>21901</v>
      </c>
      <c r="C10975" t="s">
        <v>21902</v>
      </c>
    </row>
    <row r="10976" spans="1:3" x14ac:dyDescent="0.15">
      <c r="A10976">
        <v>14033</v>
      </c>
      <c r="B10976" t="s">
        <v>21903</v>
      </c>
      <c r="C10976" t="s">
        <v>21904</v>
      </c>
    </row>
    <row r="10977" spans="1:3" x14ac:dyDescent="0.15">
      <c r="A10977">
        <v>14032</v>
      </c>
      <c r="B10977" t="s">
        <v>21905</v>
      </c>
      <c r="C10977" t="s">
        <v>21906</v>
      </c>
    </row>
    <row r="10978" spans="1:3" x14ac:dyDescent="0.15">
      <c r="A10978">
        <v>14031</v>
      </c>
      <c r="B10978" t="s">
        <v>21907</v>
      </c>
      <c r="C10978" t="s">
        <v>21908</v>
      </c>
    </row>
    <row r="10979" spans="1:3" x14ac:dyDescent="0.15">
      <c r="A10979">
        <v>14030</v>
      </c>
      <c r="B10979" t="s">
        <v>21909</v>
      </c>
      <c r="C10979" t="s">
        <v>21910</v>
      </c>
    </row>
    <row r="10980" spans="1:3" x14ac:dyDescent="0.15">
      <c r="A10980">
        <v>14029</v>
      </c>
      <c r="B10980" t="s">
        <v>21911</v>
      </c>
      <c r="C10980" t="s">
        <v>21912</v>
      </c>
    </row>
    <row r="10981" spans="1:3" x14ac:dyDescent="0.15">
      <c r="A10981">
        <v>14028</v>
      </c>
      <c r="B10981" t="s">
        <v>21913</v>
      </c>
      <c r="C10981" t="s">
        <v>21914</v>
      </c>
    </row>
    <row r="10982" spans="1:3" x14ac:dyDescent="0.15">
      <c r="A10982">
        <v>14027</v>
      </c>
      <c r="B10982" t="s">
        <v>21915</v>
      </c>
      <c r="C10982" t="s">
        <v>21916</v>
      </c>
    </row>
    <row r="10983" spans="1:3" x14ac:dyDescent="0.15">
      <c r="A10983">
        <v>14026</v>
      </c>
      <c r="B10983" t="s">
        <v>21917</v>
      </c>
      <c r="C10983" t="s">
        <v>21918</v>
      </c>
    </row>
    <row r="10984" spans="1:3" x14ac:dyDescent="0.15">
      <c r="A10984">
        <v>14025</v>
      </c>
      <c r="B10984" t="s">
        <v>21919</v>
      </c>
      <c r="C10984" t="s">
        <v>21920</v>
      </c>
    </row>
    <row r="10985" spans="1:3" x14ac:dyDescent="0.15">
      <c r="A10985">
        <v>14024</v>
      </c>
      <c r="B10985" t="s">
        <v>21921</v>
      </c>
      <c r="C10985" t="s">
        <v>21922</v>
      </c>
    </row>
    <row r="10986" spans="1:3" x14ac:dyDescent="0.15">
      <c r="A10986">
        <v>14023</v>
      </c>
      <c r="B10986" t="s">
        <v>21923</v>
      </c>
      <c r="C10986" t="s">
        <v>21924</v>
      </c>
    </row>
    <row r="10987" spans="1:3" x14ac:dyDescent="0.15">
      <c r="A10987">
        <v>14022</v>
      </c>
      <c r="B10987" t="s">
        <v>21925</v>
      </c>
      <c r="C10987" t="s">
        <v>21926</v>
      </c>
    </row>
    <row r="10988" spans="1:3" x14ac:dyDescent="0.15">
      <c r="A10988">
        <v>14021</v>
      </c>
      <c r="B10988" t="s">
        <v>21927</v>
      </c>
      <c r="C10988" t="s">
        <v>21928</v>
      </c>
    </row>
    <row r="10989" spans="1:3" x14ac:dyDescent="0.15">
      <c r="A10989">
        <v>14020</v>
      </c>
      <c r="B10989" t="s">
        <v>21929</v>
      </c>
      <c r="C10989" t="s">
        <v>21930</v>
      </c>
    </row>
    <row r="10990" spans="1:3" x14ac:dyDescent="0.15">
      <c r="A10990">
        <v>14019</v>
      </c>
      <c r="B10990" t="s">
        <v>21931</v>
      </c>
      <c r="C10990" t="s">
        <v>21932</v>
      </c>
    </row>
    <row r="10991" spans="1:3" x14ac:dyDescent="0.15">
      <c r="A10991">
        <v>14018</v>
      </c>
      <c r="B10991" t="s">
        <v>21933</v>
      </c>
      <c r="C10991" t="s">
        <v>21934</v>
      </c>
    </row>
    <row r="10992" spans="1:3" x14ac:dyDescent="0.15">
      <c r="A10992">
        <v>14017</v>
      </c>
      <c r="B10992" t="s">
        <v>21935</v>
      </c>
      <c r="C10992" t="s">
        <v>21936</v>
      </c>
    </row>
    <row r="10993" spans="1:3" x14ac:dyDescent="0.15">
      <c r="A10993">
        <v>14016</v>
      </c>
      <c r="B10993" t="s">
        <v>21937</v>
      </c>
      <c r="C10993" t="s">
        <v>21938</v>
      </c>
    </row>
    <row r="10994" spans="1:3" x14ac:dyDescent="0.15">
      <c r="A10994">
        <v>14015</v>
      </c>
      <c r="B10994" t="s">
        <v>21939</v>
      </c>
      <c r="C10994" t="s">
        <v>21940</v>
      </c>
    </row>
    <row r="10995" spans="1:3" x14ac:dyDescent="0.15">
      <c r="A10995">
        <v>14014</v>
      </c>
      <c r="B10995" t="s">
        <v>21941</v>
      </c>
      <c r="C10995" t="s">
        <v>21942</v>
      </c>
    </row>
    <row r="10996" spans="1:3" x14ac:dyDescent="0.15">
      <c r="A10996">
        <v>14013</v>
      </c>
      <c r="B10996" t="s">
        <v>21943</v>
      </c>
      <c r="C10996" t="s">
        <v>21944</v>
      </c>
    </row>
    <row r="10997" spans="1:3" x14ac:dyDescent="0.15">
      <c r="A10997">
        <v>14012</v>
      </c>
      <c r="B10997" t="s">
        <v>21945</v>
      </c>
      <c r="C10997" t="s">
        <v>21946</v>
      </c>
    </row>
    <row r="10998" spans="1:3" x14ac:dyDescent="0.15">
      <c r="A10998">
        <v>14011</v>
      </c>
      <c r="B10998" t="s">
        <v>21947</v>
      </c>
      <c r="C10998" t="s">
        <v>21948</v>
      </c>
    </row>
    <row r="10999" spans="1:3" x14ac:dyDescent="0.15">
      <c r="A10999">
        <v>14010</v>
      </c>
      <c r="B10999" t="s">
        <v>21949</v>
      </c>
      <c r="C10999" t="s">
        <v>21950</v>
      </c>
    </row>
    <row r="11000" spans="1:3" x14ac:dyDescent="0.15">
      <c r="A11000">
        <v>14009</v>
      </c>
      <c r="B11000" t="s">
        <v>21951</v>
      </c>
      <c r="C11000" t="s">
        <v>21952</v>
      </c>
    </row>
    <row r="11001" spans="1:3" x14ac:dyDescent="0.15">
      <c r="A11001">
        <v>14008</v>
      </c>
      <c r="B11001" t="s">
        <v>21953</v>
      </c>
      <c r="C11001" t="s">
        <v>21954</v>
      </c>
    </row>
    <row r="11002" spans="1:3" x14ac:dyDescent="0.15">
      <c r="A11002">
        <v>14007</v>
      </c>
      <c r="B11002" t="s">
        <v>21955</v>
      </c>
      <c r="C11002" t="s">
        <v>21956</v>
      </c>
    </row>
    <row r="11003" spans="1:3" x14ac:dyDescent="0.15">
      <c r="A11003">
        <v>14006</v>
      </c>
      <c r="B11003" t="s">
        <v>21957</v>
      </c>
      <c r="C11003" t="s">
        <v>21958</v>
      </c>
    </row>
    <row r="11004" spans="1:3" x14ac:dyDescent="0.15">
      <c r="A11004">
        <v>14005</v>
      </c>
      <c r="B11004" t="s">
        <v>21959</v>
      </c>
      <c r="C11004" t="s">
        <v>21960</v>
      </c>
    </row>
    <row r="11005" spans="1:3" x14ac:dyDescent="0.15">
      <c r="A11005">
        <v>14004</v>
      </c>
      <c r="B11005" t="s">
        <v>21961</v>
      </c>
      <c r="C11005" t="s">
        <v>21962</v>
      </c>
    </row>
    <row r="11006" spans="1:3" x14ac:dyDescent="0.15">
      <c r="A11006">
        <v>14003</v>
      </c>
      <c r="B11006" t="s">
        <v>21963</v>
      </c>
      <c r="C11006" t="s">
        <v>21964</v>
      </c>
    </row>
    <row r="11007" spans="1:3" x14ac:dyDescent="0.15">
      <c r="A11007">
        <v>14002</v>
      </c>
      <c r="B11007" t="s">
        <v>21965</v>
      </c>
      <c r="C11007" t="s">
        <v>21966</v>
      </c>
    </row>
    <row r="11008" spans="1:3" x14ac:dyDescent="0.15">
      <c r="A11008">
        <v>14001</v>
      </c>
      <c r="B11008" t="s">
        <v>21967</v>
      </c>
      <c r="C11008" t="s">
        <v>21968</v>
      </c>
    </row>
    <row r="11009" spans="1:3" x14ac:dyDescent="0.15">
      <c r="A11009">
        <v>14000</v>
      </c>
      <c r="B11009" t="s">
        <v>21969</v>
      </c>
      <c r="C11009" t="s">
        <v>21970</v>
      </c>
    </row>
    <row r="11010" spans="1:3" x14ac:dyDescent="0.15">
      <c r="A11010">
        <v>13999</v>
      </c>
      <c r="B11010" t="s">
        <v>21971</v>
      </c>
      <c r="C11010" t="s">
        <v>21972</v>
      </c>
    </row>
    <row r="11011" spans="1:3" x14ac:dyDescent="0.15">
      <c r="A11011">
        <v>13998</v>
      </c>
      <c r="B11011" t="s">
        <v>21973</v>
      </c>
      <c r="C11011" t="s">
        <v>21974</v>
      </c>
    </row>
    <row r="11012" spans="1:3" x14ac:dyDescent="0.15">
      <c r="A11012">
        <v>13997</v>
      </c>
      <c r="B11012" t="s">
        <v>21975</v>
      </c>
      <c r="C11012" t="s">
        <v>21976</v>
      </c>
    </row>
    <row r="11013" spans="1:3" x14ac:dyDescent="0.15">
      <c r="A11013">
        <v>13996</v>
      </c>
      <c r="B11013" t="s">
        <v>21977</v>
      </c>
      <c r="C11013" t="s">
        <v>21978</v>
      </c>
    </row>
    <row r="11014" spans="1:3" x14ac:dyDescent="0.15">
      <c r="A11014">
        <v>13995</v>
      </c>
      <c r="B11014" t="s">
        <v>21979</v>
      </c>
      <c r="C11014" t="s">
        <v>21980</v>
      </c>
    </row>
    <row r="11015" spans="1:3" x14ac:dyDescent="0.15">
      <c r="A11015">
        <v>13994</v>
      </c>
      <c r="B11015" t="s">
        <v>21981</v>
      </c>
      <c r="C11015" t="s">
        <v>21982</v>
      </c>
    </row>
    <row r="11016" spans="1:3" x14ac:dyDescent="0.15">
      <c r="A11016">
        <v>13993</v>
      </c>
      <c r="B11016" t="s">
        <v>21983</v>
      </c>
      <c r="C11016" t="s">
        <v>21984</v>
      </c>
    </row>
    <row r="11017" spans="1:3" x14ac:dyDescent="0.15">
      <c r="A11017">
        <v>13992</v>
      </c>
      <c r="B11017" t="s">
        <v>21985</v>
      </c>
      <c r="C11017" t="s">
        <v>21986</v>
      </c>
    </row>
    <row r="11018" spans="1:3" x14ac:dyDescent="0.15">
      <c r="A11018">
        <v>13991</v>
      </c>
      <c r="B11018" t="s">
        <v>21987</v>
      </c>
      <c r="C11018" t="s">
        <v>21988</v>
      </c>
    </row>
    <row r="11019" spans="1:3" x14ac:dyDescent="0.15">
      <c r="A11019">
        <v>13990</v>
      </c>
      <c r="B11019" t="s">
        <v>21989</v>
      </c>
      <c r="C11019" t="s">
        <v>21990</v>
      </c>
    </row>
    <row r="11020" spans="1:3" x14ac:dyDescent="0.15">
      <c r="A11020">
        <v>13989</v>
      </c>
      <c r="B11020" t="s">
        <v>21991</v>
      </c>
      <c r="C11020" t="s">
        <v>21992</v>
      </c>
    </row>
    <row r="11021" spans="1:3" x14ac:dyDescent="0.15">
      <c r="A11021">
        <v>13988</v>
      </c>
      <c r="B11021" t="s">
        <v>21993</v>
      </c>
      <c r="C11021" t="s">
        <v>21994</v>
      </c>
    </row>
    <row r="11022" spans="1:3" x14ac:dyDescent="0.15">
      <c r="A11022">
        <v>13987</v>
      </c>
      <c r="B11022" t="s">
        <v>21995</v>
      </c>
      <c r="C11022" t="s">
        <v>21996</v>
      </c>
    </row>
    <row r="11023" spans="1:3" x14ac:dyDescent="0.15">
      <c r="A11023">
        <v>13986</v>
      </c>
      <c r="B11023" t="s">
        <v>21997</v>
      </c>
      <c r="C11023" t="s">
        <v>21998</v>
      </c>
    </row>
    <row r="11024" spans="1:3" x14ac:dyDescent="0.15">
      <c r="A11024">
        <v>13985</v>
      </c>
      <c r="B11024" t="s">
        <v>21999</v>
      </c>
      <c r="C11024" t="s">
        <v>22000</v>
      </c>
    </row>
    <row r="11025" spans="1:3" x14ac:dyDescent="0.15">
      <c r="A11025">
        <v>13984</v>
      </c>
      <c r="B11025" t="s">
        <v>22001</v>
      </c>
      <c r="C11025" t="s">
        <v>22002</v>
      </c>
    </row>
    <row r="11026" spans="1:3" x14ac:dyDescent="0.15">
      <c r="A11026">
        <v>13983</v>
      </c>
      <c r="B11026" t="s">
        <v>22003</v>
      </c>
      <c r="C11026" t="s">
        <v>22004</v>
      </c>
    </row>
    <row r="11027" spans="1:3" x14ac:dyDescent="0.15">
      <c r="A11027">
        <v>13982</v>
      </c>
      <c r="B11027" t="s">
        <v>22005</v>
      </c>
      <c r="C11027" t="s">
        <v>22006</v>
      </c>
    </row>
    <row r="11028" spans="1:3" x14ac:dyDescent="0.15">
      <c r="A11028">
        <v>13981</v>
      </c>
      <c r="B11028" t="s">
        <v>22007</v>
      </c>
      <c r="C11028" t="s">
        <v>22008</v>
      </c>
    </row>
    <row r="11029" spans="1:3" x14ac:dyDescent="0.15">
      <c r="A11029">
        <v>13980</v>
      </c>
      <c r="B11029" t="s">
        <v>22009</v>
      </c>
      <c r="C11029" t="s">
        <v>22010</v>
      </c>
    </row>
    <row r="11030" spans="1:3" x14ac:dyDescent="0.15">
      <c r="A11030">
        <v>13979</v>
      </c>
      <c r="B11030" t="s">
        <v>22011</v>
      </c>
      <c r="C11030" t="s">
        <v>22012</v>
      </c>
    </row>
    <row r="11031" spans="1:3" x14ac:dyDescent="0.15">
      <c r="A11031">
        <v>13978</v>
      </c>
      <c r="B11031" t="s">
        <v>22013</v>
      </c>
      <c r="C11031" t="s">
        <v>22014</v>
      </c>
    </row>
    <row r="11032" spans="1:3" x14ac:dyDescent="0.15">
      <c r="A11032">
        <v>13977</v>
      </c>
      <c r="B11032" t="s">
        <v>22015</v>
      </c>
      <c r="C11032" t="s">
        <v>22016</v>
      </c>
    </row>
    <row r="11033" spans="1:3" x14ac:dyDescent="0.15">
      <c r="A11033">
        <v>13976</v>
      </c>
      <c r="B11033" t="s">
        <v>22017</v>
      </c>
      <c r="C11033" t="s">
        <v>22018</v>
      </c>
    </row>
    <row r="11034" spans="1:3" x14ac:dyDescent="0.15">
      <c r="A11034">
        <v>13975</v>
      </c>
      <c r="B11034" t="s">
        <v>22019</v>
      </c>
      <c r="C11034" t="s">
        <v>22020</v>
      </c>
    </row>
    <row r="11035" spans="1:3" x14ac:dyDescent="0.15">
      <c r="A11035">
        <v>13974</v>
      </c>
      <c r="B11035" t="s">
        <v>22021</v>
      </c>
      <c r="C11035" t="s">
        <v>22022</v>
      </c>
    </row>
    <row r="11036" spans="1:3" x14ac:dyDescent="0.15">
      <c r="A11036">
        <v>13973</v>
      </c>
      <c r="B11036" t="s">
        <v>22023</v>
      </c>
      <c r="C11036" t="s">
        <v>22024</v>
      </c>
    </row>
    <row r="11037" spans="1:3" x14ac:dyDescent="0.15">
      <c r="A11037">
        <v>13972</v>
      </c>
      <c r="B11037" t="s">
        <v>22025</v>
      </c>
      <c r="C11037" t="s">
        <v>22026</v>
      </c>
    </row>
    <row r="11038" spans="1:3" x14ac:dyDescent="0.15">
      <c r="A11038">
        <v>13971</v>
      </c>
      <c r="B11038" t="s">
        <v>22027</v>
      </c>
      <c r="C11038" t="s">
        <v>22028</v>
      </c>
    </row>
    <row r="11039" spans="1:3" x14ac:dyDescent="0.15">
      <c r="A11039">
        <v>13970</v>
      </c>
      <c r="B11039" t="s">
        <v>22029</v>
      </c>
      <c r="C11039" t="s">
        <v>22030</v>
      </c>
    </row>
    <row r="11040" spans="1:3" x14ac:dyDescent="0.15">
      <c r="A11040">
        <v>13969</v>
      </c>
      <c r="B11040" t="s">
        <v>22031</v>
      </c>
      <c r="C11040" t="s">
        <v>22032</v>
      </c>
    </row>
    <row r="11041" spans="1:3" x14ac:dyDescent="0.15">
      <c r="A11041">
        <v>13968</v>
      </c>
      <c r="B11041" t="s">
        <v>22033</v>
      </c>
      <c r="C11041" t="s">
        <v>22034</v>
      </c>
    </row>
    <row r="11042" spans="1:3" x14ac:dyDescent="0.15">
      <c r="A11042">
        <v>13967</v>
      </c>
      <c r="B11042" t="s">
        <v>22035</v>
      </c>
      <c r="C11042" t="s">
        <v>22036</v>
      </c>
    </row>
    <row r="11043" spans="1:3" x14ac:dyDescent="0.15">
      <c r="A11043">
        <v>13966</v>
      </c>
      <c r="B11043" t="s">
        <v>22037</v>
      </c>
      <c r="C11043" t="s">
        <v>22038</v>
      </c>
    </row>
    <row r="11044" spans="1:3" x14ac:dyDescent="0.15">
      <c r="A11044">
        <v>13965</v>
      </c>
      <c r="B11044" t="s">
        <v>22039</v>
      </c>
      <c r="C11044" t="s">
        <v>22040</v>
      </c>
    </row>
    <row r="11045" spans="1:3" x14ac:dyDescent="0.15">
      <c r="A11045">
        <v>13964</v>
      </c>
      <c r="B11045" t="s">
        <v>22041</v>
      </c>
      <c r="C11045" t="s">
        <v>22042</v>
      </c>
    </row>
    <row r="11046" spans="1:3" x14ac:dyDescent="0.15">
      <c r="A11046">
        <v>13963</v>
      </c>
      <c r="B11046" t="s">
        <v>22043</v>
      </c>
      <c r="C11046" t="s">
        <v>22044</v>
      </c>
    </row>
    <row r="11047" spans="1:3" x14ac:dyDescent="0.15">
      <c r="A11047">
        <v>13962</v>
      </c>
      <c r="B11047" t="s">
        <v>22045</v>
      </c>
      <c r="C11047" t="s">
        <v>22046</v>
      </c>
    </row>
    <row r="11048" spans="1:3" x14ac:dyDescent="0.15">
      <c r="A11048">
        <v>13961</v>
      </c>
      <c r="B11048" t="s">
        <v>22047</v>
      </c>
      <c r="C11048" t="s">
        <v>22048</v>
      </c>
    </row>
    <row r="11049" spans="1:3" x14ac:dyDescent="0.15">
      <c r="A11049">
        <v>13960</v>
      </c>
      <c r="B11049" t="s">
        <v>22049</v>
      </c>
      <c r="C11049" t="s">
        <v>22050</v>
      </c>
    </row>
    <row r="11050" spans="1:3" x14ac:dyDescent="0.15">
      <c r="A11050">
        <v>13959</v>
      </c>
      <c r="B11050" t="s">
        <v>22051</v>
      </c>
      <c r="C11050" t="s">
        <v>22052</v>
      </c>
    </row>
    <row r="11051" spans="1:3" x14ac:dyDescent="0.15">
      <c r="A11051">
        <v>13958</v>
      </c>
      <c r="B11051" t="s">
        <v>22053</v>
      </c>
      <c r="C11051" t="s">
        <v>22054</v>
      </c>
    </row>
    <row r="11052" spans="1:3" x14ac:dyDescent="0.15">
      <c r="A11052">
        <v>13957</v>
      </c>
      <c r="B11052" t="s">
        <v>22055</v>
      </c>
      <c r="C11052" t="s">
        <v>22056</v>
      </c>
    </row>
    <row r="11053" spans="1:3" x14ac:dyDescent="0.15">
      <c r="A11053">
        <v>13956</v>
      </c>
      <c r="B11053" t="s">
        <v>22057</v>
      </c>
      <c r="C11053" t="s">
        <v>22058</v>
      </c>
    </row>
    <row r="11054" spans="1:3" x14ac:dyDescent="0.15">
      <c r="A11054">
        <v>13955</v>
      </c>
      <c r="B11054" t="s">
        <v>22059</v>
      </c>
      <c r="C11054" t="s">
        <v>22060</v>
      </c>
    </row>
    <row r="11055" spans="1:3" x14ac:dyDescent="0.15">
      <c r="A11055">
        <v>13954</v>
      </c>
      <c r="B11055" t="s">
        <v>22061</v>
      </c>
      <c r="C11055" t="s">
        <v>22062</v>
      </c>
    </row>
    <row r="11056" spans="1:3" x14ac:dyDescent="0.15">
      <c r="A11056">
        <v>13953</v>
      </c>
      <c r="B11056" t="s">
        <v>22063</v>
      </c>
      <c r="C11056" t="s">
        <v>22064</v>
      </c>
    </row>
    <row r="11057" spans="1:3" x14ac:dyDescent="0.15">
      <c r="A11057">
        <v>13952</v>
      </c>
      <c r="B11057" t="s">
        <v>22065</v>
      </c>
      <c r="C11057" t="s">
        <v>22066</v>
      </c>
    </row>
    <row r="11058" spans="1:3" x14ac:dyDescent="0.15">
      <c r="A11058">
        <v>13951</v>
      </c>
      <c r="B11058" t="s">
        <v>22067</v>
      </c>
      <c r="C11058" t="s">
        <v>22068</v>
      </c>
    </row>
    <row r="11059" spans="1:3" x14ac:dyDescent="0.15">
      <c r="A11059">
        <v>13950</v>
      </c>
      <c r="B11059" t="s">
        <v>22069</v>
      </c>
      <c r="C11059" t="s">
        <v>22070</v>
      </c>
    </row>
    <row r="11060" spans="1:3" x14ac:dyDescent="0.15">
      <c r="A11060">
        <v>13949</v>
      </c>
      <c r="B11060" t="s">
        <v>22071</v>
      </c>
      <c r="C11060" t="s">
        <v>22072</v>
      </c>
    </row>
    <row r="11061" spans="1:3" x14ac:dyDescent="0.15">
      <c r="A11061">
        <v>13948</v>
      </c>
      <c r="B11061" t="s">
        <v>22073</v>
      </c>
      <c r="C11061" t="s">
        <v>22074</v>
      </c>
    </row>
    <row r="11062" spans="1:3" x14ac:dyDescent="0.15">
      <c r="A11062">
        <v>13947</v>
      </c>
      <c r="B11062" t="s">
        <v>22075</v>
      </c>
      <c r="C11062" t="s">
        <v>22076</v>
      </c>
    </row>
    <row r="11063" spans="1:3" x14ac:dyDescent="0.15">
      <c r="A11063">
        <v>13946</v>
      </c>
      <c r="B11063" t="s">
        <v>22077</v>
      </c>
      <c r="C11063" t="s">
        <v>22078</v>
      </c>
    </row>
    <row r="11064" spans="1:3" x14ac:dyDescent="0.15">
      <c r="A11064">
        <v>13945</v>
      </c>
      <c r="B11064" t="s">
        <v>22079</v>
      </c>
      <c r="C11064" t="s">
        <v>22080</v>
      </c>
    </row>
    <row r="11065" spans="1:3" x14ac:dyDescent="0.15">
      <c r="A11065">
        <v>13944</v>
      </c>
      <c r="B11065" t="s">
        <v>22081</v>
      </c>
      <c r="C11065" t="s">
        <v>22082</v>
      </c>
    </row>
    <row r="11066" spans="1:3" x14ac:dyDescent="0.15">
      <c r="A11066">
        <v>13943</v>
      </c>
      <c r="B11066" t="s">
        <v>22083</v>
      </c>
      <c r="C11066" t="s">
        <v>22084</v>
      </c>
    </row>
    <row r="11067" spans="1:3" x14ac:dyDescent="0.15">
      <c r="A11067">
        <v>13942</v>
      </c>
      <c r="B11067" t="s">
        <v>22085</v>
      </c>
      <c r="C11067" t="s">
        <v>22086</v>
      </c>
    </row>
    <row r="11068" spans="1:3" x14ac:dyDescent="0.15">
      <c r="A11068">
        <v>13941</v>
      </c>
      <c r="B11068" t="s">
        <v>22087</v>
      </c>
      <c r="C11068" t="s">
        <v>22088</v>
      </c>
    </row>
    <row r="11069" spans="1:3" x14ac:dyDescent="0.15">
      <c r="A11069">
        <v>13940</v>
      </c>
      <c r="B11069" t="s">
        <v>22089</v>
      </c>
      <c r="C11069" t="s">
        <v>22090</v>
      </c>
    </row>
    <row r="11070" spans="1:3" x14ac:dyDescent="0.15">
      <c r="A11070">
        <v>13939</v>
      </c>
      <c r="B11070" t="s">
        <v>22091</v>
      </c>
      <c r="C11070" t="s">
        <v>22092</v>
      </c>
    </row>
    <row r="11071" spans="1:3" x14ac:dyDescent="0.15">
      <c r="A11071">
        <v>13938</v>
      </c>
      <c r="B11071" t="s">
        <v>22093</v>
      </c>
      <c r="C11071" t="s">
        <v>22094</v>
      </c>
    </row>
    <row r="11072" spans="1:3" x14ac:dyDescent="0.15">
      <c r="A11072">
        <v>13937</v>
      </c>
      <c r="B11072" t="s">
        <v>22095</v>
      </c>
      <c r="C11072" t="s">
        <v>22096</v>
      </c>
    </row>
    <row r="11073" spans="1:3" x14ac:dyDescent="0.15">
      <c r="A11073">
        <v>13936</v>
      </c>
      <c r="B11073" t="s">
        <v>22097</v>
      </c>
      <c r="C11073" t="s">
        <v>22098</v>
      </c>
    </row>
    <row r="11074" spans="1:3" x14ac:dyDescent="0.15">
      <c r="A11074">
        <v>13935</v>
      </c>
      <c r="B11074" t="s">
        <v>22099</v>
      </c>
      <c r="C11074" t="s">
        <v>22100</v>
      </c>
    </row>
    <row r="11075" spans="1:3" x14ac:dyDescent="0.15">
      <c r="A11075">
        <v>13934</v>
      </c>
      <c r="B11075" t="s">
        <v>22101</v>
      </c>
      <c r="C11075" t="s">
        <v>22102</v>
      </c>
    </row>
    <row r="11076" spans="1:3" x14ac:dyDescent="0.15">
      <c r="A11076">
        <v>13933</v>
      </c>
      <c r="B11076" t="s">
        <v>22103</v>
      </c>
      <c r="C11076" t="s">
        <v>22104</v>
      </c>
    </row>
    <row r="11077" spans="1:3" x14ac:dyDescent="0.15">
      <c r="A11077">
        <v>13932</v>
      </c>
      <c r="B11077" t="s">
        <v>22105</v>
      </c>
      <c r="C11077" t="s">
        <v>22106</v>
      </c>
    </row>
    <row r="11078" spans="1:3" x14ac:dyDescent="0.15">
      <c r="A11078">
        <v>13931</v>
      </c>
      <c r="B11078" t="s">
        <v>22107</v>
      </c>
      <c r="C11078" t="s">
        <v>22108</v>
      </c>
    </row>
    <row r="11079" spans="1:3" x14ac:dyDescent="0.15">
      <c r="A11079">
        <v>13930</v>
      </c>
      <c r="B11079" t="s">
        <v>22109</v>
      </c>
      <c r="C11079" t="s">
        <v>22110</v>
      </c>
    </row>
    <row r="11080" spans="1:3" x14ac:dyDescent="0.15">
      <c r="A11080">
        <v>13929</v>
      </c>
      <c r="B11080" t="s">
        <v>22111</v>
      </c>
      <c r="C11080" t="s">
        <v>22112</v>
      </c>
    </row>
    <row r="11081" spans="1:3" x14ac:dyDescent="0.15">
      <c r="A11081">
        <v>13928</v>
      </c>
      <c r="B11081" t="s">
        <v>22113</v>
      </c>
      <c r="C11081" t="s">
        <v>22114</v>
      </c>
    </row>
    <row r="11082" spans="1:3" x14ac:dyDescent="0.15">
      <c r="A11082">
        <v>13927</v>
      </c>
      <c r="B11082" t="s">
        <v>22115</v>
      </c>
      <c r="C11082" t="s">
        <v>22116</v>
      </c>
    </row>
    <row r="11083" spans="1:3" x14ac:dyDescent="0.15">
      <c r="A11083">
        <v>13926</v>
      </c>
      <c r="B11083" t="s">
        <v>22117</v>
      </c>
      <c r="C11083" t="s">
        <v>22118</v>
      </c>
    </row>
    <row r="11084" spans="1:3" x14ac:dyDescent="0.15">
      <c r="A11084">
        <v>13925</v>
      </c>
      <c r="B11084" t="s">
        <v>22119</v>
      </c>
      <c r="C11084" t="s">
        <v>22120</v>
      </c>
    </row>
    <row r="11085" spans="1:3" x14ac:dyDescent="0.15">
      <c r="A11085">
        <v>13924</v>
      </c>
      <c r="B11085" t="s">
        <v>22121</v>
      </c>
      <c r="C11085" t="s">
        <v>22122</v>
      </c>
    </row>
    <row r="11086" spans="1:3" x14ac:dyDescent="0.15">
      <c r="A11086">
        <v>13923</v>
      </c>
      <c r="B11086" t="s">
        <v>22123</v>
      </c>
      <c r="C11086" t="s">
        <v>22124</v>
      </c>
    </row>
    <row r="11087" spans="1:3" x14ac:dyDescent="0.15">
      <c r="A11087">
        <v>13922</v>
      </c>
      <c r="B11087" t="s">
        <v>22125</v>
      </c>
      <c r="C11087" t="s">
        <v>22126</v>
      </c>
    </row>
    <row r="11088" spans="1:3" x14ac:dyDescent="0.15">
      <c r="A11088">
        <v>13921</v>
      </c>
      <c r="B11088" t="s">
        <v>22127</v>
      </c>
      <c r="C11088" t="s">
        <v>22128</v>
      </c>
    </row>
    <row r="11089" spans="1:3" x14ac:dyDescent="0.15">
      <c r="A11089">
        <v>13920</v>
      </c>
      <c r="B11089" t="s">
        <v>22129</v>
      </c>
      <c r="C11089" t="s">
        <v>22130</v>
      </c>
    </row>
    <row r="11090" spans="1:3" x14ac:dyDescent="0.15">
      <c r="A11090">
        <v>13919</v>
      </c>
      <c r="B11090" t="s">
        <v>22131</v>
      </c>
      <c r="C11090" t="s">
        <v>22132</v>
      </c>
    </row>
    <row r="11091" spans="1:3" x14ac:dyDescent="0.15">
      <c r="A11091">
        <v>13918</v>
      </c>
      <c r="B11091" t="s">
        <v>22133</v>
      </c>
      <c r="C11091" t="s">
        <v>22134</v>
      </c>
    </row>
    <row r="11092" spans="1:3" x14ac:dyDescent="0.15">
      <c r="A11092">
        <v>13917</v>
      </c>
      <c r="B11092" t="s">
        <v>22135</v>
      </c>
      <c r="C11092" t="s">
        <v>22136</v>
      </c>
    </row>
    <row r="11093" spans="1:3" x14ac:dyDescent="0.15">
      <c r="A11093">
        <v>13916</v>
      </c>
      <c r="B11093" t="s">
        <v>22137</v>
      </c>
      <c r="C11093" t="s">
        <v>22138</v>
      </c>
    </row>
    <row r="11094" spans="1:3" x14ac:dyDescent="0.15">
      <c r="A11094">
        <v>13915</v>
      </c>
      <c r="B11094" t="s">
        <v>22139</v>
      </c>
      <c r="C11094" t="s">
        <v>22140</v>
      </c>
    </row>
    <row r="11095" spans="1:3" x14ac:dyDescent="0.15">
      <c r="A11095">
        <v>13914</v>
      </c>
      <c r="B11095" t="s">
        <v>22141</v>
      </c>
      <c r="C11095" t="s">
        <v>22142</v>
      </c>
    </row>
    <row r="11096" spans="1:3" x14ac:dyDescent="0.15">
      <c r="A11096">
        <v>13913</v>
      </c>
      <c r="B11096" t="s">
        <v>22143</v>
      </c>
      <c r="C11096" t="s">
        <v>22144</v>
      </c>
    </row>
    <row r="11097" spans="1:3" x14ac:dyDescent="0.15">
      <c r="A11097">
        <v>13912</v>
      </c>
      <c r="B11097" t="s">
        <v>22145</v>
      </c>
      <c r="C11097" t="s">
        <v>22146</v>
      </c>
    </row>
    <row r="11098" spans="1:3" x14ac:dyDescent="0.15">
      <c r="A11098">
        <v>13911</v>
      </c>
      <c r="B11098" t="s">
        <v>22147</v>
      </c>
      <c r="C11098" t="s">
        <v>22148</v>
      </c>
    </row>
    <row r="11099" spans="1:3" x14ac:dyDescent="0.15">
      <c r="A11099">
        <v>13910</v>
      </c>
      <c r="B11099" t="s">
        <v>22149</v>
      </c>
      <c r="C11099" t="s">
        <v>22150</v>
      </c>
    </row>
    <row r="11100" spans="1:3" x14ac:dyDescent="0.15">
      <c r="A11100">
        <v>13909</v>
      </c>
      <c r="B11100" t="s">
        <v>22151</v>
      </c>
      <c r="C11100" t="s">
        <v>22152</v>
      </c>
    </row>
    <row r="11101" spans="1:3" x14ac:dyDescent="0.15">
      <c r="A11101">
        <v>13908</v>
      </c>
      <c r="B11101" t="s">
        <v>22153</v>
      </c>
      <c r="C11101" t="s">
        <v>22154</v>
      </c>
    </row>
    <row r="11102" spans="1:3" x14ac:dyDescent="0.15">
      <c r="A11102">
        <v>13907</v>
      </c>
      <c r="B11102" t="s">
        <v>22155</v>
      </c>
      <c r="C11102" t="s">
        <v>22156</v>
      </c>
    </row>
    <row r="11103" spans="1:3" x14ac:dyDescent="0.15">
      <c r="A11103">
        <v>13906</v>
      </c>
      <c r="B11103" t="s">
        <v>22157</v>
      </c>
      <c r="C11103" t="s">
        <v>22158</v>
      </c>
    </row>
    <row r="11104" spans="1:3" x14ac:dyDescent="0.15">
      <c r="A11104">
        <v>13905</v>
      </c>
      <c r="B11104" t="s">
        <v>22159</v>
      </c>
      <c r="C11104" t="s">
        <v>22160</v>
      </c>
    </row>
    <row r="11105" spans="1:3" x14ac:dyDescent="0.15">
      <c r="A11105">
        <v>13904</v>
      </c>
      <c r="B11105" t="s">
        <v>22161</v>
      </c>
      <c r="C11105" t="s">
        <v>22162</v>
      </c>
    </row>
    <row r="11106" spans="1:3" x14ac:dyDescent="0.15">
      <c r="A11106">
        <v>13903</v>
      </c>
      <c r="B11106" t="s">
        <v>22163</v>
      </c>
      <c r="C11106" t="s">
        <v>22164</v>
      </c>
    </row>
    <row r="11107" spans="1:3" x14ac:dyDescent="0.15">
      <c r="A11107">
        <v>13902</v>
      </c>
      <c r="B11107" t="s">
        <v>22165</v>
      </c>
      <c r="C11107" t="s">
        <v>22166</v>
      </c>
    </row>
    <row r="11108" spans="1:3" x14ac:dyDescent="0.15">
      <c r="A11108">
        <v>13901</v>
      </c>
      <c r="B11108" t="s">
        <v>22167</v>
      </c>
      <c r="C11108" t="s">
        <v>22168</v>
      </c>
    </row>
    <row r="11109" spans="1:3" x14ac:dyDescent="0.15">
      <c r="A11109">
        <v>13900</v>
      </c>
      <c r="B11109" t="s">
        <v>22169</v>
      </c>
      <c r="C11109" t="s">
        <v>22170</v>
      </c>
    </row>
    <row r="11110" spans="1:3" x14ac:dyDescent="0.15">
      <c r="A11110">
        <v>13899</v>
      </c>
      <c r="B11110" t="s">
        <v>22171</v>
      </c>
      <c r="C11110" t="s">
        <v>22172</v>
      </c>
    </row>
    <row r="11111" spans="1:3" x14ac:dyDescent="0.15">
      <c r="A11111">
        <v>13898</v>
      </c>
      <c r="B11111" t="s">
        <v>22173</v>
      </c>
      <c r="C11111" t="s">
        <v>22174</v>
      </c>
    </row>
    <row r="11112" spans="1:3" x14ac:dyDescent="0.15">
      <c r="A11112">
        <v>13897</v>
      </c>
      <c r="B11112" t="s">
        <v>22175</v>
      </c>
      <c r="C11112" t="s">
        <v>22176</v>
      </c>
    </row>
    <row r="11113" spans="1:3" x14ac:dyDescent="0.15">
      <c r="A11113">
        <v>13896</v>
      </c>
      <c r="B11113" t="s">
        <v>22177</v>
      </c>
      <c r="C11113" t="s">
        <v>22178</v>
      </c>
    </row>
    <row r="11114" spans="1:3" x14ac:dyDescent="0.15">
      <c r="A11114">
        <v>13895</v>
      </c>
      <c r="B11114" t="s">
        <v>22179</v>
      </c>
      <c r="C11114" t="s">
        <v>22180</v>
      </c>
    </row>
    <row r="11115" spans="1:3" x14ac:dyDescent="0.15">
      <c r="A11115">
        <v>13894</v>
      </c>
      <c r="B11115" t="s">
        <v>22181</v>
      </c>
      <c r="C11115" t="s">
        <v>22182</v>
      </c>
    </row>
    <row r="11116" spans="1:3" x14ac:dyDescent="0.15">
      <c r="A11116">
        <v>13893</v>
      </c>
      <c r="B11116" t="s">
        <v>22183</v>
      </c>
      <c r="C11116" t="s">
        <v>22184</v>
      </c>
    </row>
    <row r="11117" spans="1:3" x14ac:dyDescent="0.15">
      <c r="A11117">
        <v>13892</v>
      </c>
      <c r="B11117" t="s">
        <v>22185</v>
      </c>
      <c r="C11117" t="s">
        <v>22186</v>
      </c>
    </row>
    <row r="11118" spans="1:3" x14ac:dyDescent="0.15">
      <c r="A11118">
        <v>13891</v>
      </c>
      <c r="B11118" t="s">
        <v>22187</v>
      </c>
      <c r="C11118" t="s">
        <v>22188</v>
      </c>
    </row>
    <row r="11119" spans="1:3" x14ac:dyDescent="0.15">
      <c r="A11119">
        <v>13890</v>
      </c>
      <c r="B11119" t="s">
        <v>22189</v>
      </c>
      <c r="C11119" t="s">
        <v>22190</v>
      </c>
    </row>
    <row r="11120" spans="1:3" x14ac:dyDescent="0.15">
      <c r="A11120">
        <v>13889</v>
      </c>
      <c r="B11120" t="s">
        <v>22191</v>
      </c>
      <c r="C11120" t="s">
        <v>22192</v>
      </c>
    </row>
    <row r="11121" spans="1:3" x14ac:dyDescent="0.15">
      <c r="A11121">
        <v>13888</v>
      </c>
      <c r="B11121" t="s">
        <v>22193</v>
      </c>
      <c r="C11121" t="s">
        <v>22194</v>
      </c>
    </row>
    <row r="11122" spans="1:3" x14ac:dyDescent="0.15">
      <c r="A11122">
        <v>13887</v>
      </c>
      <c r="B11122" t="s">
        <v>22195</v>
      </c>
      <c r="C11122" t="s">
        <v>22196</v>
      </c>
    </row>
    <row r="11123" spans="1:3" x14ac:dyDescent="0.15">
      <c r="A11123">
        <v>13886</v>
      </c>
      <c r="B11123" t="s">
        <v>22197</v>
      </c>
      <c r="C11123" t="s">
        <v>22198</v>
      </c>
    </row>
    <row r="11124" spans="1:3" x14ac:dyDescent="0.15">
      <c r="A11124">
        <v>13885</v>
      </c>
      <c r="B11124" t="s">
        <v>22199</v>
      </c>
      <c r="C11124" t="s">
        <v>22200</v>
      </c>
    </row>
    <row r="11125" spans="1:3" x14ac:dyDescent="0.15">
      <c r="A11125">
        <v>13884</v>
      </c>
      <c r="B11125" t="s">
        <v>22201</v>
      </c>
      <c r="C11125" t="s">
        <v>22202</v>
      </c>
    </row>
    <row r="11126" spans="1:3" x14ac:dyDescent="0.15">
      <c r="A11126">
        <v>13883</v>
      </c>
      <c r="B11126" t="s">
        <v>22203</v>
      </c>
      <c r="C11126" t="s">
        <v>22204</v>
      </c>
    </row>
    <row r="11127" spans="1:3" x14ac:dyDescent="0.15">
      <c r="A11127">
        <v>13882</v>
      </c>
      <c r="B11127" t="s">
        <v>22205</v>
      </c>
      <c r="C11127" t="s">
        <v>22206</v>
      </c>
    </row>
    <row r="11128" spans="1:3" x14ac:dyDescent="0.15">
      <c r="A11128">
        <v>13881</v>
      </c>
      <c r="B11128" t="s">
        <v>22207</v>
      </c>
      <c r="C11128" t="s">
        <v>22208</v>
      </c>
    </row>
    <row r="11129" spans="1:3" x14ac:dyDescent="0.15">
      <c r="A11129">
        <v>13880</v>
      </c>
      <c r="B11129" t="s">
        <v>22209</v>
      </c>
      <c r="C11129" t="s">
        <v>22210</v>
      </c>
    </row>
    <row r="11130" spans="1:3" x14ac:dyDescent="0.15">
      <c r="A11130">
        <v>13879</v>
      </c>
      <c r="B11130" t="s">
        <v>22211</v>
      </c>
      <c r="C11130" t="s">
        <v>22212</v>
      </c>
    </row>
    <row r="11131" spans="1:3" x14ac:dyDescent="0.15">
      <c r="A11131">
        <v>13878</v>
      </c>
      <c r="B11131" t="s">
        <v>22213</v>
      </c>
      <c r="C11131" t="s">
        <v>22214</v>
      </c>
    </row>
    <row r="11132" spans="1:3" x14ac:dyDescent="0.15">
      <c r="A11132">
        <v>13877</v>
      </c>
      <c r="B11132" t="s">
        <v>22215</v>
      </c>
      <c r="C11132" t="s">
        <v>22216</v>
      </c>
    </row>
    <row r="11133" spans="1:3" x14ac:dyDescent="0.15">
      <c r="A11133">
        <v>13876</v>
      </c>
      <c r="B11133" t="s">
        <v>22217</v>
      </c>
      <c r="C11133" t="s">
        <v>22218</v>
      </c>
    </row>
    <row r="11134" spans="1:3" x14ac:dyDescent="0.15">
      <c r="A11134">
        <v>13875</v>
      </c>
      <c r="B11134" t="s">
        <v>22219</v>
      </c>
      <c r="C11134" t="s">
        <v>22220</v>
      </c>
    </row>
    <row r="11135" spans="1:3" x14ac:dyDescent="0.15">
      <c r="A11135">
        <v>13874</v>
      </c>
      <c r="B11135" t="s">
        <v>22221</v>
      </c>
      <c r="C11135" t="s">
        <v>22222</v>
      </c>
    </row>
    <row r="11136" spans="1:3" x14ac:dyDescent="0.15">
      <c r="A11136">
        <v>13873</v>
      </c>
      <c r="B11136" t="s">
        <v>22223</v>
      </c>
      <c r="C11136" t="s">
        <v>22224</v>
      </c>
    </row>
    <row r="11137" spans="1:3" x14ac:dyDescent="0.15">
      <c r="A11137">
        <v>13872</v>
      </c>
      <c r="B11137" t="s">
        <v>22225</v>
      </c>
      <c r="C11137" t="s">
        <v>22226</v>
      </c>
    </row>
    <row r="11138" spans="1:3" x14ac:dyDescent="0.15">
      <c r="A11138">
        <v>13871</v>
      </c>
      <c r="B11138" t="s">
        <v>22227</v>
      </c>
      <c r="C11138" t="s">
        <v>22228</v>
      </c>
    </row>
    <row r="11139" spans="1:3" x14ac:dyDescent="0.15">
      <c r="A11139">
        <v>13870</v>
      </c>
      <c r="B11139" t="s">
        <v>22229</v>
      </c>
      <c r="C11139" t="s">
        <v>22230</v>
      </c>
    </row>
    <row r="11140" spans="1:3" x14ac:dyDescent="0.15">
      <c r="A11140">
        <v>13869</v>
      </c>
      <c r="B11140" t="s">
        <v>22231</v>
      </c>
      <c r="C11140" t="s">
        <v>22232</v>
      </c>
    </row>
    <row r="11141" spans="1:3" x14ac:dyDescent="0.15">
      <c r="A11141">
        <v>13868</v>
      </c>
      <c r="B11141" t="s">
        <v>22233</v>
      </c>
      <c r="C11141" t="s">
        <v>22234</v>
      </c>
    </row>
    <row r="11142" spans="1:3" x14ac:dyDescent="0.15">
      <c r="A11142">
        <v>13867</v>
      </c>
      <c r="B11142" t="s">
        <v>22235</v>
      </c>
      <c r="C11142" t="s">
        <v>22236</v>
      </c>
    </row>
    <row r="11143" spans="1:3" x14ac:dyDescent="0.15">
      <c r="A11143">
        <v>13866</v>
      </c>
      <c r="B11143" t="s">
        <v>22237</v>
      </c>
      <c r="C11143" t="s">
        <v>22238</v>
      </c>
    </row>
    <row r="11144" spans="1:3" x14ac:dyDescent="0.15">
      <c r="A11144">
        <v>13865</v>
      </c>
      <c r="B11144" t="s">
        <v>22239</v>
      </c>
      <c r="C11144" t="s">
        <v>22240</v>
      </c>
    </row>
    <row r="11145" spans="1:3" x14ac:dyDescent="0.15">
      <c r="A11145">
        <v>13864</v>
      </c>
      <c r="B11145" t="s">
        <v>22241</v>
      </c>
      <c r="C11145" t="s">
        <v>22242</v>
      </c>
    </row>
    <row r="11146" spans="1:3" x14ac:dyDescent="0.15">
      <c r="A11146">
        <v>13863</v>
      </c>
      <c r="B11146" t="s">
        <v>22243</v>
      </c>
      <c r="C11146" t="s">
        <v>22244</v>
      </c>
    </row>
    <row r="11147" spans="1:3" x14ac:dyDescent="0.15">
      <c r="A11147">
        <v>13862</v>
      </c>
      <c r="B11147" t="s">
        <v>22245</v>
      </c>
      <c r="C11147" t="s">
        <v>22246</v>
      </c>
    </row>
    <row r="11148" spans="1:3" x14ac:dyDescent="0.15">
      <c r="A11148">
        <v>13861</v>
      </c>
      <c r="B11148" t="s">
        <v>22247</v>
      </c>
      <c r="C11148" t="s">
        <v>22248</v>
      </c>
    </row>
    <row r="11149" spans="1:3" x14ac:dyDescent="0.15">
      <c r="A11149">
        <v>13860</v>
      </c>
      <c r="B11149" t="s">
        <v>22249</v>
      </c>
      <c r="C11149" t="s">
        <v>22250</v>
      </c>
    </row>
    <row r="11150" spans="1:3" x14ac:dyDescent="0.15">
      <c r="A11150">
        <v>13859</v>
      </c>
      <c r="B11150" t="s">
        <v>22251</v>
      </c>
      <c r="C11150" t="s">
        <v>22252</v>
      </c>
    </row>
    <row r="11151" spans="1:3" x14ac:dyDescent="0.15">
      <c r="A11151">
        <v>13858</v>
      </c>
      <c r="B11151" t="s">
        <v>22253</v>
      </c>
      <c r="C11151" t="s">
        <v>22254</v>
      </c>
    </row>
    <row r="11152" spans="1:3" x14ac:dyDescent="0.15">
      <c r="A11152">
        <v>13857</v>
      </c>
      <c r="B11152" t="s">
        <v>22255</v>
      </c>
      <c r="C11152" t="s">
        <v>22256</v>
      </c>
    </row>
    <row r="11153" spans="1:3" x14ac:dyDescent="0.15">
      <c r="A11153">
        <v>13856</v>
      </c>
      <c r="B11153" t="s">
        <v>22257</v>
      </c>
      <c r="C11153" t="s">
        <v>22258</v>
      </c>
    </row>
    <row r="11154" spans="1:3" x14ac:dyDescent="0.15">
      <c r="A11154">
        <v>13855</v>
      </c>
      <c r="B11154" t="s">
        <v>22259</v>
      </c>
      <c r="C11154" t="s">
        <v>22260</v>
      </c>
    </row>
    <row r="11155" spans="1:3" x14ac:dyDescent="0.15">
      <c r="A11155">
        <v>13854</v>
      </c>
      <c r="B11155" t="s">
        <v>22261</v>
      </c>
      <c r="C11155" t="s">
        <v>22262</v>
      </c>
    </row>
    <row r="11156" spans="1:3" x14ac:dyDescent="0.15">
      <c r="A11156">
        <v>13853</v>
      </c>
      <c r="B11156" t="s">
        <v>22263</v>
      </c>
      <c r="C11156" t="s">
        <v>22264</v>
      </c>
    </row>
    <row r="11157" spans="1:3" x14ac:dyDescent="0.15">
      <c r="A11157">
        <v>13852</v>
      </c>
      <c r="B11157" t="s">
        <v>22265</v>
      </c>
      <c r="C11157" t="s">
        <v>22266</v>
      </c>
    </row>
    <row r="11158" spans="1:3" x14ac:dyDescent="0.15">
      <c r="A11158">
        <v>13851</v>
      </c>
      <c r="B11158" t="s">
        <v>22267</v>
      </c>
      <c r="C11158" t="s">
        <v>22268</v>
      </c>
    </row>
    <row r="11159" spans="1:3" x14ac:dyDescent="0.15">
      <c r="A11159">
        <v>13850</v>
      </c>
      <c r="B11159" t="s">
        <v>22269</v>
      </c>
      <c r="C11159" t="s">
        <v>22270</v>
      </c>
    </row>
    <row r="11160" spans="1:3" x14ac:dyDescent="0.15">
      <c r="A11160">
        <v>13849</v>
      </c>
      <c r="B11160" t="s">
        <v>22271</v>
      </c>
      <c r="C11160" t="s">
        <v>22272</v>
      </c>
    </row>
    <row r="11161" spans="1:3" x14ac:dyDescent="0.15">
      <c r="A11161">
        <v>13848</v>
      </c>
      <c r="B11161" t="s">
        <v>22273</v>
      </c>
      <c r="C11161" t="s">
        <v>22274</v>
      </c>
    </row>
    <row r="11162" spans="1:3" x14ac:dyDescent="0.15">
      <c r="A11162">
        <v>13847</v>
      </c>
      <c r="B11162" t="s">
        <v>22275</v>
      </c>
      <c r="C11162" t="s">
        <v>22276</v>
      </c>
    </row>
    <row r="11163" spans="1:3" x14ac:dyDescent="0.15">
      <c r="A11163">
        <v>13846</v>
      </c>
      <c r="B11163" t="s">
        <v>22277</v>
      </c>
      <c r="C11163" t="s">
        <v>22278</v>
      </c>
    </row>
    <row r="11164" spans="1:3" x14ac:dyDescent="0.15">
      <c r="A11164">
        <v>13845</v>
      </c>
      <c r="B11164" t="s">
        <v>22279</v>
      </c>
      <c r="C11164" t="s">
        <v>22280</v>
      </c>
    </row>
    <row r="11165" spans="1:3" x14ac:dyDescent="0.15">
      <c r="A11165">
        <v>13844</v>
      </c>
      <c r="B11165" t="s">
        <v>22281</v>
      </c>
      <c r="C11165" t="s">
        <v>22282</v>
      </c>
    </row>
    <row r="11166" spans="1:3" x14ac:dyDescent="0.15">
      <c r="A11166">
        <v>13843</v>
      </c>
      <c r="B11166" t="s">
        <v>22283</v>
      </c>
      <c r="C11166" t="s">
        <v>22284</v>
      </c>
    </row>
    <row r="11167" spans="1:3" x14ac:dyDescent="0.15">
      <c r="A11167">
        <v>13842</v>
      </c>
      <c r="B11167" t="s">
        <v>22285</v>
      </c>
      <c r="C11167" t="s">
        <v>22286</v>
      </c>
    </row>
    <row r="11168" spans="1:3" x14ac:dyDescent="0.15">
      <c r="A11168">
        <v>13841</v>
      </c>
      <c r="B11168" t="s">
        <v>22287</v>
      </c>
      <c r="C11168" t="s">
        <v>22288</v>
      </c>
    </row>
    <row r="11169" spans="1:3" x14ac:dyDescent="0.15">
      <c r="A11169">
        <v>13840</v>
      </c>
      <c r="B11169" t="s">
        <v>22289</v>
      </c>
      <c r="C11169" t="s">
        <v>22290</v>
      </c>
    </row>
    <row r="11170" spans="1:3" x14ac:dyDescent="0.15">
      <c r="A11170">
        <v>13839</v>
      </c>
      <c r="B11170" t="s">
        <v>22291</v>
      </c>
      <c r="C11170" t="s">
        <v>22292</v>
      </c>
    </row>
    <row r="11171" spans="1:3" x14ac:dyDescent="0.15">
      <c r="A11171">
        <v>13838</v>
      </c>
      <c r="B11171" t="s">
        <v>22293</v>
      </c>
      <c r="C11171" t="s">
        <v>22294</v>
      </c>
    </row>
    <row r="11172" spans="1:3" x14ac:dyDescent="0.15">
      <c r="A11172">
        <v>13837</v>
      </c>
      <c r="B11172" t="s">
        <v>22295</v>
      </c>
      <c r="C11172" t="s">
        <v>22296</v>
      </c>
    </row>
    <row r="11173" spans="1:3" x14ac:dyDescent="0.15">
      <c r="A11173">
        <v>13836</v>
      </c>
      <c r="B11173" t="s">
        <v>22297</v>
      </c>
      <c r="C11173" t="s">
        <v>22298</v>
      </c>
    </row>
    <row r="11174" spans="1:3" x14ac:dyDescent="0.15">
      <c r="A11174">
        <v>13835</v>
      </c>
      <c r="B11174" t="s">
        <v>22299</v>
      </c>
      <c r="C11174" t="s">
        <v>22300</v>
      </c>
    </row>
    <row r="11175" spans="1:3" x14ac:dyDescent="0.15">
      <c r="A11175">
        <v>13834</v>
      </c>
      <c r="B11175" t="s">
        <v>22301</v>
      </c>
      <c r="C11175" t="s">
        <v>22302</v>
      </c>
    </row>
    <row r="11176" spans="1:3" x14ac:dyDescent="0.15">
      <c r="A11176">
        <v>13833</v>
      </c>
      <c r="B11176" t="s">
        <v>22303</v>
      </c>
      <c r="C11176" t="s">
        <v>22304</v>
      </c>
    </row>
    <row r="11177" spans="1:3" x14ac:dyDescent="0.15">
      <c r="A11177">
        <v>13832</v>
      </c>
      <c r="B11177" t="s">
        <v>22305</v>
      </c>
      <c r="C11177" t="s">
        <v>22306</v>
      </c>
    </row>
    <row r="11178" spans="1:3" x14ac:dyDescent="0.15">
      <c r="A11178">
        <v>13831</v>
      </c>
      <c r="B11178" t="s">
        <v>22307</v>
      </c>
      <c r="C11178" t="s">
        <v>22308</v>
      </c>
    </row>
    <row r="11179" spans="1:3" x14ac:dyDescent="0.15">
      <c r="A11179">
        <v>13830</v>
      </c>
      <c r="B11179" t="s">
        <v>22309</v>
      </c>
      <c r="C11179" t="s">
        <v>22310</v>
      </c>
    </row>
    <row r="11180" spans="1:3" x14ac:dyDescent="0.15">
      <c r="A11180">
        <v>13829</v>
      </c>
      <c r="B11180" t="s">
        <v>22311</v>
      </c>
      <c r="C11180" t="s">
        <v>22312</v>
      </c>
    </row>
    <row r="11181" spans="1:3" x14ac:dyDescent="0.15">
      <c r="A11181">
        <v>13828</v>
      </c>
      <c r="B11181" t="s">
        <v>22313</v>
      </c>
      <c r="C11181" t="s">
        <v>22314</v>
      </c>
    </row>
    <row r="11182" spans="1:3" x14ac:dyDescent="0.15">
      <c r="A11182">
        <v>13827</v>
      </c>
      <c r="B11182" t="s">
        <v>22315</v>
      </c>
      <c r="C11182" t="s">
        <v>22316</v>
      </c>
    </row>
    <row r="11183" spans="1:3" x14ac:dyDescent="0.15">
      <c r="A11183">
        <v>13826</v>
      </c>
      <c r="B11183" t="s">
        <v>22317</v>
      </c>
      <c r="C11183" t="s">
        <v>22318</v>
      </c>
    </row>
    <row r="11184" spans="1:3" x14ac:dyDescent="0.15">
      <c r="A11184">
        <v>13825</v>
      </c>
      <c r="B11184" t="s">
        <v>22319</v>
      </c>
      <c r="C11184" t="s">
        <v>22320</v>
      </c>
    </row>
    <row r="11185" spans="1:3" x14ac:dyDescent="0.15">
      <c r="A11185">
        <v>13824</v>
      </c>
      <c r="B11185" t="s">
        <v>22321</v>
      </c>
      <c r="C11185" t="s">
        <v>22322</v>
      </c>
    </row>
    <row r="11186" spans="1:3" x14ac:dyDescent="0.15">
      <c r="A11186">
        <v>13823</v>
      </c>
      <c r="B11186" t="s">
        <v>22323</v>
      </c>
      <c r="C11186" t="s">
        <v>22324</v>
      </c>
    </row>
    <row r="11187" spans="1:3" x14ac:dyDescent="0.15">
      <c r="A11187">
        <v>13822</v>
      </c>
      <c r="B11187" t="s">
        <v>22325</v>
      </c>
      <c r="C11187" t="s">
        <v>22326</v>
      </c>
    </row>
    <row r="11188" spans="1:3" x14ac:dyDescent="0.15">
      <c r="A11188">
        <v>13821</v>
      </c>
      <c r="B11188" t="s">
        <v>22327</v>
      </c>
      <c r="C11188" t="s">
        <v>22328</v>
      </c>
    </row>
    <row r="11189" spans="1:3" x14ac:dyDescent="0.15">
      <c r="A11189">
        <v>13820</v>
      </c>
      <c r="B11189" t="s">
        <v>22329</v>
      </c>
      <c r="C11189" t="s">
        <v>22330</v>
      </c>
    </row>
    <row r="11190" spans="1:3" x14ac:dyDescent="0.15">
      <c r="A11190">
        <v>13819</v>
      </c>
      <c r="B11190" t="s">
        <v>22331</v>
      </c>
      <c r="C11190" t="s">
        <v>22332</v>
      </c>
    </row>
    <row r="11191" spans="1:3" x14ac:dyDescent="0.15">
      <c r="A11191">
        <v>13818</v>
      </c>
      <c r="B11191" t="s">
        <v>22333</v>
      </c>
      <c r="C11191" t="s">
        <v>22334</v>
      </c>
    </row>
    <row r="11192" spans="1:3" x14ac:dyDescent="0.15">
      <c r="A11192">
        <v>13817</v>
      </c>
      <c r="B11192" t="s">
        <v>22335</v>
      </c>
      <c r="C11192" t="s">
        <v>22336</v>
      </c>
    </row>
    <row r="11193" spans="1:3" x14ac:dyDescent="0.15">
      <c r="A11193">
        <v>13816</v>
      </c>
      <c r="B11193" t="s">
        <v>22337</v>
      </c>
      <c r="C11193" t="s">
        <v>22338</v>
      </c>
    </row>
    <row r="11194" spans="1:3" x14ac:dyDescent="0.15">
      <c r="A11194">
        <v>13815</v>
      </c>
      <c r="B11194" t="s">
        <v>22339</v>
      </c>
      <c r="C11194" t="s">
        <v>22340</v>
      </c>
    </row>
    <row r="11195" spans="1:3" x14ac:dyDescent="0.15">
      <c r="A11195">
        <v>13814</v>
      </c>
      <c r="B11195" t="s">
        <v>22341</v>
      </c>
      <c r="C11195" t="s">
        <v>22342</v>
      </c>
    </row>
    <row r="11196" spans="1:3" x14ac:dyDescent="0.15">
      <c r="A11196">
        <v>13813</v>
      </c>
      <c r="B11196" t="s">
        <v>22343</v>
      </c>
      <c r="C11196" t="s">
        <v>22344</v>
      </c>
    </row>
    <row r="11197" spans="1:3" x14ac:dyDescent="0.15">
      <c r="A11197">
        <v>13812</v>
      </c>
      <c r="B11197" t="s">
        <v>22345</v>
      </c>
      <c r="C11197" t="s">
        <v>22346</v>
      </c>
    </row>
    <row r="11198" spans="1:3" x14ac:dyDescent="0.15">
      <c r="A11198">
        <v>13811</v>
      </c>
      <c r="B11198" t="s">
        <v>22347</v>
      </c>
      <c r="C11198" t="s">
        <v>22348</v>
      </c>
    </row>
    <row r="11199" spans="1:3" x14ac:dyDescent="0.15">
      <c r="A11199">
        <v>13810</v>
      </c>
      <c r="B11199" t="s">
        <v>22349</v>
      </c>
      <c r="C11199" t="s">
        <v>22350</v>
      </c>
    </row>
    <row r="11200" spans="1:3" x14ac:dyDescent="0.15">
      <c r="A11200">
        <v>13809</v>
      </c>
      <c r="B11200" t="s">
        <v>22351</v>
      </c>
      <c r="C11200" t="s">
        <v>22352</v>
      </c>
    </row>
    <row r="11201" spans="1:3" x14ac:dyDescent="0.15">
      <c r="A11201">
        <v>13808</v>
      </c>
      <c r="B11201" t="s">
        <v>22353</v>
      </c>
      <c r="C11201" t="s">
        <v>22354</v>
      </c>
    </row>
    <row r="11202" spans="1:3" x14ac:dyDescent="0.15">
      <c r="A11202">
        <v>13807</v>
      </c>
      <c r="B11202" t="s">
        <v>22355</v>
      </c>
      <c r="C11202" t="s">
        <v>22356</v>
      </c>
    </row>
    <row r="11203" spans="1:3" x14ac:dyDescent="0.15">
      <c r="A11203">
        <v>13806</v>
      </c>
      <c r="B11203" t="s">
        <v>22357</v>
      </c>
      <c r="C11203" t="s">
        <v>22358</v>
      </c>
    </row>
    <row r="11204" spans="1:3" x14ac:dyDescent="0.15">
      <c r="A11204">
        <v>13805</v>
      </c>
      <c r="B11204" t="s">
        <v>22359</v>
      </c>
      <c r="C11204" t="s">
        <v>22360</v>
      </c>
    </row>
    <row r="11205" spans="1:3" x14ac:dyDescent="0.15">
      <c r="A11205">
        <v>13804</v>
      </c>
      <c r="B11205" t="s">
        <v>22361</v>
      </c>
      <c r="C11205" t="s">
        <v>22362</v>
      </c>
    </row>
    <row r="11206" spans="1:3" x14ac:dyDescent="0.15">
      <c r="A11206">
        <v>13803</v>
      </c>
      <c r="B11206" t="s">
        <v>22363</v>
      </c>
      <c r="C11206" t="s">
        <v>22364</v>
      </c>
    </row>
    <row r="11207" spans="1:3" x14ac:dyDescent="0.15">
      <c r="A11207">
        <v>13802</v>
      </c>
      <c r="B11207" t="s">
        <v>22365</v>
      </c>
      <c r="C11207" t="s">
        <v>22366</v>
      </c>
    </row>
    <row r="11208" spans="1:3" x14ac:dyDescent="0.15">
      <c r="A11208">
        <v>13801</v>
      </c>
      <c r="B11208" t="s">
        <v>22367</v>
      </c>
      <c r="C11208" t="s">
        <v>22368</v>
      </c>
    </row>
    <row r="11209" spans="1:3" x14ac:dyDescent="0.15">
      <c r="A11209">
        <v>13800</v>
      </c>
      <c r="B11209" t="s">
        <v>22369</v>
      </c>
      <c r="C11209" t="s">
        <v>22370</v>
      </c>
    </row>
    <row r="11210" spans="1:3" x14ac:dyDescent="0.15">
      <c r="A11210">
        <v>13799</v>
      </c>
      <c r="B11210" t="s">
        <v>22371</v>
      </c>
      <c r="C11210" t="s">
        <v>22372</v>
      </c>
    </row>
    <row r="11211" spans="1:3" x14ac:dyDescent="0.15">
      <c r="A11211">
        <v>13798</v>
      </c>
      <c r="B11211" t="s">
        <v>22373</v>
      </c>
      <c r="C11211" t="s">
        <v>22374</v>
      </c>
    </row>
    <row r="11212" spans="1:3" x14ac:dyDescent="0.15">
      <c r="A11212">
        <v>13797</v>
      </c>
      <c r="B11212" t="s">
        <v>22375</v>
      </c>
      <c r="C11212" t="s">
        <v>22376</v>
      </c>
    </row>
    <row r="11213" spans="1:3" x14ac:dyDescent="0.15">
      <c r="A11213">
        <v>13796</v>
      </c>
      <c r="B11213" t="s">
        <v>22377</v>
      </c>
      <c r="C11213" t="s">
        <v>22378</v>
      </c>
    </row>
    <row r="11214" spans="1:3" x14ac:dyDescent="0.15">
      <c r="A11214">
        <v>13795</v>
      </c>
      <c r="B11214" t="s">
        <v>22379</v>
      </c>
      <c r="C11214" t="s">
        <v>22380</v>
      </c>
    </row>
    <row r="11215" spans="1:3" x14ac:dyDescent="0.15">
      <c r="A11215">
        <v>13794</v>
      </c>
      <c r="B11215" t="s">
        <v>22381</v>
      </c>
      <c r="C11215" t="s">
        <v>22382</v>
      </c>
    </row>
    <row r="11216" spans="1:3" x14ac:dyDescent="0.15">
      <c r="A11216">
        <v>13793</v>
      </c>
      <c r="B11216" t="s">
        <v>22383</v>
      </c>
      <c r="C11216" t="s">
        <v>22384</v>
      </c>
    </row>
    <row r="11217" spans="1:3" x14ac:dyDescent="0.15">
      <c r="A11217">
        <v>13792</v>
      </c>
      <c r="B11217" t="s">
        <v>22385</v>
      </c>
      <c r="C11217" t="s">
        <v>22386</v>
      </c>
    </row>
    <row r="11218" spans="1:3" x14ac:dyDescent="0.15">
      <c r="A11218">
        <v>13791</v>
      </c>
      <c r="B11218" t="s">
        <v>22387</v>
      </c>
      <c r="C11218" t="s">
        <v>22388</v>
      </c>
    </row>
    <row r="11219" spans="1:3" x14ac:dyDescent="0.15">
      <c r="A11219">
        <v>13790</v>
      </c>
      <c r="B11219" t="s">
        <v>22389</v>
      </c>
      <c r="C11219" t="s">
        <v>22390</v>
      </c>
    </row>
    <row r="11220" spans="1:3" x14ac:dyDescent="0.15">
      <c r="A11220">
        <v>13789</v>
      </c>
      <c r="B11220" t="s">
        <v>22391</v>
      </c>
      <c r="C11220" t="s">
        <v>22392</v>
      </c>
    </row>
    <row r="11221" spans="1:3" x14ac:dyDescent="0.15">
      <c r="A11221">
        <v>13788</v>
      </c>
      <c r="B11221" t="s">
        <v>22393</v>
      </c>
      <c r="C11221" t="s">
        <v>22394</v>
      </c>
    </row>
    <row r="11222" spans="1:3" x14ac:dyDescent="0.15">
      <c r="A11222">
        <v>13787</v>
      </c>
      <c r="B11222" t="s">
        <v>22395</v>
      </c>
      <c r="C11222" t="s">
        <v>22396</v>
      </c>
    </row>
    <row r="11223" spans="1:3" x14ac:dyDescent="0.15">
      <c r="A11223">
        <v>13786</v>
      </c>
      <c r="B11223" t="s">
        <v>22397</v>
      </c>
      <c r="C11223" t="s">
        <v>22398</v>
      </c>
    </row>
    <row r="11224" spans="1:3" x14ac:dyDescent="0.15">
      <c r="A11224">
        <v>13785</v>
      </c>
      <c r="B11224" t="s">
        <v>22399</v>
      </c>
      <c r="C11224" t="s">
        <v>22400</v>
      </c>
    </row>
    <row r="11225" spans="1:3" x14ac:dyDescent="0.15">
      <c r="A11225">
        <v>13784</v>
      </c>
      <c r="B11225" t="s">
        <v>22401</v>
      </c>
      <c r="C11225" t="s">
        <v>22402</v>
      </c>
    </row>
    <row r="11226" spans="1:3" x14ac:dyDescent="0.15">
      <c r="A11226">
        <v>13783</v>
      </c>
      <c r="B11226" t="s">
        <v>22403</v>
      </c>
      <c r="C11226" t="s">
        <v>22404</v>
      </c>
    </row>
    <row r="11227" spans="1:3" x14ac:dyDescent="0.15">
      <c r="A11227">
        <v>13782</v>
      </c>
      <c r="B11227" t="s">
        <v>22405</v>
      </c>
      <c r="C11227" t="s">
        <v>22406</v>
      </c>
    </row>
    <row r="11228" spans="1:3" x14ac:dyDescent="0.15">
      <c r="A11228">
        <v>13781</v>
      </c>
      <c r="B11228" t="s">
        <v>22407</v>
      </c>
      <c r="C11228" t="s">
        <v>22408</v>
      </c>
    </row>
    <row r="11229" spans="1:3" x14ac:dyDescent="0.15">
      <c r="A11229">
        <v>13780</v>
      </c>
      <c r="B11229" t="s">
        <v>22409</v>
      </c>
      <c r="C11229" t="s">
        <v>22410</v>
      </c>
    </row>
    <row r="11230" spans="1:3" x14ac:dyDescent="0.15">
      <c r="A11230">
        <v>13779</v>
      </c>
      <c r="B11230" t="s">
        <v>22411</v>
      </c>
      <c r="C11230" t="s">
        <v>22412</v>
      </c>
    </row>
    <row r="11231" spans="1:3" x14ac:dyDescent="0.15">
      <c r="A11231">
        <v>13778</v>
      </c>
      <c r="B11231" t="s">
        <v>22413</v>
      </c>
      <c r="C11231" t="s">
        <v>22414</v>
      </c>
    </row>
    <row r="11232" spans="1:3" x14ac:dyDescent="0.15">
      <c r="A11232">
        <v>13777</v>
      </c>
      <c r="B11232" t="s">
        <v>22415</v>
      </c>
      <c r="C11232" t="s">
        <v>22416</v>
      </c>
    </row>
    <row r="11233" spans="1:3" x14ac:dyDescent="0.15">
      <c r="A11233">
        <v>13776</v>
      </c>
      <c r="B11233" t="s">
        <v>22417</v>
      </c>
      <c r="C11233" t="s">
        <v>22418</v>
      </c>
    </row>
    <row r="11234" spans="1:3" x14ac:dyDescent="0.15">
      <c r="A11234">
        <v>13775</v>
      </c>
      <c r="B11234" t="s">
        <v>22419</v>
      </c>
      <c r="C11234" t="s">
        <v>22420</v>
      </c>
    </row>
    <row r="11235" spans="1:3" x14ac:dyDescent="0.15">
      <c r="A11235">
        <v>13774</v>
      </c>
      <c r="B11235" t="s">
        <v>22421</v>
      </c>
      <c r="C11235" t="s">
        <v>22422</v>
      </c>
    </row>
    <row r="11236" spans="1:3" x14ac:dyDescent="0.15">
      <c r="A11236">
        <v>13773</v>
      </c>
      <c r="B11236" t="s">
        <v>22423</v>
      </c>
      <c r="C11236" t="s">
        <v>22424</v>
      </c>
    </row>
    <row r="11237" spans="1:3" x14ac:dyDescent="0.15">
      <c r="A11237">
        <v>13772</v>
      </c>
      <c r="B11237" t="s">
        <v>22425</v>
      </c>
      <c r="C11237" t="s">
        <v>22426</v>
      </c>
    </row>
    <row r="11238" spans="1:3" x14ac:dyDescent="0.15">
      <c r="A11238">
        <v>13771</v>
      </c>
      <c r="B11238" t="s">
        <v>22427</v>
      </c>
      <c r="C11238" t="s">
        <v>22428</v>
      </c>
    </row>
    <row r="11239" spans="1:3" x14ac:dyDescent="0.15">
      <c r="A11239">
        <v>13770</v>
      </c>
      <c r="B11239" t="s">
        <v>22429</v>
      </c>
      <c r="C11239" t="s">
        <v>22430</v>
      </c>
    </row>
    <row r="11240" spans="1:3" x14ac:dyDescent="0.15">
      <c r="A11240">
        <v>13769</v>
      </c>
      <c r="B11240" t="s">
        <v>22431</v>
      </c>
      <c r="C11240" t="s">
        <v>22432</v>
      </c>
    </row>
    <row r="11241" spans="1:3" x14ac:dyDescent="0.15">
      <c r="A11241">
        <v>13768</v>
      </c>
      <c r="B11241" t="s">
        <v>22433</v>
      </c>
      <c r="C11241" t="s">
        <v>22434</v>
      </c>
    </row>
    <row r="11242" spans="1:3" x14ac:dyDescent="0.15">
      <c r="A11242">
        <v>13767</v>
      </c>
      <c r="B11242" t="s">
        <v>22435</v>
      </c>
      <c r="C11242" t="s">
        <v>22436</v>
      </c>
    </row>
    <row r="11243" spans="1:3" x14ac:dyDescent="0.15">
      <c r="A11243">
        <v>13766</v>
      </c>
      <c r="B11243" t="s">
        <v>22437</v>
      </c>
      <c r="C11243" t="s">
        <v>22438</v>
      </c>
    </row>
    <row r="11244" spans="1:3" x14ac:dyDescent="0.15">
      <c r="A11244">
        <v>13765</v>
      </c>
      <c r="B11244" t="s">
        <v>22439</v>
      </c>
      <c r="C11244" t="s">
        <v>22440</v>
      </c>
    </row>
    <row r="11245" spans="1:3" x14ac:dyDescent="0.15">
      <c r="A11245">
        <v>13764</v>
      </c>
      <c r="B11245" t="s">
        <v>22441</v>
      </c>
      <c r="C11245" t="s">
        <v>22442</v>
      </c>
    </row>
    <row r="11246" spans="1:3" x14ac:dyDescent="0.15">
      <c r="A11246">
        <v>13763</v>
      </c>
      <c r="B11246" t="s">
        <v>22443</v>
      </c>
      <c r="C11246" t="s">
        <v>22444</v>
      </c>
    </row>
    <row r="11247" spans="1:3" x14ac:dyDescent="0.15">
      <c r="A11247">
        <v>13762</v>
      </c>
      <c r="B11247" t="s">
        <v>22445</v>
      </c>
      <c r="C11247" t="s">
        <v>22446</v>
      </c>
    </row>
    <row r="11248" spans="1:3" x14ac:dyDescent="0.15">
      <c r="A11248">
        <v>13761</v>
      </c>
      <c r="B11248" t="s">
        <v>22447</v>
      </c>
      <c r="C11248" t="s">
        <v>22448</v>
      </c>
    </row>
    <row r="11249" spans="1:3" x14ac:dyDescent="0.15">
      <c r="A11249">
        <v>13760</v>
      </c>
      <c r="B11249" t="s">
        <v>22449</v>
      </c>
      <c r="C11249" t="s">
        <v>22450</v>
      </c>
    </row>
    <row r="11250" spans="1:3" x14ac:dyDescent="0.15">
      <c r="A11250">
        <v>13759</v>
      </c>
      <c r="B11250" t="s">
        <v>22451</v>
      </c>
      <c r="C11250" t="s">
        <v>22452</v>
      </c>
    </row>
    <row r="11251" spans="1:3" x14ac:dyDescent="0.15">
      <c r="A11251">
        <v>13758</v>
      </c>
      <c r="B11251" t="s">
        <v>22453</v>
      </c>
      <c r="C11251" t="s">
        <v>22454</v>
      </c>
    </row>
    <row r="11252" spans="1:3" x14ac:dyDescent="0.15">
      <c r="A11252">
        <v>13757</v>
      </c>
      <c r="B11252" t="s">
        <v>22455</v>
      </c>
      <c r="C11252" t="s">
        <v>22456</v>
      </c>
    </row>
    <row r="11253" spans="1:3" x14ac:dyDescent="0.15">
      <c r="A11253">
        <v>13756</v>
      </c>
      <c r="B11253" t="s">
        <v>22457</v>
      </c>
      <c r="C11253" t="s">
        <v>22458</v>
      </c>
    </row>
    <row r="11254" spans="1:3" x14ac:dyDescent="0.15">
      <c r="A11254">
        <v>13755</v>
      </c>
      <c r="B11254" t="s">
        <v>22459</v>
      </c>
      <c r="C11254" t="s">
        <v>22460</v>
      </c>
    </row>
    <row r="11255" spans="1:3" x14ac:dyDescent="0.15">
      <c r="A11255">
        <v>13754</v>
      </c>
      <c r="B11255" t="s">
        <v>22461</v>
      </c>
      <c r="C11255" t="s">
        <v>22462</v>
      </c>
    </row>
    <row r="11256" spans="1:3" x14ac:dyDescent="0.15">
      <c r="A11256">
        <v>13753</v>
      </c>
      <c r="B11256" t="s">
        <v>22463</v>
      </c>
      <c r="C11256" t="s">
        <v>22464</v>
      </c>
    </row>
    <row r="11257" spans="1:3" x14ac:dyDescent="0.15">
      <c r="A11257">
        <v>13752</v>
      </c>
      <c r="B11257" t="s">
        <v>22465</v>
      </c>
      <c r="C11257" t="s">
        <v>22466</v>
      </c>
    </row>
    <row r="11258" spans="1:3" x14ac:dyDescent="0.15">
      <c r="A11258">
        <v>13751</v>
      </c>
      <c r="B11258" t="s">
        <v>22467</v>
      </c>
      <c r="C11258" t="s">
        <v>22468</v>
      </c>
    </row>
    <row r="11259" spans="1:3" x14ac:dyDescent="0.15">
      <c r="A11259">
        <v>13750</v>
      </c>
      <c r="B11259" t="s">
        <v>22469</v>
      </c>
      <c r="C11259" t="s">
        <v>22470</v>
      </c>
    </row>
    <row r="11260" spans="1:3" x14ac:dyDescent="0.15">
      <c r="A11260">
        <v>13749</v>
      </c>
      <c r="B11260" t="s">
        <v>22471</v>
      </c>
      <c r="C11260" t="s">
        <v>22472</v>
      </c>
    </row>
    <row r="11261" spans="1:3" x14ac:dyDescent="0.15">
      <c r="A11261">
        <v>13748</v>
      </c>
      <c r="B11261" t="s">
        <v>22473</v>
      </c>
      <c r="C11261" t="s">
        <v>22474</v>
      </c>
    </row>
    <row r="11262" spans="1:3" x14ac:dyDescent="0.15">
      <c r="A11262">
        <v>13747</v>
      </c>
      <c r="B11262" t="s">
        <v>22475</v>
      </c>
      <c r="C11262" t="s">
        <v>22476</v>
      </c>
    </row>
    <row r="11263" spans="1:3" x14ac:dyDescent="0.15">
      <c r="A11263">
        <v>13746</v>
      </c>
      <c r="B11263" t="s">
        <v>22477</v>
      </c>
      <c r="C11263" t="s">
        <v>22478</v>
      </c>
    </row>
    <row r="11264" spans="1:3" x14ac:dyDescent="0.15">
      <c r="A11264">
        <v>13745</v>
      </c>
      <c r="B11264" t="s">
        <v>22479</v>
      </c>
      <c r="C11264" t="s">
        <v>22480</v>
      </c>
    </row>
    <row r="11265" spans="1:3" x14ac:dyDescent="0.15">
      <c r="A11265">
        <v>13744</v>
      </c>
      <c r="B11265" t="s">
        <v>22481</v>
      </c>
      <c r="C11265" t="s">
        <v>22482</v>
      </c>
    </row>
    <row r="11266" spans="1:3" x14ac:dyDescent="0.15">
      <c r="A11266">
        <v>13743</v>
      </c>
      <c r="B11266" t="s">
        <v>22483</v>
      </c>
      <c r="C11266" t="s">
        <v>22484</v>
      </c>
    </row>
    <row r="11267" spans="1:3" x14ac:dyDescent="0.15">
      <c r="A11267">
        <v>13742</v>
      </c>
      <c r="B11267" t="s">
        <v>22485</v>
      </c>
      <c r="C11267" t="s">
        <v>22486</v>
      </c>
    </row>
    <row r="11268" spans="1:3" x14ac:dyDescent="0.15">
      <c r="A11268">
        <v>13741</v>
      </c>
      <c r="B11268" t="s">
        <v>22487</v>
      </c>
      <c r="C11268" t="s">
        <v>22488</v>
      </c>
    </row>
    <row r="11269" spans="1:3" x14ac:dyDescent="0.15">
      <c r="A11269">
        <v>13740</v>
      </c>
      <c r="B11269" t="s">
        <v>22489</v>
      </c>
      <c r="C11269" t="s">
        <v>22490</v>
      </c>
    </row>
    <row r="11270" spans="1:3" x14ac:dyDescent="0.15">
      <c r="A11270">
        <v>13739</v>
      </c>
      <c r="B11270" t="s">
        <v>22491</v>
      </c>
      <c r="C11270" t="s">
        <v>22492</v>
      </c>
    </row>
    <row r="11271" spans="1:3" x14ac:dyDescent="0.15">
      <c r="A11271">
        <v>13738</v>
      </c>
      <c r="B11271" t="s">
        <v>22493</v>
      </c>
      <c r="C11271" t="s">
        <v>22494</v>
      </c>
    </row>
    <row r="11272" spans="1:3" x14ac:dyDescent="0.15">
      <c r="A11272">
        <v>13737</v>
      </c>
      <c r="B11272" t="s">
        <v>22495</v>
      </c>
      <c r="C11272" t="s">
        <v>22496</v>
      </c>
    </row>
    <row r="11273" spans="1:3" x14ac:dyDescent="0.15">
      <c r="A11273">
        <v>13736</v>
      </c>
      <c r="B11273" t="s">
        <v>22497</v>
      </c>
      <c r="C11273" t="s">
        <v>22498</v>
      </c>
    </row>
    <row r="11274" spans="1:3" x14ac:dyDescent="0.15">
      <c r="A11274">
        <v>13735</v>
      </c>
      <c r="B11274" t="s">
        <v>22499</v>
      </c>
      <c r="C11274" t="s">
        <v>22500</v>
      </c>
    </row>
    <row r="11275" spans="1:3" x14ac:dyDescent="0.15">
      <c r="A11275">
        <v>13734</v>
      </c>
      <c r="B11275" t="s">
        <v>22501</v>
      </c>
      <c r="C11275" t="s">
        <v>22502</v>
      </c>
    </row>
    <row r="11276" spans="1:3" x14ac:dyDescent="0.15">
      <c r="A11276">
        <v>13733</v>
      </c>
      <c r="B11276" t="s">
        <v>22503</v>
      </c>
      <c r="C11276" t="s">
        <v>22504</v>
      </c>
    </row>
    <row r="11277" spans="1:3" x14ac:dyDescent="0.15">
      <c r="A11277">
        <v>13732</v>
      </c>
      <c r="B11277" t="s">
        <v>22505</v>
      </c>
      <c r="C11277" t="s">
        <v>22506</v>
      </c>
    </row>
    <row r="11278" spans="1:3" x14ac:dyDescent="0.15">
      <c r="A11278">
        <v>13731</v>
      </c>
      <c r="B11278" t="s">
        <v>22507</v>
      </c>
      <c r="C11278" t="s">
        <v>22508</v>
      </c>
    </row>
    <row r="11279" spans="1:3" x14ac:dyDescent="0.15">
      <c r="A11279">
        <v>13730</v>
      </c>
      <c r="B11279" t="s">
        <v>22509</v>
      </c>
      <c r="C11279" t="s">
        <v>22510</v>
      </c>
    </row>
    <row r="11280" spans="1:3" x14ac:dyDescent="0.15">
      <c r="A11280">
        <v>13729</v>
      </c>
      <c r="B11280" t="s">
        <v>22511</v>
      </c>
      <c r="C11280" t="s">
        <v>22512</v>
      </c>
    </row>
    <row r="11281" spans="1:3" x14ac:dyDescent="0.15">
      <c r="A11281">
        <v>13728</v>
      </c>
      <c r="B11281" t="s">
        <v>22513</v>
      </c>
      <c r="C11281" t="s">
        <v>22514</v>
      </c>
    </row>
    <row r="11282" spans="1:3" x14ac:dyDescent="0.15">
      <c r="A11282">
        <v>13727</v>
      </c>
      <c r="B11282" t="s">
        <v>22515</v>
      </c>
      <c r="C11282" t="s">
        <v>22516</v>
      </c>
    </row>
    <row r="11283" spans="1:3" x14ac:dyDescent="0.15">
      <c r="A11283">
        <v>13726</v>
      </c>
      <c r="B11283" t="s">
        <v>22517</v>
      </c>
      <c r="C11283" t="s">
        <v>22518</v>
      </c>
    </row>
    <row r="11284" spans="1:3" x14ac:dyDescent="0.15">
      <c r="A11284">
        <v>13725</v>
      </c>
      <c r="B11284" t="s">
        <v>22519</v>
      </c>
      <c r="C11284" t="s">
        <v>22520</v>
      </c>
    </row>
    <row r="11285" spans="1:3" x14ac:dyDescent="0.15">
      <c r="A11285">
        <v>13724</v>
      </c>
      <c r="B11285" t="s">
        <v>22521</v>
      </c>
      <c r="C11285" t="s">
        <v>22522</v>
      </c>
    </row>
    <row r="11286" spans="1:3" x14ac:dyDescent="0.15">
      <c r="A11286">
        <v>13723</v>
      </c>
      <c r="B11286" t="s">
        <v>22523</v>
      </c>
      <c r="C11286" t="s">
        <v>22524</v>
      </c>
    </row>
    <row r="11287" spans="1:3" x14ac:dyDescent="0.15">
      <c r="A11287">
        <v>13722</v>
      </c>
      <c r="B11287" t="s">
        <v>22525</v>
      </c>
      <c r="C11287" t="s">
        <v>22526</v>
      </c>
    </row>
    <row r="11288" spans="1:3" x14ac:dyDescent="0.15">
      <c r="A11288">
        <v>13721</v>
      </c>
      <c r="B11288" t="s">
        <v>22527</v>
      </c>
      <c r="C11288" t="s">
        <v>22528</v>
      </c>
    </row>
    <row r="11289" spans="1:3" x14ac:dyDescent="0.15">
      <c r="A11289">
        <v>13720</v>
      </c>
      <c r="B11289" t="s">
        <v>22529</v>
      </c>
      <c r="C11289" t="s">
        <v>22530</v>
      </c>
    </row>
    <row r="11290" spans="1:3" x14ac:dyDescent="0.15">
      <c r="A11290">
        <v>13719</v>
      </c>
      <c r="B11290" t="s">
        <v>22531</v>
      </c>
      <c r="C11290" t="s">
        <v>22532</v>
      </c>
    </row>
    <row r="11291" spans="1:3" x14ac:dyDescent="0.15">
      <c r="A11291">
        <v>13718</v>
      </c>
      <c r="B11291" t="s">
        <v>22533</v>
      </c>
      <c r="C11291" t="s">
        <v>22534</v>
      </c>
    </row>
    <row r="11292" spans="1:3" x14ac:dyDescent="0.15">
      <c r="A11292">
        <v>13717</v>
      </c>
      <c r="B11292" t="s">
        <v>22535</v>
      </c>
      <c r="C11292" t="s">
        <v>22536</v>
      </c>
    </row>
    <row r="11293" spans="1:3" x14ac:dyDescent="0.15">
      <c r="A11293">
        <v>13716</v>
      </c>
      <c r="B11293" t="s">
        <v>22537</v>
      </c>
      <c r="C11293" t="s">
        <v>22538</v>
      </c>
    </row>
    <row r="11294" spans="1:3" x14ac:dyDescent="0.15">
      <c r="A11294">
        <v>13715</v>
      </c>
      <c r="B11294" t="s">
        <v>22539</v>
      </c>
      <c r="C11294" t="s">
        <v>22540</v>
      </c>
    </row>
    <row r="11295" spans="1:3" x14ac:dyDescent="0.15">
      <c r="A11295">
        <v>13714</v>
      </c>
      <c r="B11295" t="s">
        <v>22541</v>
      </c>
      <c r="C11295" t="s">
        <v>22542</v>
      </c>
    </row>
    <row r="11296" spans="1:3" x14ac:dyDescent="0.15">
      <c r="A11296">
        <v>13713</v>
      </c>
      <c r="B11296" t="s">
        <v>22543</v>
      </c>
      <c r="C11296" t="s">
        <v>22544</v>
      </c>
    </row>
    <row r="11297" spans="1:3" x14ac:dyDescent="0.15">
      <c r="A11297">
        <v>13712</v>
      </c>
      <c r="B11297" t="s">
        <v>22545</v>
      </c>
      <c r="C11297" t="s">
        <v>22546</v>
      </c>
    </row>
    <row r="11298" spans="1:3" x14ac:dyDescent="0.15">
      <c r="A11298">
        <v>13711</v>
      </c>
      <c r="B11298" t="s">
        <v>22547</v>
      </c>
      <c r="C11298" t="s">
        <v>22548</v>
      </c>
    </row>
    <row r="11299" spans="1:3" x14ac:dyDescent="0.15">
      <c r="A11299">
        <v>13710</v>
      </c>
      <c r="B11299" t="s">
        <v>22549</v>
      </c>
      <c r="C11299" t="s">
        <v>22550</v>
      </c>
    </row>
    <row r="11300" spans="1:3" x14ac:dyDescent="0.15">
      <c r="A11300">
        <v>13709</v>
      </c>
      <c r="B11300" t="s">
        <v>22551</v>
      </c>
      <c r="C11300" t="s">
        <v>22552</v>
      </c>
    </row>
    <row r="11301" spans="1:3" x14ac:dyDescent="0.15">
      <c r="A11301">
        <v>13708</v>
      </c>
      <c r="B11301" t="s">
        <v>22553</v>
      </c>
      <c r="C11301" t="s">
        <v>22554</v>
      </c>
    </row>
    <row r="11302" spans="1:3" x14ac:dyDescent="0.15">
      <c r="A11302">
        <v>13707</v>
      </c>
      <c r="B11302" t="s">
        <v>22555</v>
      </c>
      <c r="C11302" t="s">
        <v>22556</v>
      </c>
    </row>
    <row r="11303" spans="1:3" x14ac:dyDescent="0.15">
      <c r="A11303">
        <v>13706</v>
      </c>
      <c r="B11303" t="s">
        <v>22557</v>
      </c>
      <c r="C11303" t="s">
        <v>22558</v>
      </c>
    </row>
    <row r="11304" spans="1:3" x14ac:dyDescent="0.15">
      <c r="A11304">
        <v>13705</v>
      </c>
      <c r="B11304" t="s">
        <v>22559</v>
      </c>
      <c r="C11304" t="s">
        <v>22560</v>
      </c>
    </row>
    <row r="11305" spans="1:3" x14ac:dyDescent="0.15">
      <c r="A11305">
        <v>13704</v>
      </c>
      <c r="B11305" t="s">
        <v>22561</v>
      </c>
      <c r="C11305" t="s">
        <v>22562</v>
      </c>
    </row>
    <row r="11306" spans="1:3" x14ac:dyDescent="0.15">
      <c r="A11306">
        <v>13703</v>
      </c>
      <c r="B11306" t="s">
        <v>22563</v>
      </c>
      <c r="C11306" t="s">
        <v>22564</v>
      </c>
    </row>
    <row r="11307" spans="1:3" x14ac:dyDescent="0.15">
      <c r="A11307">
        <v>13702</v>
      </c>
      <c r="B11307" t="s">
        <v>22565</v>
      </c>
      <c r="C11307" t="s">
        <v>22566</v>
      </c>
    </row>
    <row r="11308" spans="1:3" x14ac:dyDescent="0.15">
      <c r="A11308">
        <v>13701</v>
      </c>
      <c r="B11308" t="s">
        <v>22567</v>
      </c>
      <c r="C11308" t="s">
        <v>22568</v>
      </c>
    </row>
    <row r="11309" spans="1:3" x14ac:dyDescent="0.15">
      <c r="A11309">
        <v>13700</v>
      </c>
      <c r="B11309" t="s">
        <v>22569</v>
      </c>
      <c r="C11309" t="s">
        <v>22570</v>
      </c>
    </row>
    <row r="11310" spans="1:3" x14ac:dyDescent="0.15">
      <c r="A11310">
        <v>13699</v>
      </c>
      <c r="B11310" t="s">
        <v>22571</v>
      </c>
      <c r="C11310" t="s">
        <v>22572</v>
      </c>
    </row>
    <row r="11311" spans="1:3" x14ac:dyDescent="0.15">
      <c r="A11311">
        <v>13698</v>
      </c>
      <c r="B11311" t="s">
        <v>22573</v>
      </c>
      <c r="C11311" t="s">
        <v>22574</v>
      </c>
    </row>
    <row r="11312" spans="1:3" x14ac:dyDescent="0.15">
      <c r="A11312">
        <v>13697</v>
      </c>
      <c r="B11312" t="s">
        <v>22575</v>
      </c>
      <c r="C11312" t="s">
        <v>22576</v>
      </c>
    </row>
    <row r="11313" spans="1:3" x14ac:dyDescent="0.15">
      <c r="A11313">
        <v>13696</v>
      </c>
      <c r="B11313" t="s">
        <v>22577</v>
      </c>
      <c r="C11313" t="s">
        <v>22578</v>
      </c>
    </row>
    <row r="11314" spans="1:3" x14ac:dyDescent="0.15">
      <c r="A11314">
        <v>13695</v>
      </c>
      <c r="B11314" t="s">
        <v>22579</v>
      </c>
      <c r="C11314" t="s">
        <v>22580</v>
      </c>
    </row>
    <row r="11315" spans="1:3" x14ac:dyDescent="0.15">
      <c r="A11315">
        <v>13694</v>
      </c>
      <c r="B11315" t="s">
        <v>22581</v>
      </c>
      <c r="C11315" t="s">
        <v>22582</v>
      </c>
    </row>
    <row r="11316" spans="1:3" x14ac:dyDescent="0.15">
      <c r="A11316">
        <v>13693</v>
      </c>
      <c r="B11316" t="s">
        <v>22583</v>
      </c>
      <c r="C11316" t="s">
        <v>22584</v>
      </c>
    </row>
    <row r="11317" spans="1:3" x14ac:dyDescent="0.15">
      <c r="A11317">
        <v>13692</v>
      </c>
      <c r="B11317" t="s">
        <v>22585</v>
      </c>
      <c r="C11317" t="s">
        <v>22586</v>
      </c>
    </row>
    <row r="11318" spans="1:3" x14ac:dyDescent="0.15">
      <c r="A11318">
        <v>13691</v>
      </c>
      <c r="B11318" t="s">
        <v>22587</v>
      </c>
      <c r="C11318" t="s">
        <v>22588</v>
      </c>
    </row>
    <row r="11319" spans="1:3" x14ac:dyDescent="0.15">
      <c r="A11319">
        <v>13690</v>
      </c>
      <c r="B11319" t="s">
        <v>22589</v>
      </c>
      <c r="C11319" t="s">
        <v>22590</v>
      </c>
    </row>
    <row r="11320" spans="1:3" x14ac:dyDescent="0.15">
      <c r="A11320">
        <v>13689</v>
      </c>
      <c r="B11320" t="s">
        <v>22591</v>
      </c>
      <c r="C11320" t="s">
        <v>22592</v>
      </c>
    </row>
    <row r="11321" spans="1:3" x14ac:dyDescent="0.15">
      <c r="A11321">
        <v>13688</v>
      </c>
      <c r="B11321" t="s">
        <v>22593</v>
      </c>
      <c r="C11321" t="s">
        <v>22594</v>
      </c>
    </row>
    <row r="11322" spans="1:3" x14ac:dyDescent="0.15">
      <c r="A11322">
        <v>13687</v>
      </c>
      <c r="B11322" t="s">
        <v>22595</v>
      </c>
      <c r="C11322" t="s">
        <v>22596</v>
      </c>
    </row>
    <row r="11323" spans="1:3" x14ac:dyDescent="0.15">
      <c r="A11323">
        <v>13686</v>
      </c>
      <c r="B11323" t="s">
        <v>22597</v>
      </c>
      <c r="C11323" t="s">
        <v>22598</v>
      </c>
    </row>
    <row r="11324" spans="1:3" x14ac:dyDescent="0.15">
      <c r="A11324">
        <v>13685</v>
      </c>
      <c r="B11324" t="s">
        <v>22599</v>
      </c>
      <c r="C11324" t="s">
        <v>22600</v>
      </c>
    </row>
    <row r="11325" spans="1:3" x14ac:dyDescent="0.15">
      <c r="A11325">
        <v>13684</v>
      </c>
      <c r="B11325" t="s">
        <v>22601</v>
      </c>
      <c r="C11325" t="s">
        <v>22602</v>
      </c>
    </row>
    <row r="11326" spans="1:3" x14ac:dyDescent="0.15">
      <c r="A11326">
        <v>13683</v>
      </c>
      <c r="B11326" t="s">
        <v>22603</v>
      </c>
      <c r="C11326" t="s">
        <v>22604</v>
      </c>
    </row>
    <row r="11327" spans="1:3" x14ac:dyDescent="0.15">
      <c r="A11327">
        <v>13682</v>
      </c>
      <c r="B11327" t="s">
        <v>22605</v>
      </c>
      <c r="C11327" t="s">
        <v>22606</v>
      </c>
    </row>
    <row r="11328" spans="1:3" x14ac:dyDescent="0.15">
      <c r="A11328">
        <v>13681</v>
      </c>
      <c r="B11328" t="s">
        <v>22607</v>
      </c>
      <c r="C11328" t="s">
        <v>22608</v>
      </c>
    </row>
    <row r="11329" spans="1:3" x14ac:dyDescent="0.15">
      <c r="A11329">
        <v>13680</v>
      </c>
      <c r="B11329" t="s">
        <v>22609</v>
      </c>
      <c r="C11329" t="s">
        <v>22610</v>
      </c>
    </row>
    <row r="11330" spans="1:3" x14ac:dyDescent="0.15">
      <c r="A11330">
        <v>13679</v>
      </c>
      <c r="B11330" t="s">
        <v>22611</v>
      </c>
      <c r="C11330" t="s">
        <v>22612</v>
      </c>
    </row>
    <row r="11331" spans="1:3" x14ac:dyDescent="0.15">
      <c r="A11331">
        <v>13678</v>
      </c>
      <c r="B11331" t="s">
        <v>22613</v>
      </c>
      <c r="C11331" t="s">
        <v>22614</v>
      </c>
    </row>
    <row r="11332" spans="1:3" x14ac:dyDescent="0.15">
      <c r="A11332">
        <v>13677</v>
      </c>
      <c r="B11332" t="s">
        <v>22615</v>
      </c>
      <c r="C11332" t="s">
        <v>22616</v>
      </c>
    </row>
    <row r="11333" spans="1:3" x14ac:dyDescent="0.15">
      <c r="A11333">
        <v>13676</v>
      </c>
      <c r="B11333" t="s">
        <v>22617</v>
      </c>
      <c r="C11333" t="s">
        <v>22618</v>
      </c>
    </row>
    <row r="11334" spans="1:3" x14ac:dyDescent="0.15">
      <c r="A11334">
        <v>13675</v>
      </c>
      <c r="B11334" t="s">
        <v>22619</v>
      </c>
      <c r="C11334" t="s">
        <v>22620</v>
      </c>
    </row>
    <row r="11335" spans="1:3" x14ac:dyDescent="0.15">
      <c r="A11335">
        <v>13674</v>
      </c>
      <c r="B11335" t="s">
        <v>22621</v>
      </c>
      <c r="C11335" t="s">
        <v>22622</v>
      </c>
    </row>
    <row r="11336" spans="1:3" x14ac:dyDescent="0.15">
      <c r="A11336">
        <v>13673</v>
      </c>
      <c r="B11336" t="s">
        <v>22623</v>
      </c>
      <c r="C11336" t="s">
        <v>22624</v>
      </c>
    </row>
    <row r="11337" spans="1:3" x14ac:dyDescent="0.15">
      <c r="A11337">
        <v>13672</v>
      </c>
      <c r="B11337" t="s">
        <v>22625</v>
      </c>
      <c r="C11337" t="s">
        <v>22626</v>
      </c>
    </row>
    <row r="11338" spans="1:3" x14ac:dyDescent="0.15">
      <c r="A11338">
        <v>13671</v>
      </c>
      <c r="B11338" t="s">
        <v>22627</v>
      </c>
      <c r="C11338" t="s">
        <v>22628</v>
      </c>
    </row>
    <row r="11339" spans="1:3" x14ac:dyDescent="0.15">
      <c r="A11339">
        <v>13670</v>
      </c>
      <c r="B11339" t="s">
        <v>22629</v>
      </c>
      <c r="C11339" t="s">
        <v>22630</v>
      </c>
    </row>
    <row r="11340" spans="1:3" x14ac:dyDescent="0.15">
      <c r="A11340">
        <v>13669</v>
      </c>
      <c r="B11340" t="s">
        <v>22631</v>
      </c>
      <c r="C11340" t="s">
        <v>22632</v>
      </c>
    </row>
    <row r="11341" spans="1:3" x14ac:dyDescent="0.15">
      <c r="A11341">
        <v>13668</v>
      </c>
      <c r="B11341" t="s">
        <v>22633</v>
      </c>
      <c r="C11341" t="s">
        <v>22634</v>
      </c>
    </row>
    <row r="11342" spans="1:3" x14ac:dyDescent="0.15">
      <c r="A11342">
        <v>13667</v>
      </c>
      <c r="B11342" t="s">
        <v>22635</v>
      </c>
      <c r="C11342" t="s">
        <v>22636</v>
      </c>
    </row>
    <row r="11343" spans="1:3" x14ac:dyDescent="0.15">
      <c r="A11343">
        <v>13666</v>
      </c>
      <c r="B11343" t="s">
        <v>22637</v>
      </c>
      <c r="C11343" t="s">
        <v>22638</v>
      </c>
    </row>
    <row r="11344" spans="1:3" x14ac:dyDescent="0.15">
      <c r="A11344">
        <v>13665</v>
      </c>
      <c r="B11344" t="s">
        <v>22639</v>
      </c>
      <c r="C11344" t="s">
        <v>22640</v>
      </c>
    </row>
    <row r="11345" spans="1:3" x14ac:dyDescent="0.15">
      <c r="A11345">
        <v>13664</v>
      </c>
      <c r="B11345" t="s">
        <v>22641</v>
      </c>
      <c r="C11345" t="s">
        <v>22642</v>
      </c>
    </row>
    <row r="11346" spans="1:3" x14ac:dyDescent="0.15">
      <c r="A11346">
        <v>13663</v>
      </c>
      <c r="B11346" t="s">
        <v>22643</v>
      </c>
      <c r="C11346" t="s">
        <v>22644</v>
      </c>
    </row>
    <row r="11347" spans="1:3" x14ac:dyDescent="0.15">
      <c r="A11347">
        <v>13662</v>
      </c>
      <c r="B11347" t="s">
        <v>22645</v>
      </c>
      <c r="C11347" t="s">
        <v>22646</v>
      </c>
    </row>
    <row r="11348" spans="1:3" x14ac:dyDescent="0.15">
      <c r="A11348">
        <v>13661</v>
      </c>
      <c r="B11348" t="s">
        <v>22647</v>
      </c>
      <c r="C11348" t="s">
        <v>22648</v>
      </c>
    </row>
    <row r="11349" spans="1:3" x14ac:dyDescent="0.15">
      <c r="A11349">
        <v>13660</v>
      </c>
      <c r="B11349" t="s">
        <v>22649</v>
      </c>
      <c r="C11349" t="s">
        <v>22650</v>
      </c>
    </row>
    <row r="11350" spans="1:3" x14ac:dyDescent="0.15">
      <c r="A11350">
        <v>13659</v>
      </c>
      <c r="B11350" t="s">
        <v>22651</v>
      </c>
      <c r="C11350" t="s">
        <v>22652</v>
      </c>
    </row>
    <row r="11351" spans="1:3" x14ac:dyDescent="0.15">
      <c r="A11351">
        <v>13658</v>
      </c>
      <c r="B11351" t="s">
        <v>22653</v>
      </c>
      <c r="C11351" t="s">
        <v>22654</v>
      </c>
    </row>
    <row r="11352" spans="1:3" x14ac:dyDescent="0.15">
      <c r="A11352">
        <v>13657</v>
      </c>
      <c r="B11352" t="s">
        <v>22655</v>
      </c>
      <c r="C11352" t="s">
        <v>22656</v>
      </c>
    </row>
    <row r="11353" spans="1:3" x14ac:dyDescent="0.15">
      <c r="A11353">
        <v>13656</v>
      </c>
      <c r="B11353" t="s">
        <v>22657</v>
      </c>
      <c r="C11353" t="s">
        <v>22658</v>
      </c>
    </row>
    <row r="11354" spans="1:3" x14ac:dyDescent="0.15">
      <c r="A11354">
        <v>13655</v>
      </c>
      <c r="B11354" t="s">
        <v>22659</v>
      </c>
      <c r="C11354" t="s">
        <v>22660</v>
      </c>
    </row>
    <row r="11355" spans="1:3" x14ac:dyDescent="0.15">
      <c r="A11355">
        <v>13654</v>
      </c>
      <c r="B11355" t="s">
        <v>22661</v>
      </c>
      <c r="C11355" t="s">
        <v>22662</v>
      </c>
    </row>
    <row r="11356" spans="1:3" x14ac:dyDescent="0.15">
      <c r="A11356">
        <v>13653</v>
      </c>
      <c r="B11356" t="s">
        <v>22663</v>
      </c>
      <c r="C11356" t="s">
        <v>22664</v>
      </c>
    </row>
    <row r="11357" spans="1:3" x14ac:dyDescent="0.15">
      <c r="A11357">
        <v>13652</v>
      </c>
      <c r="B11357" t="s">
        <v>22665</v>
      </c>
      <c r="C11357" t="s">
        <v>22666</v>
      </c>
    </row>
    <row r="11358" spans="1:3" x14ac:dyDescent="0.15">
      <c r="A11358">
        <v>13651</v>
      </c>
      <c r="B11358" t="s">
        <v>22667</v>
      </c>
      <c r="C11358" t="s">
        <v>22668</v>
      </c>
    </row>
    <row r="11359" spans="1:3" x14ac:dyDescent="0.15">
      <c r="A11359">
        <v>13650</v>
      </c>
      <c r="B11359" t="s">
        <v>22669</v>
      </c>
      <c r="C11359" t="s">
        <v>22670</v>
      </c>
    </row>
    <row r="11360" spans="1:3" x14ac:dyDescent="0.15">
      <c r="A11360">
        <v>13649</v>
      </c>
      <c r="B11360" t="s">
        <v>22671</v>
      </c>
      <c r="C11360" t="s">
        <v>22672</v>
      </c>
    </row>
    <row r="11361" spans="1:3" x14ac:dyDescent="0.15">
      <c r="A11361">
        <v>13648</v>
      </c>
      <c r="B11361" t="s">
        <v>22673</v>
      </c>
      <c r="C11361" t="s">
        <v>22674</v>
      </c>
    </row>
    <row r="11362" spans="1:3" x14ac:dyDescent="0.15">
      <c r="A11362">
        <v>13647</v>
      </c>
      <c r="B11362" t="s">
        <v>22675</v>
      </c>
      <c r="C11362" t="s">
        <v>22676</v>
      </c>
    </row>
    <row r="11363" spans="1:3" x14ac:dyDescent="0.15">
      <c r="A11363">
        <v>13646</v>
      </c>
      <c r="B11363" t="s">
        <v>22677</v>
      </c>
      <c r="C11363" t="s">
        <v>22678</v>
      </c>
    </row>
    <row r="11364" spans="1:3" x14ac:dyDescent="0.15">
      <c r="A11364">
        <v>13645</v>
      </c>
      <c r="B11364" t="s">
        <v>22679</v>
      </c>
      <c r="C11364" t="s">
        <v>22680</v>
      </c>
    </row>
    <row r="11365" spans="1:3" x14ac:dyDescent="0.15">
      <c r="A11365">
        <v>13644</v>
      </c>
      <c r="B11365" t="s">
        <v>22681</v>
      </c>
      <c r="C11365" t="s">
        <v>22682</v>
      </c>
    </row>
    <row r="11366" spans="1:3" x14ac:dyDescent="0.15">
      <c r="A11366">
        <v>13643</v>
      </c>
      <c r="B11366" t="s">
        <v>22683</v>
      </c>
      <c r="C11366" t="s">
        <v>22684</v>
      </c>
    </row>
    <row r="11367" spans="1:3" x14ac:dyDescent="0.15">
      <c r="A11367">
        <v>13642</v>
      </c>
      <c r="B11367" t="s">
        <v>22685</v>
      </c>
      <c r="C11367" t="s">
        <v>22686</v>
      </c>
    </row>
    <row r="11368" spans="1:3" x14ac:dyDescent="0.15">
      <c r="A11368">
        <v>13641</v>
      </c>
      <c r="B11368" t="s">
        <v>22687</v>
      </c>
      <c r="C11368" t="s">
        <v>22688</v>
      </c>
    </row>
    <row r="11369" spans="1:3" x14ac:dyDescent="0.15">
      <c r="A11369">
        <v>13640</v>
      </c>
      <c r="B11369" t="s">
        <v>22689</v>
      </c>
      <c r="C11369" t="s">
        <v>22690</v>
      </c>
    </row>
    <row r="11370" spans="1:3" x14ac:dyDescent="0.15">
      <c r="A11370">
        <v>13639</v>
      </c>
      <c r="B11370" t="s">
        <v>22691</v>
      </c>
      <c r="C11370" t="s">
        <v>22692</v>
      </c>
    </row>
    <row r="11371" spans="1:3" x14ac:dyDescent="0.15">
      <c r="A11371">
        <v>13638</v>
      </c>
      <c r="B11371" t="s">
        <v>22693</v>
      </c>
      <c r="C11371" t="s">
        <v>22694</v>
      </c>
    </row>
    <row r="11372" spans="1:3" x14ac:dyDescent="0.15">
      <c r="A11372">
        <v>13637</v>
      </c>
      <c r="B11372" t="s">
        <v>22695</v>
      </c>
      <c r="C11372" t="s">
        <v>22696</v>
      </c>
    </row>
    <row r="11373" spans="1:3" x14ac:dyDescent="0.15">
      <c r="A11373">
        <v>13636</v>
      </c>
      <c r="B11373" t="s">
        <v>22697</v>
      </c>
      <c r="C11373" t="s">
        <v>22698</v>
      </c>
    </row>
    <row r="11374" spans="1:3" x14ac:dyDescent="0.15">
      <c r="A11374">
        <v>13635</v>
      </c>
      <c r="B11374" t="s">
        <v>22699</v>
      </c>
      <c r="C11374" t="s">
        <v>22700</v>
      </c>
    </row>
    <row r="11375" spans="1:3" x14ac:dyDescent="0.15">
      <c r="A11375">
        <v>13634</v>
      </c>
      <c r="B11375" t="s">
        <v>22701</v>
      </c>
      <c r="C11375" t="s">
        <v>22702</v>
      </c>
    </row>
    <row r="11376" spans="1:3" x14ac:dyDescent="0.15">
      <c r="A11376">
        <v>13633</v>
      </c>
      <c r="B11376" t="s">
        <v>22703</v>
      </c>
      <c r="C11376" t="s">
        <v>22704</v>
      </c>
    </row>
    <row r="11377" spans="1:3" x14ac:dyDescent="0.15">
      <c r="A11377">
        <v>13632</v>
      </c>
      <c r="B11377" t="s">
        <v>22705</v>
      </c>
      <c r="C11377" t="s">
        <v>22706</v>
      </c>
    </row>
    <row r="11378" spans="1:3" x14ac:dyDescent="0.15">
      <c r="A11378">
        <v>13631</v>
      </c>
      <c r="B11378" t="s">
        <v>22707</v>
      </c>
      <c r="C11378" t="s">
        <v>22708</v>
      </c>
    </row>
    <row r="11379" spans="1:3" x14ac:dyDescent="0.15">
      <c r="A11379">
        <v>13630</v>
      </c>
      <c r="B11379" t="s">
        <v>22709</v>
      </c>
      <c r="C11379" t="s">
        <v>22710</v>
      </c>
    </row>
    <row r="11380" spans="1:3" x14ac:dyDescent="0.15">
      <c r="A11380">
        <v>13629</v>
      </c>
      <c r="B11380" t="s">
        <v>22711</v>
      </c>
      <c r="C11380" t="s">
        <v>22712</v>
      </c>
    </row>
    <row r="11381" spans="1:3" x14ac:dyDescent="0.15">
      <c r="A11381">
        <v>13628</v>
      </c>
      <c r="B11381" t="s">
        <v>22713</v>
      </c>
      <c r="C11381" t="s">
        <v>22714</v>
      </c>
    </row>
    <row r="11382" spans="1:3" x14ac:dyDescent="0.15">
      <c r="A11382">
        <v>13627</v>
      </c>
      <c r="B11382" t="s">
        <v>22715</v>
      </c>
      <c r="C11382" t="s">
        <v>22716</v>
      </c>
    </row>
    <row r="11383" spans="1:3" x14ac:dyDescent="0.15">
      <c r="A11383">
        <v>13626</v>
      </c>
      <c r="B11383" t="s">
        <v>22717</v>
      </c>
      <c r="C11383" t="s">
        <v>22718</v>
      </c>
    </row>
    <row r="11384" spans="1:3" x14ac:dyDescent="0.15">
      <c r="A11384">
        <v>13625</v>
      </c>
      <c r="B11384" t="s">
        <v>22719</v>
      </c>
      <c r="C11384" t="s">
        <v>22720</v>
      </c>
    </row>
    <row r="11385" spans="1:3" x14ac:dyDescent="0.15">
      <c r="A11385">
        <v>13624</v>
      </c>
      <c r="B11385" t="s">
        <v>22721</v>
      </c>
      <c r="C11385" t="s">
        <v>22722</v>
      </c>
    </row>
    <row r="11386" spans="1:3" x14ac:dyDescent="0.15">
      <c r="A11386">
        <v>13623</v>
      </c>
      <c r="B11386" t="s">
        <v>22723</v>
      </c>
      <c r="C11386" t="s">
        <v>22724</v>
      </c>
    </row>
    <row r="11387" spans="1:3" x14ac:dyDescent="0.15">
      <c r="A11387">
        <v>13622</v>
      </c>
      <c r="B11387" t="s">
        <v>22725</v>
      </c>
      <c r="C11387" t="s">
        <v>22726</v>
      </c>
    </row>
    <row r="11388" spans="1:3" x14ac:dyDescent="0.15">
      <c r="A11388">
        <v>13621</v>
      </c>
      <c r="B11388" t="s">
        <v>22727</v>
      </c>
      <c r="C11388" t="s">
        <v>22728</v>
      </c>
    </row>
    <row r="11389" spans="1:3" x14ac:dyDescent="0.15">
      <c r="A11389">
        <v>13620</v>
      </c>
      <c r="B11389" t="s">
        <v>22729</v>
      </c>
      <c r="C11389" t="s">
        <v>22730</v>
      </c>
    </row>
    <row r="11390" spans="1:3" x14ac:dyDescent="0.15">
      <c r="A11390">
        <v>13619</v>
      </c>
      <c r="B11390" t="s">
        <v>22731</v>
      </c>
      <c r="C11390" t="s">
        <v>22732</v>
      </c>
    </row>
    <row r="11391" spans="1:3" x14ac:dyDescent="0.15">
      <c r="A11391">
        <v>13618</v>
      </c>
      <c r="B11391" t="s">
        <v>22733</v>
      </c>
      <c r="C11391" t="s">
        <v>22734</v>
      </c>
    </row>
    <row r="11392" spans="1:3" x14ac:dyDescent="0.15">
      <c r="A11392">
        <v>13617</v>
      </c>
      <c r="B11392" t="s">
        <v>22735</v>
      </c>
      <c r="C11392" t="s">
        <v>22736</v>
      </c>
    </row>
    <row r="11393" spans="1:3" x14ac:dyDescent="0.15">
      <c r="A11393">
        <v>13616</v>
      </c>
      <c r="B11393" t="s">
        <v>22737</v>
      </c>
      <c r="C11393" t="s">
        <v>22738</v>
      </c>
    </row>
    <row r="11394" spans="1:3" x14ac:dyDescent="0.15">
      <c r="A11394">
        <v>13615</v>
      </c>
      <c r="B11394" t="s">
        <v>22739</v>
      </c>
      <c r="C11394" t="s">
        <v>22740</v>
      </c>
    </row>
    <row r="11395" spans="1:3" x14ac:dyDescent="0.15">
      <c r="A11395">
        <v>13614</v>
      </c>
      <c r="B11395" t="s">
        <v>22741</v>
      </c>
      <c r="C11395" t="s">
        <v>22742</v>
      </c>
    </row>
    <row r="11396" spans="1:3" x14ac:dyDescent="0.15">
      <c r="A11396">
        <v>13613</v>
      </c>
      <c r="B11396" t="s">
        <v>22743</v>
      </c>
      <c r="C11396" t="s">
        <v>22744</v>
      </c>
    </row>
    <row r="11397" spans="1:3" x14ac:dyDescent="0.15">
      <c r="A11397">
        <v>13612</v>
      </c>
      <c r="B11397" t="s">
        <v>22745</v>
      </c>
      <c r="C11397" t="s">
        <v>22746</v>
      </c>
    </row>
    <row r="11398" spans="1:3" x14ac:dyDescent="0.15">
      <c r="A11398">
        <v>13611</v>
      </c>
      <c r="B11398" t="s">
        <v>22747</v>
      </c>
      <c r="C11398" t="s">
        <v>22748</v>
      </c>
    </row>
    <row r="11399" spans="1:3" x14ac:dyDescent="0.15">
      <c r="A11399">
        <v>13610</v>
      </c>
      <c r="B11399" t="s">
        <v>22749</v>
      </c>
      <c r="C11399" t="s">
        <v>22750</v>
      </c>
    </row>
    <row r="11400" spans="1:3" x14ac:dyDescent="0.15">
      <c r="A11400">
        <v>13609</v>
      </c>
      <c r="B11400" t="s">
        <v>22751</v>
      </c>
      <c r="C11400" t="s">
        <v>22752</v>
      </c>
    </row>
    <row r="11401" spans="1:3" x14ac:dyDescent="0.15">
      <c r="A11401">
        <v>13608</v>
      </c>
      <c r="B11401" t="s">
        <v>22753</v>
      </c>
      <c r="C11401" t="s">
        <v>22754</v>
      </c>
    </row>
    <row r="11402" spans="1:3" x14ac:dyDescent="0.15">
      <c r="A11402">
        <v>13607</v>
      </c>
      <c r="B11402" t="s">
        <v>22755</v>
      </c>
      <c r="C11402" t="s">
        <v>22756</v>
      </c>
    </row>
    <row r="11403" spans="1:3" x14ac:dyDescent="0.15">
      <c r="A11403">
        <v>13606</v>
      </c>
      <c r="B11403" t="s">
        <v>22757</v>
      </c>
      <c r="C11403" t="s">
        <v>22758</v>
      </c>
    </row>
    <row r="11404" spans="1:3" x14ac:dyDescent="0.15">
      <c r="A11404">
        <v>13605</v>
      </c>
      <c r="B11404" t="s">
        <v>22759</v>
      </c>
      <c r="C11404" t="s">
        <v>22760</v>
      </c>
    </row>
    <row r="11405" spans="1:3" x14ac:dyDescent="0.15">
      <c r="A11405">
        <v>13604</v>
      </c>
      <c r="B11405" t="s">
        <v>22761</v>
      </c>
      <c r="C11405" t="s">
        <v>22762</v>
      </c>
    </row>
    <row r="11406" spans="1:3" x14ac:dyDescent="0.15">
      <c r="A11406">
        <v>13603</v>
      </c>
      <c r="B11406" t="s">
        <v>22763</v>
      </c>
      <c r="C11406" t="s">
        <v>22764</v>
      </c>
    </row>
    <row r="11407" spans="1:3" x14ac:dyDescent="0.15">
      <c r="A11407">
        <v>13602</v>
      </c>
      <c r="B11407" t="s">
        <v>22765</v>
      </c>
      <c r="C11407" t="s">
        <v>22766</v>
      </c>
    </row>
    <row r="11408" spans="1:3" x14ac:dyDescent="0.15">
      <c r="A11408">
        <v>13601</v>
      </c>
      <c r="B11408" t="s">
        <v>22767</v>
      </c>
      <c r="C11408" t="s">
        <v>22768</v>
      </c>
    </row>
    <row r="11409" spans="1:3" x14ac:dyDescent="0.15">
      <c r="A11409">
        <v>13600</v>
      </c>
      <c r="B11409" t="s">
        <v>22769</v>
      </c>
      <c r="C11409" t="s">
        <v>22770</v>
      </c>
    </row>
    <row r="11410" spans="1:3" x14ac:dyDescent="0.15">
      <c r="A11410">
        <v>13599</v>
      </c>
      <c r="B11410" t="s">
        <v>22771</v>
      </c>
      <c r="C11410" t="s">
        <v>22772</v>
      </c>
    </row>
    <row r="11411" spans="1:3" x14ac:dyDescent="0.15">
      <c r="A11411">
        <v>13598</v>
      </c>
      <c r="B11411" t="s">
        <v>22773</v>
      </c>
      <c r="C11411" t="s">
        <v>22774</v>
      </c>
    </row>
    <row r="11412" spans="1:3" x14ac:dyDescent="0.15">
      <c r="A11412">
        <v>13597</v>
      </c>
      <c r="B11412" t="s">
        <v>22775</v>
      </c>
      <c r="C11412" t="s">
        <v>22776</v>
      </c>
    </row>
    <row r="11413" spans="1:3" x14ac:dyDescent="0.15">
      <c r="A11413">
        <v>13596</v>
      </c>
      <c r="B11413" t="s">
        <v>22777</v>
      </c>
      <c r="C11413" t="s">
        <v>22778</v>
      </c>
    </row>
    <row r="11414" spans="1:3" x14ac:dyDescent="0.15">
      <c r="A11414">
        <v>13595</v>
      </c>
      <c r="B11414" t="s">
        <v>22779</v>
      </c>
      <c r="C11414" t="s">
        <v>22780</v>
      </c>
    </row>
    <row r="11415" spans="1:3" x14ac:dyDescent="0.15">
      <c r="A11415">
        <v>13594</v>
      </c>
      <c r="B11415" t="s">
        <v>22781</v>
      </c>
      <c r="C11415" t="s">
        <v>22782</v>
      </c>
    </row>
    <row r="11416" spans="1:3" x14ac:dyDescent="0.15">
      <c r="A11416">
        <v>13593</v>
      </c>
      <c r="B11416" t="s">
        <v>22783</v>
      </c>
      <c r="C11416" t="s">
        <v>22784</v>
      </c>
    </row>
    <row r="11417" spans="1:3" x14ac:dyDescent="0.15">
      <c r="A11417">
        <v>13592</v>
      </c>
      <c r="B11417" t="s">
        <v>22785</v>
      </c>
      <c r="C11417" t="s">
        <v>22786</v>
      </c>
    </row>
    <row r="11418" spans="1:3" x14ac:dyDescent="0.15">
      <c r="A11418">
        <v>13591</v>
      </c>
      <c r="B11418" t="s">
        <v>22787</v>
      </c>
      <c r="C11418" t="s">
        <v>22788</v>
      </c>
    </row>
    <row r="11419" spans="1:3" x14ac:dyDescent="0.15">
      <c r="A11419">
        <v>13590</v>
      </c>
      <c r="B11419" t="s">
        <v>22789</v>
      </c>
      <c r="C11419" t="s">
        <v>22790</v>
      </c>
    </row>
    <row r="11420" spans="1:3" x14ac:dyDescent="0.15">
      <c r="A11420">
        <v>13589</v>
      </c>
      <c r="B11420" t="s">
        <v>22791</v>
      </c>
      <c r="C11420" t="s">
        <v>22792</v>
      </c>
    </row>
    <row r="11421" spans="1:3" x14ac:dyDescent="0.15">
      <c r="A11421">
        <v>13588</v>
      </c>
      <c r="B11421" t="s">
        <v>22793</v>
      </c>
      <c r="C11421" t="s">
        <v>22794</v>
      </c>
    </row>
    <row r="11422" spans="1:3" x14ac:dyDescent="0.15">
      <c r="A11422">
        <v>13587</v>
      </c>
      <c r="B11422" t="s">
        <v>22795</v>
      </c>
      <c r="C11422" t="s">
        <v>22796</v>
      </c>
    </row>
    <row r="11423" spans="1:3" x14ac:dyDescent="0.15">
      <c r="A11423">
        <v>13586</v>
      </c>
      <c r="B11423" t="s">
        <v>22797</v>
      </c>
      <c r="C11423" t="s">
        <v>22798</v>
      </c>
    </row>
    <row r="11424" spans="1:3" x14ac:dyDescent="0.15">
      <c r="A11424">
        <v>13585</v>
      </c>
      <c r="B11424" t="s">
        <v>22799</v>
      </c>
      <c r="C11424" t="s">
        <v>22800</v>
      </c>
    </row>
    <row r="11425" spans="1:3" x14ac:dyDescent="0.15">
      <c r="A11425">
        <v>13584</v>
      </c>
      <c r="B11425" t="s">
        <v>22801</v>
      </c>
      <c r="C11425" t="s">
        <v>22802</v>
      </c>
    </row>
    <row r="11426" spans="1:3" x14ac:dyDescent="0.15">
      <c r="A11426">
        <v>13583</v>
      </c>
      <c r="B11426" t="s">
        <v>22803</v>
      </c>
      <c r="C11426" t="s">
        <v>22804</v>
      </c>
    </row>
    <row r="11427" spans="1:3" x14ac:dyDescent="0.15">
      <c r="A11427">
        <v>13582</v>
      </c>
      <c r="B11427" t="s">
        <v>22805</v>
      </c>
      <c r="C11427" t="s">
        <v>22806</v>
      </c>
    </row>
    <row r="11428" spans="1:3" x14ac:dyDescent="0.15">
      <c r="A11428">
        <v>13581</v>
      </c>
      <c r="B11428" t="s">
        <v>22807</v>
      </c>
      <c r="C11428" t="s">
        <v>22808</v>
      </c>
    </row>
    <row r="11429" spans="1:3" x14ac:dyDescent="0.15">
      <c r="A11429">
        <v>13580</v>
      </c>
      <c r="B11429" t="s">
        <v>22809</v>
      </c>
      <c r="C11429" t="s">
        <v>22810</v>
      </c>
    </row>
    <row r="11430" spans="1:3" x14ac:dyDescent="0.15">
      <c r="A11430">
        <v>13579</v>
      </c>
      <c r="B11430" t="s">
        <v>22811</v>
      </c>
      <c r="C11430" t="s">
        <v>22812</v>
      </c>
    </row>
    <row r="11431" spans="1:3" x14ac:dyDescent="0.15">
      <c r="A11431">
        <v>13578</v>
      </c>
      <c r="B11431" t="s">
        <v>22813</v>
      </c>
      <c r="C11431" t="s">
        <v>22814</v>
      </c>
    </row>
    <row r="11432" spans="1:3" x14ac:dyDescent="0.15">
      <c r="A11432">
        <v>13577</v>
      </c>
      <c r="B11432" t="s">
        <v>22815</v>
      </c>
      <c r="C11432" t="s">
        <v>22816</v>
      </c>
    </row>
    <row r="11433" spans="1:3" x14ac:dyDescent="0.15">
      <c r="A11433">
        <v>13576</v>
      </c>
      <c r="B11433" t="s">
        <v>22817</v>
      </c>
      <c r="C11433" t="s">
        <v>22818</v>
      </c>
    </row>
    <row r="11434" spans="1:3" x14ac:dyDescent="0.15">
      <c r="A11434">
        <v>13575</v>
      </c>
      <c r="B11434" t="s">
        <v>22819</v>
      </c>
      <c r="C11434" t="s">
        <v>22820</v>
      </c>
    </row>
    <row r="11435" spans="1:3" x14ac:dyDescent="0.15">
      <c r="A11435">
        <v>13574</v>
      </c>
      <c r="B11435" t="s">
        <v>22821</v>
      </c>
      <c r="C11435" t="s">
        <v>22822</v>
      </c>
    </row>
    <row r="11436" spans="1:3" x14ac:dyDescent="0.15">
      <c r="A11436">
        <v>13573</v>
      </c>
      <c r="B11436" t="s">
        <v>22823</v>
      </c>
      <c r="C11436" t="s">
        <v>22824</v>
      </c>
    </row>
    <row r="11437" spans="1:3" x14ac:dyDescent="0.15">
      <c r="A11437">
        <v>13572</v>
      </c>
      <c r="B11437" t="s">
        <v>22825</v>
      </c>
      <c r="C11437" t="s">
        <v>22826</v>
      </c>
    </row>
    <row r="11438" spans="1:3" x14ac:dyDescent="0.15">
      <c r="A11438">
        <v>13571</v>
      </c>
      <c r="B11438" t="s">
        <v>22827</v>
      </c>
      <c r="C11438" t="s">
        <v>22828</v>
      </c>
    </row>
    <row r="11439" spans="1:3" x14ac:dyDescent="0.15">
      <c r="A11439">
        <v>13570</v>
      </c>
      <c r="B11439" t="s">
        <v>22829</v>
      </c>
      <c r="C11439" t="s">
        <v>22830</v>
      </c>
    </row>
    <row r="11440" spans="1:3" x14ac:dyDescent="0.15">
      <c r="A11440">
        <v>13569</v>
      </c>
      <c r="B11440" t="s">
        <v>22831</v>
      </c>
      <c r="C11440" t="s">
        <v>22832</v>
      </c>
    </row>
    <row r="11441" spans="1:3" x14ac:dyDescent="0.15">
      <c r="A11441">
        <v>13568</v>
      </c>
      <c r="B11441" t="s">
        <v>22833</v>
      </c>
      <c r="C11441" t="s">
        <v>22834</v>
      </c>
    </row>
    <row r="11442" spans="1:3" x14ac:dyDescent="0.15">
      <c r="A11442">
        <v>13567</v>
      </c>
      <c r="B11442" t="s">
        <v>22835</v>
      </c>
      <c r="C11442" t="s">
        <v>22836</v>
      </c>
    </row>
    <row r="11443" spans="1:3" x14ac:dyDescent="0.15">
      <c r="A11443">
        <v>13566</v>
      </c>
      <c r="B11443" t="s">
        <v>22837</v>
      </c>
      <c r="C11443" t="s">
        <v>22838</v>
      </c>
    </row>
    <row r="11444" spans="1:3" x14ac:dyDescent="0.15">
      <c r="A11444">
        <v>13565</v>
      </c>
      <c r="B11444" t="s">
        <v>22839</v>
      </c>
      <c r="C11444" t="s">
        <v>22840</v>
      </c>
    </row>
    <row r="11445" spans="1:3" x14ac:dyDescent="0.15">
      <c r="A11445">
        <v>13564</v>
      </c>
      <c r="B11445" t="s">
        <v>22841</v>
      </c>
      <c r="C11445" t="s">
        <v>22842</v>
      </c>
    </row>
    <row r="11446" spans="1:3" x14ac:dyDescent="0.15">
      <c r="A11446">
        <v>13563</v>
      </c>
      <c r="B11446" t="s">
        <v>22843</v>
      </c>
      <c r="C11446" t="s">
        <v>22844</v>
      </c>
    </row>
    <row r="11447" spans="1:3" x14ac:dyDescent="0.15">
      <c r="A11447">
        <v>13562</v>
      </c>
      <c r="B11447" t="s">
        <v>22845</v>
      </c>
      <c r="C11447" t="s">
        <v>22846</v>
      </c>
    </row>
    <row r="11448" spans="1:3" x14ac:dyDescent="0.15">
      <c r="A11448">
        <v>13561</v>
      </c>
      <c r="B11448" t="s">
        <v>22847</v>
      </c>
      <c r="C11448" t="s">
        <v>22848</v>
      </c>
    </row>
    <row r="11449" spans="1:3" x14ac:dyDescent="0.15">
      <c r="A11449">
        <v>13560</v>
      </c>
      <c r="B11449" t="s">
        <v>22849</v>
      </c>
      <c r="C11449" t="s">
        <v>22850</v>
      </c>
    </row>
    <row r="11450" spans="1:3" x14ac:dyDescent="0.15">
      <c r="A11450">
        <v>13559</v>
      </c>
      <c r="B11450" t="s">
        <v>22851</v>
      </c>
      <c r="C11450" t="s">
        <v>22852</v>
      </c>
    </row>
    <row r="11451" spans="1:3" x14ac:dyDescent="0.15">
      <c r="A11451">
        <v>13558</v>
      </c>
      <c r="B11451" t="s">
        <v>22853</v>
      </c>
      <c r="C11451" t="s">
        <v>22854</v>
      </c>
    </row>
    <row r="11452" spans="1:3" x14ac:dyDescent="0.15">
      <c r="A11452">
        <v>13557</v>
      </c>
      <c r="B11452" t="s">
        <v>22855</v>
      </c>
      <c r="C11452" t="s">
        <v>22856</v>
      </c>
    </row>
    <row r="11453" spans="1:3" x14ac:dyDescent="0.15">
      <c r="A11453">
        <v>13556</v>
      </c>
      <c r="B11453" t="s">
        <v>22857</v>
      </c>
      <c r="C11453" t="s">
        <v>22858</v>
      </c>
    </row>
    <row r="11454" spans="1:3" x14ac:dyDescent="0.15">
      <c r="A11454">
        <v>13555</v>
      </c>
      <c r="B11454" t="s">
        <v>22859</v>
      </c>
      <c r="C11454" t="s">
        <v>22860</v>
      </c>
    </row>
    <row r="11455" spans="1:3" x14ac:dyDescent="0.15">
      <c r="A11455">
        <v>13554</v>
      </c>
      <c r="B11455" t="s">
        <v>22861</v>
      </c>
      <c r="C11455" t="s">
        <v>22862</v>
      </c>
    </row>
    <row r="11456" spans="1:3" x14ac:dyDescent="0.15">
      <c r="A11456">
        <v>13553</v>
      </c>
      <c r="B11456" t="s">
        <v>22863</v>
      </c>
      <c r="C11456" t="s">
        <v>22864</v>
      </c>
    </row>
    <row r="11457" spans="1:3" x14ac:dyDescent="0.15">
      <c r="A11457">
        <v>13552</v>
      </c>
      <c r="B11457" t="s">
        <v>22865</v>
      </c>
      <c r="C11457" t="s">
        <v>22866</v>
      </c>
    </row>
    <row r="11458" spans="1:3" x14ac:dyDescent="0.15">
      <c r="A11458">
        <v>13551</v>
      </c>
      <c r="B11458" t="s">
        <v>22867</v>
      </c>
      <c r="C11458" t="s">
        <v>22868</v>
      </c>
    </row>
    <row r="11459" spans="1:3" x14ac:dyDescent="0.15">
      <c r="A11459">
        <v>13550</v>
      </c>
      <c r="B11459" t="s">
        <v>22869</v>
      </c>
      <c r="C11459" t="s">
        <v>22870</v>
      </c>
    </row>
    <row r="11460" spans="1:3" x14ac:dyDescent="0.15">
      <c r="A11460">
        <v>13549</v>
      </c>
      <c r="B11460" t="s">
        <v>22871</v>
      </c>
      <c r="C11460" t="s">
        <v>22872</v>
      </c>
    </row>
    <row r="11461" spans="1:3" x14ac:dyDescent="0.15">
      <c r="A11461">
        <v>13548</v>
      </c>
      <c r="B11461" t="s">
        <v>22873</v>
      </c>
      <c r="C11461" t="s">
        <v>22874</v>
      </c>
    </row>
    <row r="11462" spans="1:3" x14ac:dyDescent="0.15">
      <c r="A11462">
        <v>13547</v>
      </c>
      <c r="B11462" t="s">
        <v>22875</v>
      </c>
      <c r="C11462" t="s">
        <v>22876</v>
      </c>
    </row>
    <row r="11463" spans="1:3" x14ac:dyDescent="0.15">
      <c r="A11463">
        <v>13546</v>
      </c>
      <c r="B11463" t="s">
        <v>22877</v>
      </c>
      <c r="C11463" t="s">
        <v>22878</v>
      </c>
    </row>
    <row r="11464" spans="1:3" x14ac:dyDescent="0.15">
      <c r="A11464">
        <v>13545</v>
      </c>
      <c r="B11464" t="s">
        <v>22879</v>
      </c>
      <c r="C11464" t="s">
        <v>22880</v>
      </c>
    </row>
    <row r="11465" spans="1:3" x14ac:dyDescent="0.15">
      <c r="A11465">
        <v>13544</v>
      </c>
      <c r="B11465" t="s">
        <v>22881</v>
      </c>
      <c r="C11465" t="s">
        <v>22882</v>
      </c>
    </row>
    <row r="11466" spans="1:3" x14ac:dyDescent="0.15">
      <c r="A11466">
        <v>13543</v>
      </c>
      <c r="B11466" t="s">
        <v>22883</v>
      </c>
      <c r="C11466" t="s">
        <v>22884</v>
      </c>
    </row>
    <row r="11467" spans="1:3" x14ac:dyDescent="0.15">
      <c r="A11467">
        <v>13542</v>
      </c>
      <c r="B11467" t="s">
        <v>22885</v>
      </c>
      <c r="C11467" t="s">
        <v>22886</v>
      </c>
    </row>
    <row r="11468" spans="1:3" x14ac:dyDescent="0.15">
      <c r="A11468">
        <v>13541</v>
      </c>
      <c r="B11468" t="s">
        <v>22887</v>
      </c>
      <c r="C11468" t="s">
        <v>22888</v>
      </c>
    </row>
    <row r="11469" spans="1:3" x14ac:dyDescent="0.15">
      <c r="A11469">
        <v>13540</v>
      </c>
      <c r="B11469" t="s">
        <v>22889</v>
      </c>
      <c r="C11469" t="s">
        <v>22890</v>
      </c>
    </row>
    <row r="11470" spans="1:3" x14ac:dyDescent="0.15">
      <c r="A11470">
        <v>13539</v>
      </c>
      <c r="B11470" t="s">
        <v>22891</v>
      </c>
      <c r="C11470" t="s">
        <v>22892</v>
      </c>
    </row>
    <row r="11471" spans="1:3" x14ac:dyDescent="0.15">
      <c r="A11471">
        <v>13538</v>
      </c>
      <c r="B11471" t="s">
        <v>22893</v>
      </c>
      <c r="C11471" t="s">
        <v>22894</v>
      </c>
    </row>
    <row r="11472" spans="1:3" x14ac:dyDescent="0.15">
      <c r="A11472">
        <v>13537</v>
      </c>
      <c r="B11472" t="s">
        <v>22895</v>
      </c>
      <c r="C11472" t="s">
        <v>22896</v>
      </c>
    </row>
    <row r="11473" spans="1:3" x14ac:dyDescent="0.15">
      <c r="A11473">
        <v>13536</v>
      </c>
      <c r="B11473" t="s">
        <v>22897</v>
      </c>
      <c r="C11473" t="s">
        <v>22898</v>
      </c>
    </row>
    <row r="11474" spans="1:3" x14ac:dyDescent="0.15">
      <c r="A11474">
        <v>13535</v>
      </c>
      <c r="B11474" t="s">
        <v>22899</v>
      </c>
      <c r="C11474" t="s">
        <v>22900</v>
      </c>
    </row>
    <row r="11475" spans="1:3" x14ac:dyDescent="0.15">
      <c r="A11475">
        <v>13534</v>
      </c>
      <c r="B11475" t="s">
        <v>22901</v>
      </c>
      <c r="C11475" t="s">
        <v>22902</v>
      </c>
    </row>
    <row r="11476" spans="1:3" x14ac:dyDescent="0.15">
      <c r="A11476">
        <v>13533</v>
      </c>
      <c r="B11476" t="s">
        <v>22903</v>
      </c>
      <c r="C11476" t="s">
        <v>22904</v>
      </c>
    </row>
    <row r="11477" spans="1:3" x14ac:dyDescent="0.15">
      <c r="A11477">
        <v>13532</v>
      </c>
      <c r="B11477" t="s">
        <v>22905</v>
      </c>
      <c r="C11477" t="s">
        <v>22906</v>
      </c>
    </row>
    <row r="11478" spans="1:3" x14ac:dyDescent="0.15">
      <c r="A11478">
        <v>13531</v>
      </c>
      <c r="B11478" t="s">
        <v>22907</v>
      </c>
      <c r="C11478" t="s">
        <v>22908</v>
      </c>
    </row>
    <row r="11479" spans="1:3" x14ac:dyDescent="0.15">
      <c r="A11479">
        <v>13530</v>
      </c>
      <c r="B11479" t="s">
        <v>22909</v>
      </c>
      <c r="C11479" t="s">
        <v>22910</v>
      </c>
    </row>
    <row r="11480" spans="1:3" x14ac:dyDescent="0.15">
      <c r="A11480">
        <v>13529</v>
      </c>
      <c r="B11480" t="s">
        <v>22911</v>
      </c>
      <c r="C11480" t="s">
        <v>22912</v>
      </c>
    </row>
    <row r="11481" spans="1:3" x14ac:dyDescent="0.15">
      <c r="A11481">
        <v>13528</v>
      </c>
      <c r="B11481" t="s">
        <v>22913</v>
      </c>
      <c r="C11481" t="s">
        <v>22914</v>
      </c>
    </row>
    <row r="11482" spans="1:3" x14ac:dyDescent="0.15">
      <c r="A11482">
        <v>13527</v>
      </c>
      <c r="B11482" t="s">
        <v>22915</v>
      </c>
      <c r="C11482" t="s">
        <v>22916</v>
      </c>
    </row>
    <row r="11483" spans="1:3" x14ac:dyDescent="0.15">
      <c r="A11483">
        <v>13526</v>
      </c>
      <c r="B11483" t="s">
        <v>22917</v>
      </c>
      <c r="C11483" t="s">
        <v>22918</v>
      </c>
    </row>
    <row r="11484" spans="1:3" x14ac:dyDescent="0.15">
      <c r="A11484">
        <v>13525</v>
      </c>
      <c r="B11484" t="s">
        <v>22919</v>
      </c>
      <c r="C11484" t="s">
        <v>22920</v>
      </c>
    </row>
    <row r="11485" spans="1:3" x14ac:dyDescent="0.15">
      <c r="A11485">
        <v>13524</v>
      </c>
      <c r="B11485" t="s">
        <v>22921</v>
      </c>
      <c r="C11485" t="s">
        <v>22922</v>
      </c>
    </row>
    <row r="11486" spans="1:3" x14ac:dyDescent="0.15">
      <c r="A11486">
        <v>13523</v>
      </c>
      <c r="B11486" t="s">
        <v>22923</v>
      </c>
      <c r="C11486" t="s">
        <v>22924</v>
      </c>
    </row>
    <row r="11487" spans="1:3" x14ac:dyDescent="0.15">
      <c r="A11487">
        <v>13522</v>
      </c>
      <c r="B11487" t="s">
        <v>22925</v>
      </c>
      <c r="C11487" t="s">
        <v>22926</v>
      </c>
    </row>
    <row r="11488" spans="1:3" x14ac:dyDescent="0.15">
      <c r="A11488">
        <v>13521</v>
      </c>
      <c r="B11488" t="s">
        <v>22927</v>
      </c>
      <c r="C11488" t="s">
        <v>22928</v>
      </c>
    </row>
    <row r="11489" spans="1:3" x14ac:dyDescent="0.15">
      <c r="A11489">
        <v>13520</v>
      </c>
      <c r="B11489" t="s">
        <v>22929</v>
      </c>
      <c r="C11489" t="s">
        <v>22930</v>
      </c>
    </row>
    <row r="11490" spans="1:3" x14ac:dyDescent="0.15">
      <c r="A11490">
        <v>13519</v>
      </c>
      <c r="B11490" t="s">
        <v>22931</v>
      </c>
      <c r="C11490" t="s">
        <v>22932</v>
      </c>
    </row>
    <row r="11491" spans="1:3" x14ac:dyDescent="0.15">
      <c r="A11491">
        <v>13518</v>
      </c>
      <c r="B11491" t="s">
        <v>22933</v>
      </c>
      <c r="C11491" t="s">
        <v>22934</v>
      </c>
    </row>
    <row r="11492" spans="1:3" x14ac:dyDescent="0.15">
      <c r="A11492">
        <v>13517</v>
      </c>
      <c r="B11492" t="s">
        <v>22935</v>
      </c>
      <c r="C11492" t="s">
        <v>22936</v>
      </c>
    </row>
    <row r="11493" spans="1:3" x14ac:dyDescent="0.15">
      <c r="A11493">
        <v>13516</v>
      </c>
      <c r="B11493" t="s">
        <v>22937</v>
      </c>
      <c r="C11493" t="s">
        <v>22938</v>
      </c>
    </row>
    <row r="11494" spans="1:3" x14ac:dyDescent="0.15">
      <c r="A11494">
        <v>13515</v>
      </c>
      <c r="B11494" t="s">
        <v>22939</v>
      </c>
      <c r="C11494" t="s">
        <v>22940</v>
      </c>
    </row>
    <row r="11495" spans="1:3" x14ac:dyDescent="0.15">
      <c r="A11495">
        <v>13514</v>
      </c>
      <c r="B11495" t="s">
        <v>22941</v>
      </c>
      <c r="C11495" t="s">
        <v>22942</v>
      </c>
    </row>
    <row r="11496" spans="1:3" x14ac:dyDescent="0.15">
      <c r="A11496">
        <v>13513</v>
      </c>
      <c r="B11496" t="s">
        <v>22943</v>
      </c>
      <c r="C11496" t="s">
        <v>22944</v>
      </c>
    </row>
    <row r="11497" spans="1:3" x14ac:dyDescent="0.15">
      <c r="A11497">
        <v>13512</v>
      </c>
      <c r="B11497" t="s">
        <v>22945</v>
      </c>
      <c r="C11497" t="s">
        <v>22946</v>
      </c>
    </row>
    <row r="11498" spans="1:3" x14ac:dyDescent="0.15">
      <c r="A11498">
        <v>13511</v>
      </c>
      <c r="B11498" t="s">
        <v>22947</v>
      </c>
      <c r="C11498" t="s">
        <v>22948</v>
      </c>
    </row>
    <row r="11499" spans="1:3" x14ac:dyDescent="0.15">
      <c r="A11499">
        <v>13510</v>
      </c>
      <c r="B11499" t="s">
        <v>22949</v>
      </c>
      <c r="C11499" t="s">
        <v>22950</v>
      </c>
    </row>
    <row r="11500" spans="1:3" x14ac:dyDescent="0.15">
      <c r="A11500">
        <v>13509</v>
      </c>
      <c r="B11500" t="s">
        <v>22951</v>
      </c>
      <c r="C11500" t="s">
        <v>22952</v>
      </c>
    </row>
    <row r="11501" spans="1:3" x14ac:dyDescent="0.15">
      <c r="A11501">
        <v>13508</v>
      </c>
      <c r="B11501" t="s">
        <v>22953</v>
      </c>
      <c r="C11501" t="s">
        <v>22954</v>
      </c>
    </row>
    <row r="11502" spans="1:3" x14ac:dyDescent="0.15">
      <c r="A11502">
        <v>13507</v>
      </c>
      <c r="B11502" t="s">
        <v>22955</v>
      </c>
      <c r="C11502" t="s">
        <v>22956</v>
      </c>
    </row>
    <row r="11503" spans="1:3" x14ac:dyDescent="0.15">
      <c r="A11503">
        <v>13506</v>
      </c>
      <c r="B11503" t="s">
        <v>22957</v>
      </c>
      <c r="C11503" t="s">
        <v>22958</v>
      </c>
    </row>
    <row r="11504" spans="1:3" x14ac:dyDescent="0.15">
      <c r="A11504">
        <v>13505</v>
      </c>
      <c r="B11504" t="s">
        <v>22959</v>
      </c>
      <c r="C11504" t="s">
        <v>22960</v>
      </c>
    </row>
    <row r="11505" spans="1:3" x14ac:dyDescent="0.15">
      <c r="A11505">
        <v>13504</v>
      </c>
      <c r="B11505" t="s">
        <v>22961</v>
      </c>
      <c r="C11505" t="s">
        <v>22962</v>
      </c>
    </row>
    <row r="11506" spans="1:3" x14ac:dyDescent="0.15">
      <c r="A11506">
        <v>13503</v>
      </c>
      <c r="B11506" t="s">
        <v>22963</v>
      </c>
      <c r="C11506" t="s">
        <v>22964</v>
      </c>
    </row>
    <row r="11507" spans="1:3" x14ac:dyDescent="0.15">
      <c r="A11507">
        <v>13502</v>
      </c>
      <c r="B11507" t="s">
        <v>22965</v>
      </c>
      <c r="C11507" t="s">
        <v>22966</v>
      </c>
    </row>
    <row r="11508" spans="1:3" x14ac:dyDescent="0.15">
      <c r="A11508">
        <v>13501</v>
      </c>
      <c r="B11508" t="s">
        <v>22967</v>
      </c>
      <c r="C11508" t="s">
        <v>22968</v>
      </c>
    </row>
    <row r="11509" spans="1:3" x14ac:dyDescent="0.15">
      <c r="A11509">
        <v>13500</v>
      </c>
      <c r="B11509" t="s">
        <v>22969</v>
      </c>
      <c r="C11509" t="s">
        <v>22970</v>
      </c>
    </row>
    <row r="11510" spans="1:3" x14ac:dyDescent="0.15">
      <c r="A11510">
        <v>13499</v>
      </c>
      <c r="B11510" t="s">
        <v>22971</v>
      </c>
      <c r="C11510" t="s">
        <v>22972</v>
      </c>
    </row>
    <row r="11511" spans="1:3" x14ac:dyDescent="0.15">
      <c r="A11511">
        <v>13498</v>
      </c>
      <c r="B11511" t="s">
        <v>22973</v>
      </c>
      <c r="C11511" t="s">
        <v>22974</v>
      </c>
    </row>
    <row r="11512" spans="1:3" x14ac:dyDescent="0.15">
      <c r="A11512">
        <v>13497</v>
      </c>
      <c r="B11512" t="s">
        <v>22975</v>
      </c>
      <c r="C11512" t="s">
        <v>22976</v>
      </c>
    </row>
    <row r="11513" spans="1:3" x14ac:dyDescent="0.15">
      <c r="A11513">
        <v>13496</v>
      </c>
      <c r="B11513" t="s">
        <v>22977</v>
      </c>
      <c r="C11513" t="s">
        <v>22978</v>
      </c>
    </row>
    <row r="11514" spans="1:3" x14ac:dyDescent="0.15">
      <c r="A11514">
        <v>13495</v>
      </c>
      <c r="B11514" t="s">
        <v>22979</v>
      </c>
      <c r="C11514" t="s">
        <v>22980</v>
      </c>
    </row>
    <row r="11515" spans="1:3" x14ac:dyDescent="0.15">
      <c r="A11515">
        <v>13494</v>
      </c>
      <c r="B11515" t="s">
        <v>22981</v>
      </c>
      <c r="C11515" t="s">
        <v>22982</v>
      </c>
    </row>
    <row r="11516" spans="1:3" x14ac:dyDescent="0.15">
      <c r="A11516">
        <v>13493</v>
      </c>
      <c r="B11516" t="s">
        <v>22983</v>
      </c>
      <c r="C11516" t="s">
        <v>22984</v>
      </c>
    </row>
    <row r="11517" spans="1:3" x14ac:dyDescent="0.15">
      <c r="A11517">
        <v>13492</v>
      </c>
      <c r="B11517" t="s">
        <v>22985</v>
      </c>
      <c r="C11517" t="s">
        <v>22986</v>
      </c>
    </row>
    <row r="11518" spans="1:3" x14ac:dyDescent="0.15">
      <c r="A11518">
        <v>13491</v>
      </c>
      <c r="B11518" t="s">
        <v>22987</v>
      </c>
      <c r="C11518" t="s">
        <v>22988</v>
      </c>
    </row>
    <row r="11519" spans="1:3" x14ac:dyDescent="0.15">
      <c r="A11519">
        <v>13490</v>
      </c>
      <c r="B11519" t="s">
        <v>22989</v>
      </c>
      <c r="C11519" t="s">
        <v>22990</v>
      </c>
    </row>
    <row r="11520" spans="1:3" x14ac:dyDescent="0.15">
      <c r="A11520">
        <v>13489</v>
      </c>
      <c r="B11520" t="s">
        <v>22991</v>
      </c>
      <c r="C11520" t="s">
        <v>22992</v>
      </c>
    </row>
    <row r="11521" spans="1:3" x14ac:dyDescent="0.15">
      <c r="A11521">
        <v>13488</v>
      </c>
      <c r="B11521" t="s">
        <v>22993</v>
      </c>
      <c r="C11521" t="s">
        <v>22994</v>
      </c>
    </row>
    <row r="11522" spans="1:3" x14ac:dyDescent="0.15">
      <c r="A11522">
        <v>13487</v>
      </c>
      <c r="B11522" t="s">
        <v>22995</v>
      </c>
      <c r="C11522" t="s">
        <v>22996</v>
      </c>
    </row>
    <row r="11523" spans="1:3" x14ac:dyDescent="0.15">
      <c r="A11523">
        <v>13486</v>
      </c>
      <c r="B11523" t="s">
        <v>22997</v>
      </c>
      <c r="C11523" t="s">
        <v>22998</v>
      </c>
    </row>
    <row r="11524" spans="1:3" x14ac:dyDescent="0.15">
      <c r="A11524">
        <v>13485</v>
      </c>
      <c r="B11524" t="s">
        <v>22999</v>
      </c>
      <c r="C11524" t="s">
        <v>23000</v>
      </c>
    </row>
    <row r="11525" spans="1:3" x14ac:dyDescent="0.15">
      <c r="A11525">
        <v>13484</v>
      </c>
      <c r="B11525" t="s">
        <v>23001</v>
      </c>
      <c r="C11525" t="s">
        <v>23002</v>
      </c>
    </row>
    <row r="11526" spans="1:3" x14ac:dyDescent="0.15">
      <c r="A11526">
        <v>13483</v>
      </c>
      <c r="B11526" t="s">
        <v>23003</v>
      </c>
      <c r="C11526" t="s">
        <v>23004</v>
      </c>
    </row>
    <row r="11527" spans="1:3" x14ac:dyDescent="0.15">
      <c r="A11527">
        <v>13482</v>
      </c>
      <c r="B11527" t="s">
        <v>23005</v>
      </c>
      <c r="C11527" t="s">
        <v>23006</v>
      </c>
    </row>
    <row r="11528" spans="1:3" x14ac:dyDescent="0.15">
      <c r="A11528">
        <v>13481</v>
      </c>
      <c r="B11528" t="s">
        <v>23007</v>
      </c>
      <c r="C11528" t="s">
        <v>23008</v>
      </c>
    </row>
    <row r="11529" spans="1:3" x14ac:dyDescent="0.15">
      <c r="A11529">
        <v>13480</v>
      </c>
      <c r="B11529" t="s">
        <v>23009</v>
      </c>
      <c r="C11529" t="s">
        <v>23010</v>
      </c>
    </row>
    <row r="11530" spans="1:3" x14ac:dyDescent="0.15">
      <c r="A11530">
        <v>13479</v>
      </c>
      <c r="B11530" t="s">
        <v>23011</v>
      </c>
      <c r="C11530" t="s">
        <v>23012</v>
      </c>
    </row>
    <row r="11531" spans="1:3" x14ac:dyDescent="0.15">
      <c r="A11531">
        <v>13478</v>
      </c>
      <c r="B11531" t="s">
        <v>23013</v>
      </c>
      <c r="C11531" t="s">
        <v>23014</v>
      </c>
    </row>
    <row r="11532" spans="1:3" x14ac:dyDescent="0.15">
      <c r="A11532">
        <v>13477</v>
      </c>
      <c r="B11532" t="s">
        <v>23015</v>
      </c>
      <c r="C11532" t="s">
        <v>23016</v>
      </c>
    </row>
    <row r="11533" spans="1:3" x14ac:dyDescent="0.15">
      <c r="A11533">
        <v>13476</v>
      </c>
      <c r="B11533" t="s">
        <v>23017</v>
      </c>
      <c r="C11533" t="s">
        <v>23018</v>
      </c>
    </row>
    <row r="11534" spans="1:3" x14ac:dyDescent="0.15">
      <c r="A11534">
        <v>13475</v>
      </c>
      <c r="B11534" t="s">
        <v>23019</v>
      </c>
      <c r="C11534" t="s">
        <v>23020</v>
      </c>
    </row>
    <row r="11535" spans="1:3" x14ac:dyDescent="0.15">
      <c r="A11535">
        <v>13474</v>
      </c>
      <c r="B11535" t="s">
        <v>23021</v>
      </c>
      <c r="C11535" t="s">
        <v>23022</v>
      </c>
    </row>
    <row r="11536" spans="1:3" x14ac:dyDescent="0.15">
      <c r="A11536">
        <v>13473</v>
      </c>
      <c r="B11536" t="s">
        <v>23023</v>
      </c>
      <c r="C11536" t="s">
        <v>23024</v>
      </c>
    </row>
    <row r="11537" spans="1:3" x14ac:dyDescent="0.15">
      <c r="A11537">
        <v>13472</v>
      </c>
      <c r="B11537" t="s">
        <v>23025</v>
      </c>
      <c r="C11537" t="s">
        <v>23026</v>
      </c>
    </row>
    <row r="11538" spans="1:3" x14ac:dyDescent="0.15">
      <c r="A11538">
        <v>13471</v>
      </c>
      <c r="B11538" t="s">
        <v>23027</v>
      </c>
      <c r="C11538" t="s">
        <v>23028</v>
      </c>
    </row>
    <row r="11539" spans="1:3" x14ac:dyDescent="0.15">
      <c r="A11539">
        <v>13470</v>
      </c>
      <c r="B11539" t="s">
        <v>23029</v>
      </c>
      <c r="C11539" t="s">
        <v>23030</v>
      </c>
    </row>
    <row r="11540" spans="1:3" x14ac:dyDescent="0.15">
      <c r="A11540">
        <v>13469</v>
      </c>
      <c r="B11540" t="s">
        <v>23031</v>
      </c>
      <c r="C11540" t="s">
        <v>23032</v>
      </c>
    </row>
    <row r="11541" spans="1:3" x14ac:dyDescent="0.15">
      <c r="A11541">
        <v>13468</v>
      </c>
      <c r="B11541" t="s">
        <v>23033</v>
      </c>
      <c r="C11541" t="s">
        <v>23034</v>
      </c>
    </row>
    <row r="11542" spans="1:3" x14ac:dyDescent="0.15">
      <c r="A11542">
        <v>13467</v>
      </c>
      <c r="B11542" t="s">
        <v>23035</v>
      </c>
      <c r="C11542" t="s">
        <v>23036</v>
      </c>
    </row>
    <row r="11543" spans="1:3" x14ac:dyDescent="0.15">
      <c r="A11543">
        <v>13466</v>
      </c>
      <c r="B11543" t="s">
        <v>23037</v>
      </c>
      <c r="C11543" t="s">
        <v>23038</v>
      </c>
    </row>
    <row r="11544" spans="1:3" x14ac:dyDescent="0.15">
      <c r="A11544">
        <v>13465</v>
      </c>
      <c r="B11544" t="s">
        <v>23039</v>
      </c>
      <c r="C11544" t="s">
        <v>23040</v>
      </c>
    </row>
    <row r="11545" spans="1:3" x14ac:dyDescent="0.15">
      <c r="A11545">
        <v>13464</v>
      </c>
      <c r="B11545" t="s">
        <v>23041</v>
      </c>
      <c r="C11545" t="s">
        <v>23042</v>
      </c>
    </row>
    <row r="11546" spans="1:3" x14ac:dyDescent="0.15">
      <c r="A11546">
        <v>13463</v>
      </c>
      <c r="B11546" t="s">
        <v>23043</v>
      </c>
      <c r="C11546" t="s">
        <v>23044</v>
      </c>
    </row>
    <row r="11547" spans="1:3" x14ac:dyDescent="0.15">
      <c r="A11547">
        <v>13462</v>
      </c>
      <c r="B11547" t="s">
        <v>23045</v>
      </c>
      <c r="C11547" t="s">
        <v>23046</v>
      </c>
    </row>
    <row r="11548" spans="1:3" x14ac:dyDescent="0.15">
      <c r="A11548">
        <v>13461</v>
      </c>
      <c r="B11548" t="s">
        <v>23047</v>
      </c>
      <c r="C11548" t="s">
        <v>23048</v>
      </c>
    </row>
    <row r="11549" spans="1:3" x14ac:dyDescent="0.15">
      <c r="A11549">
        <v>13460</v>
      </c>
      <c r="B11549" t="s">
        <v>23049</v>
      </c>
      <c r="C11549" t="s">
        <v>23050</v>
      </c>
    </row>
    <row r="11550" spans="1:3" x14ac:dyDescent="0.15">
      <c r="A11550">
        <v>13459</v>
      </c>
      <c r="B11550" t="s">
        <v>23051</v>
      </c>
      <c r="C11550" t="s">
        <v>23052</v>
      </c>
    </row>
    <row r="11551" spans="1:3" x14ac:dyDescent="0.15">
      <c r="A11551">
        <v>13458</v>
      </c>
      <c r="B11551" t="s">
        <v>23053</v>
      </c>
      <c r="C11551" t="s">
        <v>23054</v>
      </c>
    </row>
    <row r="11552" spans="1:3" x14ac:dyDescent="0.15">
      <c r="A11552">
        <v>13457</v>
      </c>
      <c r="B11552" t="s">
        <v>23055</v>
      </c>
      <c r="C11552" t="s">
        <v>23056</v>
      </c>
    </row>
    <row r="11553" spans="1:3" x14ac:dyDescent="0.15">
      <c r="A11553">
        <v>13456</v>
      </c>
      <c r="B11553" t="s">
        <v>23057</v>
      </c>
      <c r="C11553" t="s">
        <v>23058</v>
      </c>
    </row>
    <row r="11554" spans="1:3" x14ac:dyDescent="0.15">
      <c r="A11554">
        <v>13455</v>
      </c>
      <c r="B11554" t="s">
        <v>23059</v>
      </c>
      <c r="C11554" t="s">
        <v>23060</v>
      </c>
    </row>
    <row r="11555" spans="1:3" x14ac:dyDescent="0.15">
      <c r="A11555">
        <v>13454</v>
      </c>
      <c r="B11555" t="s">
        <v>23061</v>
      </c>
      <c r="C11555" t="s">
        <v>23062</v>
      </c>
    </row>
    <row r="11556" spans="1:3" x14ac:dyDescent="0.15">
      <c r="A11556">
        <v>13453</v>
      </c>
      <c r="B11556" t="s">
        <v>23063</v>
      </c>
      <c r="C11556" t="s">
        <v>23064</v>
      </c>
    </row>
    <row r="11557" spans="1:3" x14ac:dyDescent="0.15">
      <c r="A11557">
        <v>13452</v>
      </c>
      <c r="B11557" t="s">
        <v>23065</v>
      </c>
      <c r="C11557" t="s">
        <v>23066</v>
      </c>
    </row>
    <row r="11558" spans="1:3" x14ac:dyDescent="0.15">
      <c r="A11558">
        <v>13451</v>
      </c>
      <c r="B11558" t="s">
        <v>23067</v>
      </c>
      <c r="C11558" t="s">
        <v>23068</v>
      </c>
    </row>
    <row r="11559" spans="1:3" x14ac:dyDescent="0.15">
      <c r="A11559">
        <v>13450</v>
      </c>
      <c r="B11559" t="s">
        <v>23069</v>
      </c>
      <c r="C11559" t="s">
        <v>23070</v>
      </c>
    </row>
    <row r="11560" spans="1:3" x14ac:dyDescent="0.15">
      <c r="A11560">
        <v>13449</v>
      </c>
      <c r="B11560" t="s">
        <v>23071</v>
      </c>
      <c r="C11560" t="s">
        <v>23072</v>
      </c>
    </row>
    <row r="11561" spans="1:3" x14ac:dyDescent="0.15">
      <c r="A11561">
        <v>13448</v>
      </c>
      <c r="B11561" t="s">
        <v>23073</v>
      </c>
      <c r="C11561" t="s">
        <v>23074</v>
      </c>
    </row>
    <row r="11562" spans="1:3" x14ac:dyDescent="0.15">
      <c r="A11562">
        <v>13447</v>
      </c>
      <c r="B11562" t="s">
        <v>23075</v>
      </c>
      <c r="C11562" t="s">
        <v>23076</v>
      </c>
    </row>
    <row r="11563" spans="1:3" x14ac:dyDescent="0.15">
      <c r="A11563">
        <v>13446</v>
      </c>
      <c r="B11563" t="s">
        <v>23077</v>
      </c>
      <c r="C11563" t="s">
        <v>23078</v>
      </c>
    </row>
    <row r="11564" spans="1:3" x14ac:dyDescent="0.15">
      <c r="A11564">
        <v>13445</v>
      </c>
      <c r="B11564" t="s">
        <v>23079</v>
      </c>
      <c r="C11564" t="s">
        <v>23080</v>
      </c>
    </row>
    <row r="11565" spans="1:3" x14ac:dyDescent="0.15">
      <c r="A11565">
        <v>13444</v>
      </c>
      <c r="B11565" t="s">
        <v>23081</v>
      </c>
      <c r="C11565" t="s">
        <v>23082</v>
      </c>
    </row>
    <row r="11566" spans="1:3" x14ac:dyDescent="0.15">
      <c r="A11566">
        <v>13443</v>
      </c>
      <c r="B11566" t="s">
        <v>23083</v>
      </c>
      <c r="C11566" t="s">
        <v>23084</v>
      </c>
    </row>
    <row r="11567" spans="1:3" x14ac:dyDescent="0.15">
      <c r="A11567">
        <v>13442</v>
      </c>
      <c r="B11567" t="s">
        <v>23085</v>
      </c>
      <c r="C11567" t="s">
        <v>23086</v>
      </c>
    </row>
    <row r="11568" spans="1:3" x14ac:dyDescent="0.15">
      <c r="A11568">
        <v>13441</v>
      </c>
      <c r="B11568" t="s">
        <v>23087</v>
      </c>
      <c r="C11568" t="s">
        <v>23088</v>
      </c>
    </row>
    <row r="11569" spans="1:3" x14ac:dyDescent="0.15">
      <c r="A11569">
        <v>13440</v>
      </c>
      <c r="B11569" t="s">
        <v>23089</v>
      </c>
      <c r="C11569" t="s">
        <v>23090</v>
      </c>
    </row>
    <row r="11570" spans="1:3" x14ac:dyDescent="0.15">
      <c r="A11570">
        <v>13439</v>
      </c>
      <c r="B11570" t="s">
        <v>23091</v>
      </c>
      <c r="C11570" t="s">
        <v>23092</v>
      </c>
    </row>
    <row r="11571" spans="1:3" x14ac:dyDescent="0.15">
      <c r="A11571">
        <v>13438</v>
      </c>
      <c r="B11571" t="s">
        <v>23093</v>
      </c>
      <c r="C11571" t="s">
        <v>23094</v>
      </c>
    </row>
    <row r="11572" spans="1:3" x14ac:dyDescent="0.15">
      <c r="A11572">
        <v>13437</v>
      </c>
      <c r="B11572" t="s">
        <v>23095</v>
      </c>
      <c r="C11572" t="s">
        <v>23096</v>
      </c>
    </row>
    <row r="11573" spans="1:3" x14ac:dyDescent="0.15">
      <c r="A11573">
        <v>13436</v>
      </c>
      <c r="B11573" t="s">
        <v>23097</v>
      </c>
      <c r="C11573" t="s">
        <v>23098</v>
      </c>
    </row>
    <row r="11574" spans="1:3" x14ac:dyDescent="0.15">
      <c r="A11574">
        <v>13435</v>
      </c>
      <c r="B11574" t="s">
        <v>23099</v>
      </c>
      <c r="C11574" t="s">
        <v>23100</v>
      </c>
    </row>
    <row r="11575" spans="1:3" x14ac:dyDescent="0.15">
      <c r="A11575">
        <v>13434</v>
      </c>
      <c r="B11575" t="s">
        <v>23101</v>
      </c>
      <c r="C11575" t="s">
        <v>23102</v>
      </c>
    </row>
    <row r="11576" spans="1:3" x14ac:dyDescent="0.15">
      <c r="A11576">
        <v>13433</v>
      </c>
      <c r="B11576" t="s">
        <v>23103</v>
      </c>
      <c r="C11576" t="s">
        <v>23104</v>
      </c>
    </row>
    <row r="11577" spans="1:3" x14ac:dyDescent="0.15">
      <c r="A11577">
        <v>13432</v>
      </c>
      <c r="B11577" t="s">
        <v>23105</v>
      </c>
      <c r="C11577" t="s">
        <v>23106</v>
      </c>
    </row>
    <row r="11578" spans="1:3" x14ac:dyDescent="0.15">
      <c r="A11578">
        <v>13431</v>
      </c>
      <c r="B11578" t="s">
        <v>23107</v>
      </c>
      <c r="C11578" t="s">
        <v>23108</v>
      </c>
    </row>
    <row r="11579" spans="1:3" x14ac:dyDescent="0.15">
      <c r="A11579">
        <v>13430</v>
      </c>
      <c r="B11579" t="s">
        <v>23109</v>
      </c>
      <c r="C11579" t="s">
        <v>23110</v>
      </c>
    </row>
    <row r="11580" spans="1:3" x14ac:dyDescent="0.15">
      <c r="A11580">
        <v>13429</v>
      </c>
      <c r="B11580" t="s">
        <v>23111</v>
      </c>
      <c r="C11580" t="s">
        <v>23112</v>
      </c>
    </row>
    <row r="11581" spans="1:3" x14ac:dyDescent="0.15">
      <c r="A11581">
        <v>13428</v>
      </c>
      <c r="B11581" t="s">
        <v>23113</v>
      </c>
      <c r="C11581" t="s">
        <v>23114</v>
      </c>
    </row>
    <row r="11582" spans="1:3" x14ac:dyDescent="0.15">
      <c r="A11582">
        <v>13427</v>
      </c>
      <c r="B11582" t="s">
        <v>23115</v>
      </c>
      <c r="C11582" t="s">
        <v>23116</v>
      </c>
    </row>
    <row r="11583" spans="1:3" x14ac:dyDescent="0.15">
      <c r="A11583">
        <v>13426</v>
      </c>
      <c r="B11583" t="s">
        <v>23117</v>
      </c>
      <c r="C11583" t="s">
        <v>23118</v>
      </c>
    </row>
    <row r="11584" spans="1:3" x14ac:dyDescent="0.15">
      <c r="A11584">
        <v>13425</v>
      </c>
      <c r="B11584" t="s">
        <v>23119</v>
      </c>
      <c r="C11584" t="s">
        <v>23120</v>
      </c>
    </row>
    <row r="11585" spans="1:3" x14ac:dyDescent="0.15">
      <c r="A11585">
        <v>13424</v>
      </c>
      <c r="B11585" t="s">
        <v>23121</v>
      </c>
      <c r="C11585" t="s">
        <v>23122</v>
      </c>
    </row>
    <row r="11586" spans="1:3" x14ac:dyDescent="0.15">
      <c r="A11586">
        <v>13423</v>
      </c>
      <c r="B11586" t="s">
        <v>23123</v>
      </c>
      <c r="C11586" t="s">
        <v>23124</v>
      </c>
    </row>
    <row r="11587" spans="1:3" x14ac:dyDescent="0.15">
      <c r="A11587">
        <v>13422</v>
      </c>
      <c r="B11587" t="s">
        <v>23125</v>
      </c>
      <c r="C11587" t="s">
        <v>23126</v>
      </c>
    </row>
    <row r="11588" spans="1:3" x14ac:dyDescent="0.15">
      <c r="A11588">
        <v>13421</v>
      </c>
      <c r="B11588" t="s">
        <v>23127</v>
      </c>
      <c r="C11588" t="s">
        <v>23128</v>
      </c>
    </row>
    <row r="11589" spans="1:3" x14ac:dyDescent="0.15">
      <c r="A11589">
        <v>13420</v>
      </c>
      <c r="B11589" t="s">
        <v>23129</v>
      </c>
      <c r="C11589" t="s">
        <v>491</v>
      </c>
    </row>
    <row r="11590" spans="1:3" x14ac:dyDescent="0.15">
      <c r="A11590">
        <v>13419</v>
      </c>
      <c r="B11590" t="s">
        <v>23130</v>
      </c>
      <c r="C11590" t="s">
        <v>23131</v>
      </c>
    </row>
    <row r="11591" spans="1:3" x14ac:dyDescent="0.15">
      <c r="A11591">
        <v>13418</v>
      </c>
      <c r="B11591" t="s">
        <v>23132</v>
      </c>
      <c r="C11591" t="s">
        <v>23133</v>
      </c>
    </row>
    <row r="11592" spans="1:3" x14ac:dyDescent="0.15">
      <c r="A11592">
        <v>13417</v>
      </c>
      <c r="B11592" t="s">
        <v>23134</v>
      </c>
      <c r="C11592" t="s">
        <v>23135</v>
      </c>
    </row>
    <row r="11593" spans="1:3" x14ac:dyDescent="0.15">
      <c r="A11593">
        <v>13416</v>
      </c>
      <c r="B11593" t="s">
        <v>23136</v>
      </c>
      <c r="C11593" t="s">
        <v>23137</v>
      </c>
    </row>
    <row r="11594" spans="1:3" x14ac:dyDescent="0.15">
      <c r="A11594">
        <v>13415</v>
      </c>
      <c r="B11594" t="s">
        <v>23138</v>
      </c>
      <c r="C11594" t="s">
        <v>23139</v>
      </c>
    </row>
    <row r="11595" spans="1:3" x14ac:dyDescent="0.15">
      <c r="A11595">
        <v>13414</v>
      </c>
      <c r="B11595" t="s">
        <v>23140</v>
      </c>
      <c r="C11595" t="s">
        <v>23141</v>
      </c>
    </row>
    <row r="11596" spans="1:3" x14ac:dyDescent="0.15">
      <c r="A11596">
        <v>13413</v>
      </c>
      <c r="B11596" t="s">
        <v>23142</v>
      </c>
      <c r="C11596" t="s">
        <v>23143</v>
      </c>
    </row>
    <row r="11597" spans="1:3" x14ac:dyDescent="0.15">
      <c r="A11597">
        <v>13412</v>
      </c>
      <c r="B11597" t="s">
        <v>23144</v>
      </c>
      <c r="C11597" t="s">
        <v>23145</v>
      </c>
    </row>
    <row r="11598" spans="1:3" x14ac:dyDescent="0.15">
      <c r="A11598">
        <v>13411</v>
      </c>
      <c r="B11598" t="s">
        <v>23146</v>
      </c>
      <c r="C11598" t="s">
        <v>23147</v>
      </c>
    </row>
    <row r="11599" spans="1:3" x14ac:dyDescent="0.15">
      <c r="A11599">
        <v>13410</v>
      </c>
      <c r="B11599" t="s">
        <v>23148</v>
      </c>
      <c r="C11599" t="s">
        <v>23149</v>
      </c>
    </row>
    <row r="11600" spans="1:3" x14ac:dyDescent="0.15">
      <c r="A11600">
        <v>13409</v>
      </c>
      <c r="B11600" t="s">
        <v>23150</v>
      </c>
      <c r="C11600" t="s">
        <v>23151</v>
      </c>
    </row>
    <row r="11601" spans="1:3" x14ac:dyDescent="0.15">
      <c r="A11601">
        <v>13408</v>
      </c>
      <c r="B11601" t="s">
        <v>23152</v>
      </c>
      <c r="C11601" t="s">
        <v>23153</v>
      </c>
    </row>
    <row r="11602" spans="1:3" x14ac:dyDescent="0.15">
      <c r="A11602">
        <v>13407</v>
      </c>
      <c r="B11602" t="s">
        <v>23154</v>
      </c>
      <c r="C11602" t="s">
        <v>23155</v>
      </c>
    </row>
    <row r="11603" spans="1:3" x14ac:dyDescent="0.15">
      <c r="A11603">
        <v>13406</v>
      </c>
      <c r="B11603" t="s">
        <v>23156</v>
      </c>
      <c r="C11603" t="s">
        <v>23157</v>
      </c>
    </row>
    <row r="11604" spans="1:3" x14ac:dyDescent="0.15">
      <c r="A11604">
        <v>13405</v>
      </c>
      <c r="B11604" t="s">
        <v>23158</v>
      </c>
      <c r="C11604" t="s">
        <v>23159</v>
      </c>
    </row>
    <row r="11605" spans="1:3" x14ac:dyDescent="0.15">
      <c r="A11605">
        <v>13404</v>
      </c>
      <c r="B11605" t="s">
        <v>23160</v>
      </c>
      <c r="C11605" t="s">
        <v>23161</v>
      </c>
    </row>
    <row r="11606" spans="1:3" x14ac:dyDescent="0.15">
      <c r="A11606">
        <v>13403</v>
      </c>
      <c r="B11606" t="s">
        <v>23162</v>
      </c>
      <c r="C11606" t="s">
        <v>23163</v>
      </c>
    </row>
    <row r="11607" spans="1:3" x14ac:dyDescent="0.15">
      <c r="A11607">
        <v>13402</v>
      </c>
      <c r="B11607" t="s">
        <v>23164</v>
      </c>
      <c r="C11607" t="s">
        <v>23165</v>
      </c>
    </row>
    <row r="11608" spans="1:3" x14ac:dyDescent="0.15">
      <c r="A11608">
        <v>13401</v>
      </c>
      <c r="B11608" t="s">
        <v>23166</v>
      </c>
      <c r="C11608" t="s">
        <v>23167</v>
      </c>
    </row>
    <row r="11609" spans="1:3" x14ac:dyDescent="0.15">
      <c r="A11609">
        <v>13400</v>
      </c>
      <c r="B11609" t="s">
        <v>23168</v>
      </c>
      <c r="C11609" t="s">
        <v>23169</v>
      </c>
    </row>
    <row r="11610" spans="1:3" x14ac:dyDescent="0.15">
      <c r="A11610">
        <v>13399</v>
      </c>
      <c r="B11610" t="s">
        <v>23170</v>
      </c>
      <c r="C11610" t="s">
        <v>23171</v>
      </c>
    </row>
    <row r="11611" spans="1:3" x14ac:dyDescent="0.15">
      <c r="A11611">
        <v>13398</v>
      </c>
      <c r="B11611" t="s">
        <v>23172</v>
      </c>
      <c r="C11611" t="s">
        <v>23173</v>
      </c>
    </row>
    <row r="11612" spans="1:3" x14ac:dyDescent="0.15">
      <c r="A11612">
        <v>13397</v>
      </c>
      <c r="B11612" t="s">
        <v>23174</v>
      </c>
      <c r="C11612" t="s">
        <v>23175</v>
      </c>
    </row>
    <row r="11613" spans="1:3" x14ac:dyDescent="0.15">
      <c r="A11613">
        <v>13396</v>
      </c>
      <c r="B11613" t="s">
        <v>23176</v>
      </c>
      <c r="C11613" t="s">
        <v>23177</v>
      </c>
    </row>
    <row r="11614" spans="1:3" x14ac:dyDescent="0.15">
      <c r="A11614">
        <v>13395</v>
      </c>
      <c r="B11614" t="s">
        <v>23178</v>
      </c>
      <c r="C11614" t="s">
        <v>23179</v>
      </c>
    </row>
    <row r="11615" spans="1:3" x14ac:dyDescent="0.15">
      <c r="A11615">
        <v>13394</v>
      </c>
      <c r="B11615" t="s">
        <v>23180</v>
      </c>
      <c r="C11615" t="s">
        <v>23181</v>
      </c>
    </row>
    <row r="11616" spans="1:3" x14ac:dyDescent="0.15">
      <c r="A11616">
        <v>13393</v>
      </c>
      <c r="B11616" t="s">
        <v>23182</v>
      </c>
      <c r="C11616" t="s">
        <v>23183</v>
      </c>
    </row>
    <row r="11617" spans="1:3" x14ac:dyDescent="0.15">
      <c r="A11617">
        <v>13392</v>
      </c>
      <c r="B11617" t="s">
        <v>23184</v>
      </c>
      <c r="C11617" t="s">
        <v>23185</v>
      </c>
    </row>
    <row r="11618" spans="1:3" x14ac:dyDescent="0.15">
      <c r="A11618">
        <v>13391</v>
      </c>
      <c r="B11618" t="s">
        <v>23186</v>
      </c>
      <c r="C11618" t="s">
        <v>23187</v>
      </c>
    </row>
    <row r="11619" spans="1:3" x14ac:dyDescent="0.15">
      <c r="A11619">
        <v>13390</v>
      </c>
      <c r="B11619" t="s">
        <v>23188</v>
      </c>
      <c r="C11619" t="s">
        <v>23189</v>
      </c>
    </row>
    <row r="11620" spans="1:3" x14ac:dyDescent="0.15">
      <c r="A11620">
        <v>13389</v>
      </c>
      <c r="B11620" t="s">
        <v>23190</v>
      </c>
      <c r="C11620" t="s">
        <v>23191</v>
      </c>
    </row>
    <row r="11621" spans="1:3" x14ac:dyDescent="0.15">
      <c r="A11621">
        <v>13388</v>
      </c>
      <c r="B11621" t="s">
        <v>23192</v>
      </c>
      <c r="C11621" t="s">
        <v>23193</v>
      </c>
    </row>
    <row r="11622" spans="1:3" x14ac:dyDescent="0.15">
      <c r="A11622">
        <v>13387</v>
      </c>
      <c r="B11622" t="s">
        <v>23194</v>
      </c>
      <c r="C11622" t="s">
        <v>23195</v>
      </c>
    </row>
    <row r="11623" spans="1:3" x14ac:dyDescent="0.15">
      <c r="A11623">
        <v>13386</v>
      </c>
      <c r="B11623" t="s">
        <v>23196</v>
      </c>
      <c r="C11623" t="s">
        <v>23197</v>
      </c>
    </row>
    <row r="11624" spans="1:3" x14ac:dyDescent="0.15">
      <c r="A11624">
        <v>13385</v>
      </c>
      <c r="B11624" t="s">
        <v>23198</v>
      </c>
      <c r="C11624" t="s">
        <v>23199</v>
      </c>
    </row>
    <row r="11625" spans="1:3" x14ac:dyDescent="0.15">
      <c r="A11625">
        <v>13384</v>
      </c>
      <c r="B11625" t="s">
        <v>23200</v>
      </c>
      <c r="C11625" t="s">
        <v>23201</v>
      </c>
    </row>
    <row r="11626" spans="1:3" x14ac:dyDescent="0.15">
      <c r="A11626">
        <v>13383</v>
      </c>
      <c r="B11626" t="s">
        <v>23202</v>
      </c>
      <c r="C11626" t="s">
        <v>23203</v>
      </c>
    </row>
    <row r="11627" spans="1:3" x14ac:dyDescent="0.15">
      <c r="A11627">
        <v>13382</v>
      </c>
      <c r="B11627" t="s">
        <v>23204</v>
      </c>
      <c r="C11627" t="s">
        <v>23205</v>
      </c>
    </row>
    <row r="11628" spans="1:3" x14ac:dyDescent="0.15">
      <c r="A11628">
        <v>13381</v>
      </c>
      <c r="B11628" t="s">
        <v>23206</v>
      </c>
      <c r="C11628" t="s">
        <v>23207</v>
      </c>
    </row>
    <row r="11629" spans="1:3" x14ac:dyDescent="0.15">
      <c r="A11629">
        <v>13380</v>
      </c>
      <c r="B11629" t="s">
        <v>23208</v>
      </c>
      <c r="C11629" t="s">
        <v>23209</v>
      </c>
    </row>
    <row r="11630" spans="1:3" x14ac:dyDescent="0.15">
      <c r="A11630">
        <v>13379</v>
      </c>
      <c r="B11630" t="s">
        <v>23210</v>
      </c>
      <c r="C11630" t="s">
        <v>23211</v>
      </c>
    </row>
    <row r="11631" spans="1:3" x14ac:dyDescent="0.15">
      <c r="A11631">
        <v>13378</v>
      </c>
      <c r="B11631" t="s">
        <v>23212</v>
      </c>
      <c r="C11631" t="s">
        <v>23213</v>
      </c>
    </row>
    <row r="11632" spans="1:3" x14ac:dyDescent="0.15">
      <c r="A11632">
        <v>13377</v>
      </c>
      <c r="B11632" t="s">
        <v>23214</v>
      </c>
      <c r="C11632" t="s">
        <v>23215</v>
      </c>
    </row>
    <row r="11633" spans="1:3" x14ac:dyDescent="0.15">
      <c r="A11633">
        <v>13376</v>
      </c>
      <c r="B11633" t="s">
        <v>23216</v>
      </c>
      <c r="C11633" t="s">
        <v>23217</v>
      </c>
    </row>
    <row r="11634" spans="1:3" x14ac:dyDescent="0.15">
      <c r="A11634">
        <v>13375</v>
      </c>
      <c r="B11634" t="s">
        <v>23218</v>
      </c>
      <c r="C11634" t="s">
        <v>23219</v>
      </c>
    </row>
    <row r="11635" spans="1:3" x14ac:dyDescent="0.15">
      <c r="A11635">
        <v>13374</v>
      </c>
      <c r="B11635" t="s">
        <v>23220</v>
      </c>
      <c r="C11635" t="s">
        <v>23221</v>
      </c>
    </row>
    <row r="11636" spans="1:3" x14ac:dyDescent="0.15">
      <c r="A11636">
        <v>13373</v>
      </c>
      <c r="B11636" t="s">
        <v>23222</v>
      </c>
      <c r="C11636" t="s">
        <v>23223</v>
      </c>
    </row>
    <row r="11637" spans="1:3" x14ac:dyDescent="0.15">
      <c r="A11637">
        <v>13372</v>
      </c>
      <c r="B11637" t="s">
        <v>23224</v>
      </c>
      <c r="C11637" t="s">
        <v>23225</v>
      </c>
    </row>
    <row r="11638" spans="1:3" x14ac:dyDescent="0.15">
      <c r="A11638">
        <v>13371</v>
      </c>
      <c r="B11638" t="s">
        <v>23226</v>
      </c>
      <c r="C11638" t="s">
        <v>23227</v>
      </c>
    </row>
    <row r="11639" spans="1:3" x14ac:dyDescent="0.15">
      <c r="A11639">
        <v>13370</v>
      </c>
      <c r="B11639" t="s">
        <v>23228</v>
      </c>
      <c r="C11639" t="s">
        <v>23229</v>
      </c>
    </row>
    <row r="11640" spans="1:3" x14ac:dyDescent="0.15">
      <c r="A11640">
        <v>13369</v>
      </c>
      <c r="B11640" t="s">
        <v>23230</v>
      </c>
      <c r="C11640" t="s">
        <v>23231</v>
      </c>
    </row>
    <row r="11641" spans="1:3" x14ac:dyDescent="0.15">
      <c r="A11641">
        <v>13368</v>
      </c>
      <c r="B11641" t="s">
        <v>23232</v>
      </c>
      <c r="C11641" t="s">
        <v>23233</v>
      </c>
    </row>
    <row r="11642" spans="1:3" x14ac:dyDescent="0.15">
      <c r="A11642">
        <v>13367</v>
      </c>
      <c r="B11642" t="s">
        <v>23234</v>
      </c>
      <c r="C11642" t="s">
        <v>23235</v>
      </c>
    </row>
    <row r="11643" spans="1:3" x14ac:dyDescent="0.15">
      <c r="A11643">
        <v>13366</v>
      </c>
      <c r="B11643" t="s">
        <v>23236</v>
      </c>
      <c r="C11643" t="s">
        <v>23237</v>
      </c>
    </row>
    <row r="11644" spans="1:3" x14ac:dyDescent="0.15">
      <c r="A11644">
        <v>13365</v>
      </c>
      <c r="B11644" t="s">
        <v>23238</v>
      </c>
      <c r="C11644" t="s">
        <v>23239</v>
      </c>
    </row>
    <row r="11645" spans="1:3" x14ac:dyDescent="0.15">
      <c r="A11645">
        <v>13364</v>
      </c>
      <c r="B11645" t="s">
        <v>23240</v>
      </c>
      <c r="C11645" t="s">
        <v>23241</v>
      </c>
    </row>
    <row r="11646" spans="1:3" x14ac:dyDescent="0.15">
      <c r="A11646">
        <v>13363</v>
      </c>
      <c r="B11646" t="s">
        <v>23242</v>
      </c>
      <c r="C11646" t="s">
        <v>23243</v>
      </c>
    </row>
    <row r="11647" spans="1:3" x14ac:dyDescent="0.15">
      <c r="A11647">
        <v>13362</v>
      </c>
      <c r="B11647" t="s">
        <v>23244</v>
      </c>
      <c r="C11647" t="s">
        <v>23245</v>
      </c>
    </row>
    <row r="11648" spans="1:3" x14ac:dyDescent="0.15">
      <c r="A11648">
        <v>13361</v>
      </c>
      <c r="B11648" t="s">
        <v>23246</v>
      </c>
      <c r="C11648" t="s">
        <v>23247</v>
      </c>
    </row>
    <row r="11649" spans="1:3" x14ac:dyDescent="0.15">
      <c r="A11649">
        <v>13360</v>
      </c>
      <c r="B11649" t="s">
        <v>23248</v>
      </c>
      <c r="C11649" t="s">
        <v>23249</v>
      </c>
    </row>
    <row r="11650" spans="1:3" x14ac:dyDescent="0.15">
      <c r="A11650">
        <v>13359</v>
      </c>
      <c r="B11650" t="s">
        <v>23250</v>
      </c>
      <c r="C11650" t="s">
        <v>23251</v>
      </c>
    </row>
    <row r="11651" spans="1:3" x14ac:dyDescent="0.15">
      <c r="A11651">
        <v>13358</v>
      </c>
      <c r="B11651" t="s">
        <v>23252</v>
      </c>
      <c r="C11651" t="s">
        <v>23253</v>
      </c>
    </row>
    <row r="11652" spans="1:3" x14ac:dyDescent="0.15">
      <c r="A11652">
        <v>13357</v>
      </c>
      <c r="B11652" t="s">
        <v>23254</v>
      </c>
      <c r="C11652" t="s">
        <v>23255</v>
      </c>
    </row>
    <row r="11653" spans="1:3" x14ac:dyDescent="0.15">
      <c r="A11653">
        <v>13356</v>
      </c>
      <c r="B11653" t="s">
        <v>23256</v>
      </c>
      <c r="C11653" t="s">
        <v>23257</v>
      </c>
    </row>
    <row r="11654" spans="1:3" x14ac:dyDescent="0.15">
      <c r="A11654">
        <v>13355</v>
      </c>
      <c r="B11654" t="s">
        <v>23258</v>
      </c>
      <c r="C11654" t="s">
        <v>23259</v>
      </c>
    </row>
    <row r="11655" spans="1:3" x14ac:dyDescent="0.15">
      <c r="A11655">
        <v>13354</v>
      </c>
      <c r="B11655" t="s">
        <v>23260</v>
      </c>
      <c r="C11655" t="s">
        <v>23261</v>
      </c>
    </row>
    <row r="11656" spans="1:3" x14ac:dyDescent="0.15">
      <c r="A11656">
        <v>13353</v>
      </c>
      <c r="B11656" t="s">
        <v>23262</v>
      </c>
      <c r="C11656" t="s">
        <v>23263</v>
      </c>
    </row>
    <row r="11657" spans="1:3" x14ac:dyDescent="0.15">
      <c r="A11657">
        <v>13352</v>
      </c>
      <c r="B11657" t="s">
        <v>23264</v>
      </c>
      <c r="C11657" t="s">
        <v>23265</v>
      </c>
    </row>
    <row r="11658" spans="1:3" x14ac:dyDescent="0.15">
      <c r="A11658">
        <v>13351</v>
      </c>
      <c r="B11658" t="s">
        <v>23266</v>
      </c>
      <c r="C11658" t="s">
        <v>23267</v>
      </c>
    </row>
    <row r="11659" spans="1:3" x14ac:dyDescent="0.15">
      <c r="A11659">
        <v>13350</v>
      </c>
      <c r="B11659" t="s">
        <v>23268</v>
      </c>
      <c r="C11659" t="s">
        <v>23269</v>
      </c>
    </row>
    <row r="11660" spans="1:3" x14ac:dyDescent="0.15">
      <c r="A11660">
        <v>13349</v>
      </c>
      <c r="B11660" t="s">
        <v>23270</v>
      </c>
      <c r="C11660" t="s">
        <v>23271</v>
      </c>
    </row>
    <row r="11661" spans="1:3" x14ac:dyDescent="0.15">
      <c r="A11661">
        <v>13348</v>
      </c>
      <c r="B11661" t="s">
        <v>23272</v>
      </c>
      <c r="C11661" t="s">
        <v>23273</v>
      </c>
    </row>
    <row r="11662" spans="1:3" x14ac:dyDescent="0.15">
      <c r="A11662">
        <v>13347</v>
      </c>
      <c r="B11662" t="s">
        <v>23274</v>
      </c>
      <c r="C11662" t="s">
        <v>23275</v>
      </c>
    </row>
    <row r="11663" spans="1:3" x14ac:dyDescent="0.15">
      <c r="A11663">
        <v>13346</v>
      </c>
      <c r="B11663" t="s">
        <v>23276</v>
      </c>
      <c r="C11663" t="s">
        <v>23277</v>
      </c>
    </row>
    <row r="11664" spans="1:3" x14ac:dyDescent="0.15">
      <c r="A11664">
        <v>13345</v>
      </c>
      <c r="B11664" t="s">
        <v>23278</v>
      </c>
      <c r="C11664" t="s">
        <v>23279</v>
      </c>
    </row>
    <row r="11665" spans="1:3" x14ac:dyDescent="0.15">
      <c r="A11665">
        <v>13344</v>
      </c>
      <c r="B11665" t="s">
        <v>23280</v>
      </c>
      <c r="C11665" t="s">
        <v>23281</v>
      </c>
    </row>
    <row r="11666" spans="1:3" x14ac:dyDescent="0.15">
      <c r="A11666">
        <v>13343</v>
      </c>
      <c r="B11666" t="s">
        <v>23282</v>
      </c>
      <c r="C11666" t="s">
        <v>23283</v>
      </c>
    </row>
    <row r="11667" spans="1:3" x14ac:dyDescent="0.15">
      <c r="A11667">
        <v>13342</v>
      </c>
      <c r="B11667" t="s">
        <v>23284</v>
      </c>
      <c r="C11667" t="s">
        <v>23285</v>
      </c>
    </row>
    <row r="11668" spans="1:3" x14ac:dyDescent="0.15">
      <c r="A11668">
        <v>13341</v>
      </c>
      <c r="B11668" t="s">
        <v>23286</v>
      </c>
      <c r="C11668" t="s">
        <v>23287</v>
      </c>
    </row>
    <row r="11669" spans="1:3" x14ac:dyDescent="0.15">
      <c r="A11669">
        <v>13340</v>
      </c>
      <c r="B11669" t="s">
        <v>23288</v>
      </c>
      <c r="C11669" t="s">
        <v>23289</v>
      </c>
    </row>
    <row r="11670" spans="1:3" x14ac:dyDescent="0.15">
      <c r="A11670">
        <v>13339</v>
      </c>
      <c r="B11670" t="s">
        <v>23290</v>
      </c>
      <c r="C11670" t="s">
        <v>23291</v>
      </c>
    </row>
    <row r="11671" spans="1:3" x14ac:dyDescent="0.15">
      <c r="A11671">
        <v>13338</v>
      </c>
      <c r="B11671" t="s">
        <v>23292</v>
      </c>
      <c r="C11671" t="s">
        <v>23293</v>
      </c>
    </row>
    <row r="11672" spans="1:3" x14ac:dyDescent="0.15">
      <c r="A11672">
        <v>13337</v>
      </c>
      <c r="B11672" t="s">
        <v>23294</v>
      </c>
      <c r="C11672" t="s">
        <v>23295</v>
      </c>
    </row>
    <row r="11673" spans="1:3" x14ac:dyDescent="0.15">
      <c r="A11673">
        <v>13336</v>
      </c>
      <c r="B11673" t="s">
        <v>23296</v>
      </c>
      <c r="C11673" t="s">
        <v>23297</v>
      </c>
    </row>
    <row r="11674" spans="1:3" x14ac:dyDescent="0.15">
      <c r="A11674">
        <v>13335</v>
      </c>
      <c r="B11674" t="s">
        <v>23298</v>
      </c>
      <c r="C11674" t="s">
        <v>23299</v>
      </c>
    </row>
    <row r="11675" spans="1:3" x14ac:dyDescent="0.15">
      <c r="A11675">
        <v>13334</v>
      </c>
      <c r="B11675" t="s">
        <v>23300</v>
      </c>
      <c r="C11675" t="s">
        <v>23301</v>
      </c>
    </row>
    <row r="11676" spans="1:3" x14ac:dyDescent="0.15">
      <c r="A11676">
        <v>13333</v>
      </c>
      <c r="B11676" t="s">
        <v>23302</v>
      </c>
      <c r="C11676" t="s">
        <v>23303</v>
      </c>
    </row>
    <row r="11677" spans="1:3" x14ac:dyDescent="0.15">
      <c r="A11677">
        <v>13332</v>
      </c>
      <c r="B11677" t="s">
        <v>23304</v>
      </c>
      <c r="C11677" t="s">
        <v>23305</v>
      </c>
    </row>
    <row r="11678" spans="1:3" x14ac:dyDescent="0.15">
      <c r="A11678">
        <v>13331</v>
      </c>
      <c r="B11678" t="s">
        <v>23306</v>
      </c>
      <c r="C11678" t="s">
        <v>23307</v>
      </c>
    </row>
    <row r="11679" spans="1:3" x14ac:dyDescent="0.15">
      <c r="A11679">
        <v>13330</v>
      </c>
      <c r="B11679" t="s">
        <v>23308</v>
      </c>
      <c r="C11679" t="s">
        <v>23309</v>
      </c>
    </row>
    <row r="11680" spans="1:3" x14ac:dyDescent="0.15">
      <c r="A11680">
        <v>13329</v>
      </c>
      <c r="B11680" t="s">
        <v>23310</v>
      </c>
      <c r="C11680" t="s">
        <v>23311</v>
      </c>
    </row>
    <row r="11681" spans="1:3" x14ac:dyDescent="0.15">
      <c r="A11681">
        <v>13328</v>
      </c>
      <c r="B11681" t="s">
        <v>23312</v>
      </c>
      <c r="C11681" t="s">
        <v>23313</v>
      </c>
    </row>
    <row r="11682" spans="1:3" x14ac:dyDescent="0.15">
      <c r="A11682">
        <v>13327</v>
      </c>
      <c r="B11682" t="s">
        <v>23314</v>
      </c>
      <c r="C11682" t="s">
        <v>23315</v>
      </c>
    </row>
    <row r="11683" spans="1:3" x14ac:dyDescent="0.15">
      <c r="A11683">
        <v>13326</v>
      </c>
      <c r="B11683" t="s">
        <v>23316</v>
      </c>
      <c r="C11683" t="s">
        <v>23317</v>
      </c>
    </row>
    <row r="11684" spans="1:3" x14ac:dyDescent="0.15">
      <c r="A11684">
        <v>13325</v>
      </c>
      <c r="B11684" t="s">
        <v>23318</v>
      </c>
      <c r="C11684" t="s">
        <v>23319</v>
      </c>
    </row>
    <row r="11685" spans="1:3" x14ac:dyDescent="0.15">
      <c r="A11685">
        <v>13324</v>
      </c>
      <c r="B11685" t="s">
        <v>23320</v>
      </c>
      <c r="C11685" t="s">
        <v>23321</v>
      </c>
    </row>
    <row r="11686" spans="1:3" x14ac:dyDescent="0.15">
      <c r="A11686">
        <v>13323</v>
      </c>
      <c r="B11686" t="s">
        <v>23322</v>
      </c>
      <c r="C11686" t="s">
        <v>23323</v>
      </c>
    </row>
    <row r="11687" spans="1:3" x14ac:dyDescent="0.15">
      <c r="A11687">
        <v>13322</v>
      </c>
      <c r="B11687" t="s">
        <v>23324</v>
      </c>
      <c r="C11687" t="s">
        <v>23325</v>
      </c>
    </row>
    <row r="11688" spans="1:3" x14ac:dyDescent="0.15">
      <c r="A11688">
        <v>13321</v>
      </c>
      <c r="B11688" t="s">
        <v>23326</v>
      </c>
      <c r="C11688" t="s">
        <v>23327</v>
      </c>
    </row>
    <row r="11689" spans="1:3" x14ac:dyDescent="0.15">
      <c r="A11689">
        <v>13320</v>
      </c>
      <c r="B11689" t="s">
        <v>23328</v>
      </c>
      <c r="C11689" t="s">
        <v>23329</v>
      </c>
    </row>
    <row r="11690" spans="1:3" x14ac:dyDescent="0.15">
      <c r="A11690">
        <v>13319</v>
      </c>
      <c r="B11690" t="s">
        <v>23330</v>
      </c>
      <c r="C11690" t="s">
        <v>23331</v>
      </c>
    </row>
    <row r="11691" spans="1:3" x14ac:dyDescent="0.15">
      <c r="A11691">
        <v>13318</v>
      </c>
      <c r="B11691" t="s">
        <v>23332</v>
      </c>
      <c r="C11691" t="s">
        <v>23333</v>
      </c>
    </row>
    <row r="11692" spans="1:3" x14ac:dyDescent="0.15">
      <c r="A11692">
        <v>13317</v>
      </c>
      <c r="B11692" t="s">
        <v>23334</v>
      </c>
      <c r="C11692" t="s">
        <v>23335</v>
      </c>
    </row>
    <row r="11693" spans="1:3" x14ac:dyDescent="0.15">
      <c r="A11693">
        <v>13316</v>
      </c>
      <c r="B11693" t="s">
        <v>23336</v>
      </c>
      <c r="C11693" t="s">
        <v>23337</v>
      </c>
    </row>
    <row r="11694" spans="1:3" x14ac:dyDescent="0.15">
      <c r="A11694">
        <v>13315</v>
      </c>
      <c r="B11694" t="s">
        <v>23338</v>
      </c>
      <c r="C11694" t="s">
        <v>23339</v>
      </c>
    </row>
    <row r="11695" spans="1:3" x14ac:dyDescent="0.15">
      <c r="A11695">
        <v>13314</v>
      </c>
      <c r="B11695" t="s">
        <v>23340</v>
      </c>
      <c r="C11695" t="s">
        <v>23341</v>
      </c>
    </row>
    <row r="11696" spans="1:3" x14ac:dyDescent="0.15">
      <c r="A11696">
        <v>13313</v>
      </c>
      <c r="B11696" t="s">
        <v>23342</v>
      </c>
      <c r="C11696" t="s">
        <v>23343</v>
      </c>
    </row>
    <row r="11697" spans="1:3" x14ac:dyDescent="0.15">
      <c r="A11697">
        <v>13312</v>
      </c>
      <c r="B11697" t="s">
        <v>23344</v>
      </c>
      <c r="C11697" t="s">
        <v>23345</v>
      </c>
    </row>
    <row r="11698" spans="1:3" x14ac:dyDescent="0.15">
      <c r="A11698">
        <v>13311</v>
      </c>
      <c r="B11698" t="s">
        <v>23346</v>
      </c>
      <c r="C11698" t="s">
        <v>23347</v>
      </c>
    </row>
    <row r="11699" spans="1:3" x14ac:dyDescent="0.15">
      <c r="A11699">
        <v>13310</v>
      </c>
      <c r="B11699" t="s">
        <v>23348</v>
      </c>
      <c r="C11699" t="s">
        <v>23349</v>
      </c>
    </row>
    <row r="11700" spans="1:3" x14ac:dyDescent="0.15">
      <c r="A11700">
        <v>13309</v>
      </c>
      <c r="B11700" t="s">
        <v>23350</v>
      </c>
      <c r="C11700" t="s">
        <v>23351</v>
      </c>
    </row>
    <row r="11701" spans="1:3" x14ac:dyDescent="0.15">
      <c r="A11701">
        <v>13308</v>
      </c>
      <c r="B11701" t="s">
        <v>23352</v>
      </c>
      <c r="C11701" t="s">
        <v>23353</v>
      </c>
    </row>
    <row r="11702" spans="1:3" x14ac:dyDescent="0.15">
      <c r="A11702">
        <v>13307</v>
      </c>
      <c r="B11702" t="s">
        <v>23354</v>
      </c>
      <c r="C11702" t="s">
        <v>23355</v>
      </c>
    </row>
    <row r="11703" spans="1:3" x14ac:dyDescent="0.15">
      <c r="A11703">
        <v>13306</v>
      </c>
      <c r="B11703" t="s">
        <v>23356</v>
      </c>
      <c r="C11703" t="s">
        <v>23357</v>
      </c>
    </row>
    <row r="11704" spans="1:3" x14ac:dyDescent="0.15">
      <c r="A11704">
        <v>13304</v>
      </c>
      <c r="B11704" t="s">
        <v>23358</v>
      </c>
      <c r="C11704" t="s">
        <v>23359</v>
      </c>
    </row>
    <row r="11705" spans="1:3" x14ac:dyDescent="0.15">
      <c r="A11705">
        <v>13303</v>
      </c>
      <c r="B11705" t="s">
        <v>23360</v>
      </c>
      <c r="C11705" t="s">
        <v>23361</v>
      </c>
    </row>
    <row r="11706" spans="1:3" x14ac:dyDescent="0.15">
      <c r="A11706">
        <v>13302</v>
      </c>
      <c r="B11706" t="s">
        <v>23362</v>
      </c>
      <c r="C11706" t="s">
        <v>23363</v>
      </c>
    </row>
    <row r="11707" spans="1:3" x14ac:dyDescent="0.15">
      <c r="A11707">
        <v>13301</v>
      </c>
      <c r="B11707" t="s">
        <v>23364</v>
      </c>
      <c r="C11707" t="s">
        <v>23365</v>
      </c>
    </row>
    <row r="11708" spans="1:3" x14ac:dyDescent="0.15">
      <c r="A11708">
        <v>13300</v>
      </c>
      <c r="B11708" t="s">
        <v>23366</v>
      </c>
      <c r="C11708" t="s">
        <v>23367</v>
      </c>
    </row>
    <row r="11709" spans="1:3" x14ac:dyDescent="0.15">
      <c r="A11709">
        <v>13299</v>
      </c>
      <c r="B11709" t="s">
        <v>23368</v>
      </c>
      <c r="C11709" t="s">
        <v>23369</v>
      </c>
    </row>
    <row r="11710" spans="1:3" x14ac:dyDescent="0.15">
      <c r="A11710">
        <v>13298</v>
      </c>
      <c r="B11710" t="s">
        <v>23370</v>
      </c>
      <c r="C11710" t="s">
        <v>23371</v>
      </c>
    </row>
    <row r="11711" spans="1:3" x14ac:dyDescent="0.15">
      <c r="A11711">
        <v>13297</v>
      </c>
      <c r="B11711" t="s">
        <v>23372</v>
      </c>
      <c r="C11711" t="s">
        <v>23373</v>
      </c>
    </row>
    <row r="11712" spans="1:3" x14ac:dyDescent="0.15">
      <c r="A11712">
        <v>13296</v>
      </c>
      <c r="B11712" t="s">
        <v>23374</v>
      </c>
      <c r="C11712" t="s">
        <v>23375</v>
      </c>
    </row>
    <row r="11713" spans="1:3" x14ac:dyDescent="0.15">
      <c r="A11713">
        <v>13295</v>
      </c>
      <c r="B11713" t="s">
        <v>23376</v>
      </c>
      <c r="C11713" t="s">
        <v>23377</v>
      </c>
    </row>
    <row r="11714" spans="1:3" x14ac:dyDescent="0.15">
      <c r="A11714">
        <v>13294</v>
      </c>
      <c r="B11714" t="s">
        <v>23378</v>
      </c>
      <c r="C11714" t="s">
        <v>23379</v>
      </c>
    </row>
    <row r="11715" spans="1:3" x14ac:dyDescent="0.15">
      <c r="A11715">
        <v>13293</v>
      </c>
      <c r="B11715" t="s">
        <v>23380</v>
      </c>
      <c r="C11715" t="s">
        <v>23381</v>
      </c>
    </row>
    <row r="11716" spans="1:3" x14ac:dyDescent="0.15">
      <c r="A11716">
        <v>13292</v>
      </c>
      <c r="B11716" t="s">
        <v>23382</v>
      </c>
      <c r="C11716" t="s">
        <v>23383</v>
      </c>
    </row>
    <row r="11717" spans="1:3" x14ac:dyDescent="0.15">
      <c r="A11717">
        <v>13291</v>
      </c>
      <c r="B11717" t="s">
        <v>23384</v>
      </c>
      <c r="C11717" t="s">
        <v>23385</v>
      </c>
    </row>
    <row r="11718" spans="1:3" x14ac:dyDescent="0.15">
      <c r="A11718">
        <v>13290</v>
      </c>
      <c r="B11718" t="s">
        <v>23386</v>
      </c>
      <c r="C11718" t="s">
        <v>23387</v>
      </c>
    </row>
    <row r="11719" spans="1:3" x14ac:dyDescent="0.15">
      <c r="A11719">
        <v>13289</v>
      </c>
      <c r="B11719" t="s">
        <v>23388</v>
      </c>
      <c r="C11719" t="s">
        <v>23389</v>
      </c>
    </row>
    <row r="11720" spans="1:3" x14ac:dyDescent="0.15">
      <c r="A11720">
        <v>13288</v>
      </c>
      <c r="B11720" t="s">
        <v>23390</v>
      </c>
      <c r="C11720" t="s">
        <v>23391</v>
      </c>
    </row>
    <row r="11721" spans="1:3" x14ac:dyDescent="0.15">
      <c r="A11721">
        <v>13287</v>
      </c>
      <c r="B11721" t="s">
        <v>23392</v>
      </c>
      <c r="C11721" t="s">
        <v>23393</v>
      </c>
    </row>
    <row r="11722" spans="1:3" x14ac:dyDescent="0.15">
      <c r="A11722">
        <v>13286</v>
      </c>
      <c r="B11722" t="s">
        <v>23394</v>
      </c>
      <c r="C11722" t="s">
        <v>23395</v>
      </c>
    </row>
    <row r="11723" spans="1:3" x14ac:dyDescent="0.15">
      <c r="A11723">
        <v>13285</v>
      </c>
      <c r="B11723" t="s">
        <v>23396</v>
      </c>
      <c r="C11723" t="s">
        <v>23397</v>
      </c>
    </row>
    <row r="11724" spans="1:3" x14ac:dyDescent="0.15">
      <c r="A11724">
        <v>13284</v>
      </c>
      <c r="B11724" t="s">
        <v>23398</v>
      </c>
      <c r="C11724" t="s">
        <v>23399</v>
      </c>
    </row>
    <row r="11725" spans="1:3" x14ac:dyDescent="0.15">
      <c r="A11725">
        <v>13283</v>
      </c>
      <c r="B11725" t="s">
        <v>23400</v>
      </c>
      <c r="C11725" t="s">
        <v>23401</v>
      </c>
    </row>
    <row r="11726" spans="1:3" x14ac:dyDescent="0.15">
      <c r="A11726">
        <v>13282</v>
      </c>
      <c r="B11726" t="s">
        <v>23402</v>
      </c>
      <c r="C11726" t="s">
        <v>23403</v>
      </c>
    </row>
    <row r="11727" spans="1:3" x14ac:dyDescent="0.15">
      <c r="A11727">
        <v>13281</v>
      </c>
      <c r="B11727" t="s">
        <v>23404</v>
      </c>
      <c r="C11727" t="s">
        <v>23405</v>
      </c>
    </row>
    <row r="11728" spans="1:3" x14ac:dyDescent="0.15">
      <c r="A11728">
        <v>13280</v>
      </c>
      <c r="B11728" t="s">
        <v>23406</v>
      </c>
      <c r="C11728" t="s">
        <v>23407</v>
      </c>
    </row>
    <row r="11729" spans="1:3" x14ac:dyDescent="0.15">
      <c r="A11729">
        <v>13279</v>
      </c>
      <c r="B11729" t="s">
        <v>23408</v>
      </c>
      <c r="C11729" t="s">
        <v>23409</v>
      </c>
    </row>
    <row r="11730" spans="1:3" x14ac:dyDescent="0.15">
      <c r="A11730">
        <v>13278</v>
      </c>
      <c r="B11730" t="s">
        <v>23410</v>
      </c>
      <c r="C11730" t="s">
        <v>23411</v>
      </c>
    </row>
    <row r="11731" spans="1:3" x14ac:dyDescent="0.15">
      <c r="A11731">
        <v>13277</v>
      </c>
      <c r="B11731" t="s">
        <v>23412</v>
      </c>
      <c r="C11731" t="s">
        <v>23413</v>
      </c>
    </row>
    <row r="11732" spans="1:3" x14ac:dyDescent="0.15">
      <c r="A11732">
        <v>13276</v>
      </c>
      <c r="B11732" t="s">
        <v>23414</v>
      </c>
      <c r="C11732" t="s">
        <v>23415</v>
      </c>
    </row>
    <row r="11733" spans="1:3" x14ac:dyDescent="0.15">
      <c r="A11733">
        <v>13275</v>
      </c>
      <c r="B11733" t="s">
        <v>23416</v>
      </c>
      <c r="C11733" t="s">
        <v>23417</v>
      </c>
    </row>
    <row r="11734" spans="1:3" x14ac:dyDescent="0.15">
      <c r="A11734">
        <v>13274</v>
      </c>
      <c r="B11734" t="s">
        <v>23418</v>
      </c>
      <c r="C11734" t="s">
        <v>23419</v>
      </c>
    </row>
    <row r="11735" spans="1:3" x14ac:dyDescent="0.15">
      <c r="A11735">
        <v>13273</v>
      </c>
      <c r="B11735" t="s">
        <v>23420</v>
      </c>
      <c r="C11735" t="s">
        <v>23421</v>
      </c>
    </row>
    <row r="11736" spans="1:3" x14ac:dyDescent="0.15">
      <c r="A11736">
        <v>13272</v>
      </c>
      <c r="B11736" t="s">
        <v>23422</v>
      </c>
      <c r="C11736" t="s">
        <v>23423</v>
      </c>
    </row>
    <row r="11737" spans="1:3" x14ac:dyDescent="0.15">
      <c r="A11737">
        <v>13271</v>
      </c>
      <c r="B11737" t="s">
        <v>23424</v>
      </c>
      <c r="C11737" t="s">
        <v>23425</v>
      </c>
    </row>
    <row r="11738" spans="1:3" x14ac:dyDescent="0.15">
      <c r="A11738">
        <v>13270</v>
      </c>
      <c r="B11738" t="s">
        <v>23426</v>
      </c>
      <c r="C11738" t="s">
        <v>23427</v>
      </c>
    </row>
    <row r="11739" spans="1:3" x14ac:dyDescent="0.15">
      <c r="A11739">
        <v>13269</v>
      </c>
      <c r="B11739" t="s">
        <v>23428</v>
      </c>
      <c r="C11739" t="s">
        <v>23429</v>
      </c>
    </row>
    <row r="11740" spans="1:3" x14ac:dyDescent="0.15">
      <c r="A11740">
        <v>13268</v>
      </c>
      <c r="B11740" t="s">
        <v>23430</v>
      </c>
      <c r="C11740" t="s">
        <v>23431</v>
      </c>
    </row>
    <row r="11741" spans="1:3" x14ac:dyDescent="0.15">
      <c r="A11741">
        <v>13267</v>
      </c>
      <c r="B11741" t="s">
        <v>23432</v>
      </c>
      <c r="C11741" t="s">
        <v>23433</v>
      </c>
    </row>
    <row r="11742" spans="1:3" x14ac:dyDescent="0.15">
      <c r="A11742">
        <v>13266</v>
      </c>
      <c r="B11742" t="s">
        <v>23434</v>
      </c>
      <c r="C11742" t="s">
        <v>23435</v>
      </c>
    </row>
    <row r="11743" spans="1:3" x14ac:dyDescent="0.15">
      <c r="A11743">
        <v>13265</v>
      </c>
      <c r="B11743" t="s">
        <v>23436</v>
      </c>
      <c r="C11743" t="s">
        <v>23437</v>
      </c>
    </row>
    <row r="11744" spans="1:3" x14ac:dyDescent="0.15">
      <c r="A11744">
        <v>13264</v>
      </c>
      <c r="B11744" t="s">
        <v>23438</v>
      </c>
      <c r="C11744" t="s">
        <v>23439</v>
      </c>
    </row>
    <row r="11745" spans="1:3" x14ac:dyDescent="0.15">
      <c r="A11745">
        <v>13263</v>
      </c>
      <c r="B11745" t="s">
        <v>23440</v>
      </c>
      <c r="C11745" t="s">
        <v>23441</v>
      </c>
    </row>
    <row r="11746" spans="1:3" x14ac:dyDescent="0.15">
      <c r="A11746">
        <v>13262</v>
      </c>
      <c r="B11746" t="s">
        <v>23442</v>
      </c>
      <c r="C11746" t="s">
        <v>23443</v>
      </c>
    </row>
    <row r="11747" spans="1:3" x14ac:dyDescent="0.15">
      <c r="A11747">
        <v>13261</v>
      </c>
      <c r="B11747" t="s">
        <v>23444</v>
      </c>
      <c r="C11747" t="s">
        <v>23445</v>
      </c>
    </row>
    <row r="11748" spans="1:3" x14ac:dyDescent="0.15">
      <c r="A11748">
        <v>13260</v>
      </c>
      <c r="B11748" t="s">
        <v>23446</v>
      </c>
      <c r="C11748" t="s">
        <v>23447</v>
      </c>
    </row>
    <row r="11749" spans="1:3" x14ac:dyDescent="0.15">
      <c r="A11749">
        <v>13259</v>
      </c>
      <c r="B11749" t="s">
        <v>23448</v>
      </c>
      <c r="C11749" t="s">
        <v>23449</v>
      </c>
    </row>
    <row r="11750" spans="1:3" x14ac:dyDescent="0.15">
      <c r="A11750">
        <v>13258</v>
      </c>
      <c r="B11750" t="s">
        <v>23450</v>
      </c>
      <c r="C11750" t="s">
        <v>23451</v>
      </c>
    </row>
    <row r="11751" spans="1:3" x14ac:dyDescent="0.15">
      <c r="A11751">
        <v>13257</v>
      </c>
      <c r="B11751" t="s">
        <v>23452</v>
      </c>
      <c r="C11751" t="s">
        <v>23453</v>
      </c>
    </row>
    <row r="11752" spans="1:3" x14ac:dyDescent="0.15">
      <c r="A11752">
        <v>13256</v>
      </c>
      <c r="B11752" t="s">
        <v>23454</v>
      </c>
      <c r="C11752" t="s">
        <v>23455</v>
      </c>
    </row>
    <row r="11753" spans="1:3" x14ac:dyDescent="0.15">
      <c r="A11753">
        <v>13255</v>
      </c>
      <c r="B11753" t="s">
        <v>23456</v>
      </c>
      <c r="C11753" t="s">
        <v>23457</v>
      </c>
    </row>
    <row r="11754" spans="1:3" x14ac:dyDescent="0.15">
      <c r="A11754">
        <v>13254</v>
      </c>
      <c r="B11754" t="s">
        <v>23458</v>
      </c>
      <c r="C11754" t="s">
        <v>23459</v>
      </c>
    </row>
    <row r="11755" spans="1:3" x14ac:dyDescent="0.15">
      <c r="A11755">
        <v>13253</v>
      </c>
      <c r="B11755" t="s">
        <v>23460</v>
      </c>
      <c r="C11755" t="s">
        <v>23461</v>
      </c>
    </row>
    <row r="11756" spans="1:3" x14ac:dyDescent="0.15">
      <c r="A11756">
        <v>13252</v>
      </c>
      <c r="B11756" t="s">
        <v>23462</v>
      </c>
      <c r="C11756" t="s">
        <v>23463</v>
      </c>
    </row>
    <row r="11757" spans="1:3" x14ac:dyDescent="0.15">
      <c r="A11757">
        <v>13251</v>
      </c>
      <c r="B11757" t="s">
        <v>23464</v>
      </c>
      <c r="C11757" t="s">
        <v>23465</v>
      </c>
    </row>
    <row r="11758" spans="1:3" x14ac:dyDescent="0.15">
      <c r="A11758">
        <v>13250</v>
      </c>
      <c r="B11758" t="s">
        <v>23466</v>
      </c>
      <c r="C11758" t="s">
        <v>23467</v>
      </c>
    </row>
    <row r="11759" spans="1:3" x14ac:dyDescent="0.15">
      <c r="A11759">
        <v>13249</v>
      </c>
      <c r="B11759" t="s">
        <v>23468</v>
      </c>
      <c r="C11759" t="s">
        <v>23469</v>
      </c>
    </row>
    <row r="11760" spans="1:3" x14ac:dyDescent="0.15">
      <c r="A11760">
        <v>13248</v>
      </c>
      <c r="B11760" t="s">
        <v>23470</v>
      </c>
      <c r="C11760" t="s">
        <v>23471</v>
      </c>
    </row>
    <row r="11761" spans="1:3" x14ac:dyDescent="0.15">
      <c r="A11761">
        <v>13247</v>
      </c>
      <c r="B11761" t="s">
        <v>23472</v>
      </c>
      <c r="C11761" t="s">
        <v>23473</v>
      </c>
    </row>
    <row r="11762" spans="1:3" x14ac:dyDescent="0.15">
      <c r="A11762">
        <v>13246</v>
      </c>
      <c r="B11762" t="s">
        <v>23474</v>
      </c>
      <c r="C11762" t="s">
        <v>23475</v>
      </c>
    </row>
    <row r="11763" spans="1:3" x14ac:dyDescent="0.15">
      <c r="A11763">
        <v>13245</v>
      </c>
      <c r="B11763" t="s">
        <v>23476</v>
      </c>
      <c r="C11763" t="s">
        <v>23477</v>
      </c>
    </row>
    <row r="11764" spans="1:3" x14ac:dyDescent="0.15">
      <c r="A11764">
        <v>13244</v>
      </c>
      <c r="B11764" t="s">
        <v>23478</v>
      </c>
      <c r="C11764" t="s">
        <v>23479</v>
      </c>
    </row>
    <row r="11765" spans="1:3" x14ac:dyDescent="0.15">
      <c r="A11765">
        <v>13243</v>
      </c>
      <c r="B11765" t="s">
        <v>23480</v>
      </c>
      <c r="C11765" t="s">
        <v>23481</v>
      </c>
    </row>
    <row r="11766" spans="1:3" x14ac:dyDescent="0.15">
      <c r="A11766">
        <v>13242</v>
      </c>
      <c r="B11766" t="s">
        <v>23482</v>
      </c>
      <c r="C11766" t="s">
        <v>23483</v>
      </c>
    </row>
    <row r="11767" spans="1:3" x14ac:dyDescent="0.15">
      <c r="A11767">
        <v>13241</v>
      </c>
      <c r="B11767" t="s">
        <v>23484</v>
      </c>
      <c r="C11767" t="s">
        <v>23485</v>
      </c>
    </row>
    <row r="11768" spans="1:3" x14ac:dyDescent="0.15">
      <c r="A11768">
        <v>13240</v>
      </c>
      <c r="B11768" t="s">
        <v>23486</v>
      </c>
      <c r="C11768" t="s">
        <v>23487</v>
      </c>
    </row>
    <row r="11769" spans="1:3" x14ac:dyDescent="0.15">
      <c r="A11769">
        <v>13239</v>
      </c>
      <c r="B11769" t="s">
        <v>23488</v>
      </c>
      <c r="C11769" t="s">
        <v>23489</v>
      </c>
    </row>
    <row r="11770" spans="1:3" x14ac:dyDescent="0.15">
      <c r="A11770">
        <v>13238</v>
      </c>
      <c r="B11770" t="s">
        <v>23490</v>
      </c>
      <c r="C11770" t="s">
        <v>23491</v>
      </c>
    </row>
    <row r="11771" spans="1:3" x14ac:dyDescent="0.15">
      <c r="A11771">
        <v>13237</v>
      </c>
      <c r="B11771" t="s">
        <v>23492</v>
      </c>
      <c r="C11771" t="s">
        <v>23493</v>
      </c>
    </row>
    <row r="11772" spans="1:3" x14ac:dyDescent="0.15">
      <c r="A11772">
        <v>13236</v>
      </c>
      <c r="B11772" t="s">
        <v>23494</v>
      </c>
      <c r="C11772" t="s">
        <v>23495</v>
      </c>
    </row>
    <row r="11773" spans="1:3" x14ac:dyDescent="0.15">
      <c r="A11773">
        <v>13235</v>
      </c>
      <c r="B11773" t="s">
        <v>23496</v>
      </c>
      <c r="C11773" t="s">
        <v>23497</v>
      </c>
    </row>
    <row r="11774" spans="1:3" x14ac:dyDescent="0.15">
      <c r="A11774">
        <v>13234</v>
      </c>
      <c r="B11774" t="s">
        <v>23498</v>
      </c>
      <c r="C11774" t="s">
        <v>23499</v>
      </c>
    </row>
    <row r="11775" spans="1:3" x14ac:dyDescent="0.15">
      <c r="A11775">
        <v>13233</v>
      </c>
      <c r="B11775" t="s">
        <v>23500</v>
      </c>
      <c r="C11775" t="s">
        <v>23501</v>
      </c>
    </row>
    <row r="11776" spans="1:3" x14ac:dyDescent="0.15">
      <c r="A11776">
        <v>13232</v>
      </c>
      <c r="B11776" t="s">
        <v>23502</v>
      </c>
      <c r="C11776" t="s">
        <v>23503</v>
      </c>
    </row>
    <row r="11777" spans="1:3" x14ac:dyDescent="0.15">
      <c r="A11777">
        <v>13231</v>
      </c>
      <c r="B11777" t="s">
        <v>23504</v>
      </c>
      <c r="C11777" t="s">
        <v>23505</v>
      </c>
    </row>
    <row r="11778" spans="1:3" x14ac:dyDescent="0.15">
      <c r="A11778">
        <v>13230</v>
      </c>
      <c r="B11778" t="s">
        <v>23506</v>
      </c>
      <c r="C11778" t="s">
        <v>23507</v>
      </c>
    </row>
    <row r="11779" spans="1:3" x14ac:dyDescent="0.15">
      <c r="A11779">
        <v>13229</v>
      </c>
      <c r="B11779" t="s">
        <v>23508</v>
      </c>
      <c r="C11779" t="s">
        <v>23509</v>
      </c>
    </row>
    <row r="11780" spans="1:3" x14ac:dyDescent="0.15">
      <c r="A11780">
        <v>13228</v>
      </c>
      <c r="B11780" t="s">
        <v>23510</v>
      </c>
      <c r="C11780" t="s">
        <v>23511</v>
      </c>
    </row>
    <row r="11781" spans="1:3" x14ac:dyDescent="0.15">
      <c r="A11781">
        <v>13227</v>
      </c>
      <c r="B11781" t="s">
        <v>23512</v>
      </c>
      <c r="C11781" t="s">
        <v>23513</v>
      </c>
    </row>
    <row r="11782" spans="1:3" x14ac:dyDescent="0.15">
      <c r="A11782">
        <v>13226</v>
      </c>
      <c r="B11782" t="s">
        <v>23514</v>
      </c>
      <c r="C11782" t="s">
        <v>23515</v>
      </c>
    </row>
    <row r="11783" spans="1:3" x14ac:dyDescent="0.15">
      <c r="A11783">
        <v>13225</v>
      </c>
      <c r="B11783" t="s">
        <v>23516</v>
      </c>
      <c r="C11783" t="s">
        <v>23517</v>
      </c>
    </row>
    <row r="11784" spans="1:3" x14ac:dyDescent="0.15">
      <c r="A11784">
        <v>13224</v>
      </c>
      <c r="B11784" t="s">
        <v>23518</v>
      </c>
      <c r="C11784" t="s">
        <v>23519</v>
      </c>
    </row>
    <row r="11785" spans="1:3" x14ac:dyDescent="0.15">
      <c r="A11785">
        <v>13223</v>
      </c>
      <c r="B11785" t="s">
        <v>23520</v>
      </c>
      <c r="C11785" t="s">
        <v>23521</v>
      </c>
    </row>
    <row r="11786" spans="1:3" x14ac:dyDescent="0.15">
      <c r="A11786">
        <v>13222</v>
      </c>
      <c r="B11786" t="s">
        <v>23522</v>
      </c>
      <c r="C11786" t="s">
        <v>23523</v>
      </c>
    </row>
    <row r="11787" spans="1:3" x14ac:dyDescent="0.15">
      <c r="A11787">
        <v>13221</v>
      </c>
      <c r="B11787" t="s">
        <v>23524</v>
      </c>
      <c r="C11787" t="s">
        <v>23525</v>
      </c>
    </row>
    <row r="11788" spans="1:3" x14ac:dyDescent="0.15">
      <c r="A11788">
        <v>13220</v>
      </c>
      <c r="B11788" t="s">
        <v>23526</v>
      </c>
      <c r="C11788" t="s">
        <v>23527</v>
      </c>
    </row>
    <row r="11789" spans="1:3" x14ac:dyDescent="0.15">
      <c r="A11789">
        <v>13219</v>
      </c>
      <c r="B11789" t="s">
        <v>23528</v>
      </c>
      <c r="C11789" t="s">
        <v>23529</v>
      </c>
    </row>
    <row r="11790" spans="1:3" x14ac:dyDescent="0.15">
      <c r="A11790">
        <v>13218</v>
      </c>
      <c r="B11790" t="s">
        <v>23530</v>
      </c>
      <c r="C11790" t="s">
        <v>23531</v>
      </c>
    </row>
    <row r="11791" spans="1:3" x14ac:dyDescent="0.15">
      <c r="A11791">
        <v>13217</v>
      </c>
      <c r="B11791" t="s">
        <v>23532</v>
      </c>
      <c r="C11791" t="s">
        <v>23533</v>
      </c>
    </row>
    <row r="11792" spans="1:3" x14ac:dyDescent="0.15">
      <c r="A11792">
        <v>13216</v>
      </c>
      <c r="B11792" t="s">
        <v>23534</v>
      </c>
      <c r="C11792" t="s">
        <v>23535</v>
      </c>
    </row>
    <row r="11793" spans="1:3" x14ac:dyDescent="0.15">
      <c r="A11793">
        <v>13215</v>
      </c>
      <c r="B11793" t="s">
        <v>23536</v>
      </c>
      <c r="C11793" t="s">
        <v>23537</v>
      </c>
    </row>
    <row r="11794" spans="1:3" x14ac:dyDescent="0.15">
      <c r="A11794">
        <v>13214</v>
      </c>
      <c r="B11794" t="s">
        <v>23538</v>
      </c>
      <c r="C11794" t="s">
        <v>23539</v>
      </c>
    </row>
    <row r="11795" spans="1:3" x14ac:dyDescent="0.15">
      <c r="A11795">
        <v>13213</v>
      </c>
      <c r="B11795" t="s">
        <v>23540</v>
      </c>
      <c r="C11795" t="s">
        <v>23541</v>
      </c>
    </row>
    <row r="11796" spans="1:3" x14ac:dyDescent="0.15">
      <c r="A11796">
        <v>13212</v>
      </c>
      <c r="B11796" t="s">
        <v>23542</v>
      </c>
      <c r="C11796" t="s">
        <v>23543</v>
      </c>
    </row>
    <row r="11797" spans="1:3" x14ac:dyDescent="0.15">
      <c r="A11797">
        <v>13211</v>
      </c>
      <c r="B11797" t="s">
        <v>23544</v>
      </c>
      <c r="C11797" t="s">
        <v>23545</v>
      </c>
    </row>
    <row r="11798" spans="1:3" x14ac:dyDescent="0.15">
      <c r="A11798">
        <v>13210</v>
      </c>
      <c r="B11798" t="s">
        <v>23546</v>
      </c>
      <c r="C11798" t="s">
        <v>23547</v>
      </c>
    </row>
    <row r="11799" spans="1:3" x14ac:dyDescent="0.15">
      <c r="A11799">
        <v>13209</v>
      </c>
      <c r="B11799" t="s">
        <v>23548</v>
      </c>
      <c r="C11799" t="s">
        <v>23549</v>
      </c>
    </row>
    <row r="11800" spans="1:3" x14ac:dyDescent="0.15">
      <c r="A11800">
        <v>13208</v>
      </c>
      <c r="B11800" t="s">
        <v>23550</v>
      </c>
      <c r="C11800" t="s">
        <v>23551</v>
      </c>
    </row>
    <row r="11801" spans="1:3" x14ac:dyDescent="0.15">
      <c r="A11801">
        <v>13207</v>
      </c>
      <c r="B11801" t="s">
        <v>23552</v>
      </c>
      <c r="C11801" t="s">
        <v>23553</v>
      </c>
    </row>
    <row r="11802" spans="1:3" x14ac:dyDescent="0.15">
      <c r="A11802">
        <v>13206</v>
      </c>
      <c r="B11802" t="s">
        <v>23554</v>
      </c>
      <c r="C11802" t="s">
        <v>23555</v>
      </c>
    </row>
    <row r="11803" spans="1:3" x14ac:dyDescent="0.15">
      <c r="A11803">
        <v>13205</v>
      </c>
      <c r="B11803" t="s">
        <v>23556</v>
      </c>
      <c r="C11803" t="s">
        <v>23557</v>
      </c>
    </row>
    <row r="11804" spans="1:3" x14ac:dyDescent="0.15">
      <c r="A11804">
        <v>13204</v>
      </c>
      <c r="B11804" t="s">
        <v>23558</v>
      </c>
      <c r="C11804" t="s">
        <v>23559</v>
      </c>
    </row>
    <row r="11805" spans="1:3" x14ac:dyDescent="0.15">
      <c r="A11805">
        <v>13203</v>
      </c>
      <c r="B11805" t="s">
        <v>23560</v>
      </c>
      <c r="C11805" t="s">
        <v>23561</v>
      </c>
    </row>
    <row r="11806" spans="1:3" x14ac:dyDescent="0.15">
      <c r="A11806">
        <v>13202</v>
      </c>
      <c r="B11806" t="s">
        <v>23562</v>
      </c>
      <c r="C11806" t="s">
        <v>23563</v>
      </c>
    </row>
    <row r="11807" spans="1:3" x14ac:dyDescent="0.15">
      <c r="A11807">
        <v>13201</v>
      </c>
      <c r="B11807" t="s">
        <v>23564</v>
      </c>
      <c r="C11807" t="s">
        <v>23565</v>
      </c>
    </row>
    <row r="11808" spans="1:3" x14ac:dyDescent="0.15">
      <c r="A11808">
        <v>13200</v>
      </c>
      <c r="B11808" t="s">
        <v>23566</v>
      </c>
      <c r="C11808" t="s">
        <v>23567</v>
      </c>
    </row>
    <row r="11809" spans="1:3" x14ac:dyDescent="0.15">
      <c r="A11809">
        <v>13199</v>
      </c>
      <c r="B11809" t="s">
        <v>23568</v>
      </c>
      <c r="C11809" t="s">
        <v>23569</v>
      </c>
    </row>
    <row r="11810" spans="1:3" x14ac:dyDescent="0.15">
      <c r="A11810">
        <v>13198</v>
      </c>
      <c r="B11810" t="s">
        <v>23570</v>
      </c>
      <c r="C11810" t="s">
        <v>23571</v>
      </c>
    </row>
    <row r="11811" spans="1:3" x14ac:dyDescent="0.15">
      <c r="A11811">
        <v>13197</v>
      </c>
      <c r="B11811" t="s">
        <v>23572</v>
      </c>
      <c r="C11811" t="s">
        <v>23573</v>
      </c>
    </row>
    <row r="11812" spans="1:3" x14ac:dyDescent="0.15">
      <c r="A11812">
        <v>13196</v>
      </c>
      <c r="B11812" t="s">
        <v>23574</v>
      </c>
      <c r="C11812" t="s">
        <v>23575</v>
      </c>
    </row>
    <row r="11813" spans="1:3" x14ac:dyDescent="0.15">
      <c r="A11813">
        <v>13195</v>
      </c>
      <c r="B11813" t="s">
        <v>23576</v>
      </c>
      <c r="C11813" t="s">
        <v>23577</v>
      </c>
    </row>
    <row r="11814" spans="1:3" x14ac:dyDescent="0.15">
      <c r="A11814">
        <v>13194</v>
      </c>
      <c r="B11814" t="s">
        <v>23578</v>
      </c>
      <c r="C11814" t="s">
        <v>23579</v>
      </c>
    </row>
    <row r="11815" spans="1:3" x14ac:dyDescent="0.15">
      <c r="A11815">
        <v>13193</v>
      </c>
      <c r="B11815" t="s">
        <v>23580</v>
      </c>
      <c r="C11815" t="s">
        <v>23581</v>
      </c>
    </row>
    <row r="11816" spans="1:3" x14ac:dyDescent="0.15">
      <c r="A11816">
        <v>13192</v>
      </c>
      <c r="B11816" t="s">
        <v>23582</v>
      </c>
      <c r="C11816" t="s">
        <v>23583</v>
      </c>
    </row>
    <row r="11817" spans="1:3" x14ac:dyDescent="0.15">
      <c r="A11817">
        <v>13191</v>
      </c>
      <c r="B11817" t="s">
        <v>23584</v>
      </c>
      <c r="C11817" t="s">
        <v>23585</v>
      </c>
    </row>
    <row r="11818" spans="1:3" x14ac:dyDescent="0.15">
      <c r="A11818">
        <v>13190</v>
      </c>
      <c r="B11818" t="s">
        <v>23586</v>
      </c>
      <c r="C11818" t="s">
        <v>23587</v>
      </c>
    </row>
    <row r="11819" spans="1:3" x14ac:dyDescent="0.15">
      <c r="A11819">
        <v>13189</v>
      </c>
      <c r="B11819" t="s">
        <v>23588</v>
      </c>
      <c r="C11819" t="s">
        <v>23589</v>
      </c>
    </row>
    <row r="11820" spans="1:3" x14ac:dyDescent="0.15">
      <c r="A11820">
        <v>13188</v>
      </c>
      <c r="B11820" t="s">
        <v>23590</v>
      </c>
      <c r="C11820" t="s">
        <v>23591</v>
      </c>
    </row>
    <row r="11821" spans="1:3" x14ac:dyDescent="0.15">
      <c r="A11821">
        <v>13187</v>
      </c>
      <c r="B11821" t="s">
        <v>23592</v>
      </c>
      <c r="C11821" t="s">
        <v>23593</v>
      </c>
    </row>
    <row r="11822" spans="1:3" x14ac:dyDescent="0.15">
      <c r="A11822">
        <v>13186</v>
      </c>
      <c r="B11822" t="s">
        <v>23594</v>
      </c>
      <c r="C11822" t="s">
        <v>23595</v>
      </c>
    </row>
    <row r="11823" spans="1:3" x14ac:dyDescent="0.15">
      <c r="A11823">
        <v>13185</v>
      </c>
      <c r="B11823" t="s">
        <v>23596</v>
      </c>
      <c r="C11823" t="s">
        <v>23597</v>
      </c>
    </row>
    <row r="11824" spans="1:3" x14ac:dyDescent="0.15">
      <c r="A11824">
        <v>13184</v>
      </c>
      <c r="B11824" t="s">
        <v>23598</v>
      </c>
      <c r="C11824" t="s">
        <v>23599</v>
      </c>
    </row>
    <row r="11825" spans="1:3" x14ac:dyDescent="0.15">
      <c r="A11825">
        <v>13183</v>
      </c>
      <c r="B11825" t="s">
        <v>23600</v>
      </c>
      <c r="C11825" t="s">
        <v>23601</v>
      </c>
    </row>
    <row r="11826" spans="1:3" x14ac:dyDescent="0.15">
      <c r="A11826">
        <v>13182</v>
      </c>
      <c r="B11826" t="s">
        <v>23602</v>
      </c>
      <c r="C11826" t="s">
        <v>23603</v>
      </c>
    </row>
    <row r="11827" spans="1:3" x14ac:dyDescent="0.15">
      <c r="A11827">
        <v>13181</v>
      </c>
      <c r="B11827" t="s">
        <v>23604</v>
      </c>
      <c r="C11827" t="s">
        <v>23605</v>
      </c>
    </row>
    <row r="11828" spans="1:3" x14ac:dyDescent="0.15">
      <c r="A11828">
        <v>13180</v>
      </c>
      <c r="B11828" t="s">
        <v>23606</v>
      </c>
      <c r="C11828" t="s">
        <v>23607</v>
      </c>
    </row>
    <row r="11829" spans="1:3" x14ac:dyDescent="0.15">
      <c r="A11829">
        <v>13179</v>
      </c>
      <c r="B11829" t="s">
        <v>23608</v>
      </c>
      <c r="C11829" t="s">
        <v>23609</v>
      </c>
    </row>
    <row r="11830" spans="1:3" x14ac:dyDescent="0.15">
      <c r="A11830">
        <v>13178</v>
      </c>
      <c r="B11830" t="s">
        <v>23610</v>
      </c>
      <c r="C11830" t="s">
        <v>23611</v>
      </c>
    </row>
    <row r="11831" spans="1:3" x14ac:dyDescent="0.15">
      <c r="A11831">
        <v>13177</v>
      </c>
      <c r="B11831" t="s">
        <v>23612</v>
      </c>
      <c r="C11831" t="s">
        <v>23613</v>
      </c>
    </row>
    <row r="11832" spans="1:3" x14ac:dyDescent="0.15">
      <c r="A11832">
        <v>13176</v>
      </c>
      <c r="B11832" t="s">
        <v>23614</v>
      </c>
      <c r="C11832" t="s">
        <v>23615</v>
      </c>
    </row>
    <row r="11833" spans="1:3" x14ac:dyDescent="0.15">
      <c r="A11833">
        <v>13175</v>
      </c>
      <c r="B11833" t="s">
        <v>23616</v>
      </c>
      <c r="C11833" t="s">
        <v>23617</v>
      </c>
    </row>
    <row r="11834" spans="1:3" x14ac:dyDescent="0.15">
      <c r="A11834">
        <v>13174</v>
      </c>
      <c r="B11834" t="s">
        <v>23618</v>
      </c>
      <c r="C11834" t="s">
        <v>23619</v>
      </c>
    </row>
    <row r="11835" spans="1:3" x14ac:dyDescent="0.15">
      <c r="A11835">
        <v>13173</v>
      </c>
      <c r="B11835" t="s">
        <v>23620</v>
      </c>
      <c r="C11835" t="s">
        <v>23621</v>
      </c>
    </row>
    <row r="11836" spans="1:3" x14ac:dyDescent="0.15">
      <c r="A11836">
        <v>13172</v>
      </c>
      <c r="B11836" t="s">
        <v>23622</v>
      </c>
      <c r="C11836" t="s">
        <v>23623</v>
      </c>
    </row>
    <row r="11837" spans="1:3" x14ac:dyDescent="0.15">
      <c r="A11837">
        <v>13171</v>
      </c>
      <c r="B11837" t="s">
        <v>23624</v>
      </c>
      <c r="C11837" t="s">
        <v>23625</v>
      </c>
    </row>
    <row r="11838" spans="1:3" x14ac:dyDescent="0.15">
      <c r="A11838">
        <v>13170</v>
      </c>
      <c r="B11838" t="s">
        <v>23626</v>
      </c>
      <c r="C11838" t="s">
        <v>23627</v>
      </c>
    </row>
    <row r="11839" spans="1:3" x14ac:dyDescent="0.15">
      <c r="A11839">
        <v>13169</v>
      </c>
      <c r="B11839" t="s">
        <v>23628</v>
      </c>
      <c r="C11839" t="s">
        <v>23629</v>
      </c>
    </row>
    <row r="11840" spans="1:3" x14ac:dyDescent="0.15">
      <c r="A11840">
        <v>13168</v>
      </c>
      <c r="B11840" t="s">
        <v>23630</v>
      </c>
      <c r="C11840" t="s">
        <v>23631</v>
      </c>
    </row>
    <row r="11841" spans="1:3" x14ac:dyDescent="0.15">
      <c r="A11841">
        <v>13167</v>
      </c>
      <c r="B11841" t="s">
        <v>23632</v>
      </c>
      <c r="C11841" t="s">
        <v>23633</v>
      </c>
    </row>
    <row r="11842" spans="1:3" x14ac:dyDescent="0.15">
      <c r="A11842">
        <v>13166</v>
      </c>
      <c r="B11842" t="s">
        <v>23634</v>
      </c>
      <c r="C11842" t="s">
        <v>23635</v>
      </c>
    </row>
    <row r="11843" spans="1:3" x14ac:dyDescent="0.15">
      <c r="A11843">
        <v>13165</v>
      </c>
      <c r="B11843" t="s">
        <v>23636</v>
      </c>
      <c r="C11843" t="s">
        <v>23637</v>
      </c>
    </row>
    <row r="11844" spans="1:3" x14ac:dyDescent="0.15">
      <c r="A11844">
        <v>13164</v>
      </c>
      <c r="B11844" t="s">
        <v>23638</v>
      </c>
      <c r="C11844" t="s">
        <v>23639</v>
      </c>
    </row>
    <row r="11845" spans="1:3" x14ac:dyDescent="0.15">
      <c r="A11845">
        <v>13163</v>
      </c>
      <c r="B11845" t="s">
        <v>23640</v>
      </c>
      <c r="C11845" t="s">
        <v>23641</v>
      </c>
    </row>
    <row r="11846" spans="1:3" x14ac:dyDescent="0.15">
      <c r="A11846">
        <v>13162</v>
      </c>
      <c r="B11846" t="s">
        <v>23642</v>
      </c>
      <c r="C11846" t="s">
        <v>23643</v>
      </c>
    </row>
    <row r="11847" spans="1:3" x14ac:dyDescent="0.15">
      <c r="A11847">
        <v>13161</v>
      </c>
      <c r="B11847" t="s">
        <v>23644</v>
      </c>
      <c r="C11847" t="s">
        <v>23645</v>
      </c>
    </row>
    <row r="11848" spans="1:3" x14ac:dyDescent="0.15">
      <c r="A11848">
        <v>13160</v>
      </c>
      <c r="B11848" t="s">
        <v>23646</v>
      </c>
      <c r="C11848" t="s">
        <v>23647</v>
      </c>
    </row>
    <row r="11849" spans="1:3" x14ac:dyDescent="0.15">
      <c r="A11849">
        <v>13159</v>
      </c>
      <c r="B11849" t="s">
        <v>23648</v>
      </c>
      <c r="C11849" t="s">
        <v>23649</v>
      </c>
    </row>
    <row r="11850" spans="1:3" x14ac:dyDescent="0.15">
      <c r="A11850">
        <v>13158</v>
      </c>
      <c r="B11850" t="s">
        <v>23650</v>
      </c>
      <c r="C11850" t="s">
        <v>23651</v>
      </c>
    </row>
    <row r="11851" spans="1:3" x14ac:dyDescent="0.15">
      <c r="A11851">
        <v>13157</v>
      </c>
      <c r="B11851" t="s">
        <v>23652</v>
      </c>
      <c r="C11851" t="s">
        <v>23653</v>
      </c>
    </row>
    <row r="11852" spans="1:3" x14ac:dyDescent="0.15">
      <c r="A11852">
        <v>13156</v>
      </c>
      <c r="B11852" t="s">
        <v>23654</v>
      </c>
      <c r="C11852" t="s">
        <v>23655</v>
      </c>
    </row>
    <row r="11853" spans="1:3" x14ac:dyDescent="0.15">
      <c r="A11853">
        <v>13155</v>
      </c>
      <c r="B11853" t="s">
        <v>23656</v>
      </c>
      <c r="C11853" t="s">
        <v>23657</v>
      </c>
    </row>
    <row r="11854" spans="1:3" x14ac:dyDescent="0.15">
      <c r="A11854">
        <v>13154</v>
      </c>
      <c r="B11854" t="s">
        <v>23658</v>
      </c>
      <c r="C11854" t="s">
        <v>23659</v>
      </c>
    </row>
    <row r="11855" spans="1:3" x14ac:dyDescent="0.15">
      <c r="A11855">
        <v>13153</v>
      </c>
      <c r="B11855" t="s">
        <v>23660</v>
      </c>
      <c r="C11855" t="s">
        <v>23661</v>
      </c>
    </row>
    <row r="11856" spans="1:3" x14ac:dyDescent="0.15">
      <c r="A11856">
        <v>13152</v>
      </c>
      <c r="B11856" t="s">
        <v>23662</v>
      </c>
      <c r="C11856" t="s">
        <v>23663</v>
      </c>
    </row>
    <row r="11857" spans="1:3" x14ac:dyDescent="0.15">
      <c r="A11857">
        <v>13151</v>
      </c>
      <c r="B11857" t="s">
        <v>23664</v>
      </c>
      <c r="C11857" t="s">
        <v>23665</v>
      </c>
    </row>
    <row r="11858" spans="1:3" x14ac:dyDescent="0.15">
      <c r="A11858">
        <v>13150</v>
      </c>
      <c r="B11858" t="s">
        <v>23666</v>
      </c>
      <c r="C11858" t="s">
        <v>23667</v>
      </c>
    </row>
    <row r="11859" spans="1:3" x14ac:dyDescent="0.15">
      <c r="A11859">
        <v>13149</v>
      </c>
      <c r="B11859" t="s">
        <v>23668</v>
      </c>
      <c r="C11859" t="s">
        <v>23669</v>
      </c>
    </row>
    <row r="11860" spans="1:3" x14ac:dyDescent="0.15">
      <c r="A11860">
        <v>13148</v>
      </c>
      <c r="B11860" t="s">
        <v>23670</v>
      </c>
      <c r="C11860" t="s">
        <v>23671</v>
      </c>
    </row>
    <row r="11861" spans="1:3" x14ac:dyDescent="0.15">
      <c r="A11861">
        <v>13147</v>
      </c>
      <c r="B11861" t="s">
        <v>23672</v>
      </c>
      <c r="C11861" t="s">
        <v>23673</v>
      </c>
    </row>
    <row r="11862" spans="1:3" x14ac:dyDescent="0.15">
      <c r="A11862">
        <v>13146</v>
      </c>
      <c r="B11862" t="s">
        <v>23674</v>
      </c>
      <c r="C11862" t="s">
        <v>23675</v>
      </c>
    </row>
    <row r="11863" spans="1:3" x14ac:dyDescent="0.15">
      <c r="A11863">
        <v>13145</v>
      </c>
      <c r="B11863" t="s">
        <v>23676</v>
      </c>
      <c r="C11863" t="s">
        <v>23677</v>
      </c>
    </row>
    <row r="11864" spans="1:3" x14ac:dyDescent="0.15">
      <c r="A11864">
        <v>13144</v>
      </c>
      <c r="B11864" t="s">
        <v>23678</v>
      </c>
      <c r="C11864" t="s">
        <v>23679</v>
      </c>
    </row>
    <row r="11865" spans="1:3" x14ac:dyDescent="0.15">
      <c r="A11865">
        <v>13143</v>
      </c>
      <c r="B11865" t="s">
        <v>23680</v>
      </c>
      <c r="C11865" t="s">
        <v>23681</v>
      </c>
    </row>
    <row r="11866" spans="1:3" x14ac:dyDescent="0.15">
      <c r="A11866">
        <v>13142</v>
      </c>
      <c r="B11866" t="s">
        <v>23682</v>
      </c>
      <c r="C11866" t="s">
        <v>23683</v>
      </c>
    </row>
    <row r="11867" spans="1:3" x14ac:dyDescent="0.15">
      <c r="A11867">
        <v>13141</v>
      </c>
      <c r="B11867" t="s">
        <v>23684</v>
      </c>
      <c r="C11867" t="s">
        <v>23685</v>
      </c>
    </row>
    <row r="11868" spans="1:3" x14ac:dyDescent="0.15">
      <c r="A11868">
        <v>13140</v>
      </c>
      <c r="B11868" t="s">
        <v>23686</v>
      </c>
      <c r="C11868" t="s">
        <v>23687</v>
      </c>
    </row>
    <row r="11869" spans="1:3" x14ac:dyDescent="0.15">
      <c r="A11869">
        <v>13139</v>
      </c>
      <c r="B11869" t="s">
        <v>23688</v>
      </c>
      <c r="C11869" t="s">
        <v>23689</v>
      </c>
    </row>
    <row r="11870" spans="1:3" x14ac:dyDescent="0.15">
      <c r="A11870">
        <v>13138</v>
      </c>
      <c r="B11870" t="s">
        <v>23690</v>
      </c>
      <c r="C11870" t="s">
        <v>23691</v>
      </c>
    </row>
    <row r="11871" spans="1:3" x14ac:dyDescent="0.15">
      <c r="A11871">
        <v>13137</v>
      </c>
      <c r="B11871" t="s">
        <v>23692</v>
      </c>
      <c r="C11871" t="s">
        <v>23693</v>
      </c>
    </row>
    <row r="11872" spans="1:3" x14ac:dyDescent="0.15">
      <c r="A11872">
        <v>13136</v>
      </c>
      <c r="B11872" t="s">
        <v>23694</v>
      </c>
      <c r="C11872" t="s">
        <v>23695</v>
      </c>
    </row>
    <row r="11873" spans="1:3" x14ac:dyDescent="0.15">
      <c r="A11873">
        <v>13135</v>
      </c>
      <c r="B11873" t="s">
        <v>23696</v>
      </c>
      <c r="C11873" t="s">
        <v>23697</v>
      </c>
    </row>
    <row r="11874" spans="1:3" x14ac:dyDescent="0.15">
      <c r="A11874">
        <v>13134</v>
      </c>
      <c r="B11874" t="s">
        <v>23698</v>
      </c>
      <c r="C11874" t="s">
        <v>23699</v>
      </c>
    </row>
    <row r="11875" spans="1:3" x14ac:dyDescent="0.15">
      <c r="A11875">
        <v>13133</v>
      </c>
      <c r="B11875" t="s">
        <v>23700</v>
      </c>
      <c r="C11875" t="s">
        <v>23701</v>
      </c>
    </row>
    <row r="11876" spans="1:3" x14ac:dyDescent="0.15">
      <c r="A11876">
        <v>13132</v>
      </c>
      <c r="B11876" t="s">
        <v>23702</v>
      </c>
      <c r="C11876" t="s">
        <v>23703</v>
      </c>
    </row>
    <row r="11877" spans="1:3" x14ac:dyDescent="0.15">
      <c r="A11877">
        <v>13131</v>
      </c>
      <c r="B11877" t="s">
        <v>23704</v>
      </c>
      <c r="C11877" t="s">
        <v>23705</v>
      </c>
    </row>
    <row r="11878" spans="1:3" x14ac:dyDescent="0.15">
      <c r="A11878">
        <v>13130</v>
      </c>
      <c r="B11878" t="s">
        <v>23706</v>
      </c>
      <c r="C11878" t="s">
        <v>23707</v>
      </c>
    </row>
    <row r="11879" spans="1:3" x14ac:dyDescent="0.15">
      <c r="A11879">
        <v>13129</v>
      </c>
      <c r="B11879" t="s">
        <v>23708</v>
      </c>
      <c r="C11879" t="s">
        <v>23709</v>
      </c>
    </row>
    <row r="11880" spans="1:3" x14ac:dyDescent="0.15">
      <c r="A11880">
        <v>13128</v>
      </c>
      <c r="B11880" t="s">
        <v>23710</v>
      </c>
      <c r="C11880" t="s">
        <v>23711</v>
      </c>
    </row>
    <row r="11881" spans="1:3" x14ac:dyDescent="0.15">
      <c r="A11881">
        <v>13127</v>
      </c>
      <c r="B11881" t="s">
        <v>23712</v>
      </c>
      <c r="C11881" t="s">
        <v>23713</v>
      </c>
    </row>
    <row r="11882" spans="1:3" x14ac:dyDescent="0.15">
      <c r="A11882">
        <v>13126</v>
      </c>
      <c r="B11882" t="s">
        <v>23714</v>
      </c>
      <c r="C11882" t="s">
        <v>23715</v>
      </c>
    </row>
    <row r="11883" spans="1:3" x14ac:dyDescent="0.15">
      <c r="A11883">
        <v>13125</v>
      </c>
      <c r="B11883" t="s">
        <v>23716</v>
      </c>
      <c r="C11883" t="s">
        <v>23717</v>
      </c>
    </row>
    <row r="11884" spans="1:3" x14ac:dyDescent="0.15">
      <c r="A11884">
        <v>13124</v>
      </c>
      <c r="B11884" t="s">
        <v>23718</v>
      </c>
      <c r="C11884" t="s">
        <v>23719</v>
      </c>
    </row>
    <row r="11885" spans="1:3" x14ac:dyDescent="0.15">
      <c r="A11885">
        <v>13123</v>
      </c>
      <c r="B11885" t="s">
        <v>23720</v>
      </c>
      <c r="C11885" t="s">
        <v>23721</v>
      </c>
    </row>
    <row r="11886" spans="1:3" x14ac:dyDescent="0.15">
      <c r="A11886">
        <v>13122</v>
      </c>
      <c r="B11886" t="s">
        <v>23722</v>
      </c>
      <c r="C11886" t="s">
        <v>23723</v>
      </c>
    </row>
    <row r="11887" spans="1:3" x14ac:dyDescent="0.15">
      <c r="A11887">
        <v>13121</v>
      </c>
      <c r="B11887" t="s">
        <v>23724</v>
      </c>
      <c r="C11887" t="s">
        <v>23725</v>
      </c>
    </row>
    <row r="11888" spans="1:3" x14ac:dyDescent="0.15">
      <c r="A11888">
        <v>13120</v>
      </c>
      <c r="B11888" t="s">
        <v>23726</v>
      </c>
      <c r="C11888" t="s">
        <v>23727</v>
      </c>
    </row>
    <row r="11889" spans="1:3" x14ac:dyDescent="0.15">
      <c r="A11889">
        <v>13119</v>
      </c>
      <c r="B11889" t="s">
        <v>23728</v>
      </c>
      <c r="C11889" t="s">
        <v>23729</v>
      </c>
    </row>
    <row r="11890" spans="1:3" x14ac:dyDescent="0.15">
      <c r="A11890">
        <v>13118</v>
      </c>
      <c r="B11890" t="s">
        <v>23730</v>
      </c>
      <c r="C11890" t="s">
        <v>23731</v>
      </c>
    </row>
    <row r="11891" spans="1:3" x14ac:dyDescent="0.15">
      <c r="A11891">
        <v>13117</v>
      </c>
      <c r="B11891" t="s">
        <v>23732</v>
      </c>
      <c r="C11891" t="s">
        <v>23733</v>
      </c>
    </row>
    <row r="11892" spans="1:3" x14ac:dyDescent="0.15">
      <c r="A11892">
        <v>13116</v>
      </c>
      <c r="B11892" t="s">
        <v>23734</v>
      </c>
      <c r="C11892" t="s">
        <v>23735</v>
      </c>
    </row>
    <row r="11893" spans="1:3" x14ac:dyDescent="0.15">
      <c r="A11893">
        <v>13115</v>
      </c>
      <c r="B11893" t="s">
        <v>23736</v>
      </c>
      <c r="C11893" t="s">
        <v>23737</v>
      </c>
    </row>
    <row r="11894" spans="1:3" x14ac:dyDescent="0.15">
      <c r="A11894">
        <v>13114</v>
      </c>
      <c r="B11894" t="s">
        <v>23738</v>
      </c>
      <c r="C11894" t="s">
        <v>23739</v>
      </c>
    </row>
    <row r="11895" spans="1:3" x14ac:dyDescent="0.15">
      <c r="A11895">
        <v>13113</v>
      </c>
      <c r="B11895" t="s">
        <v>23740</v>
      </c>
      <c r="C11895" t="s">
        <v>23741</v>
      </c>
    </row>
    <row r="11896" spans="1:3" x14ac:dyDescent="0.15">
      <c r="A11896">
        <v>13112</v>
      </c>
      <c r="B11896" t="s">
        <v>23742</v>
      </c>
      <c r="C11896" t="s">
        <v>23743</v>
      </c>
    </row>
    <row r="11897" spans="1:3" x14ac:dyDescent="0.15">
      <c r="A11897">
        <v>13111</v>
      </c>
      <c r="B11897" t="s">
        <v>23744</v>
      </c>
      <c r="C11897" t="s">
        <v>23745</v>
      </c>
    </row>
    <row r="11898" spans="1:3" x14ac:dyDescent="0.15">
      <c r="A11898">
        <v>13110</v>
      </c>
      <c r="B11898" t="s">
        <v>23746</v>
      </c>
      <c r="C11898" t="s">
        <v>23747</v>
      </c>
    </row>
    <row r="11899" spans="1:3" x14ac:dyDescent="0.15">
      <c r="A11899">
        <v>13109</v>
      </c>
      <c r="B11899" t="s">
        <v>23748</v>
      </c>
      <c r="C11899" t="s">
        <v>23749</v>
      </c>
    </row>
    <row r="11900" spans="1:3" x14ac:dyDescent="0.15">
      <c r="A11900">
        <v>13108</v>
      </c>
      <c r="B11900" t="s">
        <v>23750</v>
      </c>
      <c r="C11900" t="s">
        <v>23751</v>
      </c>
    </row>
    <row r="11901" spans="1:3" x14ac:dyDescent="0.15">
      <c r="A11901">
        <v>13107</v>
      </c>
      <c r="B11901" t="s">
        <v>23752</v>
      </c>
      <c r="C11901" t="s">
        <v>23753</v>
      </c>
    </row>
    <row r="11902" spans="1:3" x14ac:dyDescent="0.15">
      <c r="A11902">
        <v>13106</v>
      </c>
      <c r="B11902" t="s">
        <v>23754</v>
      </c>
      <c r="C11902" t="s">
        <v>23755</v>
      </c>
    </row>
    <row r="11903" spans="1:3" x14ac:dyDescent="0.15">
      <c r="A11903">
        <v>13105</v>
      </c>
      <c r="B11903" t="s">
        <v>23756</v>
      </c>
      <c r="C11903" t="s">
        <v>23757</v>
      </c>
    </row>
    <row r="11904" spans="1:3" x14ac:dyDescent="0.15">
      <c r="A11904">
        <v>13104</v>
      </c>
      <c r="B11904" t="s">
        <v>23758</v>
      </c>
      <c r="C11904" t="s">
        <v>23759</v>
      </c>
    </row>
    <row r="11905" spans="1:3" x14ac:dyDescent="0.15">
      <c r="A11905">
        <v>13103</v>
      </c>
      <c r="B11905" t="s">
        <v>23760</v>
      </c>
      <c r="C11905" t="s">
        <v>23761</v>
      </c>
    </row>
    <row r="11906" spans="1:3" x14ac:dyDescent="0.15">
      <c r="A11906">
        <v>13102</v>
      </c>
      <c r="B11906" t="s">
        <v>23762</v>
      </c>
      <c r="C11906" t="s">
        <v>23763</v>
      </c>
    </row>
    <row r="11907" spans="1:3" x14ac:dyDescent="0.15">
      <c r="A11907">
        <v>13101</v>
      </c>
      <c r="B11907" t="s">
        <v>23764</v>
      </c>
      <c r="C11907" t="s">
        <v>23765</v>
      </c>
    </row>
    <row r="11908" spans="1:3" x14ac:dyDescent="0.15">
      <c r="A11908">
        <v>13100</v>
      </c>
      <c r="B11908" t="s">
        <v>23766</v>
      </c>
      <c r="C11908" t="s">
        <v>23767</v>
      </c>
    </row>
    <row r="11909" spans="1:3" x14ac:dyDescent="0.15">
      <c r="A11909">
        <v>13099</v>
      </c>
      <c r="B11909" t="s">
        <v>23768</v>
      </c>
      <c r="C11909" t="s">
        <v>23769</v>
      </c>
    </row>
    <row r="11910" spans="1:3" x14ac:dyDescent="0.15">
      <c r="A11910">
        <v>13098</v>
      </c>
      <c r="B11910" t="s">
        <v>23770</v>
      </c>
      <c r="C11910" t="s">
        <v>23771</v>
      </c>
    </row>
    <row r="11911" spans="1:3" x14ac:dyDescent="0.15">
      <c r="A11911">
        <v>13097</v>
      </c>
      <c r="B11911" t="s">
        <v>23772</v>
      </c>
      <c r="C11911" t="s">
        <v>23773</v>
      </c>
    </row>
    <row r="11912" spans="1:3" x14ac:dyDescent="0.15">
      <c r="A11912">
        <v>13096</v>
      </c>
      <c r="B11912" t="s">
        <v>23774</v>
      </c>
      <c r="C11912" t="s">
        <v>23775</v>
      </c>
    </row>
    <row r="11913" spans="1:3" x14ac:dyDescent="0.15">
      <c r="A11913">
        <v>13095</v>
      </c>
      <c r="B11913" t="s">
        <v>23776</v>
      </c>
      <c r="C11913" t="s">
        <v>23777</v>
      </c>
    </row>
    <row r="11914" spans="1:3" x14ac:dyDescent="0.15">
      <c r="A11914">
        <v>13094</v>
      </c>
      <c r="B11914" t="s">
        <v>23778</v>
      </c>
      <c r="C11914" t="s">
        <v>23779</v>
      </c>
    </row>
    <row r="11915" spans="1:3" x14ac:dyDescent="0.15">
      <c r="A11915">
        <v>13093</v>
      </c>
      <c r="B11915" t="s">
        <v>23780</v>
      </c>
      <c r="C11915" t="s">
        <v>23781</v>
      </c>
    </row>
    <row r="11916" spans="1:3" x14ac:dyDescent="0.15">
      <c r="A11916">
        <v>13092</v>
      </c>
      <c r="B11916" t="s">
        <v>23782</v>
      </c>
      <c r="C11916" t="s">
        <v>23783</v>
      </c>
    </row>
    <row r="11917" spans="1:3" x14ac:dyDescent="0.15">
      <c r="A11917">
        <v>13091</v>
      </c>
      <c r="B11917" t="s">
        <v>23784</v>
      </c>
      <c r="C11917" t="s">
        <v>23785</v>
      </c>
    </row>
    <row r="11918" spans="1:3" x14ac:dyDescent="0.15">
      <c r="A11918">
        <v>13090</v>
      </c>
      <c r="B11918" t="s">
        <v>23786</v>
      </c>
      <c r="C11918" t="s">
        <v>23787</v>
      </c>
    </row>
    <row r="11919" spans="1:3" x14ac:dyDescent="0.15">
      <c r="A11919">
        <v>13089</v>
      </c>
      <c r="B11919" t="s">
        <v>23788</v>
      </c>
      <c r="C11919" t="s">
        <v>23789</v>
      </c>
    </row>
    <row r="11920" spans="1:3" x14ac:dyDescent="0.15">
      <c r="A11920">
        <v>13088</v>
      </c>
      <c r="B11920" t="s">
        <v>23790</v>
      </c>
      <c r="C11920" t="s">
        <v>23791</v>
      </c>
    </row>
    <row r="11921" spans="1:3" x14ac:dyDescent="0.15">
      <c r="A11921">
        <v>13087</v>
      </c>
      <c r="B11921" t="s">
        <v>23792</v>
      </c>
      <c r="C11921" t="s">
        <v>23793</v>
      </c>
    </row>
    <row r="11922" spans="1:3" x14ac:dyDescent="0.15">
      <c r="A11922">
        <v>13086</v>
      </c>
      <c r="B11922" t="s">
        <v>23794</v>
      </c>
      <c r="C11922" t="s">
        <v>23795</v>
      </c>
    </row>
    <row r="11923" spans="1:3" x14ac:dyDescent="0.15">
      <c r="A11923">
        <v>13085</v>
      </c>
      <c r="B11923" t="s">
        <v>23796</v>
      </c>
      <c r="C11923" t="s">
        <v>23797</v>
      </c>
    </row>
    <row r="11924" spans="1:3" x14ac:dyDescent="0.15">
      <c r="A11924">
        <v>13084</v>
      </c>
      <c r="B11924" t="s">
        <v>23798</v>
      </c>
      <c r="C11924" t="s">
        <v>23799</v>
      </c>
    </row>
    <row r="11925" spans="1:3" x14ac:dyDescent="0.15">
      <c r="A11925">
        <v>13083</v>
      </c>
      <c r="B11925" t="s">
        <v>23800</v>
      </c>
      <c r="C11925" t="s">
        <v>23801</v>
      </c>
    </row>
    <row r="11926" spans="1:3" x14ac:dyDescent="0.15">
      <c r="A11926">
        <v>13082</v>
      </c>
      <c r="B11926" t="s">
        <v>23802</v>
      </c>
      <c r="C11926" t="s">
        <v>23803</v>
      </c>
    </row>
    <row r="11927" spans="1:3" x14ac:dyDescent="0.15">
      <c r="A11927">
        <v>13081</v>
      </c>
      <c r="B11927" t="s">
        <v>23804</v>
      </c>
      <c r="C11927" t="s">
        <v>23805</v>
      </c>
    </row>
    <row r="11928" spans="1:3" x14ac:dyDescent="0.15">
      <c r="A11928">
        <v>13080</v>
      </c>
      <c r="B11928" t="s">
        <v>23806</v>
      </c>
      <c r="C11928" t="s">
        <v>23807</v>
      </c>
    </row>
    <row r="11929" spans="1:3" x14ac:dyDescent="0.15">
      <c r="A11929">
        <v>13079</v>
      </c>
      <c r="B11929" t="s">
        <v>23808</v>
      </c>
      <c r="C11929" t="s">
        <v>23809</v>
      </c>
    </row>
    <row r="11930" spans="1:3" x14ac:dyDescent="0.15">
      <c r="A11930">
        <v>13078</v>
      </c>
      <c r="B11930" t="s">
        <v>23810</v>
      </c>
      <c r="C11930" t="s">
        <v>23811</v>
      </c>
    </row>
    <row r="11931" spans="1:3" x14ac:dyDescent="0.15">
      <c r="A11931">
        <v>13077</v>
      </c>
      <c r="B11931" t="s">
        <v>23812</v>
      </c>
      <c r="C11931" t="s">
        <v>23813</v>
      </c>
    </row>
    <row r="11932" spans="1:3" x14ac:dyDescent="0.15">
      <c r="A11932">
        <v>13076</v>
      </c>
      <c r="B11932" t="s">
        <v>23814</v>
      </c>
      <c r="C11932" t="s">
        <v>23815</v>
      </c>
    </row>
    <row r="11933" spans="1:3" x14ac:dyDescent="0.15">
      <c r="A11933">
        <v>13075</v>
      </c>
      <c r="B11933" t="s">
        <v>23816</v>
      </c>
      <c r="C11933" t="s">
        <v>23817</v>
      </c>
    </row>
    <row r="11934" spans="1:3" x14ac:dyDescent="0.15">
      <c r="A11934">
        <v>13074</v>
      </c>
      <c r="B11934" t="s">
        <v>23818</v>
      </c>
      <c r="C11934" t="s">
        <v>23819</v>
      </c>
    </row>
    <row r="11935" spans="1:3" x14ac:dyDescent="0.15">
      <c r="A11935">
        <v>13073</v>
      </c>
      <c r="B11935" t="s">
        <v>23820</v>
      </c>
      <c r="C11935" t="s">
        <v>23821</v>
      </c>
    </row>
    <row r="11936" spans="1:3" x14ac:dyDescent="0.15">
      <c r="A11936">
        <v>13072</v>
      </c>
      <c r="B11936" t="s">
        <v>23822</v>
      </c>
      <c r="C11936" t="s">
        <v>23823</v>
      </c>
    </row>
    <row r="11937" spans="1:3" x14ac:dyDescent="0.15">
      <c r="A11937">
        <v>13071</v>
      </c>
      <c r="B11937" t="s">
        <v>23824</v>
      </c>
      <c r="C11937" t="s">
        <v>23825</v>
      </c>
    </row>
    <row r="11938" spans="1:3" x14ac:dyDescent="0.15">
      <c r="A11938">
        <v>13070</v>
      </c>
      <c r="B11938" t="s">
        <v>23826</v>
      </c>
      <c r="C11938" t="s">
        <v>23827</v>
      </c>
    </row>
    <row r="11939" spans="1:3" x14ac:dyDescent="0.15">
      <c r="A11939">
        <v>13069</v>
      </c>
      <c r="B11939" t="s">
        <v>23828</v>
      </c>
      <c r="C11939" t="s">
        <v>23829</v>
      </c>
    </row>
    <row r="11940" spans="1:3" x14ac:dyDescent="0.15">
      <c r="A11940">
        <v>13068</v>
      </c>
      <c r="B11940" t="s">
        <v>23830</v>
      </c>
      <c r="C11940" t="s">
        <v>23831</v>
      </c>
    </row>
    <row r="11941" spans="1:3" x14ac:dyDescent="0.15">
      <c r="A11941">
        <v>13067</v>
      </c>
      <c r="B11941" t="s">
        <v>23832</v>
      </c>
      <c r="C11941" t="s">
        <v>23833</v>
      </c>
    </row>
    <row r="11942" spans="1:3" x14ac:dyDescent="0.15">
      <c r="A11942">
        <v>13066</v>
      </c>
      <c r="B11942" t="s">
        <v>23834</v>
      </c>
      <c r="C11942" t="s">
        <v>23835</v>
      </c>
    </row>
    <row r="11943" spans="1:3" x14ac:dyDescent="0.15">
      <c r="A11943">
        <v>13065</v>
      </c>
      <c r="B11943" t="s">
        <v>23836</v>
      </c>
      <c r="C11943" t="s">
        <v>23837</v>
      </c>
    </row>
    <row r="11944" spans="1:3" x14ac:dyDescent="0.15">
      <c r="A11944">
        <v>13064</v>
      </c>
      <c r="B11944" t="s">
        <v>23838</v>
      </c>
      <c r="C11944" t="s">
        <v>23839</v>
      </c>
    </row>
    <row r="11945" spans="1:3" x14ac:dyDescent="0.15">
      <c r="A11945">
        <v>13063</v>
      </c>
      <c r="B11945" t="s">
        <v>23840</v>
      </c>
      <c r="C11945" t="s">
        <v>23841</v>
      </c>
    </row>
    <row r="11946" spans="1:3" x14ac:dyDescent="0.15">
      <c r="A11946">
        <v>13062</v>
      </c>
      <c r="B11946" t="s">
        <v>23842</v>
      </c>
      <c r="C11946" t="s">
        <v>23843</v>
      </c>
    </row>
    <row r="11947" spans="1:3" x14ac:dyDescent="0.15">
      <c r="A11947">
        <v>13061</v>
      </c>
      <c r="B11947" t="s">
        <v>23844</v>
      </c>
      <c r="C11947" t="s">
        <v>23845</v>
      </c>
    </row>
    <row r="11948" spans="1:3" x14ac:dyDescent="0.15">
      <c r="A11948">
        <v>13060</v>
      </c>
      <c r="B11948" t="s">
        <v>23846</v>
      </c>
      <c r="C11948" t="s">
        <v>23847</v>
      </c>
    </row>
    <row r="11949" spans="1:3" x14ac:dyDescent="0.15">
      <c r="A11949">
        <v>13059</v>
      </c>
      <c r="B11949" t="s">
        <v>23848</v>
      </c>
      <c r="C11949" t="s">
        <v>23849</v>
      </c>
    </row>
    <row r="11950" spans="1:3" x14ac:dyDescent="0.15">
      <c r="A11950">
        <v>13058</v>
      </c>
      <c r="B11950" t="s">
        <v>23850</v>
      </c>
      <c r="C11950" t="s">
        <v>23851</v>
      </c>
    </row>
    <row r="11951" spans="1:3" x14ac:dyDescent="0.15">
      <c r="A11951">
        <v>13057</v>
      </c>
      <c r="B11951" t="s">
        <v>23852</v>
      </c>
      <c r="C11951" t="s">
        <v>23853</v>
      </c>
    </row>
    <row r="11952" spans="1:3" x14ac:dyDescent="0.15">
      <c r="A11952">
        <v>13056</v>
      </c>
      <c r="B11952" t="s">
        <v>23854</v>
      </c>
      <c r="C11952" t="s">
        <v>23855</v>
      </c>
    </row>
    <row r="11953" spans="1:3" x14ac:dyDescent="0.15">
      <c r="A11953">
        <v>13055</v>
      </c>
      <c r="B11953" t="s">
        <v>23856</v>
      </c>
      <c r="C11953" t="s">
        <v>23857</v>
      </c>
    </row>
    <row r="11954" spans="1:3" x14ac:dyDescent="0.15">
      <c r="A11954">
        <v>13054</v>
      </c>
      <c r="B11954" t="s">
        <v>23858</v>
      </c>
      <c r="C11954" t="s">
        <v>23859</v>
      </c>
    </row>
    <row r="11955" spans="1:3" x14ac:dyDescent="0.15">
      <c r="A11955">
        <v>13053</v>
      </c>
      <c r="B11955" t="s">
        <v>23860</v>
      </c>
      <c r="C11955" t="s">
        <v>23861</v>
      </c>
    </row>
    <row r="11956" spans="1:3" x14ac:dyDescent="0.15">
      <c r="A11956">
        <v>13052</v>
      </c>
      <c r="B11956" t="s">
        <v>23862</v>
      </c>
      <c r="C11956" t="s">
        <v>23863</v>
      </c>
    </row>
    <row r="11957" spans="1:3" x14ac:dyDescent="0.15">
      <c r="A11957">
        <v>13051</v>
      </c>
      <c r="B11957" t="s">
        <v>23864</v>
      </c>
      <c r="C11957" t="s">
        <v>23865</v>
      </c>
    </row>
    <row r="11958" spans="1:3" x14ac:dyDescent="0.15">
      <c r="A11958">
        <v>13050</v>
      </c>
      <c r="B11958" t="s">
        <v>23866</v>
      </c>
      <c r="C11958" t="s">
        <v>23867</v>
      </c>
    </row>
    <row r="11959" spans="1:3" x14ac:dyDescent="0.15">
      <c r="A11959">
        <v>13049</v>
      </c>
      <c r="B11959" t="s">
        <v>23868</v>
      </c>
      <c r="C11959" t="s">
        <v>23869</v>
      </c>
    </row>
    <row r="11960" spans="1:3" x14ac:dyDescent="0.15">
      <c r="A11960">
        <v>13048</v>
      </c>
      <c r="B11960" t="s">
        <v>23870</v>
      </c>
      <c r="C11960" t="s">
        <v>23871</v>
      </c>
    </row>
    <row r="11961" spans="1:3" x14ac:dyDescent="0.15">
      <c r="A11961">
        <v>13047</v>
      </c>
      <c r="B11961" t="s">
        <v>23872</v>
      </c>
      <c r="C11961" t="s">
        <v>23873</v>
      </c>
    </row>
    <row r="11962" spans="1:3" x14ac:dyDescent="0.15">
      <c r="A11962">
        <v>13046</v>
      </c>
      <c r="B11962" t="s">
        <v>23874</v>
      </c>
      <c r="C11962" t="s">
        <v>23875</v>
      </c>
    </row>
    <row r="11963" spans="1:3" x14ac:dyDescent="0.15">
      <c r="A11963">
        <v>13045</v>
      </c>
      <c r="B11963" t="s">
        <v>23876</v>
      </c>
      <c r="C11963" t="s">
        <v>23877</v>
      </c>
    </row>
    <row r="11964" spans="1:3" x14ac:dyDescent="0.15">
      <c r="A11964">
        <v>13044</v>
      </c>
      <c r="B11964" t="s">
        <v>23878</v>
      </c>
      <c r="C11964" t="s">
        <v>23879</v>
      </c>
    </row>
    <row r="11965" spans="1:3" x14ac:dyDescent="0.15">
      <c r="A11965">
        <v>13043</v>
      </c>
      <c r="B11965" t="s">
        <v>23880</v>
      </c>
      <c r="C11965" t="s">
        <v>23881</v>
      </c>
    </row>
    <row r="11966" spans="1:3" x14ac:dyDescent="0.15">
      <c r="A11966">
        <v>13042</v>
      </c>
      <c r="B11966" t="s">
        <v>23882</v>
      </c>
      <c r="C11966" t="s">
        <v>23883</v>
      </c>
    </row>
    <row r="11967" spans="1:3" x14ac:dyDescent="0.15">
      <c r="A11967">
        <v>13041</v>
      </c>
      <c r="B11967" t="s">
        <v>23884</v>
      </c>
      <c r="C11967" t="s">
        <v>23885</v>
      </c>
    </row>
    <row r="11968" spans="1:3" x14ac:dyDescent="0.15">
      <c r="A11968">
        <v>13040</v>
      </c>
      <c r="B11968" t="s">
        <v>23886</v>
      </c>
      <c r="C11968" t="s">
        <v>23887</v>
      </c>
    </row>
    <row r="11969" spans="1:3" x14ac:dyDescent="0.15">
      <c r="A11969">
        <v>13039</v>
      </c>
      <c r="B11969" t="s">
        <v>23888</v>
      </c>
      <c r="C11969" t="s">
        <v>23889</v>
      </c>
    </row>
    <row r="11970" spans="1:3" x14ac:dyDescent="0.15">
      <c r="A11970">
        <v>13038</v>
      </c>
      <c r="B11970" t="s">
        <v>23890</v>
      </c>
      <c r="C11970" t="s">
        <v>23891</v>
      </c>
    </row>
    <row r="11971" spans="1:3" x14ac:dyDescent="0.15">
      <c r="A11971">
        <v>13037</v>
      </c>
      <c r="B11971" t="s">
        <v>23892</v>
      </c>
      <c r="C11971" t="s">
        <v>23893</v>
      </c>
    </row>
    <row r="11972" spans="1:3" x14ac:dyDescent="0.15">
      <c r="A11972">
        <v>13036</v>
      </c>
      <c r="B11972" t="s">
        <v>23894</v>
      </c>
      <c r="C11972" t="s">
        <v>23895</v>
      </c>
    </row>
    <row r="11973" spans="1:3" x14ac:dyDescent="0.15">
      <c r="A11973">
        <v>13035</v>
      </c>
      <c r="B11973" t="s">
        <v>23896</v>
      </c>
      <c r="C11973" t="s">
        <v>23897</v>
      </c>
    </row>
    <row r="11974" spans="1:3" x14ac:dyDescent="0.15">
      <c r="A11974">
        <v>13034</v>
      </c>
      <c r="B11974" t="s">
        <v>23898</v>
      </c>
      <c r="C11974" t="s">
        <v>23899</v>
      </c>
    </row>
    <row r="11975" spans="1:3" x14ac:dyDescent="0.15">
      <c r="A11975">
        <v>13033</v>
      </c>
      <c r="B11975" t="s">
        <v>23900</v>
      </c>
      <c r="C11975" t="s">
        <v>23901</v>
      </c>
    </row>
    <row r="11976" spans="1:3" x14ac:dyDescent="0.15">
      <c r="A11976">
        <v>13032</v>
      </c>
      <c r="B11976" t="s">
        <v>23902</v>
      </c>
      <c r="C11976" t="s">
        <v>23903</v>
      </c>
    </row>
    <row r="11977" spans="1:3" x14ac:dyDescent="0.15">
      <c r="A11977">
        <v>13031</v>
      </c>
      <c r="B11977" t="s">
        <v>23904</v>
      </c>
      <c r="C11977" t="s">
        <v>23905</v>
      </c>
    </row>
    <row r="11978" spans="1:3" x14ac:dyDescent="0.15">
      <c r="A11978">
        <v>13030</v>
      </c>
      <c r="B11978" t="s">
        <v>23906</v>
      </c>
      <c r="C11978" t="s">
        <v>23907</v>
      </c>
    </row>
    <row r="11979" spans="1:3" x14ac:dyDescent="0.15">
      <c r="A11979">
        <v>13029</v>
      </c>
      <c r="B11979" t="s">
        <v>23908</v>
      </c>
      <c r="C11979" t="s">
        <v>23909</v>
      </c>
    </row>
    <row r="11980" spans="1:3" x14ac:dyDescent="0.15">
      <c r="A11980">
        <v>13028</v>
      </c>
      <c r="B11980" t="s">
        <v>23910</v>
      </c>
      <c r="C11980" t="s">
        <v>23911</v>
      </c>
    </row>
    <row r="11981" spans="1:3" x14ac:dyDescent="0.15">
      <c r="A11981">
        <v>13027</v>
      </c>
      <c r="B11981" t="s">
        <v>23912</v>
      </c>
      <c r="C11981" t="s">
        <v>23913</v>
      </c>
    </row>
    <row r="11982" spans="1:3" x14ac:dyDescent="0.15">
      <c r="A11982">
        <v>13026</v>
      </c>
      <c r="B11982" t="s">
        <v>23914</v>
      </c>
      <c r="C11982" t="s">
        <v>23915</v>
      </c>
    </row>
    <row r="11983" spans="1:3" x14ac:dyDescent="0.15">
      <c r="A11983">
        <v>13025</v>
      </c>
      <c r="B11983" t="s">
        <v>23916</v>
      </c>
      <c r="C11983" t="s">
        <v>23917</v>
      </c>
    </row>
    <row r="11984" spans="1:3" x14ac:dyDescent="0.15">
      <c r="A11984">
        <v>13024</v>
      </c>
      <c r="B11984" t="s">
        <v>23918</v>
      </c>
      <c r="C11984" t="s">
        <v>23919</v>
      </c>
    </row>
    <row r="11985" spans="1:3" x14ac:dyDescent="0.15">
      <c r="A11985">
        <v>13023</v>
      </c>
      <c r="B11985" t="s">
        <v>23920</v>
      </c>
      <c r="C11985" t="s">
        <v>23921</v>
      </c>
    </row>
    <row r="11986" spans="1:3" x14ac:dyDescent="0.15">
      <c r="A11986">
        <v>13022</v>
      </c>
      <c r="B11986" t="s">
        <v>23922</v>
      </c>
      <c r="C11986" t="s">
        <v>23923</v>
      </c>
    </row>
    <row r="11987" spans="1:3" x14ac:dyDescent="0.15">
      <c r="A11987">
        <v>13021</v>
      </c>
      <c r="B11987" t="s">
        <v>23924</v>
      </c>
      <c r="C11987" t="s">
        <v>23925</v>
      </c>
    </row>
    <row r="11988" spans="1:3" x14ac:dyDescent="0.15">
      <c r="A11988">
        <v>13020</v>
      </c>
      <c r="B11988" t="s">
        <v>23926</v>
      </c>
      <c r="C11988" t="s">
        <v>23927</v>
      </c>
    </row>
    <row r="11989" spans="1:3" x14ac:dyDescent="0.15">
      <c r="A11989">
        <v>13019</v>
      </c>
      <c r="B11989" t="s">
        <v>23928</v>
      </c>
      <c r="C11989" t="s">
        <v>23929</v>
      </c>
    </row>
    <row r="11990" spans="1:3" x14ac:dyDescent="0.15">
      <c r="A11990">
        <v>13018</v>
      </c>
      <c r="B11990" t="s">
        <v>23930</v>
      </c>
      <c r="C11990" t="s">
        <v>23931</v>
      </c>
    </row>
    <row r="11991" spans="1:3" x14ac:dyDescent="0.15">
      <c r="A11991">
        <v>13017</v>
      </c>
      <c r="B11991" t="s">
        <v>23932</v>
      </c>
      <c r="C11991" t="s">
        <v>23933</v>
      </c>
    </row>
    <row r="11992" spans="1:3" x14ac:dyDescent="0.15">
      <c r="A11992">
        <v>13016</v>
      </c>
      <c r="B11992" t="s">
        <v>23934</v>
      </c>
      <c r="C11992" t="s">
        <v>23935</v>
      </c>
    </row>
    <row r="11993" spans="1:3" x14ac:dyDescent="0.15">
      <c r="A11993">
        <v>13015</v>
      </c>
      <c r="B11993" t="s">
        <v>23936</v>
      </c>
      <c r="C11993" t="s">
        <v>23937</v>
      </c>
    </row>
    <row r="11994" spans="1:3" x14ac:dyDescent="0.15">
      <c r="A11994">
        <v>13014</v>
      </c>
      <c r="B11994" t="s">
        <v>23938</v>
      </c>
      <c r="C11994" t="s">
        <v>23939</v>
      </c>
    </row>
    <row r="11995" spans="1:3" x14ac:dyDescent="0.15">
      <c r="A11995">
        <v>13013</v>
      </c>
      <c r="B11995" t="s">
        <v>23940</v>
      </c>
      <c r="C11995" t="s">
        <v>23941</v>
      </c>
    </row>
    <row r="11996" spans="1:3" x14ac:dyDescent="0.15">
      <c r="A11996">
        <v>13012</v>
      </c>
      <c r="B11996" t="s">
        <v>23942</v>
      </c>
      <c r="C11996" t="s">
        <v>23943</v>
      </c>
    </row>
    <row r="11997" spans="1:3" x14ac:dyDescent="0.15">
      <c r="A11997">
        <v>13011</v>
      </c>
      <c r="B11997" t="s">
        <v>23944</v>
      </c>
      <c r="C11997" t="s">
        <v>23945</v>
      </c>
    </row>
    <row r="11998" spans="1:3" x14ac:dyDescent="0.15">
      <c r="A11998">
        <v>13010</v>
      </c>
      <c r="B11998" t="s">
        <v>23946</v>
      </c>
      <c r="C11998" t="s">
        <v>23947</v>
      </c>
    </row>
    <row r="11999" spans="1:3" x14ac:dyDescent="0.15">
      <c r="A11999">
        <v>13009</v>
      </c>
      <c r="B11999" t="s">
        <v>23948</v>
      </c>
      <c r="C11999" t="s">
        <v>23949</v>
      </c>
    </row>
    <row r="12000" spans="1:3" x14ac:dyDescent="0.15">
      <c r="A12000">
        <v>13008</v>
      </c>
      <c r="B12000" t="s">
        <v>23950</v>
      </c>
      <c r="C12000" t="s">
        <v>23951</v>
      </c>
    </row>
    <row r="12001" spans="1:3" x14ac:dyDescent="0.15">
      <c r="A12001">
        <v>13007</v>
      </c>
      <c r="B12001" t="s">
        <v>23952</v>
      </c>
      <c r="C12001" t="s">
        <v>23953</v>
      </c>
    </row>
    <row r="12002" spans="1:3" x14ac:dyDescent="0.15">
      <c r="A12002">
        <v>13006</v>
      </c>
      <c r="B12002" t="s">
        <v>23954</v>
      </c>
      <c r="C12002" t="s">
        <v>23955</v>
      </c>
    </row>
    <row r="12003" spans="1:3" x14ac:dyDescent="0.15">
      <c r="A12003">
        <v>13005</v>
      </c>
      <c r="B12003" t="s">
        <v>23956</v>
      </c>
      <c r="C12003" t="s">
        <v>23957</v>
      </c>
    </row>
    <row r="12004" spans="1:3" x14ac:dyDescent="0.15">
      <c r="A12004">
        <v>13004</v>
      </c>
      <c r="B12004" t="s">
        <v>23958</v>
      </c>
      <c r="C12004" t="s">
        <v>23959</v>
      </c>
    </row>
    <row r="12005" spans="1:3" x14ac:dyDescent="0.15">
      <c r="A12005">
        <v>13003</v>
      </c>
      <c r="B12005" t="s">
        <v>23960</v>
      </c>
      <c r="C12005" t="s">
        <v>23961</v>
      </c>
    </row>
    <row r="12006" spans="1:3" x14ac:dyDescent="0.15">
      <c r="A12006">
        <v>13002</v>
      </c>
      <c r="B12006" t="s">
        <v>23962</v>
      </c>
      <c r="C12006" t="s">
        <v>23963</v>
      </c>
    </row>
    <row r="12007" spans="1:3" x14ac:dyDescent="0.15">
      <c r="A12007">
        <v>13001</v>
      </c>
      <c r="B12007" t="s">
        <v>23964</v>
      </c>
      <c r="C12007" t="s">
        <v>23965</v>
      </c>
    </row>
    <row r="12008" spans="1:3" x14ac:dyDescent="0.15">
      <c r="A12008">
        <v>13000</v>
      </c>
      <c r="B12008" t="s">
        <v>23966</v>
      </c>
      <c r="C12008" t="s">
        <v>23967</v>
      </c>
    </row>
    <row r="12009" spans="1:3" x14ac:dyDescent="0.15">
      <c r="A12009">
        <v>12999</v>
      </c>
      <c r="B12009" t="s">
        <v>23968</v>
      </c>
      <c r="C12009" t="s">
        <v>23969</v>
      </c>
    </row>
    <row r="12010" spans="1:3" x14ac:dyDescent="0.15">
      <c r="A12010">
        <v>12998</v>
      </c>
      <c r="B12010" t="s">
        <v>23970</v>
      </c>
      <c r="C12010" t="s">
        <v>23971</v>
      </c>
    </row>
    <row r="12011" spans="1:3" x14ac:dyDescent="0.15">
      <c r="A12011">
        <v>12997</v>
      </c>
      <c r="B12011" t="s">
        <v>23972</v>
      </c>
      <c r="C12011" t="s">
        <v>23973</v>
      </c>
    </row>
    <row r="12012" spans="1:3" x14ac:dyDescent="0.15">
      <c r="A12012">
        <v>12996</v>
      </c>
      <c r="B12012" t="s">
        <v>23974</v>
      </c>
      <c r="C12012" t="s">
        <v>23975</v>
      </c>
    </row>
    <row r="12013" spans="1:3" x14ac:dyDescent="0.15">
      <c r="A12013">
        <v>12995</v>
      </c>
      <c r="B12013" t="s">
        <v>23976</v>
      </c>
      <c r="C12013" t="s">
        <v>23977</v>
      </c>
    </row>
    <row r="12014" spans="1:3" x14ac:dyDescent="0.15">
      <c r="A12014">
        <v>12994</v>
      </c>
      <c r="B12014" t="s">
        <v>23978</v>
      </c>
      <c r="C12014" t="s">
        <v>23979</v>
      </c>
    </row>
    <row r="12015" spans="1:3" x14ac:dyDescent="0.15">
      <c r="A12015">
        <v>12993</v>
      </c>
      <c r="B12015" t="s">
        <v>23980</v>
      </c>
      <c r="C12015" t="s">
        <v>23981</v>
      </c>
    </row>
    <row r="12016" spans="1:3" x14ac:dyDescent="0.15">
      <c r="A12016">
        <v>12992</v>
      </c>
      <c r="B12016" t="s">
        <v>23982</v>
      </c>
      <c r="C12016" t="s">
        <v>23983</v>
      </c>
    </row>
    <row r="12017" spans="1:3" x14ac:dyDescent="0.15">
      <c r="A12017">
        <v>12991</v>
      </c>
      <c r="B12017" t="s">
        <v>23984</v>
      </c>
      <c r="C12017" t="s">
        <v>23985</v>
      </c>
    </row>
    <row r="12018" spans="1:3" x14ac:dyDescent="0.15">
      <c r="A12018">
        <v>12990</v>
      </c>
      <c r="B12018" t="s">
        <v>23986</v>
      </c>
      <c r="C12018" t="s">
        <v>23987</v>
      </c>
    </row>
    <row r="12019" spans="1:3" x14ac:dyDescent="0.15">
      <c r="A12019">
        <v>12989</v>
      </c>
      <c r="B12019" t="s">
        <v>23988</v>
      </c>
      <c r="C12019" t="s">
        <v>23989</v>
      </c>
    </row>
    <row r="12020" spans="1:3" x14ac:dyDescent="0.15">
      <c r="A12020">
        <v>12988</v>
      </c>
      <c r="B12020" t="s">
        <v>23990</v>
      </c>
      <c r="C12020" t="s">
        <v>23991</v>
      </c>
    </row>
    <row r="12021" spans="1:3" x14ac:dyDescent="0.15">
      <c r="A12021">
        <v>12987</v>
      </c>
      <c r="B12021" t="s">
        <v>23992</v>
      </c>
      <c r="C12021" t="s">
        <v>23993</v>
      </c>
    </row>
    <row r="12022" spans="1:3" x14ac:dyDescent="0.15">
      <c r="A12022">
        <v>12986</v>
      </c>
      <c r="B12022" t="s">
        <v>23994</v>
      </c>
      <c r="C12022" t="s">
        <v>23995</v>
      </c>
    </row>
    <row r="12023" spans="1:3" x14ac:dyDescent="0.15">
      <c r="A12023">
        <v>12985</v>
      </c>
      <c r="B12023" t="s">
        <v>23996</v>
      </c>
      <c r="C12023" t="s">
        <v>23997</v>
      </c>
    </row>
    <row r="12024" spans="1:3" x14ac:dyDescent="0.15">
      <c r="A12024">
        <v>12984</v>
      </c>
      <c r="B12024" t="s">
        <v>23998</v>
      </c>
      <c r="C12024" t="s">
        <v>23999</v>
      </c>
    </row>
    <row r="12025" spans="1:3" x14ac:dyDescent="0.15">
      <c r="A12025">
        <v>12983</v>
      </c>
      <c r="B12025" t="s">
        <v>24000</v>
      </c>
      <c r="C12025" t="s">
        <v>24001</v>
      </c>
    </row>
    <row r="12026" spans="1:3" x14ac:dyDescent="0.15">
      <c r="A12026">
        <v>12982</v>
      </c>
      <c r="B12026" t="s">
        <v>24002</v>
      </c>
      <c r="C12026" t="s">
        <v>24003</v>
      </c>
    </row>
    <row r="12027" spans="1:3" x14ac:dyDescent="0.15">
      <c r="A12027">
        <v>12981</v>
      </c>
      <c r="B12027" t="s">
        <v>24004</v>
      </c>
      <c r="C12027" t="s">
        <v>24005</v>
      </c>
    </row>
    <row r="12028" spans="1:3" x14ac:dyDescent="0.15">
      <c r="A12028">
        <v>12980</v>
      </c>
      <c r="B12028" t="s">
        <v>24006</v>
      </c>
      <c r="C12028" t="s">
        <v>24007</v>
      </c>
    </row>
    <row r="12029" spans="1:3" x14ac:dyDescent="0.15">
      <c r="A12029">
        <v>12979</v>
      </c>
      <c r="B12029" t="s">
        <v>24008</v>
      </c>
      <c r="C12029" t="s">
        <v>24009</v>
      </c>
    </row>
    <row r="12030" spans="1:3" x14ac:dyDescent="0.15">
      <c r="A12030">
        <v>12978</v>
      </c>
      <c r="B12030" t="s">
        <v>24010</v>
      </c>
      <c r="C12030" t="s">
        <v>24011</v>
      </c>
    </row>
    <row r="12031" spans="1:3" x14ac:dyDescent="0.15">
      <c r="A12031">
        <v>12977</v>
      </c>
      <c r="B12031" t="s">
        <v>24012</v>
      </c>
      <c r="C12031" t="s">
        <v>24013</v>
      </c>
    </row>
    <row r="12032" spans="1:3" x14ac:dyDescent="0.15">
      <c r="A12032">
        <v>12976</v>
      </c>
      <c r="B12032" t="s">
        <v>24014</v>
      </c>
      <c r="C12032" t="s">
        <v>24015</v>
      </c>
    </row>
    <row r="12033" spans="1:3" x14ac:dyDescent="0.15">
      <c r="A12033">
        <v>12975</v>
      </c>
      <c r="B12033" t="s">
        <v>24016</v>
      </c>
      <c r="C12033" t="s">
        <v>24017</v>
      </c>
    </row>
    <row r="12034" spans="1:3" x14ac:dyDescent="0.15">
      <c r="A12034">
        <v>12974</v>
      </c>
      <c r="B12034" t="s">
        <v>24018</v>
      </c>
      <c r="C12034" t="s">
        <v>24019</v>
      </c>
    </row>
    <row r="12035" spans="1:3" x14ac:dyDescent="0.15">
      <c r="A12035">
        <v>12973</v>
      </c>
      <c r="B12035" t="s">
        <v>24020</v>
      </c>
      <c r="C12035" t="s">
        <v>24021</v>
      </c>
    </row>
    <row r="12036" spans="1:3" x14ac:dyDescent="0.15">
      <c r="A12036">
        <v>12972</v>
      </c>
      <c r="B12036" t="s">
        <v>24022</v>
      </c>
      <c r="C12036" t="s">
        <v>24023</v>
      </c>
    </row>
    <row r="12037" spans="1:3" x14ac:dyDescent="0.15">
      <c r="A12037">
        <v>12971</v>
      </c>
      <c r="B12037" t="s">
        <v>24024</v>
      </c>
      <c r="C12037" t="s">
        <v>24025</v>
      </c>
    </row>
    <row r="12038" spans="1:3" x14ac:dyDescent="0.15">
      <c r="A12038">
        <v>12970</v>
      </c>
      <c r="B12038" t="s">
        <v>24026</v>
      </c>
      <c r="C12038" t="s">
        <v>24027</v>
      </c>
    </row>
    <row r="12039" spans="1:3" x14ac:dyDescent="0.15">
      <c r="A12039">
        <v>12969</v>
      </c>
      <c r="B12039" t="s">
        <v>24028</v>
      </c>
      <c r="C12039" t="s">
        <v>24029</v>
      </c>
    </row>
    <row r="12040" spans="1:3" x14ac:dyDescent="0.15">
      <c r="A12040">
        <v>12968</v>
      </c>
      <c r="B12040" t="s">
        <v>24030</v>
      </c>
      <c r="C12040" t="s">
        <v>24031</v>
      </c>
    </row>
    <row r="12041" spans="1:3" x14ac:dyDescent="0.15">
      <c r="A12041">
        <v>12967</v>
      </c>
      <c r="B12041" t="s">
        <v>24032</v>
      </c>
      <c r="C12041" t="s">
        <v>24033</v>
      </c>
    </row>
    <row r="12042" spans="1:3" x14ac:dyDescent="0.15">
      <c r="A12042">
        <v>12966</v>
      </c>
      <c r="B12042" t="s">
        <v>24034</v>
      </c>
      <c r="C12042" t="s">
        <v>24035</v>
      </c>
    </row>
    <row r="12043" spans="1:3" x14ac:dyDescent="0.15">
      <c r="A12043">
        <v>12965</v>
      </c>
      <c r="B12043" t="s">
        <v>24036</v>
      </c>
      <c r="C12043" t="s">
        <v>24037</v>
      </c>
    </row>
    <row r="12044" spans="1:3" x14ac:dyDescent="0.15">
      <c r="A12044">
        <v>12964</v>
      </c>
      <c r="B12044" t="s">
        <v>24038</v>
      </c>
      <c r="C12044" t="s">
        <v>24039</v>
      </c>
    </row>
    <row r="12045" spans="1:3" x14ac:dyDescent="0.15">
      <c r="A12045">
        <v>12963</v>
      </c>
      <c r="B12045" t="s">
        <v>24040</v>
      </c>
      <c r="C12045" t="s">
        <v>24041</v>
      </c>
    </row>
    <row r="12046" spans="1:3" x14ac:dyDescent="0.15">
      <c r="A12046">
        <v>12962</v>
      </c>
      <c r="B12046" t="s">
        <v>24042</v>
      </c>
      <c r="C12046" t="s">
        <v>24043</v>
      </c>
    </row>
    <row r="12047" spans="1:3" x14ac:dyDescent="0.15">
      <c r="A12047">
        <v>12961</v>
      </c>
      <c r="B12047" t="s">
        <v>24044</v>
      </c>
      <c r="C12047" t="s">
        <v>24045</v>
      </c>
    </row>
    <row r="12048" spans="1:3" x14ac:dyDescent="0.15">
      <c r="A12048">
        <v>12960</v>
      </c>
      <c r="B12048" t="s">
        <v>24046</v>
      </c>
      <c r="C12048" t="s">
        <v>24047</v>
      </c>
    </row>
    <row r="12049" spans="1:3" x14ac:dyDescent="0.15">
      <c r="A12049">
        <v>12959</v>
      </c>
      <c r="B12049" t="s">
        <v>24048</v>
      </c>
      <c r="C12049" t="s">
        <v>24049</v>
      </c>
    </row>
    <row r="12050" spans="1:3" x14ac:dyDescent="0.15">
      <c r="A12050">
        <v>12958</v>
      </c>
      <c r="B12050" t="s">
        <v>24050</v>
      </c>
      <c r="C12050" t="s">
        <v>24051</v>
      </c>
    </row>
    <row r="12051" spans="1:3" x14ac:dyDescent="0.15">
      <c r="A12051">
        <v>12957</v>
      </c>
      <c r="B12051" t="s">
        <v>24052</v>
      </c>
      <c r="C12051" t="s">
        <v>24053</v>
      </c>
    </row>
    <row r="12052" spans="1:3" x14ac:dyDescent="0.15">
      <c r="A12052">
        <v>12956</v>
      </c>
      <c r="B12052" t="s">
        <v>24054</v>
      </c>
      <c r="C12052" t="s">
        <v>24055</v>
      </c>
    </row>
    <row r="12053" spans="1:3" x14ac:dyDescent="0.15">
      <c r="A12053">
        <v>12955</v>
      </c>
      <c r="B12053" t="s">
        <v>24056</v>
      </c>
      <c r="C12053" t="s">
        <v>24057</v>
      </c>
    </row>
    <row r="12054" spans="1:3" x14ac:dyDescent="0.15">
      <c r="A12054">
        <v>12954</v>
      </c>
      <c r="B12054" t="s">
        <v>24058</v>
      </c>
      <c r="C12054" t="s">
        <v>24059</v>
      </c>
    </row>
    <row r="12055" spans="1:3" x14ac:dyDescent="0.15">
      <c r="A12055">
        <v>12953</v>
      </c>
      <c r="B12055" t="s">
        <v>24060</v>
      </c>
      <c r="C12055" t="s">
        <v>24061</v>
      </c>
    </row>
    <row r="12056" spans="1:3" x14ac:dyDescent="0.15">
      <c r="A12056">
        <v>12952</v>
      </c>
      <c r="B12056" t="s">
        <v>24062</v>
      </c>
      <c r="C12056" t="s">
        <v>24063</v>
      </c>
    </row>
    <row r="12057" spans="1:3" x14ac:dyDescent="0.15">
      <c r="A12057">
        <v>12951</v>
      </c>
      <c r="B12057" t="s">
        <v>24064</v>
      </c>
      <c r="C12057" t="s">
        <v>24065</v>
      </c>
    </row>
    <row r="12058" spans="1:3" x14ac:dyDescent="0.15">
      <c r="A12058">
        <v>12950</v>
      </c>
      <c r="B12058" t="s">
        <v>24066</v>
      </c>
      <c r="C12058" t="s">
        <v>24067</v>
      </c>
    </row>
    <row r="12059" spans="1:3" x14ac:dyDescent="0.15">
      <c r="A12059">
        <v>12949</v>
      </c>
      <c r="B12059" t="s">
        <v>24068</v>
      </c>
      <c r="C12059" t="s">
        <v>24069</v>
      </c>
    </row>
    <row r="12060" spans="1:3" x14ac:dyDescent="0.15">
      <c r="A12060">
        <v>12948</v>
      </c>
      <c r="B12060" t="s">
        <v>24070</v>
      </c>
      <c r="C12060" t="s">
        <v>24071</v>
      </c>
    </row>
    <row r="12061" spans="1:3" x14ac:dyDescent="0.15">
      <c r="A12061">
        <v>12947</v>
      </c>
      <c r="B12061" t="s">
        <v>24072</v>
      </c>
      <c r="C12061" t="s">
        <v>24073</v>
      </c>
    </row>
    <row r="12062" spans="1:3" x14ac:dyDescent="0.15">
      <c r="A12062">
        <v>12946</v>
      </c>
      <c r="B12062" t="s">
        <v>24074</v>
      </c>
      <c r="C12062" t="s">
        <v>5976</v>
      </c>
    </row>
    <row r="12063" spans="1:3" x14ac:dyDescent="0.15">
      <c r="A12063">
        <v>12945</v>
      </c>
      <c r="B12063" t="s">
        <v>24075</v>
      </c>
      <c r="C12063" t="s">
        <v>24076</v>
      </c>
    </row>
    <row r="12064" spans="1:3" x14ac:dyDescent="0.15">
      <c r="A12064">
        <v>12944</v>
      </c>
      <c r="B12064" t="s">
        <v>24077</v>
      </c>
      <c r="C12064" t="s">
        <v>24078</v>
      </c>
    </row>
    <row r="12065" spans="1:3" x14ac:dyDescent="0.15">
      <c r="A12065">
        <v>12943</v>
      </c>
      <c r="B12065" t="s">
        <v>24079</v>
      </c>
      <c r="C12065" t="s">
        <v>24080</v>
      </c>
    </row>
    <row r="12066" spans="1:3" x14ac:dyDescent="0.15">
      <c r="A12066">
        <v>12942</v>
      </c>
      <c r="B12066" t="s">
        <v>24081</v>
      </c>
      <c r="C12066" t="s">
        <v>24082</v>
      </c>
    </row>
    <row r="12067" spans="1:3" x14ac:dyDescent="0.15">
      <c r="A12067">
        <v>12941</v>
      </c>
      <c r="B12067" t="s">
        <v>24083</v>
      </c>
      <c r="C12067" t="s">
        <v>24084</v>
      </c>
    </row>
    <row r="12068" spans="1:3" x14ac:dyDescent="0.15">
      <c r="A12068">
        <v>12940</v>
      </c>
      <c r="B12068" t="s">
        <v>24085</v>
      </c>
      <c r="C12068" t="s">
        <v>24086</v>
      </c>
    </row>
    <row r="12069" spans="1:3" x14ac:dyDescent="0.15">
      <c r="A12069">
        <v>12939</v>
      </c>
      <c r="B12069" t="s">
        <v>24087</v>
      </c>
      <c r="C12069" t="s">
        <v>24088</v>
      </c>
    </row>
    <row r="12070" spans="1:3" x14ac:dyDescent="0.15">
      <c r="A12070">
        <v>12938</v>
      </c>
      <c r="B12070" t="s">
        <v>24089</v>
      </c>
      <c r="C12070" t="s">
        <v>24090</v>
      </c>
    </row>
    <row r="12071" spans="1:3" x14ac:dyDescent="0.15">
      <c r="A12071">
        <v>12937</v>
      </c>
      <c r="B12071" t="s">
        <v>24091</v>
      </c>
      <c r="C12071" t="s">
        <v>24092</v>
      </c>
    </row>
    <row r="12072" spans="1:3" x14ac:dyDescent="0.15">
      <c r="A12072">
        <v>12936</v>
      </c>
      <c r="B12072" t="s">
        <v>24093</v>
      </c>
      <c r="C12072" t="s">
        <v>24094</v>
      </c>
    </row>
    <row r="12073" spans="1:3" x14ac:dyDescent="0.15">
      <c r="A12073">
        <v>12935</v>
      </c>
      <c r="B12073" t="s">
        <v>24095</v>
      </c>
      <c r="C12073" t="s">
        <v>24096</v>
      </c>
    </row>
    <row r="12074" spans="1:3" x14ac:dyDescent="0.15">
      <c r="A12074">
        <v>12934</v>
      </c>
      <c r="B12074" t="s">
        <v>24097</v>
      </c>
      <c r="C12074" t="s">
        <v>24098</v>
      </c>
    </row>
    <row r="12075" spans="1:3" x14ac:dyDescent="0.15">
      <c r="A12075">
        <v>12933</v>
      </c>
      <c r="B12075" t="s">
        <v>24099</v>
      </c>
      <c r="C12075" t="s">
        <v>24100</v>
      </c>
    </row>
    <row r="12076" spans="1:3" x14ac:dyDescent="0.15">
      <c r="A12076">
        <v>12932</v>
      </c>
      <c r="B12076" t="s">
        <v>24101</v>
      </c>
      <c r="C12076" t="s">
        <v>24102</v>
      </c>
    </row>
    <row r="12077" spans="1:3" x14ac:dyDescent="0.15">
      <c r="A12077">
        <v>12931</v>
      </c>
      <c r="B12077" t="s">
        <v>24103</v>
      </c>
      <c r="C12077" t="s">
        <v>24104</v>
      </c>
    </row>
    <row r="12078" spans="1:3" x14ac:dyDescent="0.15">
      <c r="A12078">
        <v>12930</v>
      </c>
      <c r="B12078" t="s">
        <v>24105</v>
      </c>
      <c r="C12078" t="s">
        <v>24106</v>
      </c>
    </row>
    <row r="12079" spans="1:3" x14ac:dyDescent="0.15">
      <c r="A12079">
        <v>12929</v>
      </c>
      <c r="B12079" t="s">
        <v>24107</v>
      </c>
      <c r="C12079" t="s">
        <v>24108</v>
      </c>
    </row>
    <row r="12080" spans="1:3" x14ac:dyDescent="0.15">
      <c r="A12080">
        <v>12928</v>
      </c>
      <c r="B12080" t="s">
        <v>24109</v>
      </c>
      <c r="C12080" t="s">
        <v>24110</v>
      </c>
    </row>
    <row r="12081" spans="1:3" x14ac:dyDescent="0.15">
      <c r="A12081">
        <v>12927</v>
      </c>
      <c r="B12081" t="s">
        <v>24111</v>
      </c>
      <c r="C12081" t="s">
        <v>24112</v>
      </c>
    </row>
    <row r="12082" spans="1:3" x14ac:dyDescent="0.15">
      <c r="A12082">
        <v>12926</v>
      </c>
      <c r="B12082" t="s">
        <v>24113</v>
      </c>
      <c r="C12082" t="s">
        <v>24114</v>
      </c>
    </row>
    <row r="12083" spans="1:3" x14ac:dyDescent="0.15">
      <c r="A12083">
        <v>12925</v>
      </c>
      <c r="B12083" t="s">
        <v>24115</v>
      </c>
      <c r="C12083" t="s">
        <v>24116</v>
      </c>
    </row>
    <row r="12084" spans="1:3" x14ac:dyDescent="0.15">
      <c r="A12084">
        <v>12924</v>
      </c>
      <c r="B12084" t="s">
        <v>24117</v>
      </c>
      <c r="C12084" t="s">
        <v>24118</v>
      </c>
    </row>
    <row r="12085" spans="1:3" x14ac:dyDescent="0.15">
      <c r="A12085">
        <v>12923</v>
      </c>
      <c r="B12085" t="s">
        <v>24119</v>
      </c>
      <c r="C12085" t="s">
        <v>24120</v>
      </c>
    </row>
    <row r="12086" spans="1:3" x14ac:dyDescent="0.15">
      <c r="A12086">
        <v>12922</v>
      </c>
      <c r="B12086" t="s">
        <v>24121</v>
      </c>
      <c r="C12086" t="s">
        <v>24122</v>
      </c>
    </row>
    <row r="12087" spans="1:3" x14ac:dyDescent="0.15">
      <c r="A12087">
        <v>12921</v>
      </c>
      <c r="B12087" t="s">
        <v>24123</v>
      </c>
      <c r="C12087" t="s">
        <v>24124</v>
      </c>
    </row>
    <row r="12088" spans="1:3" x14ac:dyDescent="0.15">
      <c r="A12088">
        <v>12920</v>
      </c>
      <c r="B12088" t="s">
        <v>24125</v>
      </c>
      <c r="C12088" t="s">
        <v>24126</v>
      </c>
    </row>
    <row r="12089" spans="1:3" x14ac:dyDescent="0.15">
      <c r="A12089">
        <v>12919</v>
      </c>
      <c r="B12089" t="s">
        <v>24127</v>
      </c>
      <c r="C12089" t="s">
        <v>24128</v>
      </c>
    </row>
    <row r="12090" spans="1:3" x14ac:dyDescent="0.15">
      <c r="A12090">
        <v>12918</v>
      </c>
      <c r="B12090" t="s">
        <v>24129</v>
      </c>
      <c r="C12090" t="s">
        <v>24130</v>
      </c>
    </row>
    <row r="12091" spans="1:3" x14ac:dyDescent="0.15">
      <c r="A12091">
        <v>12917</v>
      </c>
      <c r="B12091" t="s">
        <v>24131</v>
      </c>
      <c r="C12091" t="s">
        <v>24132</v>
      </c>
    </row>
    <row r="12092" spans="1:3" x14ac:dyDescent="0.15">
      <c r="A12092">
        <v>12916</v>
      </c>
      <c r="B12092" t="s">
        <v>24133</v>
      </c>
      <c r="C12092" t="s">
        <v>24134</v>
      </c>
    </row>
    <row r="12093" spans="1:3" x14ac:dyDescent="0.15">
      <c r="A12093">
        <v>12915</v>
      </c>
      <c r="B12093" t="s">
        <v>24135</v>
      </c>
      <c r="C12093" t="s">
        <v>24136</v>
      </c>
    </row>
    <row r="12094" spans="1:3" x14ac:dyDescent="0.15">
      <c r="A12094">
        <v>12914</v>
      </c>
      <c r="B12094" t="s">
        <v>24137</v>
      </c>
      <c r="C12094" t="s">
        <v>24138</v>
      </c>
    </row>
    <row r="12095" spans="1:3" x14ac:dyDescent="0.15">
      <c r="A12095">
        <v>12913</v>
      </c>
      <c r="B12095" t="s">
        <v>24139</v>
      </c>
      <c r="C12095" t="s">
        <v>24140</v>
      </c>
    </row>
    <row r="12096" spans="1:3" x14ac:dyDescent="0.15">
      <c r="A12096">
        <v>12912</v>
      </c>
      <c r="B12096" t="s">
        <v>24141</v>
      </c>
      <c r="C12096" t="s">
        <v>24142</v>
      </c>
    </row>
    <row r="12097" spans="1:3" x14ac:dyDescent="0.15">
      <c r="A12097">
        <v>12911</v>
      </c>
      <c r="B12097" t="s">
        <v>24143</v>
      </c>
      <c r="C12097" t="s">
        <v>24144</v>
      </c>
    </row>
    <row r="12098" spans="1:3" x14ac:dyDescent="0.15">
      <c r="A12098">
        <v>12910</v>
      </c>
      <c r="B12098" t="s">
        <v>24145</v>
      </c>
      <c r="C12098" t="s">
        <v>24146</v>
      </c>
    </row>
    <row r="12099" spans="1:3" x14ac:dyDescent="0.15">
      <c r="A12099">
        <v>12909</v>
      </c>
      <c r="B12099" t="s">
        <v>24147</v>
      </c>
      <c r="C12099" t="s">
        <v>24148</v>
      </c>
    </row>
    <row r="12100" spans="1:3" x14ac:dyDescent="0.15">
      <c r="A12100">
        <v>12908</v>
      </c>
      <c r="B12100" t="s">
        <v>24149</v>
      </c>
      <c r="C12100" t="s">
        <v>24150</v>
      </c>
    </row>
    <row r="12101" spans="1:3" x14ac:dyDescent="0.15">
      <c r="A12101">
        <v>12907</v>
      </c>
      <c r="B12101" t="s">
        <v>24151</v>
      </c>
      <c r="C12101" t="s">
        <v>24152</v>
      </c>
    </row>
    <row r="12102" spans="1:3" x14ac:dyDescent="0.15">
      <c r="A12102">
        <v>12906</v>
      </c>
      <c r="B12102" t="s">
        <v>24153</v>
      </c>
      <c r="C12102" t="s">
        <v>24154</v>
      </c>
    </row>
    <row r="12103" spans="1:3" x14ac:dyDescent="0.15">
      <c r="A12103">
        <v>12905</v>
      </c>
      <c r="B12103" t="s">
        <v>24155</v>
      </c>
      <c r="C12103" t="s">
        <v>24156</v>
      </c>
    </row>
    <row r="12104" spans="1:3" x14ac:dyDescent="0.15">
      <c r="A12104">
        <v>12904</v>
      </c>
      <c r="B12104" t="s">
        <v>24157</v>
      </c>
      <c r="C12104" t="s">
        <v>24158</v>
      </c>
    </row>
    <row r="12105" spans="1:3" x14ac:dyDescent="0.15">
      <c r="A12105">
        <v>12903</v>
      </c>
      <c r="B12105" t="s">
        <v>24159</v>
      </c>
      <c r="C12105" t="s">
        <v>24160</v>
      </c>
    </row>
    <row r="12106" spans="1:3" x14ac:dyDescent="0.15">
      <c r="A12106">
        <v>12902</v>
      </c>
      <c r="B12106" t="s">
        <v>24161</v>
      </c>
      <c r="C12106" t="s">
        <v>24162</v>
      </c>
    </row>
    <row r="12107" spans="1:3" x14ac:dyDescent="0.15">
      <c r="A12107">
        <v>12901</v>
      </c>
      <c r="B12107" t="s">
        <v>24163</v>
      </c>
      <c r="C12107" t="s">
        <v>24164</v>
      </c>
    </row>
    <row r="12108" spans="1:3" x14ac:dyDescent="0.15">
      <c r="A12108">
        <v>12900</v>
      </c>
      <c r="B12108" t="s">
        <v>24165</v>
      </c>
      <c r="C12108" t="s">
        <v>24166</v>
      </c>
    </row>
    <row r="12109" spans="1:3" x14ac:dyDescent="0.15">
      <c r="A12109">
        <v>12899</v>
      </c>
      <c r="B12109" t="s">
        <v>24167</v>
      </c>
      <c r="C12109" t="s">
        <v>24168</v>
      </c>
    </row>
    <row r="12110" spans="1:3" x14ac:dyDescent="0.15">
      <c r="A12110">
        <v>12898</v>
      </c>
      <c r="B12110" t="s">
        <v>24169</v>
      </c>
      <c r="C12110" t="s">
        <v>24170</v>
      </c>
    </row>
    <row r="12111" spans="1:3" x14ac:dyDescent="0.15">
      <c r="A12111">
        <v>12897</v>
      </c>
      <c r="B12111" t="s">
        <v>24171</v>
      </c>
      <c r="C12111" t="s">
        <v>24172</v>
      </c>
    </row>
    <row r="12112" spans="1:3" x14ac:dyDescent="0.15">
      <c r="A12112">
        <v>12896</v>
      </c>
      <c r="B12112" t="s">
        <v>24173</v>
      </c>
      <c r="C12112" t="s">
        <v>24174</v>
      </c>
    </row>
    <row r="12113" spans="1:3" x14ac:dyDescent="0.15">
      <c r="A12113">
        <v>12895</v>
      </c>
      <c r="B12113" t="s">
        <v>24175</v>
      </c>
      <c r="C12113" t="s">
        <v>24176</v>
      </c>
    </row>
    <row r="12114" spans="1:3" x14ac:dyDescent="0.15">
      <c r="A12114">
        <v>12894</v>
      </c>
      <c r="B12114" t="s">
        <v>24177</v>
      </c>
      <c r="C12114" t="s">
        <v>24178</v>
      </c>
    </row>
    <row r="12115" spans="1:3" x14ac:dyDescent="0.15">
      <c r="A12115">
        <v>12893</v>
      </c>
      <c r="B12115" t="s">
        <v>24179</v>
      </c>
      <c r="C12115" t="s">
        <v>24180</v>
      </c>
    </row>
    <row r="12116" spans="1:3" x14ac:dyDescent="0.15">
      <c r="A12116">
        <v>12892</v>
      </c>
      <c r="B12116" t="s">
        <v>24181</v>
      </c>
      <c r="C12116" t="s">
        <v>24182</v>
      </c>
    </row>
    <row r="12117" spans="1:3" x14ac:dyDescent="0.15">
      <c r="A12117">
        <v>12891</v>
      </c>
      <c r="B12117" t="s">
        <v>24183</v>
      </c>
      <c r="C12117" t="s">
        <v>24184</v>
      </c>
    </row>
    <row r="12118" spans="1:3" x14ac:dyDescent="0.15">
      <c r="A12118">
        <v>12890</v>
      </c>
      <c r="B12118" t="s">
        <v>24185</v>
      </c>
      <c r="C12118" t="s">
        <v>24186</v>
      </c>
    </row>
    <row r="12119" spans="1:3" x14ac:dyDescent="0.15">
      <c r="A12119">
        <v>12889</v>
      </c>
      <c r="B12119" t="s">
        <v>24187</v>
      </c>
      <c r="C12119" t="s">
        <v>24188</v>
      </c>
    </row>
    <row r="12120" spans="1:3" x14ac:dyDescent="0.15">
      <c r="A12120">
        <v>12888</v>
      </c>
      <c r="B12120" t="s">
        <v>24189</v>
      </c>
      <c r="C12120" t="s">
        <v>24190</v>
      </c>
    </row>
    <row r="12121" spans="1:3" x14ac:dyDescent="0.15">
      <c r="A12121">
        <v>12887</v>
      </c>
      <c r="B12121" t="s">
        <v>24191</v>
      </c>
      <c r="C12121" t="s">
        <v>24192</v>
      </c>
    </row>
    <row r="12122" spans="1:3" x14ac:dyDescent="0.15">
      <c r="A12122">
        <v>12886</v>
      </c>
      <c r="B12122" t="s">
        <v>24193</v>
      </c>
      <c r="C12122" t="s">
        <v>24194</v>
      </c>
    </row>
    <row r="12123" spans="1:3" x14ac:dyDescent="0.15">
      <c r="A12123">
        <v>12885</v>
      </c>
      <c r="B12123" t="s">
        <v>24195</v>
      </c>
      <c r="C12123" t="s">
        <v>24196</v>
      </c>
    </row>
    <row r="12124" spans="1:3" x14ac:dyDescent="0.15">
      <c r="A12124">
        <v>12884</v>
      </c>
      <c r="B12124" t="s">
        <v>24197</v>
      </c>
      <c r="C12124" t="s">
        <v>24198</v>
      </c>
    </row>
    <row r="12125" spans="1:3" x14ac:dyDescent="0.15">
      <c r="A12125">
        <v>12883</v>
      </c>
      <c r="B12125" t="s">
        <v>24199</v>
      </c>
      <c r="C12125" t="s">
        <v>24200</v>
      </c>
    </row>
    <row r="12126" spans="1:3" x14ac:dyDescent="0.15">
      <c r="A12126">
        <v>12882</v>
      </c>
      <c r="B12126" t="s">
        <v>24201</v>
      </c>
      <c r="C12126" t="s">
        <v>24202</v>
      </c>
    </row>
    <row r="12127" spans="1:3" x14ac:dyDescent="0.15">
      <c r="A12127">
        <v>12881</v>
      </c>
      <c r="B12127" t="s">
        <v>24203</v>
      </c>
      <c r="C12127" t="s">
        <v>24204</v>
      </c>
    </row>
    <row r="12128" spans="1:3" x14ac:dyDescent="0.15">
      <c r="A12128">
        <v>12880</v>
      </c>
      <c r="B12128" t="s">
        <v>24205</v>
      </c>
      <c r="C12128" t="s">
        <v>24206</v>
      </c>
    </row>
    <row r="12129" spans="1:3" x14ac:dyDescent="0.15">
      <c r="A12129">
        <v>12879</v>
      </c>
      <c r="B12129" t="s">
        <v>24207</v>
      </c>
      <c r="C12129" t="s">
        <v>24208</v>
      </c>
    </row>
    <row r="12130" spans="1:3" x14ac:dyDescent="0.15">
      <c r="A12130">
        <v>12878</v>
      </c>
      <c r="B12130" t="s">
        <v>24209</v>
      </c>
      <c r="C12130" t="s">
        <v>24210</v>
      </c>
    </row>
    <row r="12131" spans="1:3" x14ac:dyDescent="0.15">
      <c r="A12131">
        <v>12877</v>
      </c>
      <c r="B12131" t="s">
        <v>24211</v>
      </c>
      <c r="C12131" t="s">
        <v>24212</v>
      </c>
    </row>
    <row r="12132" spans="1:3" x14ac:dyDescent="0.15">
      <c r="A12132">
        <v>12876</v>
      </c>
      <c r="B12132" t="s">
        <v>24213</v>
      </c>
      <c r="C12132" t="s">
        <v>24214</v>
      </c>
    </row>
    <row r="12133" spans="1:3" x14ac:dyDescent="0.15">
      <c r="A12133">
        <v>12875</v>
      </c>
      <c r="B12133" t="s">
        <v>24215</v>
      </c>
      <c r="C12133" t="s">
        <v>24216</v>
      </c>
    </row>
    <row r="12134" spans="1:3" x14ac:dyDescent="0.15">
      <c r="A12134">
        <v>12874</v>
      </c>
      <c r="B12134" t="s">
        <v>24217</v>
      </c>
      <c r="C12134" t="s">
        <v>24218</v>
      </c>
    </row>
    <row r="12135" spans="1:3" x14ac:dyDescent="0.15">
      <c r="A12135">
        <v>12873</v>
      </c>
      <c r="B12135" t="s">
        <v>24219</v>
      </c>
      <c r="C12135" t="s">
        <v>24220</v>
      </c>
    </row>
    <row r="12136" spans="1:3" x14ac:dyDescent="0.15">
      <c r="A12136">
        <v>12872</v>
      </c>
      <c r="B12136" t="s">
        <v>24221</v>
      </c>
      <c r="C12136" t="s">
        <v>24222</v>
      </c>
    </row>
    <row r="12137" spans="1:3" x14ac:dyDescent="0.15">
      <c r="A12137">
        <v>12871</v>
      </c>
      <c r="B12137" t="s">
        <v>24223</v>
      </c>
      <c r="C12137" t="s">
        <v>24224</v>
      </c>
    </row>
    <row r="12138" spans="1:3" x14ac:dyDescent="0.15">
      <c r="A12138">
        <v>12870</v>
      </c>
      <c r="B12138" t="s">
        <v>24225</v>
      </c>
      <c r="C12138" t="s">
        <v>24226</v>
      </c>
    </row>
    <row r="12139" spans="1:3" x14ac:dyDescent="0.15">
      <c r="A12139">
        <v>12869</v>
      </c>
      <c r="B12139" t="s">
        <v>24227</v>
      </c>
      <c r="C12139" t="s">
        <v>24228</v>
      </c>
    </row>
    <row r="12140" spans="1:3" x14ac:dyDescent="0.15">
      <c r="A12140">
        <v>12868</v>
      </c>
      <c r="B12140" t="s">
        <v>24229</v>
      </c>
      <c r="C12140" t="s">
        <v>24230</v>
      </c>
    </row>
    <row r="12141" spans="1:3" x14ac:dyDescent="0.15">
      <c r="A12141">
        <v>12867</v>
      </c>
      <c r="B12141" t="s">
        <v>24231</v>
      </c>
      <c r="C12141" t="s">
        <v>24232</v>
      </c>
    </row>
    <row r="12142" spans="1:3" x14ac:dyDescent="0.15">
      <c r="A12142">
        <v>12866</v>
      </c>
      <c r="B12142" t="s">
        <v>24233</v>
      </c>
      <c r="C12142" t="s">
        <v>24234</v>
      </c>
    </row>
    <row r="12143" spans="1:3" x14ac:dyDescent="0.15">
      <c r="A12143">
        <v>12865</v>
      </c>
      <c r="B12143" t="s">
        <v>24235</v>
      </c>
      <c r="C12143" t="s">
        <v>24236</v>
      </c>
    </row>
    <row r="12144" spans="1:3" x14ac:dyDescent="0.15">
      <c r="A12144">
        <v>12864</v>
      </c>
      <c r="B12144" t="s">
        <v>24237</v>
      </c>
      <c r="C12144" t="s">
        <v>24238</v>
      </c>
    </row>
    <row r="12145" spans="1:3" x14ac:dyDescent="0.15">
      <c r="A12145">
        <v>12863</v>
      </c>
      <c r="B12145" t="s">
        <v>24239</v>
      </c>
      <c r="C12145" t="s">
        <v>24240</v>
      </c>
    </row>
    <row r="12146" spans="1:3" x14ac:dyDescent="0.15">
      <c r="A12146">
        <v>12862</v>
      </c>
      <c r="B12146" t="s">
        <v>24241</v>
      </c>
      <c r="C12146" t="s">
        <v>24242</v>
      </c>
    </row>
    <row r="12147" spans="1:3" x14ac:dyDescent="0.15">
      <c r="A12147">
        <v>12861</v>
      </c>
      <c r="B12147" t="s">
        <v>24243</v>
      </c>
      <c r="C12147" t="s">
        <v>24244</v>
      </c>
    </row>
    <row r="12148" spans="1:3" x14ac:dyDescent="0.15">
      <c r="A12148">
        <v>12860</v>
      </c>
      <c r="B12148" t="s">
        <v>24245</v>
      </c>
      <c r="C12148" t="s">
        <v>24246</v>
      </c>
    </row>
    <row r="12149" spans="1:3" x14ac:dyDescent="0.15">
      <c r="A12149">
        <v>12859</v>
      </c>
      <c r="B12149" t="s">
        <v>24247</v>
      </c>
      <c r="C12149" t="s">
        <v>24248</v>
      </c>
    </row>
    <row r="12150" spans="1:3" x14ac:dyDescent="0.15">
      <c r="A12150">
        <v>12858</v>
      </c>
      <c r="B12150" t="s">
        <v>24249</v>
      </c>
      <c r="C12150" t="s">
        <v>24250</v>
      </c>
    </row>
    <row r="12151" spans="1:3" x14ac:dyDescent="0.15">
      <c r="A12151">
        <v>12857</v>
      </c>
      <c r="B12151" t="s">
        <v>24251</v>
      </c>
      <c r="C12151" t="s">
        <v>24252</v>
      </c>
    </row>
    <row r="12152" spans="1:3" x14ac:dyDescent="0.15">
      <c r="A12152">
        <v>12856</v>
      </c>
      <c r="B12152" t="s">
        <v>24253</v>
      </c>
      <c r="C12152" t="s">
        <v>24254</v>
      </c>
    </row>
    <row r="12153" spans="1:3" x14ac:dyDescent="0.15">
      <c r="A12153">
        <v>12855</v>
      </c>
      <c r="B12153" t="s">
        <v>24255</v>
      </c>
      <c r="C12153" t="s">
        <v>24256</v>
      </c>
    </row>
    <row r="12154" spans="1:3" x14ac:dyDescent="0.15">
      <c r="A12154">
        <v>12854</v>
      </c>
      <c r="B12154" t="s">
        <v>24257</v>
      </c>
      <c r="C12154" t="s">
        <v>24258</v>
      </c>
    </row>
    <row r="12155" spans="1:3" x14ac:dyDescent="0.15">
      <c r="A12155">
        <v>12853</v>
      </c>
      <c r="B12155" t="s">
        <v>24259</v>
      </c>
      <c r="C12155" t="s">
        <v>24260</v>
      </c>
    </row>
    <row r="12156" spans="1:3" x14ac:dyDescent="0.15">
      <c r="A12156">
        <v>12852</v>
      </c>
      <c r="B12156" t="s">
        <v>24261</v>
      </c>
      <c r="C12156" t="s">
        <v>24262</v>
      </c>
    </row>
    <row r="12157" spans="1:3" x14ac:dyDescent="0.15">
      <c r="A12157">
        <v>12851</v>
      </c>
      <c r="B12157" t="s">
        <v>24263</v>
      </c>
      <c r="C12157" t="s">
        <v>24264</v>
      </c>
    </row>
    <row r="12158" spans="1:3" x14ac:dyDescent="0.15">
      <c r="A12158">
        <v>12850</v>
      </c>
      <c r="B12158" t="s">
        <v>24265</v>
      </c>
      <c r="C12158" t="s">
        <v>24266</v>
      </c>
    </row>
    <row r="12159" spans="1:3" x14ac:dyDescent="0.15">
      <c r="A12159">
        <v>12849</v>
      </c>
      <c r="B12159" t="s">
        <v>24267</v>
      </c>
      <c r="C12159" t="s">
        <v>24268</v>
      </c>
    </row>
    <row r="12160" spans="1:3" x14ac:dyDescent="0.15">
      <c r="A12160">
        <v>12848</v>
      </c>
      <c r="B12160" t="s">
        <v>24269</v>
      </c>
      <c r="C12160" t="s">
        <v>24270</v>
      </c>
    </row>
    <row r="12161" spans="1:3" x14ac:dyDescent="0.15">
      <c r="A12161">
        <v>12847</v>
      </c>
      <c r="B12161" t="s">
        <v>24271</v>
      </c>
      <c r="C12161" t="s">
        <v>24272</v>
      </c>
    </row>
    <row r="12162" spans="1:3" x14ac:dyDescent="0.15">
      <c r="A12162">
        <v>12846</v>
      </c>
      <c r="B12162" t="s">
        <v>24273</v>
      </c>
      <c r="C12162" t="s">
        <v>24274</v>
      </c>
    </row>
    <row r="12163" spans="1:3" x14ac:dyDescent="0.15">
      <c r="A12163">
        <v>12845</v>
      </c>
      <c r="B12163" t="s">
        <v>24275</v>
      </c>
      <c r="C12163" t="s">
        <v>24276</v>
      </c>
    </row>
    <row r="12164" spans="1:3" x14ac:dyDescent="0.15">
      <c r="A12164">
        <v>12844</v>
      </c>
      <c r="B12164" t="s">
        <v>24277</v>
      </c>
      <c r="C12164" t="s">
        <v>24278</v>
      </c>
    </row>
    <row r="12165" spans="1:3" x14ac:dyDescent="0.15">
      <c r="A12165">
        <v>12843</v>
      </c>
      <c r="B12165" t="s">
        <v>24279</v>
      </c>
      <c r="C12165" t="s">
        <v>24280</v>
      </c>
    </row>
    <row r="12166" spans="1:3" x14ac:dyDescent="0.15">
      <c r="A12166">
        <v>12842</v>
      </c>
      <c r="B12166" t="s">
        <v>24281</v>
      </c>
      <c r="C12166" t="s">
        <v>24282</v>
      </c>
    </row>
    <row r="12167" spans="1:3" x14ac:dyDescent="0.15">
      <c r="A12167">
        <v>12841</v>
      </c>
      <c r="B12167" t="s">
        <v>24283</v>
      </c>
      <c r="C12167" t="s">
        <v>24284</v>
      </c>
    </row>
    <row r="12168" spans="1:3" x14ac:dyDescent="0.15">
      <c r="A12168">
        <v>12840</v>
      </c>
      <c r="B12168" t="s">
        <v>24285</v>
      </c>
      <c r="C12168" t="s">
        <v>24286</v>
      </c>
    </row>
    <row r="12169" spans="1:3" x14ac:dyDescent="0.15">
      <c r="A12169">
        <v>12839</v>
      </c>
      <c r="B12169" t="s">
        <v>24287</v>
      </c>
      <c r="C12169" t="s">
        <v>24288</v>
      </c>
    </row>
    <row r="12170" spans="1:3" x14ac:dyDescent="0.15">
      <c r="A12170">
        <v>12838</v>
      </c>
      <c r="B12170" t="s">
        <v>24289</v>
      </c>
      <c r="C12170" t="s">
        <v>24290</v>
      </c>
    </row>
    <row r="12171" spans="1:3" x14ac:dyDescent="0.15">
      <c r="A12171">
        <v>12837</v>
      </c>
      <c r="B12171" t="s">
        <v>24291</v>
      </c>
      <c r="C12171" t="s">
        <v>24292</v>
      </c>
    </row>
    <row r="12172" spans="1:3" x14ac:dyDescent="0.15">
      <c r="A12172">
        <v>12836</v>
      </c>
      <c r="B12172" t="s">
        <v>24293</v>
      </c>
      <c r="C12172" t="s">
        <v>24294</v>
      </c>
    </row>
    <row r="12173" spans="1:3" x14ac:dyDescent="0.15">
      <c r="A12173">
        <v>12835</v>
      </c>
      <c r="B12173" t="s">
        <v>24295</v>
      </c>
      <c r="C12173" t="s">
        <v>24296</v>
      </c>
    </row>
    <row r="12174" spans="1:3" x14ac:dyDescent="0.15">
      <c r="A12174">
        <v>12834</v>
      </c>
      <c r="B12174" t="s">
        <v>24297</v>
      </c>
      <c r="C12174" t="s">
        <v>24298</v>
      </c>
    </row>
    <row r="12175" spans="1:3" x14ac:dyDescent="0.15">
      <c r="A12175">
        <v>12833</v>
      </c>
      <c r="B12175" t="s">
        <v>24299</v>
      </c>
      <c r="C12175" t="s">
        <v>24300</v>
      </c>
    </row>
    <row r="12176" spans="1:3" x14ac:dyDescent="0.15">
      <c r="A12176">
        <v>12832</v>
      </c>
      <c r="B12176" t="s">
        <v>24301</v>
      </c>
      <c r="C12176" t="s">
        <v>24302</v>
      </c>
    </row>
    <row r="12177" spans="1:3" x14ac:dyDescent="0.15">
      <c r="A12177">
        <v>12831</v>
      </c>
      <c r="B12177" t="s">
        <v>24303</v>
      </c>
      <c r="C12177" t="s">
        <v>24304</v>
      </c>
    </row>
    <row r="12178" spans="1:3" x14ac:dyDescent="0.15">
      <c r="A12178">
        <v>12830</v>
      </c>
      <c r="B12178" t="s">
        <v>24305</v>
      </c>
      <c r="C12178" t="s">
        <v>24306</v>
      </c>
    </row>
    <row r="12179" spans="1:3" x14ac:dyDescent="0.15">
      <c r="A12179">
        <v>12829</v>
      </c>
      <c r="B12179" t="s">
        <v>24307</v>
      </c>
      <c r="C12179" t="s">
        <v>24308</v>
      </c>
    </row>
    <row r="12180" spans="1:3" x14ac:dyDescent="0.15">
      <c r="A12180">
        <v>12828</v>
      </c>
      <c r="B12180" t="s">
        <v>24309</v>
      </c>
      <c r="C12180" t="s">
        <v>24310</v>
      </c>
    </row>
    <row r="12181" spans="1:3" x14ac:dyDescent="0.15">
      <c r="A12181">
        <v>12827</v>
      </c>
      <c r="B12181" t="s">
        <v>24311</v>
      </c>
      <c r="C12181" t="s">
        <v>24312</v>
      </c>
    </row>
    <row r="12182" spans="1:3" x14ac:dyDescent="0.15">
      <c r="A12182">
        <v>12825</v>
      </c>
      <c r="B12182" t="s">
        <v>24313</v>
      </c>
      <c r="C12182" t="s">
        <v>24314</v>
      </c>
    </row>
    <row r="12183" spans="1:3" x14ac:dyDescent="0.15">
      <c r="A12183">
        <v>12824</v>
      </c>
      <c r="B12183" t="s">
        <v>24315</v>
      </c>
      <c r="C12183" t="s">
        <v>24316</v>
      </c>
    </row>
    <row r="12184" spans="1:3" x14ac:dyDescent="0.15">
      <c r="A12184">
        <v>12823</v>
      </c>
      <c r="B12184" t="s">
        <v>24317</v>
      </c>
      <c r="C12184" t="s">
        <v>24318</v>
      </c>
    </row>
    <row r="12185" spans="1:3" x14ac:dyDescent="0.15">
      <c r="A12185">
        <v>12822</v>
      </c>
      <c r="B12185" t="s">
        <v>24319</v>
      </c>
      <c r="C12185" t="s">
        <v>24320</v>
      </c>
    </row>
    <row r="12186" spans="1:3" x14ac:dyDescent="0.15">
      <c r="A12186">
        <v>12821</v>
      </c>
      <c r="B12186" t="s">
        <v>24321</v>
      </c>
      <c r="C12186" t="s">
        <v>24322</v>
      </c>
    </row>
    <row r="12187" spans="1:3" x14ac:dyDescent="0.15">
      <c r="A12187">
        <v>12820</v>
      </c>
      <c r="B12187" t="s">
        <v>24323</v>
      </c>
      <c r="C12187" t="s">
        <v>24324</v>
      </c>
    </row>
    <row r="12188" spans="1:3" x14ac:dyDescent="0.15">
      <c r="A12188">
        <v>12819</v>
      </c>
      <c r="B12188" t="s">
        <v>24325</v>
      </c>
      <c r="C12188" t="s">
        <v>24326</v>
      </c>
    </row>
    <row r="12189" spans="1:3" x14ac:dyDescent="0.15">
      <c r="A12189">
        <v>12818</v>
      </c>
      <c r="B12189" t="s">
        <v>24327</v>
      </c>
      <c r="C12189" t="s">
        <v>24328</v>
      </c>
    </row>
    <row r="12190" spans="1:3" x14ac:dyDescent="0.15">
      <c r="A12190">
        <v>12817</v>
      </c>
      <c r="B12190" t="s">
        <v>24329</v>
      </c>
      <c r="C12190" t="s">
        <v>24330</v>
      </c>
    </row>
    <row r="12191" spans="1:3" x14ac:dyDescent="0.15">
      <c r="A12191">
        <v>12816</v>
      </c>
      <c r="B12191" t="s">
        <v>24331</v>
      </c>
      <c r="C12191" t="s">
        <v>24332</v>
      </c>
    </row>
    <row r="12192" spans="1:3" x14ac:dyDescent="0.15">
      <c r="A12192">
        <v>12815</v>
      </c>
      <c r="B12192" t="s">
        <v>24333</v>
      </c>
      <c r="C12192" t="s">
        <v>24334</v>
      </c>
    </row>
    <row r="12193" spans="1:3" x14ac:dyDescent="0.15">
      <c r="A12193">
        <v>12814</v>
      </c>
      <c r="B12193" t="s">
        <v>24335</v>
      </c>
      <c r="C12193" t="s">
        <v>24336</v>
      </c>
    </row>
    <row r="12194" spans="1:3" x14ac:dyDescent="0.15">
      <c r="A12194">
        <v>12813</v>
      </c>
      <c r="B12194" t="s">
        <v>24337</v>
      </c>
      <c r="C12194" t="s">
        <v>24338</v>
      </c>
    </row>
    <row r="12195" spans="1:3" x14ac:dyDescent="0.15">
      <c r="A12195">
        <v>12812</v>
      </c>
      <c r="B12195" t="s">
        <v>24339</v>
      </c>
      <c r="C12195" t="s">
        <v>24340</v>
      </c>
    </row>
    <row r="12196" spans="1:3" x14ac:dyDescent="0.15">
      <c r="A12196">
        <v>12811</v>
      </c>
      <c r="B12196" t="s">
        <v>24341</v>
      </c>
      <c r="C12196" t="s">
        <v>24342</v>
      </c>
    </row>
    <row r="12197" spans="1:3" x14ac:dyDescent="0.15">
      <c r="A12197">
        <v>12810</v>
      </c>
      <c r="B12197" t="s">
        <v>24343</v>
      </c>
      <c r="C12197" t="s">
        <v>24344</v>
      </c>
    </row>
    <row r="12198" spans="1:3" x14ac:dyDescent="0.15">
      <c r="A12198">
        <v>12809</v>
      </c>
      <c r="B12198" t="s">
        <v>24345</v>
      </c>
      <c r="C12198" t="s">
        <v>24346</v>
      </c>
    </row>
    <row r="12199" spans="1:3" x14ac:dyDescent="0.15">
      <c r="A12199">
        <v>12808</v>
      </c>
      <c r="B12199" t="s">
        <v>24347</v>
      </c>
      <c r="C12199" t="s">
        <v>24348</v>
      </c>
    </row>
    <row r="12200" spans="1:3" x14ac:dyDescent="0.15">
      <c r="A12200">
        <v>12807</v>
      </c>
      <c r="B12200" t="s">
        <v>24349</v>
      </c>
      <c r="C12200" t="s">
        <v>24350</v>
      </c>
    </row>
    <row r="12201" spans="1:3" x14ac:dyDescent="0.15">
      <c r="A12201">
        <v>12806</v>
      </c>
      <c r="B12201" t="s">
        <v>24351</v>
      </c>
      <c r="C12201" t="s">
        <v>24352</v>
      </c>
    </row>
    <row r="12202" spans="1:3" x14ac:dyDescent="0.15">
      <c r="A12202">
        <v>12805</v>
      </c>
      <c r="B12202" t="s">
        <v>24353</v>
      </c>
      <c r="C12202" t="s">
        <v>24354</v>
      </c>
    </row>
    <row r="12203" spans="1:3" x14ac:dyDescent="0.15">
      <c r="A12203">
        <v>12804</v>
      </c>
      <c r="B12203" t="s">
        <v>24355</v>
      </c>
      <c r="C12203" t="s">
        <v>24356</v>
      </c>
    </row>
    <row r="12204" spans="1:3" x14ac:dyDescent="0.15">
      <c r="A12204">
        <v>12803</v>
      </c>
      <c r="B12204" t="s">
        <v>24357</v>
      </c>
      <c r="C12204" t="s">
        <v>24358</v>
      </c>
    </row>
    <row r="12205" spans="1:3" x14ac:dyDescent="0.15">
      <c r="A12205">
        <v>12802</v>
      </c>
      <c r="B12205" t="s">
        <v>24359</v>
      </c>
      <c r="C12205" t="s">
        <v>24360</v>
      </c>
    </row>
    <row r="12206" spans="1:3" x14ac:dyDescent="0.15">
      <c r="A12206">
        <v>12801</v>
      </c>
      <c r="B12206" t="s">
        <v>24361</v>
      </c>
      <c r="C12206" t="s">
        <v>24362</v>
      </c>
    </row>
    <row r="12207" spans="1:3" x14ac:dyDescent="0.15">
      <c r="A12207">
        <v>12800</v>
      </c>
      <c r="B12207" t="s">
        <v>24363</v>
      </c>
      <c r="C12207" t="s">
        <v>24364</v>
      </c>
    </row>
    <row r="12208" spans="1:3" x14ac:dyDescent="0.15">
      <c r="A12208">
        <v>12799</v>
      </c>
      <c r="B12208" t="s">
        <v>24365</v>
      </c>
      <c r="C12208" t="s">
        <v>24366</v>
      </c>
    </row>
    <row r="12209" spans="1:3" x14ac:dyDescent="0.15">
      <c r="A12209">
        <v>12798</v>
      </c>
      <c r="B12209" t="s">
        <v>24367</v>
      </c>
      <c r="C12209" t="s">
        <v>24368</v>
      </c>
    </row>
    <row r="12210" spans="1:3" x14ac:dyDescent="0.15">
      <c r="A12210">
        <v>12797</v>
      </c>
      <c r="B12210" t="s">
        <v>24369</v>
      </c>
      <c r="C12210" t="s">
        <v>24370</v>
      </c>
    </row>
    <row r="12211" spans="1:3" x14ac:dyDescent="0.15">
      <c r="A12211">
        <v>12796</v>
      </c>
      <c r="B12211" t="s">
        <v>24371</v>
      </c>
      <c r="C12211" t="s">
        <v>24372</v>
      </c>
    </row>
    <row r="12212" spans="1:3" x14ac:dyDescent="0.15">
      <c r="A12212">
        <v>12795</v>
      </c>
      <c r="B12212" t="s">
        <v>24373</v>
      </c>
      <c r="C12212" t="s">
        <v>24374</v>
      </c>
    </row>
    <row r="12213" spans="1:3" x14ac:dyDescent="0.15">
      <c r="A12213">
        <v>12794</v>
      </c>
      <c r="B12213" t="s">
        <v>24375</v>
      </c>
      <c r="C12213" t="s">
        <v>24376</v>
      </c>
    </row>
    <row r="12214" spans="1:3" x14ac:dyDescent="0.15">
      <c r="A12214">
        <v>12793</v>
      </c>
      <c r="B12214" t="s">
        <v>24377</v>
      </c>
      <c r="C12214" t="s">
        <v>24378</v>
      </c>
    </row>
    <row r="12215" spans="1:3" x14ac:dyDescent="0.15">
      <c r="A12215">
        <v>12792</v>
      </c>
      <c r="B12215" t="s">
        <v>24379</v>
      </c>
      <c r="C12215" t="s">
        <v>24380</v>
      </c>
    </row>
    <row r="12216" spans="1:3" x14ac:dyDescent="0.15">
      <c r="A12216">
        <v>12791</v>
      </c>
      <c r="B12216" t="s">
        <v>24381</v>
      </c>
      <c r="C12216" t="s">
        <v>24382</v>
      </c>
    </row>
    <row r="12217" spans="1:3" x14ac:dyDescent="0.15">
      <c r="A12217">
        <v>12790</v>
      </c>
      <c r="B12217" t="s">
        <v>24383</v>
      </c>
      <c r="C12217" t="s">
        <v>24384</v>
      </c>
    </row>
    <row r="12218" spans="1:3" x14ac:dyDescent="0.15">
      <c r="A12218">
        <v>12789</v>
      </c>
      <c r="B12218" t="s">
        <v>24385</v>
      </c>
      <c r="C12218" t="s">
        <v>24386</v>
      </c>
    </row>
    <row r="12219" spans="1:3" x14ac:dyDescent="0.15">
      <c r="A12219">
        <v>12788</v>
      </c>
      <c r="B12219" t="s">
        <v>24387</v>
      </c>
      <c r="C12219" t="s">
        <v>24388</v>
      </c>
    </row>
    <row r="12220" spans="1:3" x14ac:dyDescent="0.15">
      <c r="A12220">
        <v>12787</v>
      </c>
      <c r="B12220" t="s">
        <v>24389</v>
      </c>
      <c r="C12220" t="s">
        <v>24390</v>
      </c>
    </row>
    <row r="12221" spans="1:3" x14ac:dyDescent="0.15">
      <c r="A12221">
        <v>12786</v>
      </c>
      <c r="B12221" t="s">
        <v>24391</v>
      </c>
      <c r="C12221" t="s">
        <v>24392</v>
      </c>
    </row>
    <row r="12222" spans="1:3" x14ac:dyDescent="0.15">
      <c r="A12222">
        <v>12785</v>
      </c>
      <c r="B12222" t="s">
        <v>24393</v>
      </c>
      <c r="C12222" t="s">
        <v>24394</v>
      </c>
    </row>
    <row r="12223" spans="1:3" x14ac:dyDescent="0.15">
      <c r="A12223">
        <v>12784</v>
      </c>
      <c r="B12223" t="s">
        <v>24395</v>
      </c>
      <c r="C12223" t="s">
        <v>24396</v>
      </c>
    </row>
    <row r="12224" spans="1:3" x14ac:dyDescent="0.15">
      <c r="A12224">
        <v>12783</v>
      </c>
      <c r="B12224" t="s">
        <v>24397</v>
      </c>
      <c r="C12224" t="s">
        <v>24398</v>
      </c>
    </row>
    <row r="12225" spans="1:3" x14ac:dyDescent="0.15">
      <c r="A12225">
        <v>12782</v>
      </c>
      <c r="B12225" t="s">
        <v>24399</v>
      </c>
      <c r="C12225" t="s">
        <v>24400</v>
      </c>
    </row>
    <row r="12226" spans="1:3" x14ac:dyDescent="0.15">
      <c r="A12226">
        <v>12781</v>
      </c>
      <c r="B12226" t="s">
        <v>24401</v>
      </c>
      <c r="C12226" t="s">
        <v>24402</v>
      </c>
    </row>
    <row r="12227" spans="1:3" x14ac:dyDescent="0.15">
      <c r="A12227">
        <v>12780</v>
      </c>
      <c r="B12227" t="s">
        <v>24403</v>
      </c>
      <c r="C12227" t="s">
        <v>24404</v>
      </c>
    </row>
    <row r="12228" spans="1:3" x14ac:dyDescent="0.15">
      <c r="A12228">
        <v>12779</v>
      </c>
      <c r="B12228" t="s">
        <v>24405</v>
      </c>
      <c r="C12228" t="s">
        <v>24406</v>
      </c>
    </row>
    <row r="12229" spans="1:3" x14ac:dyDescent="0.15">
      <c r="A12229">
        <v>12778</v>
      </c>
      <c r="B12229" t="s">
        <v>24407</v>
      </c>
      <c r="C12229" t="s">
        <v>24408</v>
      </c>
    </row>
    <row r="12230" spans="1:3" x14ac:dyDescent="0.15">
      <c r="A12230">
        <v>12777</v>
      </c>
      <c r="B12230" t="s">
        <v>24409</v>
      </c>
      <c r="C12230" t="s">
        <v>24410</v>
      </c>
    </row>
    <row r="12231" spans="1:3" x14ac:dyDescent="0.15">
      <c r="A12231">
        <v>12776</v>
      </c>
      <c r="B12231" t="s">
        <v>24411</v>
      </c>
      <c r="C12231" t="s">
        <v>24412</v>
      </c>
    </row>
    <row r="12232" spans="1:3" x14ac:dyDescent="0.15">
      <c r="A12232">
        <v>12775</v>
      </c>
      <c r="B12232" t="s">
        <v>24413</v>
      </c>
      <c r="C12232" t="s">
        <v>24414</v>
      </c>
    </row>
    <row r="12233" spans="1:3" x14ac:dyDescent="0.15">
      <c r="A12233">
        <v>12774</v>
      </c>
      <c r="B12233" t="s">
        <v>24415</v>
      </c>
      <c r="C12233" t="s">
        <v>24416</v>
      </c>
    </row>
    <row r="12234" spans="1:3" x14ac:dyDescent="0.15">
      <c r="A12234">
        <v>12773</v>
      </c>
      <c r="B12234" t="s">
        <v>24417</v>
      </c>
      <c r="C12234" t="s">
        <v>24418</v>
      </c>
    </row>
    <row r="12235" spans="1:3" x14ac:dyDescent="0.15">
      <c r="A12235">
        <v>12772</v>
      </c>
      <c r="B12235" t="s">
        <v>24419</v>
      </c>
      <c r="C12235" t="s">
        <v>24420</v>
      </c>
    </row>
    <row r="12236" spans="1:3" x14ac:dyDescent="0.15">
      <c r="A12236">
        <v>12771</v>
      </c>
      <c r="B12236" t="s">
        <v>24421</v>
      </c>
      <c r="C12236" t="s">
        <v>24422</v>
      </c>
    </row>
    <row r="12237" spans="1:3" x14ac:dyDescent="0.15">
      <c r="A12237">
        <v>12770</v>
      </c>
      <c r="B12237" t="s">
        <v>24423</v>
      </c>
      <c r="C12237" t="s">
        <v>24424</v>
      </c>
    </row>
    <row r="12238" spans="1:3" x14ac:dyDescent="0.15">
      <c r="A12238">
        <v>12769</v>
      </c>
      <c r="B12238" t="s">
        <v>24425</v>
      </c>
      <c r="C12238" t="s">
        <v>24426</v>
      </c>
    </row>
    <row r="12239" spans="1:3" x14ac:dyDescent="0.15">
      <c r="A12239">
        <v>12768</v>
      </c>
      <c r="B12239" t="s">
        <v>24427</v>
      </c>
      <c r="C12239" t="s">
        <v>24428</v>
      </c>
    </row>
    <row r="12240" spans="1:3" x14ac:dyDescent="0.15">
      <c r="A12240">
        <v>12766</v>
      </c>
      <c r="B12240" t="s">
        <v>24429</v>
      </c>
      <c r="C12240" t="s">
        <v>24430</v>
      </c>
    </row>
    <row r="12241" spans="1:3" x14ac:dyDescent="0.15">
      <c r="A12241">
        <v>12765</v>
      </c>
      <c r="B12241" t="s">
        <v>24431</v>
      </c>
      <c r="C12241" t="s">
        <v>24432</v>
      </c>
    </row>
    <row r="12242" spans="1:3" x14ac:dyDescent="0.15">
      <c r="A12242">
        <v>12764</v>
      </c>
      <c r="B12242" t="s">
        <v>24433</v>
      </c>
      <c r="C12242" t="s">
        <v>24434</v>
      </c>
    </row>
    <row r="12243" spans="1:3" x14ac:dyDescent="0.15">
      <c r="A12243">
        <v>12763</v>
      </c>
      <c r="B12243" t="s">
        <v>24435</v>
      </c>
      <c r="C12243" t="s">
        <v>24436</v>
      </c>
    </row>
    <row r="12244" spans="1:3" x14ac:dyDescent="0.15">
      <c r="A12244">
        <v>12762</v>
      </c>
      <c r="B12244" t="s">
        <v>24437</v>
      </c>
      <c r="C12244" t="s">
        <v>24438</v>
      </c>
    </row>
    <row r="12245" spans="1:3" x14ac:dyDescent="0.15">
      <c r="A12245">
        <v>12761</v>
      </c>
      <c r="B12245" t="s">
        <v>24439</v>
      </c>
      <c r="C12245" t="s">
        <v>24440</v>
      </c>
    </row>
    <row r="12246" spans="1:3" x14ac:dyDescent="0.15">
      <c r="A12246">
        <v>12760</v>
      </c>
      <c r="B12246" t="s">
        <v>24441</v>
      </c>
      <c r="C12246" t="s">
        <v>24442</v>
      </c>
    </row>
    <row r="12247" spans="1:3" x14ac:dyDescent="0.15">
      <c r="A12247">
        <v>12759</v>
      </c>
      <c r="B12247" t="s">
        <v>24443</v>
      </c>
      <c r="C12247" t="s">
        <v>24444</v>
      </c>
    </row>
    <row r="12248" spans="1:3" x14ac:dyDescent="0.15">
      <c r="A12248">
        <v>12758</v>
      </c>
      <c r="B12248" t="s">
        <v>24445</v>
      </c>
      <c r="C12248" t="s">
        <v>24446</v>
      </c>
    </row>
    <row r="12249" spans="1:3" x14ac:dyDescent="0.15">
      <c r="A12249">
        <v>12757</v>
      </c>
      <c r="B12249" t="s">
        <v>24447</v>
      </c>
      <c r="C12249" t="s">
        <v>24448</v>
      </c>
    </row>
    <row r="12250" spans="1:3" x14ac:dyDescent="0.15">
      <c r="A12250">
        <v>12756</v>
      </c>
      <c r="B12250" t="s">
        <v>24449</v>
      </c>
      <c r="C12250" t="s">
        <v>24450</v>
      </c>
    </row>
    <row r="12251" spans="1:3" x14ac:dyDescent="0.15">
      <c r="A12251">
        <v>12755</v>
      </c>
      <c r="B12251" t="s">
        <v>24451</v>
      </c>
      <c r="C12251" t="s">
        <v>24452</v>
      </c>
    </row>
    <row r="12252" spans="1:3" x14ac:dyDescent="0.15">
      <c r="A12252">
        <v>12754</v>
      </c>
      <c r="B12252" t="s">
        <v>24453</v>
      </c>
      <c r="C12252" t="s">
        <v>24454</v>
      </c>
    </row>
    <row r="12253" spans="1:3" x14ac:dyDescent="0.15">
      <c r="A12253">
        <v>12753</v>
      </c>
      <c r="B12253" t="s">
        <v>24455</v>
      </c>
      <c r="C12253" t="s">
        <v>24456</v>
      </c>
    </row>
    <row r="12254" spans="1:3" x14ac:dyDescent="0.15">
      <c r="A12254">
        <v>12752</v>
      </c>
      <c r="B12254" t="s">
        <v>24457</v>
      </c>
      <c r="C12254" t="s">
        <v>24458</v>
      </c>
    </row>
    <row r="12255" spans="1:3" x14ac:dyDescent="0.15">
      <c r="A12255">
        <v>12751</v>
      </c>
      <c r="B12255" t="s">
        <v>24459</v>
      </c>
      <c r="C12255" t="s">
        <v>24460</v>
      </c>
    </row>
    <row r="12256" spans="1:3" x14ac:dyDescent="0.15">
      <c r="A12256">
        <v>12750</v>
      </c>
      <c r="B12256" t="s">
        <v>24461</v>
      </c>
      <c r="C12256" t="s">
        <v>24462</v>
      </c>
    </row>
    <row r="12257" spans="1:3" x14ac:dyDescent="0.15">
      <c r="A12257">
        <v>12749</v>
      </c>
      <c r="B12257" t="s">
        <v>24463</v>
      </c>
      <c r="C12257" t="s">
        <v>24464</v>
      </c>
    </row>
    <row r="12258" spans="1:3" x14ac:dyDescent="0.15">
      <c r="A12258">
        <v>12748</v>
      </c>
      <c r="B12258" t="s">
        <v>24465</v>
      </c>
      <c r="C12258" t="s">
        <v>24466</v>
      </c>
    </row>
    <row r="12259" spans="1:3" x14ac:dyDescent="0.15">
      <c r="A12259">
        <v>12747</v>
      </c>
      <c r="B12259" t="s">
        <v>24467</v>
      </c>
      <c r="C12259" t="s">
        <v>24468</v>
      </c>
    </row>
    <row r="12260" spans="1:3" x14ac:dyDescent="0.15">
      <c r="A12260">
        <v>12746</v>
      </c>
      <c r="B12260" t="s">
        <v>24469</v>
      </c>
      <c r="C12260" t="s">
        <v>24470</v>
      </c>
    </row>
    <row r="12261" spans="1:3" x14ac:dyDescent="0.15">
      <c r="A12261">
        <v>12745</v>
      </c>
      <c r="B12261" t="s">
        <v>24471</v>
      </c>
      <c r="C12261" t="s">
        <v>24472</v>
      </c>
    </row>
    <row r="12262" spans="1:3" x14ac:dyDescent="0.15">
      <c r="A12262">
        <v>12744</v>
      </c>
      <c r="B12262" t="s">
        <v>24473</v>
      </c>
      <c r="C12262" t="s">
        <v>24474</v>
      </c>
    </row>
    <row r="12263" spans="1:3" x14ac:dyDescent="0.15">
      <c r="A12263">
        <v>12743</v>
      </c>
      <c r="B12263" t="s">
        <v>24475</v>
      </c>
      <c r="C12263" t="s">
        <v>24476</v>
      </c>
    </row>
    <row r="12264" spans="1:3" x14ac:dyDescent="0.15">
      <c r="A12264">
        <v>12742</v>
      </c>
      <c r="B12264" t="s">
        <v>24477</v>
      </c>
      <c r="C12264" t="s">
        <v>24478</v>
      </c>
    </row>
    <row r="12265" spans="1:3" x14ac:dyDescent="0.15">
      <c r="A12265">
        <v>12741</v>
      </c>
      <c r="B12265" t="s">
        <v>24479</v>
      </c>
      <c r="C12265" t="s">
        <v>24480</v>
      </c>
    </row>
    <row r="12266" spans="1:3" x14ac:dyDescent="0.15">
      <c r="A12266">
        <v>12740</v>
      </c>
      <c r="B12266" t="s">
        <v>24481</v>
      </c>
      <c r="C12266" t="s">
        <v>24482</v>
      </c>
    </row>
    <row r="12267" spans="1:3" x14ac:dyDescent="0.15">
      <c r="A12267">
        <v>12739</v>
      </c>
      <c r="B12267" t="s">
        <v>24483</v>
      </c>
      <c r="C12267" t="s">
        <v>24484</v>
      </c>
    </row>
    <row r="12268" spans="1:3" x14ac:dyDescent="0.15">
      <c r="A12268">
        <v>12738</v>
      </c>
      <c r="B12268" t="s">
        <v>24485</v>
      </c>
      <c r="C12268" t="s">
        <v>24486</v>
      </c>
    </row>
    <row r="12269" spans="1:3" x14ac:dyDescent="0.15">
      <c r="A12269">
        <v>12737</v>
      </c>
      <c r="B12269" t="s">
        <v>24487</v>
      </c>
      <c r="C12269" t="s">
        <v>24488</v>
      </c>
    </row>
    <row r="12270" spans="1:3" x14ac:dyDescent="0.15">
      <c r="A12270">
        <v>12736</v>
      </c>
      <c r="B12270" t="s">
        <v>24489</v>
      </c>
      <c r="C12270" t="s">
        <v>24490</v>
      </c>
    </row>
    <row r="12271" spans="1:3" x14ac:dyDescent="0.15">
      <c r="A12271">
        <v>12735</v>
      </c>
      <c r="B12271" t="s">
        <v>24491</v>
      </c>
      <c r="C12271" t="s">
        <v>24492</v>
      </c>
    </row>
    <row r="12272" spans="1:3" x14ac:dyDescent="0.15">
      <c r="A12272">
        <v>12734</v>
      </c>
      <c r="B12272" t="s">
        <v>24493</v>
      </c>
      <c r="C12272" t="s">
        <v>24494</v>
      </c>
    </row>
    <row r="12273" spans="1:3" x14ac:dyDescent="0.15">
      <c r="A12273">
        <v>12733</v>
      </c>
      <c r="B12273" t="s">
        <v>24495</v>
      </c>
      <c r="C12273" t="s">
        <v>24496</v>
      </c>
    </row>
    <row r="12274" spans="1:3" x14ac:dyDescent="0.15">
      <c r="A12274">
        <v>12732</v>
      </c>
      <c r="B12274" t="s">
        <v>24497</v>
      </c>
      <c r="C12274" t="s">
        <v>24498</v>
      </c>
    </row>
    <row r="12275" spans="1:3" x14ac:dyDescent="0.15">
      <c r="A12275">
        <v>12731</v>
      </c>
      <c r="B12275" t="s">
        <v>24499</v>
      </c>
      <c r="C12275" t="s">
        <v>24500</v>
      </c>
    </row>
    <row r="12276" spans="1:3" x14ac:dyDescent="0.15">
      <c r="A12276">
        <v>12730</v>
      </c>
      <c r="B12276" t="s">
        <v>24501</v>
      </c>
      <c r="C12276" t="s">
        <v>24502</v>
      </c>
    </row>
    <row r="12277" spans="1:3" x14ac:dyDescent="0.15">
      <c r="A12277">
        <v>12729</v>
      </c>
      <c r="B12277" t="s">
        <v>24503</v>
      </c>
      <c r="C12277" t="s">
        <v>24504</v>
      </c>
    </row>
    <row r="12278" spans="1:3" x14ac:dyDescent="0.15">
      <c r="A12278">
        <v>12728</v>
      </c>
      <c r="B12278" t="s">
        <v>24505</v>
      </c>
      <c r="C12278" t="s">
        <v>24506</v>
      </c>
    </row>
    <row r="12279" spans="1:3" x14ac:dyDescent="0.15">
      <c r="A12279">
        <v>12727</v>
      </c>
      <c r="B12279" t="s">
        <v>24507</v>
      </c>
      <c r="C12279" t="s">
        <v>24508</v>
      </c>
    </row>
    <row r="12280" spans="1:3" x14ac:dyDescent="0.15">
      <c r="A12280">
        <v>12726</v>
      </c>
      <c r="B12280" t="s">
        <v>24509</v>
      </c>
      <c r="C12280" t="s">
        <v>24510</v>
      </c>
    </row>
    <row r="12281" spans="1:3" x14ac:dyDescent="0.15">
      <c r="A12281">
        <v>12725</v>
      </c>
      <c r="B12281" t="s">
        <v>24511</v>
      </c>
      <c r="C12281" t="s">
        <v>24512</v>
      </c>
    </row>
    <row r="12282" spans="1:3" x14ac:dyDescent="0.15">
      <c r="A12282">
        <v>12724</v>
      </c>
      <c r="B12282" t="s">
        <v>24513</v>
      </c>
      <c r="C12282" t="s">
        <v>24514</v>
      </c>
    </row>
    <row r="12283" spans="1:3" x14ac:dyDescent="0.15">
      <c r="A12283">
        <v>12723</v>
      </c>
      <c r="B12283" t="s">
        <v>24515</v>
      </c>
      <c r="C12283" t="s">
        <v>24516</v>
      </c>
    </row>
    <row r="12284" spans="1:3" x14ac:dyDescent="0.15">
      <c r="A12284">
        <v>12722</v>
      </c>
      <c r="B12284" t="s">
        <v>24517</v>
      </c>
      <c r="C12284" t="s">
        <v>24518</v>
      </c>
    </row>
    <row r="12285" spans="1:3" x14ac:dyDescent="0.15">
      <c r="A12285">
        <v>12721</v>
      </c>
      <c r="B12285" t="s">
        <v>24519</v>
      </c>
      <c r="C12285" t="s">
        <v>24520</v>
      </c>
    </row>
    <row r="12286" spans="1:3" x14ac:dyDescent="0.15">
      <c r="A12286">
        <v>12720</v>
      </c>
      <c r="B12286" t="s">
        <v>24521</v>
      </c>
      <c r="C12286" t="s">
        <v>24522</v>
      </c>
    </row>
    <row r="12287" spans="1:3" x14ac:dyDescent="0.15">
      <c r="A12287">
        <v>12719</v>
      </c>
      <c r="B12287" t="s">
        <v>24523</v>
      </c>
      <c r="C12287" t="s">
        <v>24524</v>
      </c>
    </row>
    <row r="12288" spans="1:3" x14ac:dyDescent="0.15">
      <c r="A12288">
        <v>12718</v>
      </c>
      <c r="B12288" t="s">
        <v>24525</v>
      </c>
      <c r="C12288" t="s">
        <v>24526</v>
      </c>
    </row>
    <row r="12289" spans="1:3" x14ac:dyDescent="0.15">
      <c r="A12289">
        <v>12717</v>
      </c>
      <c r="B12289" t="s">
        <v>24527</v>
      </c>
      <c r="C12289" t="s">
        <v>24528</v>
      </c>
    </row>
    <row r="12290" spans="1:3" x14ac:dyDescent="0.15">
      <c r="A12290">
        <v>12716</v>
      </c>
      <c r="B12290" t="s">
        <v>24529</v>
      </c>
      <c r="C12290" t="s">
        <v>24530</v>
      </c>
    </row>
    <row r="12291" spans="1:3" x14ac:dyDescent="0.15">
      <c r="A12291">
        <v>12715</v>
      </c>
      <c r="B12291" t="s">
        <v>24531</v>
      </c>
      <c r="C12291" t="s">
        <v>24532</v>
      </c>
    </row>
    <row r="12292" spans="1:3" x14ac:dyDescent="0.15">
      <c r="A12292">
        <v>12714</v>
      </c>
      <c r="B12292" t="s">
        <v>24533</v>
      </c>
      <c r="C12292" t="s">
        <v>24534</v>
      </c>
    </row>
    <row r="12293" spans="1:3" x14ac:dyDescent="0.15">
      <c r="A12293">
        <v>12713</v>
      </c>
      <c r="B12293" t="s">
        <v>24535</v>
      </c>
      <c r="C12293" t="s">
        <v>24536</v>
      </c>
    </row>
    <row r="12294" spans="1:3" x14ac:dyDescent="0.15">
      <c r="A12294">
        <v>12712</v>
      </c>
      <c r="B12294" t="s">
        <v>24537</v>
      </c>
      <c r="C12294" t="s">
        <v>24538</v>
      </c>
    </row>
    <row r="12295" spans="1:3" x14ac:dyDescent="0.15">
      <c r="A12295">
        <v>12711</v>
      </c>
      <c r="B12295" t="s">
        <v>24539</v>
      </c>
      <c r="C12295" t="s">
        <v>24540</v>
      </c>
    </row>
    <row r="12296" spans="1:3" x14ac:dyDescent="0.15">
      <c r="A12296">
        <v>12710</v>
      </c>
      <c r="B12296" t="s">
        <v>24541</v>
      </c>
      <c r="C12296" t="s">
        <v>24542</v>
      </c>
    </row>
    <row r="12297" spans="1:3" x14ac:dyDescent="0.15">
      <c r="A12297">
        <v>12709</v>
      </c>
      <c r="B12297" t="s">
        <v>24543</v>
      </c>
      <c r="C12297" t="s">
        <v>24544</v>
      </c>
    </row>
    <row r="12298" spans="1:3" x14ac:dyDescent="0.15">
      <c r="A12298">
        <v>12708</v>
      </c>
      <c r="B12298" t="s">
        <v>24545</v>
      </c>
      <c r="C12298" t="s">
        <v>24546</v>
      </c>
    </row>
    <row r="12299" spans="1:3" x14ac:dyDescent="0.15">
      <c r="A12299">
        <v>12707</v>
      </c>
      <c r="B12299" t="s">
        <v>24547</v>
      </c>
      <c r="C12299" t="s">
        <v>24548</v>
      </c>
    </row>
    <row r="12300" spans="1:3" x14ac:dyDescent="0.15">
      <c r="A12300">
        <v>12706</v>
      </c>
      <c r="B12300" t="s">
        <v>24549</v>
      </c>
      <c r="C12300" t="s">
        <v>24550</v>
      </c>
    </row>
    <row r="12301" spans="1:3" x14ac:dyDescent="0.15">
      <c r="A12301">
        <v>12705</v>
      </c>
      <c r="B12301" t="s">
        <v>24551</v>
      </c>
      <c r="C12301" t="s">
        <v>24552</v>
      </c>
    </row>
    <row r="12302" spans="1:3" x14ac:dyDescent="0.15">
      <c r="A12302">
        <v>12704</v>
      </c>
      <c r="B12302" t="s">
        <v>24553</v>
      </c>
      <c r="C12302" t="s">
        <v>24554</v>
      </c>
    </row>
    <row r="12303" spans="1:3" x14ac:dyDescent="0.15">
      <c r="A12303">
        <v>12703</v>
      </c>
      <c r="B12303" t="s">
        <v>24555</v>
      </c>
      <c r="C12303" t="s">
        <v>24556</v>
      </c>
    </row>
    <row r="12304" spans="1:3" x14ac:dyDescent="0.15">
      <c r="A12304">
        <v>12702</v>
      </c>
      <c r="B12304" t="s">
        <v>24557</v>
      </c>
      <c r="C12304" t="s">
        <v>24558</v>
      </c>
    </row>
    <row r="12305" spans="1:3" x14ac:dyDescent="0.15">
      <c r="A12305">
        <v>12701</v>
      </c>
      <c r="B12305" t="s">
        <v>24559</v>
      </c>
      <c r="C12305" t="s">
        <v>24560</v>
      </c>
    </row>
    <row r="12306" spans="1:3" x14ac:dyDescent="0.15">
      <c r="A12306">
        <v>12700</v>
      </c>
      <c r="B12306" t="s">
        <v>24561</v>
      </c>
      <c r="C12306" t="s">
        <v>24562</v>
      </c>
    </row>
    <row r="12307" spans="1:3" x14ac:dyDescent="0.15">
      <c r="A12307">
        <v>12699</v>
      </c>
      <c r="B12307" t="s">
        <v>24563</v>
      </c>
      <c r="C12307" t="s">
        <v>24564</v>
      </c>
    </row>
    <row r="12308" spans="1:3" x14ac:dyDescent="0.15">
      <c r="A12308">
        <v>12698</v>
      </c>
      <c r="B12308" t="s">
        <v>24565</v>
      </c>
      <c r="C12308" t="s">
        <v>24566</v>
      </c>
    </row>
    <row r="12309" spans="1:3" x14ac:dyDescent="0.15">
      <c r="A12309">
        <v>12697</v>
      </c>
      <c r="B12309" t="s">
        <v>24567</v>
      </c>
      <c r="C12309" t="s">
        <v>24568</v>
      </c>
    </row>
    <row r="12310" spans="1:3" x14ac:dyDescent="0.15">
      <c r="A12310">
        <v>12696</v>
      </c>
      <c r="B12310" t="s">
        <v>24569</v>
      </c>
      <c r="C12310" t="s">
        <v>24570</v>
      </c>
    </row>
    <row r="12311" spans="1:3" x14ac:dyDescent="0.15">
      <c r="A12311">
        <v>12695</v>
      </c>
      <c r="B12311" t="s">
        <v>24571</v>
      </c>
      <c r="C12311" t="s">
        <v>24572</v>
      </c>
    </row>
    <row r="12312" spans="1:3" x14ac:dyDescent="0.15">
      <c r="A12312">
        <v>12694</v>
      </c>
      <c r="B12312" t="s">
        <v>24573</v>
      </c>
      <c r="C12312" t="s">
        <v>24574</v>
      </c>
    </row>
    <row r="12313" spans="1:3" x14ac:dyDescent="0.15">
      <c r="A12313">
        <v>12693</v>
      </c>
      <c r="B12313" t="s">
        <v>24575</v>
      </c>
      <c r="C12313" t="s">
        <v>24576</v>
      </c>
    </row>
    <row r="12314" spans="1:3" x14ac:dyDescent="0.15">
      <c r="A12314">
        <v>12692</v>
      </c>
      <c r="B12314" t="s">
        <v>24577</v>
      </c>
      <c r="C12314" t="s">
        <v>24578</v>
      </c>
    </row>
    <row r="12315" spans="1:3" x14ac:dyDescent="0.15">
      <c r="A12315">
        <v>12691</v>
      </c>
      <c r="B12315" t="s">
        <v>24579</v>
      </c>
      <c r="C12315" t="s">
        <v>24580</v>
      </c>
    </row>
    <row r="12316" spans="1:3" x14ac:dyDescent="0.15">
      <c r="A12316">
        <v>12690</v>
      </c>
      <c r="B12316" t="s">
        <v>24581</v>
      </c>
      <c r="C12316" t="s">
        <v>24582</v>
      </c>
    </row>
    <row r="12317" spans="1:3" x14ac:dyDescent="0.15">
      <c r="A12317">
        <v>12689</v>
      </c>
      <c r="B12317" t="s">
        <v>24583</v>
      </c>
      <c r="C12317" t="s">
        <v>24584</v>
      </c>
    </row>
    <row r="12318" spans="1:3" x14ac:dyDescent="0.15">
      <c r="A12318">
        <v>12688</v>
      </c>
      <c r="B12318" t="s">
        <v>24585</v>
      </c>
      <c r="C12318" t="s">
        <v>24586</v>
      </c>
    </row>
    <row r="12319" spans="1:3" x14ac:dyDescent="0.15">
      <c r="A12319">
        <v>12687</v>
      </c>
      <c r="B12319" t="s">
        <v>24587</v>
      </c>
      <c r="C12319" t="s">
        <v>24588</v>
      </c>
    </row>
    <row r="12320" spans="1:3" x14ac:dyDescent="0.15">
      <c r="A12320">
        <v>12686</v>
      </c>
      <c r="B12320" t="s">
        <v>24589</v>
      </c>
      <c r="C12320" t="s">
        <v>24590</v>
      </c>
    </row>
    <row r="12321" spans="1:3" x14ac:dyDescent="0.15">
      <c r="A12321">
        <v>12685</v>
      </c>
      <c r="B12321" t="s">
        <v>24591</v>
      </c>
      <c r="C12321" t="s">
        <v>24592</v>
      </c>
    </row>
    <row r="12322" spans="1:3" x14ac:dyDescent="0.15">
      <c r="A12322">
        <v>12684</v>
      </c>
      <c r="B12322" t="s">
        <v>24593</v>
      </c>
      <c r="C12322" t="s">
        <v>24594</v>
      </c>
    </row>
    <row r="12323" spans="1:3" x14ac:dyDescent="0.15">
      <c r="A12323">
        <v>12683</v>
      </c>
      <c r="B12323" t="s">
        <v>24595</v>
      </c>
      <c r="C12323" t="s">
        <v>24596</v>
      </c>
    </row>
    <row r="12324" spans="1:3" x14ac:dyDescent="0.15">
      <c r="A12324">
        <v>12682</v>
      </c>
      <c r="B12324" t="s">
        <v>24597</v>
      </c>
      <c r="C12324" t="s">
        <v>24598</v>
      </c>
    </row>
    <row r="12325" spans="1:3" x14ac:dyDescent="0.15">
      <c r="A12325">
        <v>12681</v>
      </c>
      <c r="B12325" t="s">
        <v>24599</v>
      </c>
      <c r="C12325" t="s">
        <v>24600</v>
      </c>
    </row>
    <row r="12326" spans="1:3" x14ac:dyDescent="0.15">
      <c r="A12326">
        <v>12680</v>
      </c>
      <c r="B12326" t="s">
        <v>24601</v>
      </c>
      <c r="C12326" t="s">
        <v>24602</v>
      </c>
    </row>
    <row r="12327" spans="1:3" x14ac:dyDescent="0.15">
      <c r="A12327">
        <v>12679</v>
      </c>
      <c r="B12327" t="s">
        <v>24603</v>
      </c>
      <c r="C12327" t="s">
        <v>24604</v>
      </c>
    </row>
    <row r="12328" spans="1:3" x14ac:dyDescent="0.15">
      <c r="A12328">
        <v>12678</v>
      </c>
      <c r="B12328" t="s">
        <v>24605</v>
      </c>
      <c r="C12328" t="s">
        <v>24606</v>
      </c>
    </row>
    <row r="12329" spans="1:3" x14ac:dyDescent="0.15">
      <c r="A12329">
        <v>12677</v>
      </c>
      <c r="B12329" t="s">
        <v>24607</v>
      </c>
      <c r="C12329" t="s">
        <v>24608</v>
      </c>
    </row>
    <row r="12330" spans="1:3" x14ac:dyDescent="0.15">
      <c r="A12330">
        <v>12676</v>
      </c>
      <c r="B12330" t="s">
        <v>24609</v>
      </c>
      <c r="C12330" t="s">
        <v>24610</v>
      </c>
    </row>
    <row r="12331" spans="1:3" x14ac:dyDescent="0.15">
      <c r="A12331">
        <v>12675</v>
      </c>
      <c r="B12331" t="s">
        <v>24611</v>
      </c>
      <c r="C12331" t="s">
        <v>24612</v>
      </c>
    </row>
    <row r="12332" spans="1:3" x14ac:dyDescent="0.15">
      <c r="A12332">
        <v>12674</v>
      </c>
      <c r="B12332" t="s">
        <v>24613</v>
      </c>
      <c r="C12332" t="s">
        <v>24614</v>
      </c>
    </row>
    <row r="12333" spans="1:3" x14ac:dyDescent="0.15">
      <c r="A12333">
        <v>12673</v>
      </c>
      <c r="B12333" t="s">
        <v>24615</v>
      </c>
      <c r="C12333" t="s">
        <v>24616</v>
      </c>
    </row>
    <row r="12334" spans="1:3" x14ac:dyDescent="0.15">
      <c r="A12334">
        <v>12672</v>
      </c>
      <c r="B12334" t="s">
        <v>24617</v>
      </c>
      <c r="C12334" t="s">
        <v>24618</v>
      </c>
    </row>
    <row r="12335" spans="1:3" x14ac:dyDescent="0.15">
      <c r="A12335">
        <v>12671</v>
      </c>
      <c r="B12335" t="s">
        <v>24619</v>
      </c>
      <c r="C12335" t="s">
        <v>24620</v>
      </c>
    </row>
    <row r="12336" spans="1:3" x14ac:dyDescent="0.15">
      <c r="A12336">
        <v>12670</v>
      </c>
      <c r="B12336" t="s">
        <v>24621</v>
      </c>
      <c r="C12336" t="s">
        <v>24622</v>
      </c>
    </row>
    <row r="12337" spans="1:3" x14ac:dyDescent="0.15">
      <c r="A12337">
        <v>12669</v>
      </c>
      <c r="B12337" t="s">
        <v>24623</v>
      </c>
      <c r="C12337" t="s">
        <v>24624</v>
      </c>
    </row>
    <row r="12338" spans="1:3" x14ac:dyDescent="0.15">
      <c r="A12338">
        <v>12668</v>
      </c>
      <c r="B12338" t="s">
        <v>24625</v>
      </c>
      <c r="C12338" t="s">
        <v>24626</v>
      </c>
    </row>
    <row r="12339" spans="1:3" x14ac:dyDescent="0.15">
      <c r="A12339">
        <v>12667</v>
      </c>
      <c r="B12339" t="s">
        <v>24627</v>
      </c>
      <c r="C12339" t="s">
        <v>24628</v>
      </c>
    </row>
    <row r="12340" spans="1:3" x14ac:dyDescent="0.15">
      <c r="A12340">
        <v>12666</v>
      </c>
      <c r="B12340" t="s">
        <v>24629</v>
      </c>
      <c r="C12340" t="s">
        <v>24630</v>
      </c>
    </row>
    <row r="12341" spans="1:3" x14ac:dyDescent="0.15">
      <c r="A12341">
        <v>12665</v>
      </c>
      <c r="B12341" t="s">
        <v>24631</v>
      </c>
      <c r="C12341" t="s">
        <v>24632</v>
      </c>
    </row>
    <row r="12342" spans="1:3" x14ac:dyDescent="0.15">
      <c r="A12342">
        <v>12664</v>
      </c>
      <c r="B12342" t="s">
        <v>24633</v>
      </c>
      <c r="C12342" t="s">
        <v>24634</v>
      </c>
    </row>
    <row r="12343" spans="1:3" x14ac:dyDescent="0.15">
      <c r="A12343">
        <v>12663</v>
      </c>
      <c r="B12343" t="s">
        <v>24635</v>
      </c>
      <c r="C12343" t="s">
        <v>24636</v>
      </c>
    </row>
    <row r="12344" spans="1:3" x14ac:dyDescent="0.15">
      <c r="A12344">
        <v>12662</v>
      </c>
      <c r="B12344" t="s">
        <v>24637</v>
      </c>
      <c r="C12344" t="s">
        <v>24638</v>
      </c>
    </row>
    <row r="12345" spans="1:3" x14ac:dyDescent="0.15">
      <c r="A12345">
        <v>12661</v>
      </c>
      <c r="B12345" t="s">
        <v>24639</v>
      </c>
      <c r="C12345" t="s">
        <v>24640</v>
      </c>
    </row>
    <row r="12346" spans="1:3" x14ac:dyDescent="0.15">
      <c r="A12346">
        <v>12660</v>
      </c>
      <c r="B12346" t="s">
        <v>24641</v>
      </c>
      <c r="C12346" t="s">
        <v>24642</v>
      </c>
    </row>
    <row r="12347" spans="1:3" x14ac:dyDescent="0.15">
      <c r="A12347">
        <v>12659</v>
      </c>
      <c r="B12347" t="s">
        <v>24643</v>
      </c>
      <c r="C12347" t="s">
        <v>24644</v>
      </c>
    </row>
    <row r="12348" spans="1:3" x14ac:dyDescent="0.15">
      <c r="A12348">
        <v>12658</v>
      </c>
      <c r="B12348" t="s">
        <v>24645</v>
      </c>
      <c r="C12348" t="s">
        <v>24646</v>
      </c>
    </row>
    <row r="12349" spans="1:3" x14ac:dyDescent="0.15">
      <c r="A12349">
        <v>12657</v>
      </c>
      <c r="B12349" t="s">
        <v>24647</v>
      </c>
      <c r="C12349" t="s">
        <v>24648</v>
      </c>
    </row>
    <row r="12350" spans="1:3" x14ac:dyDescent="0.15">
      <c r="A12350">
        <v>12656</v>
      </c>
      <c r="B12350" t="s">
        <v>24649</v>
      </c>
      <c r="C12350" t="s">
        <v>24650</v>
      </c>
    </row>
    <row r="12351" spans="1:3" x14ac:dyDescent="0.15">
      <c r="A12351">
        <v>12655</v>
      </c>
      <c r="B12351" t="s">
        <v>24651</v>
      </c>
      <c r="C12351" t="s">
        <v>24652</v>
      </c>
    </row>
    <row r="12352" spans="1:3" x14ac:dyDescent="0.15">
      <c r="A12352">
        <v>12654</v>
      </c>
      <c r="B12352" t="s">
        <v>24653</v>
      </c>
      <c r="C12352" t="s">
        <v>24654</v>
      </c>
    </row>
    <row r="12353" spans="1:3" x14ac:dyDescent="0.15">
      <c r="A12353">
        <v>12653</v>
      </c>
      <c r="B12353" t="s">
        <v>24655</v>
      </c>
      <c r="C12353" t="s">
        <v>24656</v>
      </c>
    </row>
    <row r="12354" spans="1:3" x14ac:dyDescent="0.15">
      <c r="A12354">
        <v>12652</v>
      </c>
      <c r="B12354" t="s">
        <v>24657</v>
      </c>
      <c r="C12354" t="s">
        <v>24658</v>
      </c>
    </row>
    <row r="12355" spans="1:3" x14ac:dyDescent="0.15">
      <c r="A12355">
        <v>12651</v>
      </c>
      <c r="B12355" t="s">
        <v>24659</v>
      </c>
      <c r="C12355" t="s">
        <v>24660</v>
      </c>
    </row>
    <row r="12356" spans="1:3" x14ac:dyDescent="0.15">
      <c r="A12356">
        <v>12650</v>
      </c>
      <c r="B12356" t="s">
        <v>24661</v>
      </c>
      <c r="C12356" t="s">
        <v>24662</v>
      </c>
    </row>
    <row r="12357" spans="1:3" x14ac:dyDescent="0.15">
      <c r="A12357">
        <v>12649</v>
      </c>
      <c r="B12357" t="s">
        <v>24663</v>
      </c>
      <c r="C12357" t="s">
        <v>24664</v>
      </c>
    </row>
    <row r="12358" spans="1:3" x14ac:dyDescent="0.15">
      <c r="A12358">
        <v>12648</v>
      </c>
      <c r="B12358" t="s">
        <v>24665</v>
      </c>
      <c r="C12358" t="s">
        <v>24666</v>
      </c>
    </row>
    <row r="12359" spans="1:3" x14ac:dyDescent="0.15">
      <c r="A12359">
        <v>12647</v>
      </c>
      <c r="B12359" t="s">
        <v>24667</v>
      </c>
      <c r="C12359" t="s">
        <v>24668</v>
      </c>
    </row>
    <row r="12360" spans="1:3" x14ac:dyDescent="0.15">
      <c r="A12360">
        <v>12646</v>
      </c>
      <c r="B12360" t="s">
        <v>24669</v>
      </c>
      <c r="C12360" t="s">
        <v>24670</v>
      </c>
    </row>
    <row r="12361" spans="1:3" x14ac:dyDescent="0.15">
      <c r="A12361">
        <v>12645</v>
      </c>
      <c r="B12361" t="s">
        <v>24671</v>
      </c>
      <c r="C12361" t="s">
        <v>24672</v>
      </c>
    </row>
    <row r="12362" spans="1:3" x14ac:dyDescent="0.15">
      <c r="A12362">
        <v>12644</v>
      </c>
      <c r="B12362" t="s">
        <v>24673</v>
      </c>
      <c r="C12362" t="s">
        <v>24674</v>
      </c>
    </row>
    <row r="12363" spans="1:3" x14ac:dyDescent="0.15">
      <c r="A12363">
        <v>12643</v>
      </c>
      <c r="B12363" t="s">
        <v>24675</v>
      </c>
      <c r="C12363" t="s">
        <v>24676</v>
      </c>
    </row>
    <row r="12364" spans="1:3" x14ac:dyDescent="0.15">
      <c r="A12364">
        <v>12642</v>
      </c>
      <c r="B12364" t="s">
        <v>24677</v>
      </c>
      <c r="C12364" t="s">
        <v>24678</v>
      </c>
    </row>
    <row r="12365" spans="1:3" x14ac:dyDescent="0.15">
      <c r="A12365">
        <v>12641</v>
      </c>
      <c r="B12365" t="s">
        <v>24679</v>
      </c>
      <c r="C12365" t="s">
        <v>24680</v>
      </c>
    </row>
    <row r="12366" spans="1:3" x14ac:dyDescent="0.15">
      <c r="A12366">
        <v>12640</v>
      </c>
      <c r="B12366" t="s">
        <v>24681</v>
      </c>
      <c r="C12366" t="s">
        <v>24682</v>
      </c>
    </row>
    <row r="12367" spans="1:3" x14ac:dyDescent="0.15">
      <c r="A12367">
        <v>12639</v>
      </c>
      <c r="B12367" t="s">
        <v>24683</v>
      </c>
      <c r="C12367" t="s">
        <v>24684</v>
      </c>
    </row>
    <row r="12368" spans="1:3" x14ac:dyDescent="0.15">
      <c r="A12368">
        <v>12638</v>
      </c>
      <c r="B12368" t="s">
        <v>24685</v>
      </c>
      <c r="C12368" t="s">
        <v>24686</v>
      </c>
    </row>
    <row r="12369" spans="1:3" x14ac:dyDescent="0.15">
      <c r="A12369">
        <v>12637</v>
      </c>
      <c r="B12369" t="s">
        <v>24687</v>
      </c>
      <c r="C12369" t="s">
        <v>24688</v>
      </c>
    </row>
    <row r="12370" spans="1:3" x14ac:dyDescent="0.15">
      <c r="A12370">
        <v>12636</v>
      </c>
      <c r="B12370" t="s">
        <v>24689</v>
      </c>
      <c r="C12370" t="s">
        <v>24690</v>
      </c>
    </row>
    <row r="12371" spans="1:3" x14ac:dyDescent="0.15">
      <c r="A12371">
        <v>12635</v>
      </c>
      <c r="B12371" t="s">
        <v>24691</v>
      </c>
      <c r="C12371" t="s">
        <v>24692</v>
      </c>
    </row>
    <row r="12372" spans="1:3" x14ac:dyDescent="0.15">
      <c r="A12372">
        <v>12634</v>
      </c>
      <c r="B12372" t="s">
        <v>24693</v>
      </c>
      <c r="C12372" t="s">
        <v>24694</v>
      </c>
    </row>
    <row r="12373" spans="1:3" x14ac:dyDescent="0.15">
      <c r="A12373">
        <v>12633</v>
      </c>
      <c r="B12373" t="s">
        <v>24695</v>
      </c>
      <c r="C12373" t="s">
        <v>24696</v>
      </c>
    </row>
    <row r="12374" spans="1:3" x14ac:dyDescent="0.15">
      <c r="A12374">
        <v>12632</v>
      </c>
      <c r="B12374" t="s">
        <v>24697</v>
      </c>
      <c r="C12374" t="s">
        <v>24698</v>
      </c>
    </row>
    <row r="12375" spans="1:3" x14ac:dyDescent="0.15">
      <c r="A12375">
        <v>12631</v>
      </c>
      <c r="B12375" t="s">
        <v>24699</v>
      </c>
      <c r="C12375" t="s">
        <v>24700</v>
      </c>
    </row>
    <row r="12376" spans="1:3" x14ac:dyDescent="0.15">
      <c r="A12376">
        <v>12630</v>
      </c>
      <c r="B12376" t="s">
        <v>24701</v>
      </c>
      <c r="C12376" t="s">
        <v>24702</v>
      </c>
    </row>
    <row r="12377" spans="1:3" x14ac:dyDescent="0.15">
      <c r="A12377">
        <v>12629</v>
      </c>
      <c r="B12377" t="s">
        <v>24703</v>
      </c>
      <c r="C12377" t="s">
        <v>24704</v>
      </c>
    </row>
    <row r="12378" spans="1:3" x14ac:dyDescent="0.15">
      <c r="A12378">
        <v>12628</v>
      </c>
      <c r="B12378" t="s">
        <v>24705</v>
      </c>
      <c r="C12378" t="s">
        <v>24706</v>
      </c>
    </row>
    <row r="12379" spans="1:3" x14ac:dyDescent="0.15">
      <c r="A12379">
        <v>12627</v>
      </c>
      <c r="B12379" t="s">
        <v>24707</v>
      </c>
      <c r="C12379" t="s">
        <v>24708</v>
      </c>
    </row>
    <row r="12380" spans="1:3" x14ac:dyDescent="0.15">
      <c r="A12380">
        <v>12626</v>
      </c>
      <c r="B12380" t="s">
        <v>24709</v>
      </c>
      <c r="C12380" t="s">
        <v>24710</v>
      </c>
    </row>
    <row r="12381" spans="1:3" x14ac:dyDescent="0.15">
      <c r="A12381">
        <v>12625</v>
      </c>
      <c r="B12381" t="s">
        <v>24711</v>
      </c>
      <c r="C12381" t="s">
        <v>24712</v>
      </c>
    </row>
    <row r="12382" spans="1:3" x14ac:dyDescent="0.15">
      <c r="A12382">
        <v>12624</v>
      </c>
      <c r="B12382" t="s">
        <v>24713</v>
      </c>
      <c r="C12382" t="s">
        <v>24714</v>
      </c>
    </row>
    <row r="12383" spans="1:3" x14ac:dyDescent="0.15">
      <c r="A12383">
        <v>12623</v>
      </c>
      <c r="B12383" t="s">
        <v>24715</v>
      </c>
      <c r="C12383" t="s">
        <v>24716</v>
      </c>
    </row>
    <row r="12384" spans="1:3" x14ac:dyDescent="0.15">
      <c r="A12384">
        <v>12622</v>
      </c>
      <c r="B12384" t="s">
        <v>24717</v>
      </c>
      <c r="C12384" t="s">
        <v>24718</v>
      </c>
    </row>
    <row r="12385" spans="1:3" x14ac:dyDescent="0.15">
      <c r="A12385">
        <v>12621</v>
      </c>
      <c r="B12385" t="s">
        <v>24719</v>
      </c>
      <c r="C12385" t="s">
        <v>24720</v>
      </c>
    </row>
    <row r="12386" spans="1:3" x14ac:dyDescent="0.15">
      <c r="A12386">
        <v>12620</v>
      </c>
      <c r="B12386" t="s">
        <v>24721</v>
      </c>
      <c r="C12386" t="s">
        <v>24722</v>
      </c>
    </row>
    <row r="12387" spans="1:3" x14ac:dyDescent="0.15">
      <c r="A12387">
        <v>12619</v>
      </c>
      <c r="B12387" t="s">
        <v>24723</v>
      </c>
      <c r="C12387" t="s">
        <v>24724</v>
      </c>
    </row>
    <row r="12388" spans="1:3" x14ac:dyDescent="0.15">
      <c r="A12388">
        <v>12618</v>
      </c>
      <c r="B12388" t="s">
        <v>24725</v>
      </c>
      <c r="C12388" t="s">
        <v>24726</v>
      </c>
    </row>
    <row r="12389" spans="1:3" x14ac:dyDescent="0.15">
      <c r="A12389">
        <v>12617</v>
      </c>
      <c r="B12389" t="s">
        <v>24727</v>
      </c>
      <c r="C12389" t="s">
        <v>24728</v>
      </c>
    </row>
    <row r="12390" spans="1:3" x14ac:dyDescent="0.15">
      <c r="A12390">
        <v>12616</v>
      </c>
      <c r="B12390" t="s">
        <v>24729</v>
      </c>
      <c r="C12390" t="s">
        <v>24730</v>
      </c>
    </row>
    <row r="12391" spans="1:3" x14ac:dyDescent="0.15">
      <c r="A12391">
        <v>12615</v>
      </c>
      <c r="B12391" t="s">
        <v>24731</v>
      </c>
      <c r="C12391" t="s">
        <v>24732</v>
      </c>
    </row>
    <row r="12392" spans="1:3" x14ac:dyDescent="0.15">
      <c r="A12392">
        <v>12614</v>
      </c>
      <c r="B12392" t="s">
        <v>24733</v>
      </c>
      <c r="C12392" t="s">
        <v>24734</v>
      </c>
    </row>
    <row r="12393" spans="1:3" x14ac:dyDescent="0.15">
      <c r="A12393">
        <v>12613</v>
      </c>
      <c r="B12393" t="s">
        <v>24735</v>
      </c>
      <c r="C12393" t="s">
        <v>24736</v>
      </c>
    </row>
    <row r="12394" spans="1:3" x14ac:dyDescent="0.15">
      <c r="A12394">
        <v>12612</v>
      </c>
      <c r="B12394" t="s">
        <v>24737</v>
      </c>
      <c r="C12394" t="s">
        <v>24738</v>
      </c>
    </row>
    <row r="12395" spans="1:3" x14ac:dyDescent="0.15">
      <c r="A12395">
        <v>12611</v>
      </c>
      <c r="B12395" t="s">
        <v>24739</v>
      </c>
      <c r="C12395" t="s">
        <v>24740</v>
      </c>
    </row>
    <row r="12396" spans="1:3" x14ac:dyDescent="0.15">
      <c r="A12396">
        <v>12610</v>
      </c>
      <c r="B12396" t="s">
        <v>24741</v>
      </c>
      <c r="C12396" t="s">
        <v>24742</v>
      </c>
    </row>
    <row r="12397" spans="1:3" x14ac:dyDescent="0.15">
      <c r="A12397">
        <v>12609</v>
      </c>
      <c r="B12397" t="s">
        <v>24743</v>
      </c>
      <c r="C12397" t="s">
        <v>24744</v>
      </c>
    </row>
    <row r="12398" spans="1:3" x14ac:dyDescent="0.15">
      <c r="A12398">
        <v>12608</v>
      </c>
      <c r="B12398" t="s">
        <v>24745</v>
      </c>
      <c r="C12398" t="s">
        <v>24746</v>
      </c>
    </row>
    <row r="12399" spans="1:3" x14ac:dyDescent="0.15">
      <c r="A12399">
        <v>12607</v>
      </c>
      <c r="B12399" t="s">
        <v>24747</v>
      </c>
      <c r="C12399" t="s">
        <v>24748</v>
      </c>
    </row>
    <row r="12400" spans="1:3" x14ac:dyDescent="0.15">
      <c r="A12400">
        <v>12606</v>
      </c>
      <c r="B12400" t="s">
        <v>24749</v>
      </c>
      <c r="C12400" t="s">
        <v>24750</v>
      </c>
    </row>
    <row r="12401" spans="1:3" x14ac:dyDescent="0.15">
      <c r="A12401">
        <v>12605</v>
      </c>
      <c r="B12401" t="s">
        <v>24751</v>
      </c>
      <c r="C12401" t="s">
        <v>24752</v>
      </c>
    </row>
    <row r="12402" spans="1:3" x14ac:dyDescent="0.15">
      <c r="A12402">
        <v>12604</v>
      </c>
      <c r="B12402" t="s">
        <v>24753</v>
      </c>
      <c r="C12402" t="s">
        <v>24754</v>
      </c>
    </row>
    <row r="12403" spans="1:3" x14ac:dyDescent="0.15">
      <c r="A12403">
        <v>12603</v>
      </c>
      <c r="B12403" t="s">
        <v>24755</v>
      </c>
      <c r="C12403" t="s">
        <v>24756</v>
      </c>
    </row>
    <row r="12404" spans="1:3" x14ac:dyDescent="0.15">
      <c r="A12404">
        <v>12602</v>
      </c>
      <c r="B12404" t="s">
        <v>24757</v>
      </c>
      <c r="C12404" t="s">
        <v>24758</v>
      </c>
    </row>
    <row r="12405" spans="1:3" x14ac:dyDescent="0.15">
      <c r="A12405">
        <v>12601</v>
      </c>
      <c r="B12405" t="s">
        <v>24759</v>
      </c>
      <c r="C12405" t="s">
        <v>24760</v>
      </c>
    </row>
    <row r="12406" spans="1:3" x14ac:dyDescent="0.15">
      <c r="A12406">
        <v>12600</v>
      </c>
      <c r="B12406" t="s">
        <v>24761</v>
      </c>
      <c r="C12406" t="s">
        <v>24762</v>
      </c>
    </row>
    <row r="12407" spans="1:3" x14ac:dyDescent="0.15">
      <c r="A12407">
        <v>12599</v>
      </c>
      <c r="B12407" t="s">
        <v>24763</v>
      </c>
      <c r="C12407" t="s">
        <v>24764</v>
      </c>
    </row>
    <row r="12408" spans="1:3" x14ac:dyDescent="0.15">
      <c r="A12408">
        <v>12598</v>
      </c>
      <c r="B12408" t="s">
        <v>24765</v>
      </c>
      <c r="C12408" t="s">
        <v>24766</v>
      </c>
    </row>
    <row r="12409" spans="1:3" x14ac:dyDescent="0.15">
      <c r="A12409">
        <v>12597</v>
      </c>
      <c r="B12409" t="s">
        <v>24767</v>
      </c>
      <c r="C12409" t="s">
        <v>24768</v>
      </c>
    </row>
    <row r="12410" spans="1:3" x14ac:dyDescent="0.15">
      <c r="A12410">
        <v>12596</v>
      </c>
      <c r="B12410" t="s">
        <v>24769</v>
      </c>
      <c r="C12410" t="s">
        <v>24770</v>
      </c>
    </row>
    <row r="12411" spans="1:3" x14ac:dyDescent="0.15">
      <c r="A12411">
        <v>12595</v>
      </c>
      <c r="B12411" t="s">
        <v>24771</v>
      </c>
      <c r="C12411" t="s">
        <v>24772</v>
      </c>
    </row>
    <row r="12412" spans="1:3" x14ac:dyDescent="0.15">
      <c r="A12412">
        <v>12594</v>
      </c>
      <c r="B12412" t="s">
        <v>24773</v>
      </c>
      <c r="C12412" t="s">
        <v>24774</v>
      </c>
    </row>
    <row r="12413" spans="1:3" x14ac:dyDescent="0.15">
      <c r="A12413">
        <v>12593</v>
      </c>
      <c r="B12413" t="s">
        <v>24775</v>
      </c>
      <c r="C12413" t="s">
        <v>24776</v>
      </c>
    </row>
    <row r="12414" spans="1:3" x14ac:dyDescent="0.15">
      <c r="A12414">
        <v>12592</v>
      </c>
      <c r="B12414" t="s">
        <v>24777</v>
      </c>
      <c r="C12414" t="s">
        <v>24778</v>
      </c>
    </row>
    <row r="12415" spans="1:3" x14ac:dyDescent="0.15">
      <c r="A12415">
        <v>12591</v>
      </c>
      <c r="B12415" t="s">
        <v>24779</v>
      </c>
      <c r="C12415" t="s">
        <v>24780</v>
      </c>
    </row>
    <row r="12416" spans="1:3" x14ac:dyDescent="0.15">
      <c r="A12416">
        <v>12590</v>
      </c>
      <c r="B12416" t="s">
        <v>24781</v>
      </c>
      <c r="C12416" t="s">
        <v>24782</v>
      </c>
    </row>
    <row r="12417" spans="1:3" x14ac:dyDescent="0.15">
      <c r="A12417">
        <v>12589</v>
      </c>
      <c r="B12417" t="s">
        <v>24783</v>
      </c>
      <c r="C12417" t="s">
        <v>24784</v>
      </c>
    </row>
    <row r="12418" spans="1:3" x14ac:dyDescent="0.15">
      <c r="A12418">
        <v>12588</v>
      </c>
      <c r="B12418" t="s">
        <v>24785</v>
      </c>
      <c r="C12418" t="s">
        <v>24786</v>
      </c>
    </row>
    <row r="12419" spans="1:3" x14ac:dyDescent="0.15">
      <c r="A12419">
        <v>12587</v>
      </c>
      <c r="B12419" t="s">
        <v>24787</v>
      </c>
      <c r="C12419" t="s">
        <v>24788</v>
      </c>
    </row>
    <row r="12420" spans="1:3" x14ac:dyDescent="0.15">
      <c r="A12420">
        <v>12586</v>
      </c>
      <c r="B12420" t="s">
        <v>24789</v>
      </c>
      <c r="C12420" t="s">
        <v>24790</v>
      </c>
    </row>
    <row r="12421" spans="1:3" x14ac:dyDescent="0.15">
      <c r="A12421">
        <v>12585</v>
      </c>
      <c r="B12421" t="s">
        <v>24791</v>
      </c>
      <c r="C12421" t="s">
        <v>24792</v>
      </c>
    </row>
    <row r="12422" spans="1:3" x14ac:dyDescent="0.15">
      <c r="A12422">
        <v>12584</v>
      </c>
      <c r="B12422" t="s">
        <v>24793</v>
      </c>
      <c r="C12422" t="s">
        <v>24794</v>
      </c>
    </row>
    <row r="12423" spans="1:3" x14ac:dyDescent="0.15">
      <c r="A12423">
        <v>12583</v>
      </c>
      <c r="B12423" t="s">
        <v>24795</v>
      </c>
      <c r="C12423" t="s">
        <v>24796</v>
      </c>
    </row>
    <row r="12424" spans="1:3" x14ac:dyDescent="0.15">
      <c r="A12424">
        <v>12582</v>
      </c>
      <c r="B12424" t="s">
        <v>24797</v>
      </c>
      <c r="C12424" t="s">
        <v>24798</v>
      </c>
    </row>
    <row r="12425" spans="1:3" x14ac:dyDescent="0.15">
      <c r="A12425">
        <v>12581</v>
      </c>
      <c r="B12425" t="s">
        <v>24799</v>
      </c>
      <c r="C12425" t="s">
        <v>24800</v>
      </c>
    </row>
    <row r="12426" spans="1:3" x14ac:dyDescent="0.15">
      <c r="A12426">
        <v>12580</v>
      </c>
      <c r="B12426" t="s">
        <v>24801</v>
      </c>
      <c r="C12426" t="s">
        <v>24802</v>
      </c>
    </row>
    <row r="12427" spans="1:3" x14ac:dyDescent="0.15">
      <c r="A12427">
        <v>12579</v>
      </c>
      <c r="B12427" t="s">
        <v>24803</v>
      </c>
      <c r="C12427" t="s">
        <v>24804</v>
      </c>
    </row>
    <row r="12428" spans="1:3" x14ac:dyDescent="0.15">
      <c r="A12428">
        <v>12578</v>
      </c>
      <c r="B12428" t="s">
        <v>24805</v>
      </c>
      <c r="C12428" t="s">
        <v>24806</v>
      </c>
    </row>
    <row r="12429" spans="1:3" x14ac:dyDescent="0.15">
      <c r="A12429">
        <v>12577</v>
      </c>
      <c r="B12429" t="s">
        <v>24807</v>
      </c>
      <c r="C12429" t="s">
        <v>24808</v>
      </c>
    </row>
    <row r="12430" spans="1:3" x14ac:dyDescent="0.15">
      <c r="A12430">
        <v>12576</v>
      </c>
      <c r="B12430" t="s">
        <v>24809</v>
      </c>
      <c r="C12430" t="s">
        <v>24810</v>
      </c>
    </row>
    <row r="12431" spans="1:3" x14ac:dyDescent="0.15">
      <c r="A12431">
        <v>12575</v>
      </c>
      <c r="B12431" t="s">
        <v>24811</v>
      </c>
      <c r="C12431" t="s">
        <v>24812</v>
      </c>
    </row>
    <row r="12432" spans="1:3" x14ac:dyDescent="0.15">
      <c r="A12432">
        <v>12574</v>
      </c>
      <c r="B12432" t="s">
        <v>24813</v>
      </c>
      <c r="C12432" t="s">
        <v>24814</v>
      </c>
    </row>
    <row r="12433" spans="1:3" x14ac:dyDescent="0.15">
      <c r="A12433">
        <v>12573</v>
      </c>
      <c r="B12433" t="s">
        <v>24815</v>
      </c>
      <c r="C12433" t="s">
        <v>24816</v>
      </c>
    </row>
    <row r="12434" spans="1:3" x14ac:dyDescent="0.15">
      <c r="A12434">
        <v>12572</v>
      </c>
      <c r="B12434" t="s">
        <v>24817</v>
      </c>
      <c r="C12434" t="s">
        <v>24818</v>
      </c>
    </row>
    <row r="12435" spans="1:3" x14ac:dyDescent="0.15">
      <c r="A12435">
        <v>12571</v>
      </c>
      <c r="B12435" t="s">
        <v>24819</v>
      </c>
      <c r="C12435" t="s">
        <v>24820</v>
      </c>
    </row>
    <row r="12436" spans="1:3" x14ac:dyDescent="0.15">
      <c r="A12436">
        <v>12570</v>
      </c>
      <c r="B12436" t="s">
        <v>24821</v>
      </c>
      <c r="C12436" t="s">
        <v>24822</v>
      </c>
    </row>
    <row r="12437" spans="1:3" x14ac:dyDescent="0.15">
      <c r="A12437">
        <v>12569</v>
      </c>
      <c r="B12437" t="s">
        <v>24823</v>
      </c>
      <c r="C12437" t="s">
        <v>24824</v>
      </c>
    </row>
    <row r="12438" spans="1:3" x14ac:dyDescent="0.15">
      <c r="A12438">
        <v>12568</v>
      </c>
      <c r="B12438" t="s">
        <v>24825</v>
      </c>
      <c r="C12438" t="s">
        <v>24826</v>
      </c>
    </row>
    <row r="12439" spans="1:3" x14ac:dyDescent="0.15">
      <c r="A12439">
        <v>12567</v>
      </c>
      <c r="B12439" t="s">
        <v>24827</v>
      </c>
      <c r="C12439" t="s">
        <v>24828</v>
      </c>
    </row>
    <row r="12440" spans="1:3" x14ac:dyDescent="0.15">
      <c r="A12440">
        <v>12566</v>
      </c>
      <c r="B12440" t="s">
        <v>24829</v>
      </c>
      <c r="C12440" t="s">
        <v>24830</v>
      </c>
    </row>
    <row r="12441" spans="1:3" x14ac:dyDescent="0.15">
      <c r="A12441">
        <v>12565</v>
      </c>
      <c r="B12441" t="s">
        <v>24831</v>
      </c>
      <c r="C12441" t="s">
        <v>24832</v>
      </c>
    </row>
    <row r="12442" spans="1:3" x14ac:dyDescent="0.15">
      <c r="A12442">
        <v>12564</v>
      </c>
      <c r="B12442" t="s">
        <v>24833</v>
      </c>
      <c r="C12442" t="s">
        <v>24834</v>
      </c>
    </row>
    <row r="12443" spans="1:3" x14ac:dyDescent="0.15">
      <c r="A12443">
        <v>12563</v>
      </c>
      <c r="B12443" t="s">
        <v>24835</v>
      </c>
      <c r="C12443" t="s">
        <v>24836</v>
      </c>
    </row>
    <row r="12444" spans="1:3" x14ac:dyDescent="0.15">
      <c r="A12444">
        <v>12562</v>
      </c>
      <c r="B12444" t="s">
        <v>24837</v>
      </c>
      <c r="C12444" t="s">
        <v>24838</v>
      </c>
    </row>
    <row r="12445" spans="1:3" x14ac:dyDescent="0.15">
      <c r="A12445">
        <v>12561</v>
      </c>
      <c r="B12445" t="s">
        <v>24839</v>
      </c>
      <c r="C12445" t="s">
        <v>24840</v>
      </c>
    </row>
    <row r="12446" spans="1:3" x14ac:dyDescent="0.15">
      <c r="A12446">
        <v>12560</v>
      </c>
      <c r="B12446" t="s">
        <v>24841</v>
      </c>
      <c r="C12446" t="s">
        <v>24842</v>
      </c>
    </row>
    <row r="12447" spans="1:3" x14ac:dyDescent="0.15">
      <c r="A12447">
        <v>12559</v>
      </c>
      <c r="B12447" t="s">
        <v>24843</v>
      </c>
      <c r="C12447" t="s">
        <v>24844</v>
      </c>
    </row>
    <row r="12448" spans="1:3" x14ac:dyDescent="0.15">
      <c r="A12448">
        <v>12558</v>
      </c>
      <c r="B12448" t="s">
        <v>24845</v>
      </c>
      <c r="C12448" t="s">
        <v>24846</v>
      </c>
    </row>
    <row r="12449" spans="1:3" x14ac:dyDescent="0.15">
      <c r="A12449">
        <v>12557</v>
      </c>
      <c r="B12449" t="s">
        <v>24847</v>
      </c>
      <c r="C12449" t="s">
        <v>24848</v>
      </c>
    </row>
    <row r="12450" spans="1:3" x14ac:dyDescent="0.15">
      <c r="A12450">
        <v>12556</v>
      </c>
      <c r="B12450" t="s">
        <v>24849</v>
      </c>
      <c r="C12450" t="s">
        <v>24850</v>
      </c>
    </row>
    <row r="12451" spans="1:3" x14ac:dyDescent="0.15">
      <c r="A12451">
        <v>12555</v>
      </c>
      <c r="B12451" t="s">
        <v>24851</v>
      </c>
      <c r="C12451" t="s">
        <v>24852</v>
      </c>
    </row>
    <row r="12452" spans="1:3" x14ac:dyDescent="0.15">
      <c r="A12452">
        <v>12554</v>
      </c>
      <c r="B12452" t="s">
        <v>24853</v>
      </c>
      <c r="C12452" t="s">
        <v>24854</v>
      </c>
    </row>
    <row r="12453" spans="1:3" x14ac:dyDescent="0.15">
      <c r="A12453">
        <v>12553</v>
      </c>
      <c r="B12453" t="s">
        <v>24855</v>
      </c>
      <c r="C12453" t="s">
        <v>24856</v>
      </c>
    </row>
    <row r="12454" spans="1:3" x14ac:dyDescent="0.15">
      <c r="A12454">
        <v>12552</v>
      </c>
      <c r="B12454" t="s">
        <v>24857</v>
      </c>
      <c r="C12454" t="s">
        <v>24858</v>
      </c>
    </row>
    <row r="12455" spans="1:3" x14ac:dyDescent="0.15">
      <c r="A12455">
        <v>12551</v>
      </c>
      <c r="B12455" t="s">
        <v>24859</v>
      </c>
      <c r="C12455" t="s">
        <v>24860</v>
      </c>
    </row>
    <row r="12456" spans="1:3" x14ac:dyDescent="0.15">
      <c r="A12456">
        <v>12550</v>
      </c>
      <c r="B12456" t="s">
        <v>24861</v>
      </c>
      <c r="C12456" t="s">
        <v>24862</v>
      </c>
    </row>
    <row r="12457" spans="1:3" x14ac:dyDescent="0.15">
      <c r="A12457">
        <v>12549</v>
      </c>
      <c r="B12457" t="s">
        <v>24863</v>
      </c>
      <c r="C12457" t="s">
        <v>24864</v>
      </c>
    </row>
    <row r="12458" spans="1:3" x14ac:dyDescent="0.15">
      <c r="A12458">
        <v>12548</v>
      </c>
      <c r="B12458" t="s">
        <v>24865</v>
      </c>
      <c r="C12458" t="s">
        <v>24866</v>
      </c>
    </row>
    <row r="12459" spans="1:3" x14ac:dyDescent="0.15">
      <c r="A12459">
        <v>12547</v>
      </c>
      <c r="B12459" t="s">
        <v>24867</v>
      </c>
      <c r="C12459" t="s">
        <v>24868</v>
      </c>
    </row>
    <row r="12460" spans="1:3" x14ac:dyDescent="0.15">
      <c r="A12460">
        <v>12546</v>
      </c>
      <c r="B12460" t="s">
        <v>24869</v>
      </c>
      <c r="C12460" t="s">
        <v>24870</v>
      </c>
    </row>
    <row r="12461" spans="1:3" x14ac:dyDescent="0.15">
      <c r="A12461">
        <v>12545</v>
      </c>
      <c r="B12461" t="s">
        <v>24871</v>
      </c>
      <c r="C12461" t="s">
        <v>24872</v>
      </c>
    </row>
    <row r="12462" spans="1:3" x14ac:dyDescent="0.15">
      <c r="A12462">
        <v>12544</v>
      </c>
      <c r="B12462" t="s">
        <v>24873</v>
      </c>
      <c r="C12462" t="s">
        <v>24874</v>
      </c>
    </row>
    <row r="12463" spans="1:3" x14ac:dyDescent="0.15">
      <c r="A12463">
        <v>12543</v>
      </c>
      <c r="B12463" t="s">
        <v>24875</v>
      </c>
      <c r="C12463" t="s">
        <v>24876</v>
      </c>
    </row>
    <row r="12464" spans="1:3" x14ac:dyDescent="0.15">
      <c r="A12464">
        <v>12542</v>
      </c>
      <c r="B12464" t="s">
        <v>24877</v>
      </c>
      <c r="C12464" t="s">
        <v>24878</v>
      </c>
    </row>
    <row r="12465" spans="1:3" x14ac:dyDescent="0.15">
      <c r="A12465">
        <v>12541</v>
      </c>
      <c r="B12465" t="s">
        <v>24879</v>
      </c>
      <c r="C12465" t="s">
        <v>24880</v>
      </c>
    </row>
    <row r="12466" spans="1:3" x14ac:dyDescent="0.15">
      <c r="A12466">
        <v>12540</v>
      </c>
      <c r="B12466" t="s">
        <v>24881</v>
      </c>
      <c r="C12466" t="s">
        <v>24882</v>
      </c>
    </row>
    <row r="12467" spans="1:3" x14ac:dyDescent="0.15">
      <c r="A12467">
        <v>12539</v>
      </c>
      <c r="B12467" t="s">
        <v>24883</v>
      </c>
      <c r="C12467" t="s">
        <v>24884</v>
      </c>
    </row>
    <row r="12468" spans="1:3" x14ac:dyDescent="0.15">
      <c r="A12468">
        <v>12538</v>
      </c>
      <c r="B12468" t="s">
        <v>24885</v>
      </c>
      <c r="C12468" t="s">
        <v>24886</v>
      </c>
    </row>
    <row r="12469" spans="1:3" x14ac:dyDescent="0.15">
      <c r="A12469">
        <v>12537</v>
      </c>
      <c r="B12469" t="s">
        <v>24887</v>
      </c>
      <c r="C12469" t="s">
        <v>24888</v>
      </c>
    </row>
    <row r="12470" spans="1:3" x14ac:dyDescent="0.15">
      <c r="A12470">
        <v>12536</v>
      </c>
      <c r="B12470" t="s">
        <v>24889</v>
      </c>
      <c r="C12470" t="s">
        <v>24890</v>
      </c>
    </row>
    <row r="12471" spans="1:3" x14ac:dyDescent="0.15">
      <c r="A12471">
        <v>12535</v>
      </c>
      <c r="B12471" t="s">
        <v>24891</v>
      </c>
      <c r="C12471" t="s">
        <v>24892</v>
      </c>
    </row>
    <row r="12472" spans="1:3" x14ac:dyDescent="0.15">
      <c r="A12472">
        <v>12534</v>
      </c>
      <c r="B12472" t="s">
        <v>24893</v>
      </c>
      <c r="C12472" t="s">
        <v>24894</v>
      </c>
    </row>
    <row r="12473" spans="1:3" x14ac:dyDescent="0.15">
      <c r="A12473">
        <v>12533</v>
      </c>
      <c r="B12473" t="s">
        <v>24895</v>
      </c>
      <c r="C12473" t="s">
        <v>24896</v>
      </c>
    </row>
    <row r="12474" spans="1:3" x14ac:dyDescent="0.15">
      <c r="A12474">
        <v>12532</v>
      </c>
      <c r="B12474" t="s">
        <v>24897</v>
      </c>
      <c r="C12474" t="s">
        <v>24898</v>
      </c>
    </row>
    <row r="12475" spans="1:3" x14ac:dyDescent="0.15">
      <c r="A12475">
        <v>12531</v>
      </c>
      <c r="B12475" t="s">
        <v>24899</v>
      </c>
      <c r="C12475" t="s">
        <v>24900</v>
      </c>
    </row>
    <row r="12476" spans="1:3" x14ac:dyDescent="0.15">
      <c r="A12476">
        <v>12530</v>
      </c>
      <c r="B12476" t="s">
        <v>24901</v>
      </c>
      <c r="C12476" t="s">
        <v>24902</v>
      </c>
    </row>
    <row r="12477" spans="1:3" x14ac:dyDescent="0.15">
      <c r="A12477">
        <v>12529</v>
      </c>
      <c r="B12477" t="s">
        <v>24903</v>
      </c>
      <c r="C12477" t="s">
        <v>24904</v>
      </c>
    </row>
    <row r="12478" spans="1:3" x14ac:dyDescent="0.15">
      <c r="A12478">
        <v>12528</v>
      </c>
      <c r="B12478" t="s">
        <v>24905</v>
      </c>
      <c r="C12478" t="s">
        <v>24906</v>
      </c>
    </row>
    <row r="12479" spans="1:3" x14ac:dyDescent="0.15">
      <c r="A12479">
        <v>12527</v>
      </c>
      <c r="B12479" t="s">
        <v>24907</v>
      </c>
      <c r="C12479" t="s">
        <v>24908</v>
      </c>
    </row>
    <row r="12480" spans="1:3" x14ac:dyDescent="0.15">
      <c r="A12480">
        <v>12526</v>
      </c>
      <c r="B12480" t="s">
        <v>24909</v>
      </c>
      <c r="C12480" t="s">
        <v>24910</v>
      </c>
    </row>
    <row r="12481" spans="1:3" x14ac:dyDescent="0.15">
      <c r="A12481">
        <v>12525</v>
      </c>
      <c r="B12481" t="s">
        <v>24911</v>
      </c>
      <c r="C12481" t="s">
        <v>24912</v>
      </c>
    </row>
    <row r="12482" spans="1:3" x14ac:dyDescent="0.15">
      <c r="A12482">
        <v>12524</v>
      </c>
      <c r="B12482" t="s">
        <v>24913</v>
      </c>
      <c r="C12482" t="s">
        <v>24914</v>
      </c>
    </row>
    <row r="12483" spans="1:3" x14ac:dyDescent="0.15">
      <c r="A12483">
        <v>12523</v>
      </c>
      <c r="B12483" t="s">
        <v>24915</v>
      </c>
      <c r="C12483" t="s">
        <v>24916</v>
      </c>
    </row>
    <row r="12484" spans="1:3" x14ac:dyDescent="0.15">
      <c r="A12484">
        <v>12522</v>
      </c>
      <c r="B12484" t="s">
        <v>24917</v>
      </c>
      <c r="C12484" t="s">
        <v>24918</v>
      </c>
    </row>
    <row r="12485" spans="1:3" x14ac:dyDescent="0.15">
      <c r="A12485">
        <v>12521</v>
      </c>
      <c r="B12485" t="s">
        <v>24919</v>
      </c>
      <c r="C12485" t="s">
        <v>24920</v>
      </c>
    </row>
    <row r="12486" spans="1:3" x14ac:dyDescent="0.15">
      <c r="A12486">
        <v>12520</v>
      </c>
      <c r="B12486" t="s">
        <v>24921</v>
      </c>
      <c r="C12486" t="s">
        <v>24922</v>
      </c>
    </row>
    <row r="12487" spans="1:3" x14ac:dyDescent="0.15">
      <c r="A12487">
        <v>12519</v>
      </c>
      <c r="B12487" t="s">
        <v>24923</v>
      </c>
      <c r="C12487" t="s">
        <v>24924</v>
      </c>
    </row>
    <row r="12488" spans="1:3" x14ac:dyDescent="0.15">
      <c r="A12488">
        <v>12518</v>
      </c>
      <c r="B12488" t="s">
        <v>24925</v>
      </c>
      <c r="C12488" t="s">
        <v>24926</v>
      </c>
    </row>
    <row r="12489" spans="1:3" x14ac:dyDescent="0.15">
      <c r="A12489">
        <v>12517</v>
      </c>
      <c r="B12489" t="s">
        <v>24927</v>
      </c>
      <c r="C12489" t="s">
        <v>24928</v>
      </c>
    </row>
    <row r="12490" spans="1:3" x14ac:dyDescent="0.15">
      <c r="A12490">
        <v>12516</v>
      </c>
      <c r="B12490" t="s">
        <v>24929</v>
      </c>
      <c r="C12490" t="s">
        <v>24930</v>
      </c>
    </row>
    <row r="12491" spans="1:3" x14ac:dyDescent="0.15">
      <c r="A12491">
        <v>12515</v>
      </c>
      <c r="B12491" t="s">
        <v>24931</v>
      </c>
      <c r="C12491" t="s">
        <v>24932</v>
      </c>
    </row>
    <row r="12492" spans="1:3" x14ac:dyDescent="0.15">
      <c r="A12492">
        <v>12514</v>
      </c>
      <c r="B12492" t="s">
        <v>24933</v>
      </c>
      <c r="C12492" t="s">
        <v>24934</v>
      </c>
    </row>
    <row r="12493" spans="1:3" x14ac:dyDescent="0.15">
      <c r="A12493">
        <v>12513</v>
      </c>
      <c r="B12493" t="s">
        <v>24935</v>
      </c>
      <c r="C12493" t="s">
        <v>24936</v>
      </c>
    </row>
    <row r="12494" spans="1:3" x14ac:dyDescent="0.15">
      <c r="A12494">
        <v>12512</v>
      </c>
      <c r="B12494" t="s">
        <v>24937</v>
      </c>
      <c r="C12494" t="s">
        <v>24938</v>
      </c>
    </row>
    <row r="12495" spans="1:3" x14ac:dyDescent="0.15">
      <c r="A12495">
        <v>12511</v>
      </c>
      <c r="B12495" t="s">
        <v>24939</v>
      </c>
      <c r="C12495" t="s">
        <v>24940</v>
      </c>
    </row>
    <row r="12496" spans="1:3" x14ac:dyDescent="0.15">
      <c r="A12496">
        <v>12510</v>
      </c>
      <c r="B12496" t="s">
        <v>24941</v>
      </c>
      <c r="C12496" t="s">
        <v>24942</v>
      </c>
    </row>
    <row r="12497" spans="1:3" x14ac:dyDescent="0.15">
      <c r="A12497">
        <v>12509</v>
      </c>
      <c r="B12497" t="s">
        <v>24943</v>
      </c>
      <c r="C12497" t="s">
        <v>24944</v>
      </c>
    </row>
    <row r="12498" spans="1:3" x14ac:dyDescent="0.15">
      <c r="A12498">
        <v>12508</v>
      </c>
      <c r="B12498" t="s">
        <v>24945</v>
      </c>
      <c r="C12498" t="s">
        <v>24946</v>
      </c>
    </row>
    <row r="12499" spans="1:3" x14ac:dyDescent="0.15">
      <c r="A12499">
        <v>12507</v>
      </c>
      <c r="B12499" t="s">
        <v>24947</v>
      </c>
      <c r="C12499" t="s">
        <v>24948</v>
      </c>
    </row>
    <row r="12500" spans="1:3" x14ac:dyDescent="0.15">
      <c r="A12500">
        <v>12506</v>
      </c>
      <c r="B12500" t="s">
        <v>24949</v>
      </c>
      <c r="C12500" t="s">
        <v>24950</v>
      </c>
    </row>
    <row r="12501" spans="1:3" x14ac:dyDescent="0.15">
      <c r="A12501">
        <v>12505</v>
      </c>
      <c r="B12501" t="s">
        <v>24951</v>
      </c>
      <c r="C12501" t="s">
        <v>24952</v>
      </c>
    </row>
    <row r="12502" spans="1:3" x14ac:dyDescent="0.15">
      <c r="A12502">
        <v>12504</v>
      </c>
      <c r="B12502" t="s">
        <v>24953</v>
      </c>
      <c r="C12502" t="s">
        <v>24954</v>
      </c>
    </row>
    <row r="12503" spans="1:3" x14ac:dyDescent="0.15">
      <c r="A12503">
        <v>12503</v>
      </c>
      <c r="B12503" t="s">
        <v>24955</v>
      </c>
      <c r="C12503" t="s">
        <v>24956</v>
      </c>
    </row>
    <row r="12504" spans="1:3" x14ac:dyDescent="0.15">
      <c r="A12504">
        <v>12502</v>
      </c>
      <c r="B12504" t="s">
        <v>24957</v>
      </c>
      <c r="C12504" t="s">
        <v>24958</v>
      </c>
    </row>
    <row r="12505" spans="1:3" x14ac:dyDescent="0.15">
      <c r="A12505">
        <v>12501</v>
      </c>
      <c r="B12505" t="s">
        <v>24959</v>
      </c>
      <c r="C12505" t="s">
        <v>24960</v>
      </c>
    </row>
    <row r="12506" spans="1:3" x14ac:dyDescent="0.15">
      <c r="A12506">
        <v>12500</v>
      </c>
      <c r="B12506" t="s">
        <v>24961</v>
      </c>
      <c r="C12506" t="s">
        <v>24962</v>
      </c>
    </row>
    <row r="12507" spans="1:3" x14ac:dyDescent="0.15">
      <c r="A12507">
        <v>12499</v>
      </c>
      <c r="B12507" t="s">
        <v>24963</v>
      </c>
      <c r="C12507" t="s">
        <v>24964</v>
      </c>
    </row>
    <row r="12508" spans="1:3" x14ac:dyDescent="0.15">
      <c r="A12508">
        <v>12498</v>
      </c>
      <c r="B12508" t="s">
        <v>24965</v>
      </c>
      <c r="C12508" t="s">
        <v>24966</v>
      </c>
    </row>
    <row r="12509" spans="1:3" x14ac:dyDescent="0.15">
      <c r="A12509">
        <v>12497</v>
      </c>
      <c r="B12509" t="s">
        <v>24967</v>
      </c>
      <c r="C12509" t="s">
        <v>24968</v>
      </c>
    </row>
    <row r="12510" spans="1:3" x14ac:dyDescent="0.15">
      <c r="A12510">
        <v>12496</v>
      </c>
      <c r="B12510" t="s">
        <v>24969</v>
      </c>
      <c r="C12510" t="s">
        <v>24970</v>
      </c>
    </row>
    <row r="12511" spans="1:3" x14ac:dyDescent="0.15">
      <c r="A12511">
        <v>12495</v>
      </c>
      <c r="B12511" t="s">
        <v>24971</v>
      </c>
      <c r="C12511" t="s">
        <v>24972</v>
      </c>
    </row>
    <row r="12512" spans="1:3" x14ac:dyDescent="0.15">
      <c r="A12512">
        <v>12494</v>
      </c>
      <c r="B12512" t="s">
        <v>24973</v>
      </c>
      <c r="C12512" t="s">
        <v>24974</v>
      </c>
    </row>
    <row r="12513" spans="1:3" x14ac:dyDescent="0.15">
      <c r="A12513">
        <v>12493</v>
      </c>
      <c r="B12513" t="s">
        <v>24975</v>
      </c>
      <c r="C12513" t="s">
        <v>24976</v>
      </c>
    </row>
    <row r="12514" spans="1:3" x14ac:dyDescent="0.15">
      <c r="A12514">
        <v>12492</v>
      </c>
      <c r="B12514" t="s">
        <v>24977</v>
      </c>
      <c r="C12514" t="s">
        <v>24978</v>
      </c>
    </row>
    <row r="12515" spans="1:3" x14ac:dyDescent="0.15">
      <c r="A12515">
        <v>12491</v>
      </c>
      <c r="B12515" t="s">
        <v>24979</v>
      </c>
      <c r="C12515" t="s">
        <v>24980</v>
      </c>
    </row>
    <row r="12516" spans="1:3" x14ac:dyDescent="0.15">
      <c r="A12516">
        <v>12490</v>
      </c>
      <c r="B12516" t="s">
        <v>24981</v>
      </c>
      <c r="C12516" t="s">
        <v>24982</v>
      </c>
    </row>
    <row r="12517" spans="1:3" x14ac:dyDescent="0.15">
      <c r="A12517">
        <v>12489</v>
      </c>
      <c r="B12517" t="s">
        <v>24983</v>
      </c>
      <c r="C12517" t="s">
        <v>24984</v>
      </c>
    </row>
    <row r="12518" spans="1:3" x14ac:dyDescent="0.15">
      <c r="A12518">
        <v>12488</v>
      </c>
      <c r="B12518" t="s">
        <v>24985</v>
      </c>
      <c r="C12518" t="s">
        <v>24986</v>
      </c>
    </row>
    <row r="12519" spans="1:3" x14ac:dyDescent="0.15">
      <c r="A12519">
        <v>12487</v>
      </c>
      <c r="B12519" t="s">
        <v>24987</v>
      </c>
      <c r="C12519" t="s">
        <v>24988</v>
      </c>
    </row>
    <row r="12520" spans="1:3" x14ac:dyDescent="0.15">
      <c r="A12520">
        <v>12486</v>
      </c>
      <c r="B12520" t="s">
        <v>24989</v>
      </c>
      <c r="C12520" t="s">
        <v>24990</v>
      </c>
    </row>
    <row r="12521" spans="1:3" x14ac:dyDescent="0.15">
      <c r="A12521">
        <v>12485</v>
      </c>
      <c r="B12521" t="s">
        <v>24991</v>
      </c>
      <c r="C12521" t="s">
        <v>24992</v>
      </c>
    </row>
    <row r="12522" spans="1:3" x14ac:dyDescent="0.15">
      <c r="A12522">
        <v>12484</v>
      </c>
      <c r="B12522" t="s">
        <v>24993</v>
      </c>
      <c r="C12522" t="s">
        <v>24994</v>
      </c>
    </row>
    <row r="12523" spans="1:3" x14ac:dyDescent="0.15">
      <c r="A12523">
        <v>12483</v>
      </c>
      <c r="B12523" t="s">
        <v>24995</v>
      </c>
      <c r="C12523" t="s">
        <v>24996</v>
      </c>
    </row>
    <row r="12524" spans="1:3" x14ac:dyDescent="0.15">
      <c r="A12524">
        <v>12482</v>
      </c>
      <c r="B12524" t="s">
        <v>24997</v>
      </c>
      <c r="C12524" t="s">
        <v>24998</v>
      </c>
    </row>
    <row r="12525" spans="1:3" x14ac:dyDescent="0.15">
      <c r="A12525">
        <v>12481</v>
      </c>
      <c r="B12525" t="s">
        <v>24999</v>
      </c>
      <c r="C12525" t="s">
        <v>25000</v>
      </c>
    </row>
    <row r="12526" spans="1:3" x14ac:dyDescent="0.15">
      <c r="A12526">
        <v>12480</v>
      </c>
      <c r="B12526" t="s">
        <v>25001</v>
      </c>
      <c r="C12526" t="s">
        <v>25002</v>
      </c>
    </row>
    <row r="12527" spans="1:3" x14ac:dyDescent="0.15">
      <c r="A12527">
        <v>12479</v>
      </c>
      <c r="B12527" t="s">
        <v>25003</v>
      </c>
      <c r="C12527" t="s">
        <v>25004</v>
      </c>
    </row>
    <row r="12528" spans="1:3" x14ac:dyDescent="0.15">
      <c r="A12528">
        <v>12478</v>
      </c>
      <c r="B12528" t="s">
        <v>25005</v>
      </c>
      <c r="C12528" t="s">
        <v>25006</v>
      </c>
    </row>
    <row r="12529" spans="1:3" x14ac:dyDescent="0.15">
      <c r="A12529">
        <v>12477</v>
      </c>
      <c r="B12529" t="s">
        <v>25007</v>
      </c>
      <c r="C12529" t="s">
        <v>25008</v>
      </c>
    </row>
    <row r="12530" spans="1:3" x14ac:dyDescent="0.15">
      <c r="A12530">
        <v>12476</v>
      </c>
      <c r="B12530" t="s">
        <v>25009</v>
      </c>
      <c r="C12530" t="s">
        <v>25010</v>
      </c>
    </row>
    <row r="12531" spans="1:3" x14ac:dyDescent="0.15">
      <c r="A12531">
        <v>12475</v>
      </c>
      <c r="B12531" t="s">
        <v>25011</v>
      </c>
      <c r="C12531" t="s">
        <v>25012</v>
      </c>
    </row>
    <row r="12532" spans="1:3" x14ac:dyDescent="0.15">
      <c r="A12532">
        <v>12474</v>
      </c>
      <c r="B12532" t="s">
        <v>25013</v>
      </c>
      <c r="C12532" t="s">
        <v>25014</v>
      </c>
    </row>
    <row r="12533" spans="1:3" x14ac:dyDescent="0.15">
      <c r="A12533">
        <v>12473</v>
      </c>
      <c r="B12533" t="s">
        <v>25015</v>
      </c>
      <c r="C12533" t="s">
        <v>25016</v>
      </c>
    </row>
    <row r="12534" spans="1:3" x14ac:dyDescent="0.15">
      <c r="A12534">
        <v>12472</v>
      </c>
      <c r="B12534" t="s">
        <v>25017</v>
      </c>
      <c r="C12534" t="s">
        <v>25018</v>
      </c>
    </row>
    <row r="12535" spans="1:3" x14ac:dyDescent="0.15">
      <c r="A12535">
        <v>12471</v>
      </c>
      <c r="B12535" t="s">
        <v>25019</v>
      </c>
      <c r="C12535" t="s">
        <v>25020</v>
      </c>
    </row>
    <row r="12536" spans="1:3" x14ac:dyDescent="0.15">
      <c r="A12536">
        <v>12470</v>
      </c>
      <c r="B12536" t="s">
        <v>25021</v>
      </c>
      <c r="C12536" t="s">
        <v>25022</v>
      </c>
    </row>
    <row r="12537" spans="1:3" x14ac:dyDescent="0.15">
      <c r="A12537">
        <v>12469</v>
      </c>
      <c r="B12537" t="s">
        <v>25023</v>
      </c>
      <c r="C12537" t="s">
        <v>25024</v>
      </c>
    </row>
    <row r="12538" spans="1:3" x14ac:dyDescent="0.15">
      <c r="A12538">
        <v>12468</v>
      </c>
      <c r="B12538" t="s">
        <v>25025</v>
      </c>
      <c r="C12538" t="s">
        <v>25026</v>
      </c>
    </row>
    <row r="12539" spans="1:3" x14ac:dyDescent="0.15">
      <c r="A12539">
        <v>12467</v>
      </c>
      <c r="B12539" t="s">
        <v>25027</v>
      </c>
      <c r="C12539" t="s">
        <v>25028</v>
      </c>
    </row>
    <row r="12540" spans="1:3" x14ac:dyDescent="0.15">
      <c r="A12540">
        <v>12466</v>
      </c>
      <c r="B12540" t="s">
        <v>25029</v>
      </c>
      <c r="C12540" t="s">
        <v>25030</v>
      </c>
    </row>
    <row r="12541" spans="1:3" x14ac:dyDescent="0.15">
      <c r="A12541">
        <v>12465</v>
      </c>
      <c r="B12541" t="s">
        <v>25031</v>
      </c>
      <c r="C12541" t="s">
        <v>25032</v>
      </c>
    </row>
    <row r="12542" spans="1:3" x14ac:dyDescent="0.15">
      <c r="A12542">
        <v>12464</v>
      </c>
      <c r="B12542" t="s">
        <v>25033</v>
      </c>
      <c r="C12542" t="s">
        <v>25034</v>
      </c>
    </row>
    <row r="12543" spans="1:3" x14ac:dyDescent="0.15">
      <c r="A12543">
        <v>12463</v>
      </c>
      <c r="B12543" t="s">
        <v>25035</v>
      </c>
      <c r="C12543" t="s">
        <v>25036</v>
      </c>
    </row>
    <row r="12544" spans="1:3" x14ac:dyDescent="0.15">
      <c r="A12544">
        <v>12462</v>
      </c>
      <c r="B12544" t="s">
        <v>25037</v>
      </c>
      <c r="C12544" t="s">
        <v>25038</v>
      </c>
    </row>
    <row r="12545" spans="1:3" x14ac:dyDescent="0.15">
      <c r="A12545">
        <v>12461</v>
      </c>
      <c r="B12545" t="s">
        <v>25039</v>
      </c>
      <c r="C12545" t="s">
        <v>25040</v>
      </c>
    </row>
    <row r="12546" spans="1:3" x14ac:dyDescent="0.15">
      <c r="A12546">
        <v>12460</v>
      </c>
      <c r="B12546" t="s">
        <v>25041</v>
      </c>
      <c r="C12546" t="s">
        <v>25042</v>
      </c>
    </row>
    <row r="12547" spans="1:3" x14ac:dyDescent="0.15">
      <c r="A12547">
        <v>12459</v>
      </c>
      <c r="B12547" t="s">
        <v>25043</v>
      </c>
      <c r="C12547" t="s">
        <v>25044</v>
      </c>
    </row>
    <row r="12548" spans="1:3" x14ac:dyDescent="0.15">
      <c r="A12548">
        <v>12458</v>
      </c>
      <c r="B12548" t="s">
        <v>25045</v>
      </c>
      <c r="C12548" t="s">
        <v>25046</v>
      </c>
    </row>
    <row r="12549" spans="1:3" x14ac:dyDescent="0.15">
      <c r="A12549">
        <v>12457</v>
      </c>
      <c r="B12549" t="s">
        <v>25047</v>
      </c>
      <c r="C12549" t="s">
        <v>25048</v>
      </c>
    </row>
    <row r="12550" spans="1:3" x14ac:dyDescent="0.15">
      <c r="A12550">
        <v>12456</v>
      </c>
      <c r="B12550" t="s">
        <v>25049</v>
      </c>
      <c r="C12550" t="s">
        <v>25050</v>
      </c>
    </row>
    <row r="12551" spans="1:3" x14ac:dyDescent="0.15">
      <c r="A12551">
        <v>12455</v>
      </c>
      <c r="B12551" t="s">
        <v>25051</v>
      </c>
      <c r="C12551" t="s">
        <v>25052</v>
      </c>
    </row>
    <row r="12552" spans="1:3" x14ac:dyDescent="0.15">
      <c r="A12552">
        <v>12454</v>
      </c>
      <c r="B12552" t="s">
        <v>25053</v>
      </c>
      <c r="C12552" t="s">
        <v>25054</v>
      </c>
    </row>
    <row r="12553" spans="1:3" x14ac:dyDescent="0.15">
      <c r="A12553">
        <v>12453</v>
      </c>
      <c r="B12553" t="s">
        <v>25055</v>
      </c>
      <c r="C12553" t="s">
        <v>25056</v>
      </c>
    </row>
    <row r="12554" spans="1:3" x14ac:dyDescent="0.15">
      <c r="A12554">
        <v>12452</v>
      </c>
      <c r="B12554" t="s">
        <v>25057</v>
      </c>
      <c r="C12554" t="s">
        <v>25058</v>
      </c>
    </row>
    <row r="12555" spans="1:3" x14ac:dyDescent="0.15">
      <c r="A12555">
        <v>12451</v>
      </c>
      <c r="B12555" t="s">
        <v>25059</v>
      </c>
      <c r="C12555" t="s">
        <v>25060</v>
      </c>
    </row>
    <row r="12556" spans="1:3" x14ac:dyDescent="0.15">
      <c r="A12556">
        <v>12450</v>
      </c>
      <c r="B12556" t="s">
        <v>25061</v>
      </c>
      <c r="C12556" t="s">
        <v>25062</v>
      </c>
    </row>
    <row r="12557" spans="1:3" x14ac:dyDescent="0.15">
      <c r="A12557">
        <v>12449</v>
      </c>
      <c r="B12557" t="s">
        <v>25063</v>
      </c>
      <c r="C12557" t="s">
        <v>25064</v>
      </c>
    </row>
    <row r="12558" spans="1:3" x14ac:dyDescent="0.15">
      <c r="A12558">
        <v>12448</v>
      </c>
      <c r="B12558" t="s">
        <v>25065</v>
      </c>
      <c r="C12558" t="s">
        <v>25066</v>
      </c>
    </row>
    <row r="12559" spans="1:3" x14ac:dyDescent="0.15">
      <c r="A12559">
        <v>12447</v>
      </c>
      <c r="B12559" t="s">
        <v>25067</v>
      </c>
      <c r="C12559" t="s">
        <v>25068</v>
      </c>
    </row>
    <row r="12560" spans="1:3" x14ac:dyDescent="0.15">
      <c r="A12560">
        <v>12446</v>
      </c>
      <c r="B12560" t="s">
        <v>25069</v>
      </c>
      <c r="C12560" t="s">
        <v>25070</v>
      </c>
    </row>
    <row r="12561" spans="1:3" x14ac:dyDescent="0.15">
      <c r="A12561">
        <v>12445</v>
      </c>
      <c r="B12561" t="s">
        <v>25071</v>
      </c>
      <c r="C12561" t="s">
        <v>25072</v>
      </c>
    </row>
    <row r="12562" spans="1:3" x14ac:dyDescent="0.15">
      <c r="A12562">
        <v>12444</v>
      </c>
      <c r="B12562" t="s">
        <v>25073</v>
      </c>
      <c r="C12562" t="s">
        <v>25074</v>
      </c>
    </row>
    <row r="12563" spans="1:3" x14ac:dyDescent="0.15">
      <c r="A12563">
        <v>12443</v>
      </c>
      <c r="B12563" t="s">
        <v>25075</v>
      </c>
      <c r="C12563" t="s">
        <v>25076</v>
      </c>
    </row>
    <row r="12564" spans="1:3" x14ac:dyDescent="0.15">
      <c r="A12564">
        <v>12442</v>
      </c>
      <c r="B12564" t="s">
        <v>25077</v>
      </c>
      <c r="C12564" t="s">
        <v>25078</v>
      </c>
    </row>
    <row r="12565" spans="1:3" x14ac:dyDescent="0.15">
      <c r="A12565">
        <v>12441</v>
      </c>
      <c r="B12565" t="s">
        <v>25079</v>
      </c>
      <c r="C12565" t="s">
        <v>25080</v>
      </c>
    </row>
    <row r="12566" spans="1:3" x14ac:dyDescent="0.15">
      <c r="A12566">
        <v>12440</v>
      </c>
      <c r="B12566" t="s">
        <v>25081</v>
      </c>
      <c r="C12566" t="s">
        <v>25082</v>
      </c>
    </row>
    <row r="12567" spans="1:3" x14ac:dyDescent="0.15">
      <c r="A12567">
        <v>12439</v>
      </c>
      <c r="B12567" t="s">
        <v>25083</v>
      </c>
      <c r="C12567" t="s">
        <v>25084</v>
      </c>
    </row>
    <row r="12568" spans="1:3" x14ac:dyDescent="0.15">
      <c r="A12568">
        <v>12438</v>
      </c>
      <c r="B12568" t="s">
        <v>25085</v>
      </c>
      <c r="C12568" t="s">
        <v>25086</v>
      </c>
    </row>
    <row r="12569" spans="1:3" x14ac:dyDescent="0.15">
      <c r="A12569">
        <v>12437</v>
      </c>
      <c r="B12569" t="s">
        <v>25087</v>
      </c>
      <c r="C12569" t="s">
        <v>25088</v>
      </c>
    </row>
    <row r="12570" spans="1:3" x14ac:dyDescent="0.15">
      <c r="A12570">
        <v>12436</v>
      </c>
      <c r="B12570" t="s">
        <v>25089</v>
      </c>
      <c r="C12570" t="s">
        <v>25090</v>
      </c>
    </row>
    <row r="12571" spans="1:3" x14ac:dyDescent="0.15">
      <c r="A12571">
        <v>12435</v>
      </c>
      <c r="B12571" t="s">
        <v>25091</v>
      </c>
      <c r="C12571" t="s">
        <v>25092</v>
      </c>
    </row>
    <row r="12572" spans="1:3" x14ac:dyDescent="0.15">
      <c r="A12572">
        <v>12434</v>
      </c>
      <c r="B12572" t="s">
        <v>25093</v>
      </c>
      <c r="C12572" t="s">
        <v>25094</v>
      </c>
    </row>
    <row r="12573" spans="1:3" x14ac:dyDescent="0.15">
      <c r="A12573">
        <v>12433</v>
      </c>
      <c r="B12573" t="s">
        <v>25095</v>
      </c>
      <c r="C12573" t="s">
        <v>25096</v>
      </c>
    </row>
    <row r="12574" spans="1:3" x14ac:dyDescent="0.15">
      <c r="A12574">
        <v>12432</v>
      </c>
      <c r="B12574" t="s">
        <v>25097</v>
      </c>
      <c r="C12574" t="s">
        <v>25098</v>
      </c>
    </row>
    <row r="12575" spans="1:3" x14ac:dyDescent="0.15">
      <c r="A12575">
        <v>12431</v>
      </c>
      <c r="B12575" t="s">
        <v>25099</v>
      </c>
      <c r="C12575" t="s">
        <v>25100</v>
      </c>
    </row>
    <row r="12576" spans="1:3" x14ac:dyDescent="0.15">
      <c r="A12576">
        <v>12430</v>
      </c>
      <c r="B12576" t="s">
        <v>25101</v>
      </c>
      <c r="C12576" t="s">
        <v>25102</v>
      </c>
    </row>
    <row r="12577" spans="1:3" x14ac:dyDescent="0.15">
      <c r="A12577">
        <v>12429</v>
      </c>
      <c r="B12577" t="s">
        <v>25103</v>
      </c>
      <c r="C12577" t="s">
        <v>25104</v>
      </c>
    </row>
    <row r="12578" spans="1:3" x14ac:dyDescent="0.15">
      <c r="A12578">
        <v>12428</v>
      </c>
      <c r="B12578" t="s">
        <v>25105</v>
      </c>
      <c r="C12578" t="s">
        <v>25106</v>
      </c>
    </row>
    <row r="12579" spans="1:3" x14ac:dyDescent="0.15">
      <c r="A12579">
        <v>12427</v>
      </c>
      <c r="B12579" t="s">
        <v>25107</v>
      </c>
      <c r="C12579" t="s">
        <v>25108</v>
      </c>
    </row>
    <row r="12580" spans="1:3" x14ac:dyDescent="0.15">
      <c r="A12580">
        <v>12426</v>
      </c>
      <c r="B12580" t="s">
        <v>25109</v>
      </c>
      <c r="C12580" t="s">
        <v>25110</v>
      </c>
    </row>
    <row r="12581" spans="1:3" x14ac:dyDescent="0.15">
      <c r="A12581">
        <v>12425</v>
      </c>
      <c r="B12581" t="s">
        <v>25111</v>
      </c>
      <c r="C12581" t="s">
        <v>25112</v>
      </c>
    </row>
    <row r="12582" spans="1:3" x14ac:dyDescent="0.15">
      <c r="A12582">
        <v>12424</v>
      </c>
      <c r="B12582" t="s">
        <v>25113</v>
      </c>
      <c r="C12582" t="s">
        <v>25114</v>
      </c>
    </row>
    <row r="12583" spans="1:3" x14ac:dyDescent="0.15">
      <c r="A12583">
        <v>12423</v>
      </c>
      <c r="B12583" t="s">
        <v>25115</v>
      </c>
      <c r="C12583" t="s">
        <v>25116</v>
      </c>
    </row>
    <row r="12584" spans="1:3" x14ac:dyDescent="0.15">
      <c r="A12584">
        <v>12422</v>
      </c>
      <c r="B12584" t="s">
        <v>25117</v>
      </c>
      <c r="C12584" t="s">
        <v>25118</v>
      </c>
    </row>
    <row r="12585" spans="1:3" x14ac:dyDescent="0.15">
      <c r="A12585">
        <v>12421</v>
      </c>
      <c r="B12585" t="s">
        <v>25119</v>
      </c>
      <c r="C12585" t="s">
        <v>25120</v>
      </c>
    </row>
    <row r="12586" spans="1:3" x14ac:dyDescent="0.15">
      <c r="A12586">
        <v>12420</v>
      </c>
      <c r="B12586" t="s">
        <v>25121</v>
      </c>
      <c r="C12586" t="s">
        <v>25122</v>
      </c>
    </row>
    <row r="12587" spans="1:3" x14ac:dyDescent="0.15">
      <c r="A12587">
        <v>12419</v>
      </c>
      <c r="B12587" t="s">
        <v>25123</v>
      </c>
      <c r="C12587" t="s">
        <v>25124</v>
      </c>
    </row>
    <row r="12588" spans="1:3" x14ac:dyDescent="0.15">
      <c r="A12588">
        <v>12418</v>
      </c>
      <c r="B12588" t="s">
        <v>25125</v>
      </c>
      <c r="C12588" t="s">
        <v>25126</v>
      </c>
    </row>
    <row r="12589" spans="1:3" x14ac:dyDescent="0.15">
      <c r="A12589">
        <v>12417</v>
      </c>
      <c r="B12589" t="s">
        <v>25127</v>
      </c>
      <c r="C12589" t="s">
        <v>25128</v>
      </c>
    </row>
    <row r="12590" spans="1:3" x14ac:dyDescent="0.15">
      <c r="A12590">
        <v>12416</v>
      </c>
      <c r="B12590" t="s">
        <v>25129</v>
      </c>
      <c r="C12590" t="s">
        <v>25130</v>
      </c>
    </row>
    <row r="12591" spans="1:3" x14ac:dyDescent="0.15">
      <c r="A12591">
        <v>12415</v>
      </c>
      <c r="B12591" t="s">
        <v>25131</v>
      </c>
      <c r="C12591" t="s">
        <v>25132</v>
      </c>
    </row>
    <row r="12592" spans="1:3" x14ac:dyDescent="0.15">
      <c r="A12592">
        <v>12414</v>
      </c>
      <c r="B12592" t="s">
        <v>25133</v>
      </c>
      <c r="C12592" t="s">
        <v>25134</v>
      </c>
    </row>
    <row r="12593" spans="1:3" x14ac:dyDescent="0.15">
      <c r="A12593">
        <v>12413</v>
      </c>
      <c r="B12593" t="s">
        <v>25135</v>
      </c>
      <c r="C12593" t="s">
        <v>25136</v>
      </c>
    </row>
    <row r="12594" spans="1:3" x14ac:dyDescent="0.15">
      <c r="A12594">
        <v>12412</v>
      </c>
      <c r="B12594" t="s">
        <v>25137</v>
      </c>
      <c r="C12594" t="s">
        <v>25138</v>
      </c>
    </row>
    <row r="12595" spans="1:3" x14ac:dyDescent="0.15">
      <c r="A12595">
        <v>12411</v>
      </c>
      <c r="B12595" t="s">
        <v>25139</v>
      </c>
      <c r="C12595" t="s">
        <v>25140</v>
      </c>
    </row>
    <row r="12596" spans="1:3" x14ac:dyDescent="0.15">
      <c r="A12596">
        <v>12410</v>
      </c>
      <c r="B12596" t="s">
        <v>25141</v>
      </c>
      <c r="C12596" t="s">
        <v>25142</v>
      </c>
    </row>
    <row r="12597" spans="1:3" x14ac:dyDescent="0.15">
      <c r="A12597">
        <v>12409</v>
      </c>
      <c r="B12597" t="s">
        <v>25143</v>
      </c>
      <c r="C12597" t="s">
        <v>25144</v>
      </c>
    </row>
    <row r="12598" spans="1:3" x14ac:dyDescent="0.15">
      <c r="A12598">
        <v>12408</v>
      </c>
      <c r="B12598" t="s">
        <v>25145</v>
      </c>
      <c r="C12598" t="s">
        <v>25146</v>
      </c>
    </row>
    <row r="12599" spans="1:3" x14ac:dyDescent="0.15">
      <c r="A12599">
        <v>12407</v>
      </c>
      <c r="B12599" t="s">
        <v>25147</v>
      </c>
      <c r="C12599" t="s">
        <v>25148</v>
      </c>
    </row>
    <row r="12600" spans="1:3" x14ac:dyDescent="0.15">
      <c r="A12600">
        <v>12406</v>
      </c>
      <c r="B12600" t="s">
        <v>25149</v>
      </c>
      <c r="C12600" t="s">
        <v>25150</v>
      </c>
    </row>
    <row r="12601" spans="1:3" x14ac:dyDescent="0.15">
      <c r="A12601">
        <v>12405</v>
      </c>
      <c r="B12601" t="s">
        <v>25151</v>
      </c>
      <c r="C12601" t="s">
        <v>25152</v>
      </c>
    </row>
    <row r="12602" spans="1:3" x14ac:dyDescent="0.15">
      <c r="A12602">
        <v>12404</v>
      </c>
      <c r="B12602" t="s">
        <v>25153</v>
      </c>
      <c r="C12602" t="s">
        <v>25154</v>
      </c>
    </row>
    <row r="12603" spans="1:3" x14ac:dyDescent="0.15">
      <c r="A12603">
        <v>12403</v>
      </c>
      <c r="B12603" t="s">
        <v>25155</v>
      </c>
      <c r="C12603" t="s">
        <v>25156</v>
      </c>
    </row>
    <row r="12604" spans="1:3" x14ac:dyDescent="0.15">
      <c r="A12604">
        <v>12402</v>
      </c>
      <c r="B12604" t="s">
        <v>25157</v>
      </c>
      <c r="C12604" t="s">
        <v>25158</v>
      </c>
    </row>
    <row r="12605" spans="1:3" x14ac:dyDescent="0.15">
      <c r="A12605">
        <v>12401</v>
      </c>
      <c r="B12605" t="s">
        <v>25159</v>
      </c>
      <c r="C12605" t="s">
        <v>25160</v>
      </c>
    </row>
    <row r="12606" spans="1:3" x14ac:dyDescent="0.15">
      <c r="A12606">
        <v>12400</v>
      </c>
      <c r="B12606" t="s">
        <v>25161</v>
      </c>
      <c r="C12606" t="s">
        <v>25162</v>
      </c>
    </row>
    <row r="12607" spans="1:3" x14ac:dyDescent="0.15">
      <c r="A12607">
        <v>12399</v>
      </c>
      <c r="B12607" t="s">
        <v>25163</v>
      </c>
      <c r="C12607" t="s">
        <v>25164</v>
      </c>
    </row>
    <row r="12608" spans="1:3" x14ac:dyDescent="0.15">
      <c r="A12608">
        <v>12398</v>
      </c>
      <c r="B12608" t="s">
        <v>25165</v>
      </c>
      <c r="C12608" t="s">
        <v>25166</v>
      </c>
    </row>
    <row r="12609" spans="1:3" x14ac:dyDescent="0.15">
      <c r="A12609">
        <v>12397</v>
      </c>
      <c r="B12609" t="s">
        <v>25167</v>
      </c>
      <c r="C12609" t="s">
        <v>25168</v>
      </c>
    </row>
    <row r="12610" spans="1:3" x14ac:dyDescent="0.15">
      <c r="A12610">
        <v>12396</v>
      </c>
      <c r="B12610" t="s">
        <v>25169</v>
      </c>
      <c r="C12610" t="s">
        <v>25170</v>
      </c>
    </row>
    <row r="12611" spans="1:3" x14ac:dyDescent="0.15">
      <c r="A12611">
        <v>12395</v>
      </c>
      <c r="B12611" t="s">
        <v>25171</v>
      </c>
      <c r="C12611" t="s">
        <v>25172</v>
      </c>
    </row>
    <row r="12612" spans="1:3" x14ac:dyDescent="0.15">
      <c r="A12612">
        <v>12394</v>
      </c>
      <c r="B12612" t="s">
        <v>25173</v>
      </c>
      <c r="C12612" t="s">
        <v>25174</v>
      </c>
    </row>
    <row r="12613" spans="1:3" x14ac:dyDescent="0.15">
      <c r="A12613">
        <v>12393</v>
      </c>
      <c r="B12613" t="s">
        <v>25175</v>
      </c>
      <c r="C12613" t="s">
        <v>25176</v>
      </c>
    </row>
    <row r="12614" spans="1:3" x14ac:dyDescent="0.15">
      <c r="A12614">
        <v>12392</v>
      </c>
      <c r="B12614" t="s">
        <v>25177</v>
      </c>
      <c r="C12614" t="s">
        <v>25178</v>
      </c>
    </row>
    <row r="12615" spans="1:3" x14ac:dyDescent="0.15">
      <c r="A12615">
        <v>12391</v>
      </c>
      <c r="B12615" t="s">
        <v>25179</v>
      </c>
      <c r="C12615" t="s">
        <v>25180</v>
      </c>
    </row>
    <row r="12616" spans="1:3" x14ac:dyDescent="0.15">
      <c r="A12616">
        <v>12390</v>
      </c>
      <c r="B12616" t="s">
        <v>25181</v>
      </c>
      <c r="C12616" t="s">
        <v>25182</v>
      </c>
    </row>
    <row r="12617" spans="1:3" x14ac:dyDescent="0.15">
      <c r="A12617">
        <v>12389</v>
      </c>
      <c r="B12617" t="s">
        <v>25183</v>
      </c>
      <c r="C12617" t="s">
        <v>25184</v>
      </c>
    </row>
    <row r="12618" spans="1:3" x14ac:dyDescent="0.15">
      <c r="A12618">
        <v>12388</v>
      </c>
      <c r="B12618" t="s">
        <v>25185</v>
      </c>
      <c r="C12618" t="s">
        <v>25186</v>
      </c>
    </row>
    <row r="12619" spans="1:3" x14ac:dyDescent="0.15">
      <c r="A12619">
        <v>12387</v>
      </c>
      <c r="B12619" t="s">
        <v>25187</v>
      </c>
      <c r="C12619" t="s">
        <v>25188</v>
      </c>
    </row>
    <row r="12620" spans="1:3" x14ac:dyDescent="0.15">
      <c r="A12620">
        <v>12386</v>
      </c>
      <c r="B12620" t="s">
        <v>25189</v>
      </c>
      <c r="C12620" t="s">
        <v>25190</v>
      </c>
    </row>
    <row r="12621" spans="1:3" x14ac:dyDescent="0.15">
      <c r="A12621">
        <v>12385</v>
      </c>
      <c r="B12621" t="s">
        <v>25191</v>
      </c>
      <c r="C12621" t="s">
        <v>25192</v>
      </c>
    </row>
    <row r="12622" spans="1:3" x14ac:dyDescent="0.15">
      <c r="A12622">
        <v>12384</v>
      </c>
      <c r="B12622" t="s">
        <v>25193</v>
      </c>
      <c r="C12622" t="s">
        <v>25194</v>
      </c>
    </row>
    <row r="12623" spans="1:3" x14ac:dyDescent="0.15">
      <c r="A12623">
        <v>12383</v>
      </c>
      <c r="B12623" t="s">
        <v>25195</v>
      </c>
      <c r="C12623" t="s">
        <v>25196</v>
      </c>
    </row>
    <row r="12624" spans="1:3" x14ac:dyDescent="0.15">
      <c r="A12624">
        <v>12382</v>
      </c>
      <c r="B12624" t="s">
        <v>25197</v>
      </c>
      <c r="C12624" t="s">
        <v>25198</v>
      </c>
    </row>
    <row r="12625" spans="1:3" x14ac:dyDescent="0.15">
      <c r="A12625">
        <v>12381</v>
      </c>
      <c r="B12625" t="s">
        <v>25199</v>
      </c>
      <c r="C12625" t="s">
        <v>25200</v>
      </c>
    </row>
    <row r="12626" spans="1:3" x14ac:dyDescent="0.15">
      <c r="A12626">
        <v>12380</v>
      </c>
      <c r="B12626" t="s">
        <v>25201</v>
      </c>
      <c r="C12626" t="s">
        <v>25202</v>
      </c>
    </row>
    <row r="12627" spans="1:3" x14ac:dyDescent="0.15">
      <c r="A12627">
        <v>12379</v>
      </c>
      <c r="B12627" t="s">
        <v>25203</v>
      </c>
      <c r="C12627" t="s">
        <v>25204</v>
      </c>
    </row>
    <row r="12628" spans="1:3" x14ac:dyDescent="0.15">
      <c r="A12628">
        <v>12378</v>
      </c>
      <c r="B12628" t="s">
        <v>25205</v>
      </c>
      <c r="C12628" t="s">
        <v>25206</v>
      </c>
    </row>
    <row r="12629" spans="1:3" x14ac:dyDescent="0.15">
      <c r="A12629">
        <v>12377</v>
      </c>
      <c r="B12629" t="s">
        <v>25207</v>
      </c>
      <c r="C12629" t="s">
        <v>25208</v>
      </c>
    </row>
    <row r="12630" spans="1:3" x14ac:dyDescent="0.15">
      <c r="A12630">
        <v>12376</v>
      </c>
      <c r="B12630" t="s">
        <v>25209</v>
      </c>
      <c r="C12630" t="s">
        <v>25210</v>
      </c>
    </row>
    <row r="12631" spans="1:3" x14ac:dyDescent="0.15">
      <c r="A12631">
        <v>12375</v>
      </c>
      <c r="B12631" t="s">
        <v>25211</v>
      </c>
      <c r="C12631" t="s">
        <v>25212</v>
      </c>
    </row>
    <row r="12632" spans="1:3" x14ac:dyDescent="0.15">
      <c r="A12632">
        <v>12374</v>
      </c>
      <c r="B12632" t="s">
        <v>25213</v>
      </c>
      <c r="C12632" t="s">
        <v>25214</v>
      </c>
    </row>
    <row r="12633" spans="1:3" x14ac:dyDescent="0.15">
      <c r="A12633">
        <v>12373</v>
      </c>
      <c r="B12633" t="s">
        <v>25215</v>
      </c>
      <c r="C12633" t="s">
        <v>25216</v>
      </c>
    </row>
    <row r="12634" spans="1:3" x14ac:dyDescent="0.15">
      <c r="A12634">
        <v>12372</v>
      </c>
      <c r="B12634" t="s">
        <v>25217</v>
      </c>
      <c r="C12634" t="s">
        <v>25218</v>
      </c>
    </row>
    <row r="12635" spans="1:3" x14ac:dyDescent="0.15">
      <c r="A12635">
        <v>12371</v>
      </c>
      <c r="B12635" t="s">
        <v>25219</v>
      </c>
      <c r="C12635" t="s">
        <v>25220</v>
      </c>
    </row>
    <row r="12636" spans="1:3" x14ac:dyDescent="0.15">
      <c r="A12636">
        <v>12370</v>
      </c>
      <c r="B12636" t="s">
        <v>25221</v>
      </c>
      <c r="C12636" t="s">
        <v>25222</v>
      </c>
    </row>
    <row r="12637" spans="1:3" x14ac:dyDescent="0.15">
      <c r="A12637">
        <v>12369</v>
      </c>
      <c r="B12637" t="s">
        <v>25223</v>
      </c>
      <c r="C12637" t="s">
        <v>25224</v>
      </c>
    </row>
    <row r="12638" spans="1:3" x14ac:dyDescent="0.15">
      <c r="A12638">
        <v>12368</v>
      </c>
      <c r="B12638" t="s">
        <v>25225</v>
      </c>
      <c r="C12638" t="s">
        <v>25226</v>
      </c>
    </row>
    <row r="12639" spans="1:3" x14ac:dyDescent="0.15">
      <c r="A12639">
        <v>12367</v>
      </c>
      <c r="B12639" t="s">
        <v>25227</v>
      </c>
      <c r="C12639" t="s">
        <v>25228</v>
      </c>
    </row>
    <row r="12640" spans="1:3" x14ac:dyDescent="0.15">
      <c r="A12640">
        <v>12366</v>
      </c>
      <c r="B12640" t="s">
        <v>25229</v>
      </c>
      <c r="C12640" t="s">
        <v>25230</v>
      </c>
    </row>
    <row r="12641" spans="1:3" x14ac:dyDescent="0.15">
      <c r="A12641">
        <v>12365</v>
      </c>
      <c r="B12641" t="s">
        <v>25231</v>
      </c>
      <c r="C12641" t="s">
        <v>25232</v>
      </c>
    </row>
    <row r="12642" spans="1:3" x14ac:dyDescent="0.15">
      <c r="A12642">
        <v>12364</v>
      </c>
      <c r="B12642" t="s">
        <v>25233</v>
      </c>
      <c r="C12642" t="s">
        <v>25234</v>
      </c>
    </row>
    <row r="12643" spans="1:3" x14ac:dyDescent="0.15">
      <c r="A12643">
        <v>12363</v>
      </c>
      <c r="B12643" t="s">
        <v>25235</v>
      </c>
      <c r="C12643" t="s">
        <v>25236</v>
      </c>
    </row>
    <row r="12644" spans="1:3" x14ac:dyDescent="0.15">
      <c r="A12644">
        <v>12362</v>
      </c>
      <c r="B12644" t="s">
        <v>25237</v>
      </c>
      <c r="C12644" t="s">
        <v>25238</v>
      </c>
    </row>
    <row r="12645" spans="1:3" x14ac:dyDescent="0.15">
      <c r="A12645">
        <v>12361</v>
      </c>
      <c r="B12645" t="s">
        <v>25239</v>
      </c>
      <c r="C12645" t="s">
        <v>25240</v>
      </c>
    </row>
    <row r="12646" spans="1:3" x14ac:dyDescent="0.15">
      <c r="A12646">
        <v>12360</v>
      </c>
      <c r="B12646" t="s">
        <v>25241</v>
      </c>
      <c r="C12646" t="s">
        <v>25242</v>
      </c>
    </row>
    <row r="12647" spans="1:3" x14ac:dyDescent="0.15">
      <c r="A12647">
        <v>12359</v>
      </c>
      <c r="B12647" t="s">
        <v>25243</v>
      </c>
      <c r="C12647" t="s">
        <v>25244</v>
      </c>
    </row>
    <row r="12648" spans="1:3" x14ac:dyDescent="0.15">
      <c r="A12648">
        <v>12358</v>
      </c>
      <c r="B12648" t="s">
        <v>25245</v>
      </c>
      <c r="C12648" t="s">
        <v>25246</v>
      </c>
    </row>
    <row r="12649" spans="1:3" x14ac:dyDescent="0.15">
      <c r="A12649">
        <v>12357</v>
      </c>
      <c r="B12649" t="s">
        <v>25247</v>
      </c>
      <c r="C12649" t="s">
        <v>25248</v>
      </c>
    </row>
    <row r="12650" spans="1:3" x14ac:dyDescent="0.15">
      <c r="A12650">
        <v>12356</v>
      </c>
      <c r="B12650" t="s">
        <v>25249</v>
      </c>
      <c r="C12650" t="s">
        <v>25250</v>
      </c>
    </row>
    <row r="12651" spans="1:3" x14ac:dyDescent="0.15">
      <c r="A12651">
        <v>12355</v>
      </c>
      <c r="B12651" t="s">
        <v>25251</v>
      </c>
      <c r="C12651" t="s">
        <v>25252</v>
      </c>
    </row>
    <row r="12652" spans="1:3" x14ac:dyDescent="0.15">
      <c r="A12652">
        <v>12354</v>
      </c>
      <c r="B12652" t="s">
        <v>25253</v>
      </c>
      <c r="C12652" t="s">
        <v>25254</v>
      </c>
    </row>
    <row r="12653" spans="1:3" x14ac:dyDescent="0.15">
      <c r="A12653">
        <v>12353</v>
      </c>
      <c r="B12653" t="s">
        <v>25255</v>
      </c>
      <c r="C12653" t="s">
        <v>25256</v>
      </c>
    </row>
    <row r="12654" spans="1:3" x14ac:dyDescent="0.15">
      <c r="A12654">
        <v>12352</v>
      </c>
      <c r="B12654" t="s">
        <v>25257</v>
      </c>
      <c r="C12654" t="s">
        <v>25258</v>
      </c>
    </row>
    <row r="12655" spans="1:3" x14ac:dyDescent="0.15">
      <c r="A12655">
        <v>12351</v>
      </c>
      <c r="B12655" t="s">
        <v>25259</v>
      </c>
      <c r="C12655" t="s">
        <v>25260</v>
      </c>
    </row>
    <row r="12656" spans="1:3" x14ac:dyDescent="0.15">
      <c r="A12656">
        <v>12350</v>
      </c>
      <c r="B12656" t="s">
        <v>25261</v>
      </c>
      <c r="C12656" t="s">
        <v>25262</v>
      </c>
    </row>
    <row r="12657" spans="1:3" x14ac:dyDescent="0.15">
      <c r="A12657">
        <v>12349</v>
      </c>
      <c r="B12657" t="s">
        <v>25263</v>
      </c>
      <c r="C12657" t="s">
        <v>25264</v>
      </c>
    </row>
    <row r="12658" spans="1:3" x14ac:dyDescent="0.15">
      <c r="A12658">
        <v>12348</v>
      </c>
      <c r="B12658" t="s">
        <v>25265</v>
      </c>
      <c r="C12658" t="s">
        <v>25266</v>
      </c>
    </row>
    <row r="12659" spans="1:3" x14ac:dyDescent="0.15">
      <c r="A12659">
        <v>12347</v>
      </c>
      <c r="B12659" t="s">
        <v>25267</v>
      </c>
      <c r="C12659" t="s">
        <v>25268</v>
      </c>
    </row>
    <row r="12660" spans="1:3" x14ac:dyDescent="0.15">
      <c r="A12660">
        <v>12346</v>
      </c>
      <c r="B12660" t="s">
        <v>25269</v>
      </c>
      <c r="C12660" t="s">
        <v>25270</v>
      </c>
    </row>
    <row r="12661" spans="1:3" x14ac:dyDescent="0.15">
      <c r="A12661">
        <v>12345</v>
      </c>
      <c r="B12661" t="s">
        <v>25271</v>
      </c>
      <c r="C12661" t="s">
        <v>25272</v>
      </c>
    </row>
    <row r="12662" spans="1:3" x14ac:dyDescent="0.15">
      <c r="A12662">
        <v>12344</v>
      </c>
      <c r="B12662" t="s">
        <v>25273</v>
      </c>
      <c r="C12662" t="s">
        <v>25274</v>
      </c>
    </row>
    <row r="12663" spans="1:3" x14ac:dyDescent="0.15">
      <c r="A12663">
        <v>12343</v>
      </c>
      <c r="B12663" t="s">
        <v>25275</v>
      </c>
      <c r="C12663" t="s">
        <v>3319</v>
      </c>
    </row>
    <row r="12664" spans="1:3" x14ac:dyDescent="0.15">
      <c r="A12664">
        <v>12342</v>
      </c>
      <c r="B12664" t="s">
        <v>25276</v>
      </c>
      <c r="C12664" t="s">
        <v>25277</v>
      </c>
    </row>
    <row r="12665" spans="1:3" x14ac:dyDescent="0.15">
      <c r="A12665">
        <v>12341</v>
      </c>
      <c r="B12665" t="s">
        <v>25278</v>
      </c>
      <c r="C12665" t="s">
        <v>25279</v>
      </c>
    </row>
    <row r="12666" spans="1:3" x14ac:dyDescent="0.15">
      <c r="A12666">
        <v>12340</v>
      </c>
      <c r="B12666" t="s">
        <v>25280</v>
      </c>
      <c r="C12666" t="s">
        <v>25281</v>
      </c>
    </row>
    <row r="12667" spans="1:3" x14ac:dyDescent="0.15">
      <c r="A12667">
        <v>12339</v>
      </c>
      <c r="B12667" t="s">
        <v>25282</v>
      </c>
      <c r="C12667" t="s">
        <v>25283</v>
      </c>
    </row>
    <row r="12668" spans="1:3" x14ac:dyDescent="0.15">
      <c r="A12668">
        <v>12338</v>
      </c>
      <c r="B12668" t="s">
        <v>25284</v>
      </c>
      <c r="C12668" t="s">
        <v>25285</v>
      </c>
    </row>
    <row r="12669" spans="1:3" x14ac:dyDescent="0.15">
      <c r="A12669">
        <v>12337</v>
      </c>
      <c r="B12669" t="s">
        <v>25286</v>
      </c>
      <c r="C12669" t="s">
        <v>25287</v>
      </c>
    </row>
    <row r="12670" spans="1:3" x14ac:dyDescent="0.15">
      <c r="A12670">
        <v>12336</v>
      </c>
      <c r="B12670" t="s">
        <v>25288</v>
      </c>
      <c r="C12670" t="s">
        <v>25289</v>
      </c>
    </row>
    <row r="12671" spans="1:3" x14ac:dyDescent="0.15">
      <c r="A12671">
        <v>12335</v>
      </c>
      <c r="B12671" t="s">
        <v>25290</v>
      </c>
      <c r="C12671" t="s">
        <v>25291</v>
      </c>
    </row>
    <row r="12672" spans="1:3" x14ac:dyDescent="0.15">
      <c r="A12672">
        <v>12334</v>
      </c>
      <c r="B12672" t="s">
        <v>25292</v>
      </c>
      <c r="C12672" t="s">
        <v>25293</v>
      </c>
    </row>
    <row r="12673" spans="1:3" x14ac:dyDescent="0.15">
      <c r="A12673">
        <v>12333</v>
      </c>
      <c r="B12673" t="s">
        <v>25294</v>
      </c>
      <c r="C12673" t="s">
        <v>25295</v>
      </c>
    </row>
    <row r="12674" spans="1:3" x14ac:dyDescent="0.15">
      <c r="A12674">
        <v>12332</v>
      </c>
      <c r="B12674" t="s">
        <v>25296</v>
      </c>
      <c r="C12674" t="s">
        <v>25297</v>
      </c>
    </row>
    <row r="12675" spans="1:3" x14ac:dyDescent="0.15">
      <c r="A12675">
        <v>12331</v>
      </c>
      <c r="B12675" t="s">
        <v>25298</v>
      </c>
      <c r="C12675" t="s">
        <v>25299</v>
      </c>
    </row>
    <row r="12676" spans="1:3" x14ac:dyDescent="0.15">
      <c r="A12676">
        <v>12330</v>
      </c>
      <c r="B12676" t="s">
        <v>25300</v>
      </c>
      <c r="C12676" t="s">
        <v>25301</v>
      </c>
    </row>
    <row r="12677" spans="1:3" x14ac:dyDescent="0.15">
      <c r="A12677">
        <v>12329</v>
      </c>
      <c r="B12677" t="s">
        <v>25302</v>
      </c>
      <c r="C12677" t="s">
        <v>25303</v>
      </c>
    </row>
    <row r="12678" spans="1:3" x14ac:dyDescent="0.15">
      <c r="A12678">
        <v>12328</v>
      </c>
      <c r="B12678" t="s">
        <v>25304</v>
      </c>
      <c r="C12678" t="s">
        <v>25305</v>
      </c>
    </row>
    <row r="12679" spans="1:3" x14ac:dyDescent="0.15">
      <c r="A12679">
        <v>12327</v>
      </c>
      <c r="B12679" t="s">
        <v>25306</v>
      </c>
      <c r="C12679" t="s">
        <v>25307</v>
      </c>
    </row>
    <row r="12680" spans="1:3" x14ac:dyDescent="0.15">
      <c r="A12680">
        <v>12326</v>
      </c>
      <c r="B12680" t="s">
        <v>25308</v>
      </c>
      <c r="C12680" t="s">
        <v>25309</v>
      </c>
    </row>
    <row r="12681" spans="1:3" x14ac:dyDescent="0.15">
      <c r="A12681">
        <v>12325</v>
      </c>
      <c r="B12681" t="s">
        <v>25310</v>
      </c>
      <c r="C12681" t="s">
        <v>25311</v>
      </c>
    </row>
    <row r="12682" spans="1:3" x14ac:dyDescent="0.15">
      <c r="A12682">
        <v>12324</v>
      </c>
      <c r="B12682" t="s">
        <v>25312</v>
      </c>
      <c r="C12682" t="s">
        <v>25313</v>
      </c>
    </row>
    <row r="12683" spans="1:3" x14ac:dyDescent="0.15">
      <c r="A12683">
        <v>12323</v>
      </c>
      <c r="B12683" t="s">
        <v>25314</v>
      </c>
      <c r="C12683" t="s">
        <v>25315</v>
      </c>
    </row>
    <row r="12684" spans="1:3" x14ac:dyDescent="0.15">
      <c r="A12684">
        <v>12322</v>
      </c>
      <c r="B12684" t="s">
        <v>25316</v>
      </c>
      <c r="C12684" t="s">
        <v>25317</v>
      </c>
    </row>
    <row r="12685" spans="1:3" x14ac:dyDescent="0.15">
      <c r="A12685">
        <v>12321</v>
      </c>
      <c r="B12685" t="s">
        <v>25318</v>
      </c>
      <c r="C12685" t="s">
        <v>25319</v>
      </c>
    </row>
    <row r="12686" spans="1:3" x14ac:dyDescent="0.15">
      <c r="A12686">
        <v>12320</v>
      </c>
      <c r="B12686" t="s">
        <v>25320</v>
      </c>
      <c r="C12686" t="s">
        <v>25321</v>
      </c>
    </row>
    <row r="12687" spans="1:3" x14ac:dyDescent="0.15">
      <c r="A12687">
        <v>12319</v>
      </c>
      <c r="B12687" t="s">
        <v>25322</v>
      </c>
      <c r="C12687" t="s">
        <v>25323</v>
      </c>
    </row>
    <row r="12688" spans="1:3" x14ac:dyDescent="0.15">
      <c r="A12688">
        <v>12318</v>
      </c>
      <c r="B12688" t="s">
        <v>20795</v>
      </c>
      <c r="C12688" t="s">
        <v>25324</v>
      </c>
    </row>
    <row r="12689" spans="1:3" x14ac:dyDescent="0.15">
      <c r="A12689">
        <v>12317</v>
      </c>
      <c r="B12689" t="s">
        <v>25325</v>
      </c>
      <c r="C12689" t="s">
        <v>25326</v>
      </c>
    </row>
    <row r="12690" spans="1:3" x14ac:dyDescent="0.15">
      <c r="A12690">
        <v>12316</v>
      </c>
      <c r="B12690" t="s">
        <v>25327</v>
      </c>
      <c r="C12690" t="s">
        <v>25328</v>
      </c>
    </row>
    <row r="12691" spans="1:3" x14ac:dyDescent="0.15">
      <c r="A12691">
        <v>12315</v>
      </c>
      <c r="B12691" t="s">
        <v>25329</v>
      </c>
      <c r="C12691" t="s">
        <v>25330</v>
      </c>
    </row>
    <row r="12692" spans="1:3" x14ac:dyDescent="0.15">
      <c r="A12692">
        <v>12314</v>
      </c>
      <c r="B12692" t="s">
        <v>25331</v>
      </c>
      <c r="C12692" t="s">
        <v>25332</v>
      </c>
    </row>
    <row r="12693" spans="1:3" x14ac:dyDescent="0.15">
      <c r="A12693">
        <v>12313</v>
      </c>
      <c r="B12693" t="s">
        <v>25333</v>
      </c>
      <c r="C12693" t="s">
        <v>25334</v>
      </c>
    </row>
    <row r="12694" spans="1:3" x14ac:dyDescent="0.15">
      <c r="A12694">
        <v>12312</v>
      </c>
      <c r="B12694" t="s">
        <v>25335</v>
      </c>
      <c r="C12694" t="s">
        <v>25336</v>
      </c>
    </row>
    <row r="12695" spans="1:3" x14ac:dyDescent="0.15">
      <c r="A12695">
        <v>12311</v>
      </c>
      <c r="B12695" t="s">
        <v>25337</v>
      </c>
      <c r="C12695" t="s">
        <v>25338</v>
      </c>
    </row>
    <row r="12696" spans="1:3" x14ac:dyDescent="0.15">
      <c r="A12696">
        <v>12310</v>
      </c>
      <c r="B12696" t="s">
        <v>25339</v>
      </c>
      <c r="C12696" t="s">
        <v>25340</v>
      </c>
    </row>
    <row r="12697" spans="1:3" x14ac:dyDescent="0.15">
      <c r="A12697">
        <v>12309</v>
      </c>
      <c r="B12697" t="s">
        <v>25341</v>
      </c>
      <c r="C12697" t="s">
        <v>25342</v>
      </c>
    </row>
    <row r="12698" spans="1:3" x14ac:dyDescent="0.15">
      <c r="A12698">
        <v>12308</v>
      </c>
      <c r="B12698" t="s">
        <v>25343</v>
      </c>
      <c r="C12698" t="s">
        <v>25344</v>
      </c>
    </row>
    <row r="12699" spans="1:3" x14ac:dyDescent="0.15">
      <c r="A12699">
        <v>12307</v>
      </c>
      <c r="B12699" t="s">
        <v>25345</v>
      </c>
      <c r="C12699" t="s">
        <v>25346</v>
      </c>
    </row>
    <row r="12700" spans="1:3" x14ac:dyDescent="0.15">
      <c r="A12700">
        <v>12306</v>
      </c>
      <c r="B12700" t="s">
        <v>25347</v>
      </c>
      <c r="C12700" t="s">
        <v>25348</v>
      </c>
    </row>
    <row r="12701" spans="1:3" x14ac:dyDescent="0.15">
      <c r="A12701">
        <v>12305</v>
      </c>
      <c r="B12701" t="s">
        <v>25349</v>
      </c>
      <c r="C12701" t="s">
        <v>25350</v>
      </c>
    </row>
    <row r="12702" spans="1:3" x14ac:dyDescent="0.15">
      <c r="A12702">
        <v>12304</v>
      </c>
      <c r="B12702" t="s">
        <v>25351</v>
      </c>
      <c r="C12702" t="s">
        <v>25352</v>
      </c>
    </row>
    <row r="12703" spans="1:3" x14ac:dyDescent="0.15">
      <c r="A12703">
        <v>12303</v>
      </c>
      <c r="B12703" t="s">
        <v>25353</v>
      </c>
      <c r="C12703" t="s">
        <v>25354</v>
      </c>
    </row>
    <row r="12704" spans="1:3" x14ac:dyDescent="0.15">
      <c r="A12704">
        <v>12302</v>
      </c>
      <c r="B12704" t="s">
        <v>25355</v>
      </c>
      <c r="C12704" t="s">
        <v>25356</v>
      </c>
    </row>
    <row r="12705" spans="1:3" x14ac:dyDescent="0.15">
      <c r="A12705">
        <v>12301</v>
      </c>
      <c r="B12705" t="s">
        <v>25357</v>
      </c>
      <c r="C12705" t="s">
        <v>25358</v>
      </c>
    </row>
    <row r="12706" spans="1:3" x14ac:dyDescent="0.15">
      <c r="A12706">
        <v>12300</v>
      </c>
      <c r="B12706" t="s">
        <v>25359</v>
      </c>
      <c r="C12706" t="s">
        <v>25360</v>
      </c>
    </row>
    <row r="12707" spans="1:3" x14ac:dyDescent="0.15">
      <c r="A12707">
        <v>12299</v>
      </c>
      <c r="B12707" t="s">
        <v>25361</v>
      </c>
      <c r="C12707" t="s">
        <v>25362</v>
      </c>
    </row>
    <row r="12708" spans="1:3" x14ac:dyDescent="0.15">
      <c r="A12708">
        <v>12298</v>
      </c>
      <c r="B12708" t="s">
        <v>25363</v>
      </c>
      <c r="C12708" t="s">
        <v>25364</v>
      </c>
    </row>
    <row r="12709" spans="1:3" x14ac:dyDescent="0.15">
      <c r="A12709">
        <v>12297</v>
      </c>
      <c r="B12709" t="s">
        <v>25365</v>
      </c>
      <c r="C12709" t="s">
        <v>25366</v>
      </c>
    </row>
    <row r="12710" spans="1:3" x14ac:dyDescent="0.15">
      <c r="A12710">
        <v>12296</v>
      </c>
      <c r="B12710" t="s">
        <v>25367</v>
      </c>
      <c r="C12710" t="s">
        <v>25368</v>
      </c>
    </row>
    <row r="12711" spans="1:3" x14ac:dyDescent="0.15">
      <c r="A12711">
        <v>12295</v>
      </c>
      <c r="B12711" t="s">
        <v>25369</v>
      </c>
      <c r="C12711" t="s">
        <v>25370</v>
      </c>
    </row>
    <row r="12712" spans="1:3" x14ac:dyDescent="0.15">
      <c r="A12712">
        <v>12294</v>
      </c>
      <c r="B12712" t="s">
        <v>25371</v>
      </c>
      <c r="C12712" t="s">
        <v>25372</v>
      </c>
    </row>
    <row r="12713" spans="1:3" x14ac:dyDescent="0.15">
      <c r="A12713">
        <v>12293</v>
      </c>
      <c r="B12713" t="s">
        <v>25373</v>
      </c>
      <c r="C12713" t="s">
        <v>25374</v>
      </c>
    </row>
    <row r="12714" spans="1:3" x14ac:dyDescent="0.15">
      <c r="A12714">
        <v>12292</v>
      </c>
      <c r="B12714" t="s">
        <v>25375</v>
      </c>
      <c r="C12714" t="s">
        <v>25376</v>
      </c>
    </row>
    <row r="12715" spans="1:3" x14ac:dyDescent="0.15">
      <c r="A12715">
        <v>12291</v>
      </c>
      <c r="B12715" t="s">
        <v>25377</v>
      </c>
      <c r="C12715" t="s">
        <v>25378</v>
      </c>
    </row>
    <row r="12716" spans="1:3" x14ac:dyDescent="0.15">
      <c r="A12716">
        <v>12290</v>
      </c>
      <c r="B12716" t="s">
        <v>25379</v>
      </c>
      <c r="C12716" t="s">
        <v>25380</v>
      </c>
    </row>
    <row r="12717" spans="1:3" x14ac:dyDescent="0.15">
      <c r="A12717">
        <v>12289</v>
      </c>
      <c r="B12717" t="s">
        <v>25381</v>
      </c>
      <c r="C12717" t="s">
        <v>25382</v>
      </c>
    </row>
    <row r="12718" spans="1:3" x14ac:dyDescent="0.15">
      <c r="A12718">
        <v>12288</v>
      </c>
      <c r="B12718" t="s">
        <v>25383</v>
      </c>
      <c r="C12718" t="s">
        <v>25384</v>
      </c>
    </row>
    <row r="12719" spans="1:3" x14ac:dyDescent="0.15">
      <c r="A12719">
        <v>12287</v>
      </c>
      <c r="B12719" t="s">
        <v>25385</v>
      </c>
      <c r="C12719" t="s">
        <v>25386</v>
      </c>
    </row>
    <row r="12720" spans="1:3" x14ac:dyDescent="0.15">
      <c r="A12720">
        <v>12286</v>
      </c>
      <c r="B12720" t="s">
        <v>25387</v>
      </c>
      <c r="C12720" t="s">
        <v>25388</v>
      </c>
    </row>
    <row r="12721" spans="1:3" x14ac:dyDescent="0.15">
      <c r="A12721">
        <v>12285</v>
      </c>
      <c r="B12721" t="s">
        <v>25389</v>
      </c>
      <c r="C12721" t="s">
        <v>25390</v>
      </c>
    </row>
    <row r="12722" spans="1:3" x14ac:dyDescent="0.15">
      <c r="A12722">
        <v>12284</v>
      </c>
      <c r="B12722" t="s">
        <v>25391</v>
      </c>
      <c r="C12722" t="s">
        <v>25392</v>
      </c>
    </row>
    <row r="12723" spans="1:3" x14ac:dyDescent="0.15">
      <c r="A12723">
        <v>12283</v>
      </c>
      <c r="B12723" t="s">
        <v>25393</v>
      </c>
      <c r="C12723" t="s">
        <v>25394</v>
      </c>
    </row>
    <row r="12724" spans="1:3" x14ac:dyDescent="0.15">
      <c r="A12724">
        <v>12282</v>
      </c>
      <c r="B12724" t="s">
        <v>25395</v>
      </c>
      <c r="C12724" t="s">
        <v>25396</v>
      </c>
    </row>
    <row r="12725" spans="1:3" x14ac:dyDescent="0.15">
      <c r="A12725">
        <v>12281</v>
      </c>
      <c r="B12725" t="s">
        <v>25397</v>
      </c>
      <c r="C12725" t="s">
        <v>25398</v>
      </c>
    </row>
    <row r="12726" spans="1:3" x14ac:dyDescent="0.15">
      <c r="A12726">
        <v>12280</v>
      </c>
      <c r="B12726" t="s">
        <v>25399</v>
      </c>
      <c r="C12726" t="s">
        <v>25400</v>
      </c>
    </row>
    <row r="12727" spans="1:3" x14ac:dyDescent="0.15">
      <c r="A12727">
        <v>12279</v>
      </c>
      <c r="B12727" t="s">
        <v>25401</v>
      </c>
      <c r="C12727" t="s">
        <v>25402</v>
      </c>
    </row>
    <row r="12728" spans="1:3" x14ac:dyDescent="0.15">
      <c r="A12728">
        <v>12278</v>
      </c>
      <c r="B12728" t="s">
        <v>25403</v>
      </c>
      <c r="C12728" t="s">
        <v>25404</v>
      </c>
    </row>
    <row r="12729" spans="1:3" x14ac:dyDescent="0.15">
      <c r="A12729">
        <v>12277</v>
      </c>
      <c r="B12729" t="s">
        <v>25405</v>
      </c>
      <c r="C12729" t="s">
        <v>25406</v>
      </c>
    </row>
    <row r="12730" spans="1:3" x14ac:dyDescent="0.15">
      <c r="A12730">
        <v>12276</v>
      </c>
      <c r="B12730" t="s">
        <v>25407</v>
      </c>
      <c r="C12730" t="s">
        <v>25408</v>
      </c>
    </row>
    <row r="12731" spans="1:3" x14ac:dyDescent="0.15">
      <c r="A12731">
        <v>12275</v>
      </c>
      <c r="B12731" t="s">
        <v>25409</v>
      </c>
      <c r="C12731" t="s">
        <v>25410</v>
      </c>
    </row>
    <row r="12732" spans="1:3" x14ac:dyDescent="0.15">
      <c r="A12732">
        <v>12274</v>
      </c>
      <c r="B12732" t="s">
        <v>25411</v>
      </c>
      <c r="C12732" t="s">
        <v>25412</v>
      </c>
    </row>
    <row r="12733" spans="1:3" x14ac:dyDescent="0.15">
      <c r="A12733">
        <v>12273</v>
      </c>
      <c r="B12733" t="s">
        <v>25413</v>
      </c>
      <c r="C12733" t="s">
        <v>25414</v>
      </c>
    </row>
    <row r="12734" spans="1:3" x14ac:dyDescent="0.15">
      <c r="A12734">
        <v>12272</v>
      </c>
      <c r="B12734" t="s">
        <v>25415</v>
      </c>
      <c r="C12734" t="s">
        <v>25416</v>
      </c>
    </row>
    <row r="12735" spans="1:3" x14ac:dyDescent="0.15">
      <c r="A12735">
        <v>12271</v>
      </c>
      <c r="B12735" t="s">
        <v>25417</v>
      </c>
      <c r="C12735" t="s">
        <v>25418</v>
      </c>
    </row>
    <row r="12736" spans="1:3" x14ac:dyDescent="0.15">
      <c r="A12736">
        <v>12270</v>
      </c>
      <c r="B12736" t="s">
        <v>25419</v>
      </c>
      <c r="C12736" t="s">
        <v>25420</v>
      </c>
    </row>
    <row r="12737" spans="1:3" x14ac:dyDescent="0.15">
      <c r="A12737">
        <v>12269</v>
      </c>
      <c r="B12737" t="s">
        <v>25421</v>
      </c>
      <c r="C12737" t="s">
        <v>25422</v>
      </c>
    </row>
    <row r="12738" spans="1:3" x14ac:dyDescent="0.15">
      <c r="A12738">
        <v>12268</v>
      </c>
      <c r="B12738" t="s">
        <v>25423</v>
      </c>
      <c r="C12738" t="s">
        <v>25424</v>
      </c>
    </row>
    <row r="12739" spans="1:3" x14ac:dyDescent="0.15">
      <c r="A12739">
        <v>12267</v>
      </c>
      <c r="B12739" t="s">
        <v>25425</v>
      </c>
      <c r="C12739" t="s">
        <v>25426</v>
      </c>
    </row>
    <row r="12740" spans="1:3" x14ac:dyDescent="0.15">
      <c r="A12740">
        <v>12266</v>
      </c>
      <c r="B12740" t="s">
        <v>25427</v>
      </c>
      <c r="C12740" t="s">
        <v>25428</v>
      </c>
    </row>
    <row r="12741" spans="1:3" x14ac:dyDescent="0.15">
      <c r="A12741">
        <v>12265</v>
      </c>
      <c r="B12741" t="s">
        <v>25429</v>
      </c>
      <c r="C12741" t="s">
        <v>25430</v>
      </c>
    </row>
    <row r="12742" spans="1:3" x14ac:dyDescent="0.15">
      <c r="A12742">
        <v>12264</v>
      </c>
      <c r="B12742" t="s">
        <v>25431</v>
      </c>
      <c r="C12742" t="s">
        <v>25432</v>
      </c>
    </row>
    <row r="12743" spans="1:3" x14ac:dyDescent="0.15">
      <c r="A12743">
        <v>12263</v>
      </c>
      <c r="B12743" t="s">
        <v>25433</v>
      </c>
      <c r="C12743" t="s">
        <v>25434</v>
      </c>
    </row>
    <row r="12744" spans="1:3" x14ac:dyDescent="0.15">
      <c r="A12744">
        <v>12262</v>
      </c>
      <c r="B12744" t="s">
        <v>25435</v>
      </c>
      <c r="C12744" t="s">
        <v>25436</v>
      </c>
    </row>
    <row r="12745" spans="1:3" x14ac:dyDescent="0.15">
      <c r="A12745">
        <v>12261</v>
      </c>
      <c r="B12745" t="s">
        <v>25437</v>
      </c>
      <c r="C12745" t="s">
        <v>25438</v>
      </c>
    </row>
    <row r="12746" spans="1:3" x14ac:dyDescent="0.15">
      <c r="A12746">
        <v>12260</v>
      </c>
      <c r="B12746" t="s">
        <v>25439</v>
      </c>
      <c r="C12746" t="s">
        <v>25440</v>
      </c>
    </row>
    <row r="12747" spans="1:3" x14ac:dyDescent="0.15">
      <c r="A12747">
        <v>12259</v>
      </c>
      <c r="B12747" t="s">
        <v>25441</v>
      </c>
      <c r="C12747" t="s">
        <v>25442</v>
      </c>
    </row>
    <row r="12748" spans="1:3" x14ac:dyDescent="0.15">
      <c r="A12748">
        <v>12258</v>
      </c>
      <c r="B12748" t="s">
        <v>25443</v>
      </c>
      <c r="C12748" t="s">
        <v>25444</v>
      </c>
    </row>
    <row r="12749" spans="1:3" x14ac:dyDescent="0.15">
      <c r="A12749">
        <v>12257</v>
      </c>
      <c r="B12749" t="s">
        <v>25445</v>
      </c>
      <c r="C12749" t="s">
        <v>25446</v>
      </c>
    </row>
    <row r="12750" spans="1:3" x14ac:dyDescent="0.15">
      <c r="A12750">
        <v>12256</v>
      </c>
      <c r="B12750" t="s">
        <v>25447</v>
      </c>
      <c r="C12750" t="s">
        <v>25448</v>
      </c>
    </row>
    <row r="12751" spans="1:3" x14ac:dyDescent="0.15">
      <c r="A12751">
        <v>12255</v>
      </c>
      <c r="B12751" t="s">
        <v>25449</v>
      </c>
      <c r="C12751" t="s">
        <v>25450</v>
      </c>
    </row>
    <row r="12752" spans="1:3" x14ac:dyDescent="0.15">
      <c r="A12752">
        <v>12254</v>
      </c>
      <c r="B12752" t="s">
        <v>25451</v>
      </c>
      <c r="C12752" t="s">
        <v>25452</v>
      </c>
    </row>
    <row r="12753" spans="1:3" x14ac:dyDescent="0.15">
      <c r="A12753">
        <v>12253</v>
      </c>
      <c r="B12753" t="s">
        <v>25453</v>
      </c>
      <c r="C12753" t="s">
        <v>25454</v>
      </c>
    </row>
    <row r="12754" spans="1:3" x14ac:dyDescent="0.15">
      <c r="A12754">
        <v>12252</v>
      </c>
      <c r="B12754" t="s">
        <v>25455</v>
      </c>
      <c r="C12754" t="s">
        <v>25456</v>
      </c>
    </row>
    <row r="12755" spans="1:3" x14ac:dyDescent="0.15">
      <c r="A12755">
        <v>12251</v>
      </c>
      <c r="B12755" t="s">
        <v>25457</v>
      </c>
      <c r="C12755" t="s">
        <v>25458</v>
      </c>
    </row>
    <row r="12756" spans="1:3" x14ac:dyDescent="0.15">
      <c r="A12756">
        <v>12250</v>
      </c>
      <c r="B12756" t="s">
        <v>25459</v>
      </c>
      <c r="C12756" t="s">
        <v>25460</v>
      </c>
    </row>
    <row r="12757" spans="1:3" x14ac:dyDescent="0.15">
      <c r="A12757">
        <v>12249</v>
      </c>
      <c r="B12757" t="s">
        <v>25461</v>
      </c>
      <c r="C12757" t="s">
        <v>25462</v>
      </c>
    </row>
    <row r="12758" spans="1:3" x14ac:dyDescent="0.15">
      <c r="A12758">
        <v>12248</v>
      </c>
      <c r="B12758" t="s">
        <v>25463</v>
      </c>
      <c r="C12758" t="s">
        <v>25464</v>
      </c>
    </row>
    <row r="12759" spans="1:3" x14ac:dyDescent="0.15">
      <c r="A12759">
        <v>12247</v>
      </c>
      <c r="B12759" t="s">
        <v>25465</v>
      </c>
      <c r="C12759" t="s">
        <v>25466</v>
      </c>
    </row>
    <row r="12760" spans="1:3" x14ac:dyDescent="0.15">
      <c r="A12760">
        <v>12246</v>
      </c>
      <c r="B12760" t="s">
        <v>25467</v>
      </c>
      <c r="C12760" t="s">
        <v>25468</v>
      </c>
    </row>
    <row r="12761" spans="1:3" x14ac:dyDescent="0.15">
      <c r="A12761">
        <v>12245</v>
      </c>
      <c r="B12761" t="s">
        <v>25469</v>
      </c>
      <c r="C12761" t="s">
        <v>25470</v>
      </c>
    </row>
    <row r="12762" spans="1:3" x14ac:dyDescent="0.15">
      <c r="A12762">
        <v>12244</v>
      </c>
      <c r="B12762" t="s">
        <v>25471</v>
      </c>
      <c r="C12762" t="s">
        <v>25472</v>
      </c>
    </row>
    <row r="12763" spans="1:3" x14ac:dyDescent="0.15">
      <c r="A12763">
        <v>12243</v>
      </c>
      <c r="B12763" t="s">
        <v>25473</v>
      </c>
      <c r="C12763" t="s">
        <v>25474</v>
      </c>
    </row>
    <row r="12764" spans="1:3" x14ac:dyDescent="0.15">
      <c r="A12764">
        <v>12242</v>
      </c>
      <c r="B12764" t="s">
        <v>25475</v>
      </c>
      <c r="C12764" t="s">
        <v>25476</v>
      </c>
    </row>
    <row r="12765" spans="1:3" x14ac:dyDescent="0.15">
      <c r="A12765">
        <v>12241</v>
      </c>
      <c r="B12765" t="s">
        <v>25477</v>
      </c>
      <c r="C12765" t="s">
        <v>25478</v>
      </c>
    </row>
    <row r="12766" spans="1:3" x14ac:dyDescent="0.15">
      <c r="A12766">
        <v>12240</v>
      </c>
      <c r="B12766" t="s">
        <v>25479</v>
      </c>
      <c r="C12766" t="s">
        <v>25480</v>
      </c>
    </row>
    <row r="12767" spans="1:3" x14ac:dyDescent="0.15">
      <c r="A12767">
        <v>12239</v>
      </c>
      <c r="B12767" t="s">
        <v>25481</v>
      </c>
      <c r="C12767" t="s">
        <v>25482</v>
      </c>
    </row>
    <row r="12768" spans="1:3" x14ac:dyDescent="0.15">
      <c r="A12768">
        <v>12238</v>
      </c>
      <c r="B12768" t="s">
        <v>25483</v>
      </c>
      <c r="C12768" t="s">
        <v>25484</v>
      </c>
    </row>
    <row r="12769" spans="1:3" x14ac:dyDescent="0.15">
      <c r="A12769">
        <v>12237</v>
      </c>
      <c r="B12769" t="s">
        <v>25485</v>
      </c>
      <c r="C12769" t="s">
        <v>25486</v>
      </c>
    </row>
    <row r="12770" spans="1:3" x14ac:dyDescent="0.15">
      <c r="A12770">
        <v>12236</v>
      </c>
      <c r="B12770" t="s">
        <v>25487</v>
      </c>
      <c r="C12770" t="s">
        <v>25488</v>
      </c>
    </row>
    <row r="12771" spans="1:3" x14ac:dyDescent="0.15">
      <c r="A12771">
        <v>12235</v>
      </c>
      <c r="B12771" t="s">
        <v>25489</v>
      </c>
      <c r="C12771" t="s">
        <v>25490</v>
      </c>
    </row>
    <row r="12772" spans="1:3" x14ac:dyDescent="0.15">
      <c r="A12772">
        <v>12234</v>
      </c>
      <c r="B12772" t="s">
        <v>25491</v>
      </c>
      <c r="C12772" t="s">
        <v>25492</v>
      </c>
    </row>
    <row r="12773" spans="1:3" x14ac:dyDescent="0.15">
      <c r="A12773">
        <v>12233</v>
      </c>
      <c r="B12773" t="s">
        <v>25493</v>
      </c>
      <c r="C12773" t="s">
        <v>25494</v>
      </c>
    </row>
    <row r="12774" spans="1:3" x14ac:dyDescent="0.15">
      <c r="A12774">
        <v>12232</v>
      </c>
      <c r="B12774" t="s">
        <v>25495</v>
      </c>
      <c r="C12774" t="s">
        <v>25496</v>
      </c>
    </row>
    <row r="12775" spans="1:3" x14ac:dyDescent="0.15">
      <c r="A12775">
        <v>12231</v>
      </c>
      <c r="B12775" t="s">
        <v>25497</v>
      </c>
      <c r="C12775" t="s">
        <v>25498</v>
      </c>
    </row>
    <row r="12776" spans="1:3" x14ac:dyDescent="0.15">
      <c r="A12776">
        <v>12230</v>
      </c>
      <c r="B12776" t="s">
        <v>25499</v>
      </c>
      <c r="C12776" t="s">
        <v>25500</v>
      </c>
    </row>
    <row r="12777" spans="1:3" x14ac:dyDescent="0.15">
      <c r="A12777">
        <v>12229</v>
      </c>
      <c r="B12777" t="s">
        <v>25501</v>
      </c>
      <c r="C12777" t="s">
        <v>25502</v>
      </c>
    </row>
    <row r="12778" spans="1:3" x14ac:dyDescent="0.15">
      <c r="A12778">
        <v>12228</v>
      </c>
      <c r="B12778" t="s">
        <v>25503</v>
      </c>
      <c r="C12778" t="s">
        <v>25504</v>
      </c>
    </row>
    <row r="12779" spans="1:3" x14ac:dyDescent="0.15">
      <c r="A12779">
        <v>12227</v>
      </c>
      <c r="B12779" t="s">
        <v>25505</v>
      </c>
      <c r="C12779" t="s">
        <v>25506</v>
      </c>
    </row>
    <row r="12780" spans="1:3" x14ac:dyDescent="0.15">
      <c r="A12780">
        <v>12226</v>
      </c>
      <c r="B12780" t="s">
        <v>25507</v>
      </c>
      <c r="C12780" t="s">
        <v>25508</v>
      </c>
    </row>
    <row r="12781" spans="1:3" x14ac:dyDescent="0.15">
      <c r="A12781">
        <v>12225</v>
      </c>
      <c r="B12781" t="s">
        <v>25509</v>
      </c>
      <c r="C12781" t="s">
        <v>25510</v>
      </c>
    </row>
    <row r="12782" spans="1:3" x14ac:dyDescent="0.15">
      <c r="A12782">
        <v>12224</v>
      </c>
      <c r="B12782" t="s">
        <v>25511</v>
      </c>
      <c r="C12782" t="s">
        <v>25512</v>
      </c>
    </row>
    <row r="12783" spans="1:3" x14ac:dyDescent="0.15">
      <c r="A12783">
        <v>12223</v>
      </c>
      <c r="B12783" t="s">
        <v>25513</v>
      </c>
      <c r="C12783" t="s">
        <v>25514</v>
      </c>
    </row>
    <row r="12784" spans="1:3" x14ac:dyDescent="0.15">
      <c r="A12784">
        <v>12222</v>
      </c>
      <c r="B12784" t="s">
        <v>25515</v>
      </c>
      <c r="C12784" t="s">
        <v>25516</v>
      </c>
    </row>
    <row r="12785" spans="1:3" x14ac:dyDescent="0.15">
      <c r="A12785">
        <v>12221</v>
      </c>
      <c r="B12785" t="s">
        <v>25517</v>
      </c>
      <c r="C12785" t="s">
        <v>25518</v>
      </c>
    </row>
    <row r="12786" spans="1:3" x14ac:dyDescent="0.15">
      <c r="A12786">
        <v>12220</v>
      </c>
      <c r="B12786" t="s">
        <v>25519</v>
      </c>
      <c r="C12786" t="s">
        <v>25520</v>
      </c>
    </row>
    <row r="12787" spans="1:3" x14ac:dyDescent="0.15">
      <c r="A12787">
        <v>12219</v>
      </c>
      <c r="B12787" t="s">
        <v>25521</v>
      </c>
      <c r="C12787" t="s">
        <v>25522</v>
      </c>
    </row>
    <row r="12788" spans="1:3" x14ac:dyDescent="0.15">
      <c r="A12788">
        <v>12218</v>
      </c>
      <c r="B12788" t="s">
        <v>25523</v>
      </c>
      <c r="C12788" t="s">
        <v>25524</v>
      </c>
    </row>
    <row r="12789" spans="1:3" x14ac:dyDescent="0.15">
      <c r="A12789">
        <v>12217</v>
      </c>
      <c r="B12789" t="s">
        <v>25525</v>
      </c>
      <c r="C12789" t="s">
        <v>25526</v>
      </c>
    </row>
    <row r="12790" spans="1:3" x14ac:dyDescent="0.15">
      <c r="A12790">
        <v>12216</v>
      </c>
      <c r="B12790" t="s">
        <v>25527</v>
      </c>
      <c r="C12790" t="s">
        <v>25528</v>
      </c>
    </row>
    <row r="12791" spans="1:3" x14ac:dyDescent="0.15">
      <c r="A12791">
        <v>12215</v>
      </c>
      <c r="B12791" t="s">
        <v>25529</v>
      </c>
      <c r="C12791" t="s">
        <v>25530</v>
      </c>
    </row>
    <row r="12792" spans="1:3" x14ac:dyDescent="0.15">
      <c r="A12792">
        <v>12214</v>
      </c>
      <c r="B12792" t="s">
        <v>25531</v>
      </c>
      <c r="C12792" t="s">
        <v>25532</v>
      </c>
    </row>
    <row r="12793" spans="1:3" x14ac:dyDescent="0.15">
      <c r="A12793">
        <v>12213</v>
      </c>
      <c r="B12793" t="s">
        <v>25533</v>
      </c>
      <c r="C12793" t="s">
        <v>25534</v>
      </c>
    </row>
    <row r="12794" spans="1:3" x14ac:dyDescent="0.15">
      <c r="A12794">
        <v>12212</v>
      </c>
      <c r="B12794" t="s">
        <v>25535</v>
      </c>
      <c r="C12794" t="s">
        <v>25536</v>
      </c>
    </row>
    <row r="12795" spans="1:3" x14ac:dyDescent="0.15">
      <c r="A12795">
        <v>12211</v>
      </c>
      <c r="B12795" t="s">
        <v>25537</v>
      </c>
      <c r="C12795" t="s">
        <v>25538</v>
      </c>
    </row>
    <row r="12796" spans="1:3" x14ac:dyDescent="0.15">
      <c r="A12796">
        <v>12210</v>
      </c>
      <c r="B12796" t="s">
        <v>25539</v>
      </c>
      <c r="C12796" t="s">
        <v>25540</v>
      </c>
    </row>
    <row r="12797" spans="1:3" x14ac:dyDescent="0.15">
      <c r="A12797">
        <v>12209</v>
      </c>
      <c r="B12797" t="s">
        <v>25541</v>
      </c>
      <c r="C12797" t="s">
        <v>25542</v>
      </c>
    </row>
    <row r="12798" spans="1:3" x14ac:dyDescent="0.15">
      <c r="A12798">
        <v>12208</v>
      </c>
      <c r="B12798" t="s">
        <v>25543</v>
      </c>
      <c r="C12798" t="s">
        <v>25544</v>
      </c>
    </row>
    <row r="12799" spans="1:3" x14ac:dyDescent="0.15">
      <c r="A12799">
        <v>12207</v>
      </c>
      <c r="B12799" t="s">
        <v>25545</v>
      </c>
      <c r="C12799" t="s">
        <v>25546</v>
      </c>
    </row>
    <row r="12800" spans="1:3" x14ac:dyDescent="0.15">
      <c r="A12800">
        <v>12206</v>
      </c>
      <c r="B12800" t="s">
        <v>25547</v>
      </c>
      <c r="C12800" t="s">
        <v>25548</v>
      </c>
    </row>
    <row r="12801" spans="1:3" x14ac:dyDescent="0.15">
      <c r="A12801">
        <v>12205</v>
      </c>
      <c r="B12801" t="s">
        <v>25549</v>
      </c>
      <c r="C12801" t="s">
        <v>25550</v>
      </c>
    </row>
    <row r="12802" spans="1:3" x14ac:dyDescent="0.15">
      <c r="A12802">
        <v>12204</v>
      </c>
      <c r="B12802" t="s">
        <v>25551</v>
      </c>
      <c r="C12802" t="s">
        <v>25552</v>
      </c>
    </row>
    <row r="12803" spans="1:3" x14ac:dyDescent="0.15">
      <c r="A12803">
        <v>12203</v>
      </c>
      <c r="B12803" t="s">
        <v>25553</v>
      </c>
      <c r="C12803" t="s">
        <v>25554</v>
      </c>
    </row>
    <row r="12804" spans="1:3" x14ac:dyDescent="0.15">
      <c r="A12804">
        <v>12202</v>
      </c>
      <c r="B12804" t="s">
        <v>25555</v>
      </c>
      <c r="C12804" t="s">
        <v>25556</v>
      </c>
    </row>
    <row r="12805" spans="1:3" x14ac:dyDescent="0.15">
      <c r="A12805">
        <v>12201</v>
      </c>
      <c r="B12805" t="s">
        <v>25557</v>
      </c>
      <c r="C12805" t="s">
        <v>25558</v>
      </c>
    </row>
    <row r="12806" spans="1:3" x14ac:dyDescent="0.15">
      <c r="A12806">
        <v>12200</v>
      </c>
      <c r="B12806" t="s">
        <v>25559</v>
      </c>
      <c r="C12806" t="s">
        <v>25560</v>
      </c>
    </row>
    <row r="12807" spans="1:3" x14ac:dyDescent="0.15">
      <c r="A12807">
        <v>12199</v>
      </c>
      <c r="B12807" t="s">
        <v>25561</v>
      </c>
      <c r="C12807" t="s">
        <v>25562</v>
      </c>
    </row>
    <row r="12808" spans="1:3" x14ac:dyDescent="0.15">
      <c r="A12808">
        <v>12198</v>
      </c>
      <c r="B12808" t="s">
        <v>25563</v>
      </c>
      <c r="C12808" t="s">
        <v>25564</v>
      </c>
    </row>
    <row r="12809" spans="1:3" x14ac:dyDescent="0.15">
      <c r="A12809">
        <v>12197</v>
      </c>
      <c r="B12809" t="s">
        <v>25565</v>
      </c>
      <c r="C12809" t="s">
        <v>25566</v>
      </c>
    </row>
    <row r="12810" spans="1:3" x14ac:dyDescent="0.15">
      <c r="A12810">
        <v>12196</v>
      </c>
      <c r="B12810" t="s">
        <v>25567</v>
      </c>
      <c r="C12810" t="s">
        <v>25568</v>
      </c>
    </row>
    <row r="12811" spans="1:3" x14ac:dyDescent="0.15">
      <c r="A12811">
        <v>12195</v>
      </c>
      <c r="B12811" t="s">
        <v>25569</v>
      </c>
      <c r="C12811" t="s">
        <v>25570</v>
      </c>
    </row>
    <row r="12812" spans="1:3" x14ac:dyDescent="0.15">
      <c r="A12812">
        <v>12194</v>
      </c>
      <c r="B12812" t="s">
        <v>25571</v>
      </c>
      <c r="C12812" t="s">
        <v>25572</v>
      </c>
    </row>
    <row r="12813" spans="1:3" x14ac:dyDescent="0.15">
      <c r="A12813">
        <v>12193</v>
      </c>
      <c r="B12813" t="s">
        <v>25573</v>
      </c>
      <c r="C12813" t="s">
        <v>25574</v>
      </c>
    </row>
    <row r="12814" spans="1:3" x14ac:dyDescent="0.15">
      <c r="A12814">
        <v>12192</v>
      </c>
      <c r="B12814" t="s">
        <v>25575</v>
      </c>
      <c r="C12814" t="s">
        <v>25576</v>
      </c>
    </row>
    <row r="12815" spans="1:3" x14ac:dyDescent="0.15">
      <c r="A12815">
        <v>12191</v>
      </c>
      <c r="B12815" t="s">
        <v>25577</v>
      </c>
      <c r="C12815" t="s">
        <v>25578</v>
      </c>
    </row>
    <row r="12816" spans="1:3" x14ac:dyDescent="0.15">
      <c r="A12816">
        <v>12190</v>
      </c>
      <c r="B12816" t="s">
        <v>25579</v>
      </c>
      <c r="C12816" t="s">
        <v>25580</v>
      </c>
    </row>
    <row r="12817" spans="1:3" x14ac:dyDescent="0.15">
      <c r="A12817">
        <v>12189</v>
      </c>
      <c r="B12817" t="s">
        <v>25581</v>
      </c>
      <c r="C12817" t="s">
        <v>25582</v>
      </c>
    </row>
    <row r="12818" spans="1:3" x14ac:dyDescent="0.15">
      <c r="A12818">
        <v>12188</v>
      </c>
      <c r="B12818" t="s">
        <v>25583</v>
      </c>
      <c r="C12818" t="s">
        <v>25584</v>
      </c>
    </row>
    <row r="12819" spans="1:3" x14ac:dyDescent="0.15">
      <c r="A12819">
        <v>12187</v>
      </c>
      <c r="B12819" t="s">
        <v>25585</v>
      </c>
      <c r="C12819" t="s">
        <v>25586</v>
      </c>
    </row>
    <row r="12820" spans="1:3" x14ac:dyDescent="0.15">
      <c r="A12820">
        <v>12186</v>
      </c>
      <c r="B12820" t="s">
        <v>25587</v>
      </c>
      <c r="C12820" t="s">
        <v>25588</v>
      </c>
    </row>
    <row r="12821" spans="1:3" x14ac:dyDescent="0.15">
      <c r="A12821">
        <v>12185</v>
      </c>
      <c r="B12821" t="s">
        <v>25589</v>
      </c>
      <c r="C12821" t="s">
        <v>25590</v>
      </c>
    </row>
    <row r="12822" spans="1:3" x14ac:dyDescent="0.15">
      <c r="A12822">
        <v>12184</v>
      </c>
      <c r="B12822" t="s">
        <v>25591</v>
      </c>
      <c r="C12822" t="s">
        <v>25592</v>
      </c>
    </row>
    <row r="12823" spans="1:3" x14ac:dyDescent="0.15">
      <c r="A12823">
        <v>12183</v>
      </c>
      <c r="B12823" t="s">
        <v>25593</v>
      </c>
      <c r="C12823" t="s">
        <v>25594</v>
      </c>
    </row>
    <row r="12824" spans="1:3" x14ac:dyDescent="0.15">
      <c r="A12824">
        <v>12182</v>
      </c>
      <c r="B12824" t="s">
        <v>25595</v>
      </c>
      <c r="C12824" t="s">
        <v>25596</v>
      </c>
    </row>
    <row r="12825" spans="1:3" x14ac:dyDescent="0.15">
      <c r="A12825">
        <v>12181</v>
      </c>
      <c r="B12825" t="s">
        <v>25597</v>
      </c>
      <c r="C12825" t="s">
        <v>25598</v>
      </c>
    </row>
    <row r="12826" spans="1:3" x14ac:dyDescent="0.15">
      <c r="A12826">
        <v>12180</v>
      </c>
      <c r="B12826" t="s">
        <v>25599</v>
      </c>
      <c r="C12826" t="s">
        <v>25600</v>
      </c>
    </row>
    <row r="12827" spans="1:3" x14ac:dyDescent="0.15">
      <c r="A12827">
        <v>12179</v>
      </c>
      <c r="B12827" t="s">
        <v>25601</v>
      </c>
      <c r="C12827" t="s">
        <v>25602</v>
      </c>
    </row>
    <row r="12828" spans="1:3" x14ac:dyDescent="0.15">
      <c r="A12828">
        <v>12178</v>
      </c>
      <c r="B12828" t="s">
        <v>25603</v>
      </c>
      <c r="C12828" t="s">
        <v>25604</v>
      </c>
    </row>
    <row r="12829" spans="1:3" x14ac:dyDescent="0.15">
      <c r="A12829">
        <v>12177</v>
      </c>
      <c r="B12829" t="s">
        <v>25605</v>
      </c>
      <c r="C12829" t="s">
        <v>25606</v>
      </c>
    </row>
    <row r="12830" spans="1:3" x14ac:dyDescent="0.15">
      <c r="A12830">
        <v>12176</v>
      </c>
      <c r="B12830" t="s">
        <v>25607</v>
      </c>
      <c r="C12830" t="s">
        <v>25608</v>
      </c>
    </row>
    <row r="12831" spans="1:3" x14ac:dyDescent="0.15">
      <c r="A12831">
        <v>12175</v>
      </c>
      <c r="B12831" t="s">
        <v>25609</v>
      </c>
      <c r="C12831" t="s">
        <v>25610</v>
      </c>
    </row>
    <row r="12832" spans="1:3" x14ac:dyDescent="0.15">
      <c r="A12832">
        <v>12174</v>
      </c>
      <c r="B12832" t="s">
        <v>25611</v>
      </c>
      <c r="C12832" t="s">
        <v>25612</v>
      </c>
    </row>
    <row r="12833" spans="1:3" x14ac:dyDescent="0.15">
      <c r="A12833">
        <v>12173</v>
      </c>
      <c r="B12833" t="s">
        <v>25613</v>
      </c>
      <c r="C12833" t="s">
        <v>25614</v>
      </c>
    </row>
    <row r="12834" spans="1:3" x14ac:dyDescent="0.15">
      <c r="A12834">
        <v>12172</v>
      </c>
      <c r="B12834" t="s">
        <v>25615</v>
      </c>
      <c r="C12834" t="s">
        <v>25616</v>
      </c>
    </row>
    <row r="12835" spans="1:3" x14ac:dyDescent="0.15">
      <c r="A12835">
        <v>12171</v>
      </c>
      <c r="B12835" t="s">
        <v>25617</v>
      </c>
      <c r="C12835" t="s">
        <v>25618</v>
      </c>
    </row>
    <row r="12836" spans="1:3" x14ac:dyDescent="0.15">
      <c r="A12836">
        <v>12170</v>
      </c>
      <c r="B12836" t="s">
        <v>25619</v>
      </c>
      <c r="C12836" t="s">
        <v>25620</v>
      </c>
    </row>
    <row r="12837" spans="1:3" x14ac:dyDescent="0.15">
      <c r="A12837">
        <v>12169</v>
      </c>
      <c r="B12837" t="s">
        <v>25621</v>
      </c>
      <c r="C12837" t="s">
        <v>25622</v>
      </c>
    </row>
    <row r="12838" spans="1:3" x14ac:dyDescent="0.15">
      <c r="A12838">
        <v>12168</v>
      </c>
      <c r="B12838" t="s">
        <v>25623</v>
      </c>
      <c r="C12838" t="s">
        <v>25624</v>
      </c>
    </row>
    <row r="12839" spans="1:3" x14ac:dyDescent="0.15">
      <c r="A12839">
        <v>12167</v>
      </c>
      <c r="B12839" t="s">
        <v>25625</v>
      </c>
      <c r="C12839" t="s">
        <v>25626</v>
      </c>
    </row>
    <row r="12840" spans="1:3" x14ac:dyDescent="0.15">
      <c r="A12840">
        <v>12166</v>
      </c>
      <c r="B12840" t="s">
        <v>25627</v>
      </c>
      <c r="C12840" t="s">
        <v>25628</v>
      </c>
    </row>
    <row r="12841" spans="1:3" x14ac:dyDescent="0.15">
      <c r="A12841">
        <v>12165</v>
      </c>
      <c r="B12841" t="s">
        <v>25629</v>
      </c>
      <c r="C12841" t="s">
        <v>25630</v>
      </c>
    </row>
    <row r="12842" spans="1:3" x14ac:dyDescent="0.15">
      <c r="A12842">
        <v>12164</v>
      </c>
      <c r="B12842" t="s">
        <v>25631</v>
      </c>
      <c r="C12842" t="s">
        <v>25632</v>
      </c>
    </row>
    <row r="12843" spans="1:3" x14ac:dyDescent="0.15">
      <c r="A12843">
        <v>12163</v>
      </c>
      <c r="B12843" t="s">
        <v>25633</v>
      </c>
      <c r="C12843" t="s">
        <v>25634</v>
      </c>
    </row>
    <row r="12844" spans="1:3" x14ac:dyDescent="0.15">
      <c r="A12844">
        <v>12162</v>
      </c>
      <c r="B12844" t="s">
        <v>25635</v>
      </c>
      <c r="C12844" t="s">
        <v>25636</v>
      </c>
    </row>
    <row r="12845" spans="1:3" x14ac:dyDescent="0.15">
      <c r="A12845">
        <v>12161</v>
      </c>
      <c r="B12845" t="s">
        <v>25637</v>
      </c>
      <c r="C12845" t="s">
        <v>25638</v>
      </c>
    </row>
    <row r="12846" spans="1:3" x14ac:dyDescent="0.15">
      <c r="A12846">
        <v>12160</v>
      </c>
      <c r="B12846" t="s">
        <v>25639</v>
      </c>
      <c r="C12846" t="s">
        <v>25640</v>
      </c>
    </row>
    <row r="12847" spans="1:3" x14ac:dyDescent="0.15">
      <c r="A12847">
        <v>12159</v>
      </c>
      <c r="B12847" t="s">
        <v>25641</v>
      </c>
      <c r="C12847" t="s">
        <v>25642</v>
      </c>
    </row>
    <row r="12848" spans="1:3" x14ac:dyDescent="0.15">
      <c r="A12848">
        <v>12158</v>
      </c>
      <c r="B12848" t="s">
        <v>25643</v>
      </c>
      <c r="C12848" t="s">
        <v>25644</v>
      </c>
    </row>
    <row r="12849" spans="1:3" x14ac:dyDescent="0.15">
      <c r="A12849">
        <v>12157</v>
      </c>
      <c r="B12849" t="s">
        <v>25645</v>
      </c>
      <c r="C12849" t="s">
        <v>25646</v>
      </c>
    </row>
    <row r="12850" spans="1:3" x14ac:dyDescent="0.15">
      <c r="A12850">
        <v>12156</v>
      </c>
      <c r="B12850" t="s">
        <v>25647</v>
      </c>
      <c r="C12850" t="s">
        <v>25648</v>
      </c>
    </row>
    <row r="12851" spans="1:3" x14ac:dyDescent="0.15">
      <c r="A12851">
        <v>12155</v>
      </c>
      <c r="B12851" t="s">
        <v>25649</v>
      </c>
      <c r="C12851" t="s">
        <v>25650</v>
      </c>
    </row>
    <row r="12852" spans="1:3" x14ac:dyDescent="0.15">
      <c r="A12852">
        <v>12154</v>
      </c>
      <c r="B12852" t="s">
        <v>25651</v>
      </c>
      <c r="C12852" t="s">
        <v>25652</v>
      </c>
    </row>
    <row r="12853" spans="1:3" x14ac:dyDescent="0.15">
      <c r="A12853">
        <v>12153</v>
      </c>
      <c r="B12853" t="s">
        <v>25653</v>
      </c>
      <c r="C12853" t="s">
        <v>25654</v>
      </c>
    </row>
    <row r="12854" spans="1:3" x14ac:dyDescent="0.15">
      <c r="A12854">
        <v>12152</v>
      </c>
      <c r="B12854" t="s">
        <v>25655</v>
      </c>
      <c r="C12854" t="s">
        <v>25656</v>
      </c>
    </row>
    <row r="12855" spans="1:3" x14ac:dyDescent="0.15">
      <c r="A12855">
        <v>12151</v>
      </c>
      <c r="B12855" t="s">
        <v>25657</v>
      </c>
      <c r="C12855" t="s">
        <v>25658</v>
      </c>
    </row>
    <row r="12856" spans="1:3" x14ac:dyDescent="0.15">
      <c r="A12856">
        <v>12150</v>
      </c>
      <c r="B12856" t="s">
        <v>25659</v>
      </c>
      <c r="C12856" t="s">
        <v>25660</v>
      </c>
    </row>
    <row r="12857" spans="1:3" x14ac:dyDescent="0.15">
      <c r="A12857">
        <v>12149</v>
      </c>
      <c r="B12857" t="s">
        <v>25661</v>
      </c>
      <c r="C12857" t="s">
        <v>25662</v>
      </c>
    </row>
    <row r="12858" spans="1:3" x14ac:dyDescent="0.15">
      <c r="A12858">
        <v>12148</v>
      </c>
      <c r="B12858" t="s">
        <v>25663</v>
      </c>
      <c r="C12858" t="s">
        <v>25664</v>
      </c>
    </row>
    <row r="12859" spans="1:3" x14ac:dyDescent="0.15">
      <c r="A12859">
        <v>12147</v>
      </c>
      <c r="B12859" t="s">
        <v>25665</v>
      </c>
      <c r="C12859" t="s">
        <v>25666</v>
      </c>
    </row>
    <row r="12860" spans="1:3" x14ac:dyDescent="0.15">
      <c r="A12860">
        <v>12146</v>
      </c>
      <c r="B12860" t="s">
        <v>25667</v>
      </c>
      <c r="C12860" t="s">
        <v>25668</v>
      </c>
    </row>
    <row r="12861" spans="1:3" x14ac:dyDescent="0.15">
      <c r="A12861">
        <v>12145</v>
      </c>
      <c r="B12861" t="s">
        <v>25669</v>
      </c>
      <c r="C12861" t="s">
        <v>25670</v>
      </c>
    </row>
    <row r="12862" spans="1:3" x14ac:dyDescent="0.15">
      <c r="A12862">
        <v>12144</v>
      </c>
      <c r="B12862" t="s">
        <v>25671</v>
      </c>
      <c r="C12862" t="s">
        <v>25672</v>
      </c>
    </row>
    <row r="12863" spans="1:3" x14ac:dyDescent="0.15">
      <c r="A12863">
        <v>12143</v>
      </c>
      <c r="B12863" t="s">
        <v>25673</v>
      </c>
      <c r="C12863" t="s">
        <v>25674</v>
      </c>
    </row>
    <row r="12864" spans="1:3" x14ac:dyDescent="0.15">
      <c r="A12864">
        <v>12142</v>
      </c>
      <c r="B12864" t="s">
        <v>25675</v>
      </c>
      <c r="C12864" t="s">
        <v>25676</v>
      </c>
    </row>
    <row r="12865" spans="1:3" x14ac:dyDescent="0.15">
      <c r="A12865">
        <v>12141</v>
      </c>
      <c r="B12865" t="s">
        <v>25677</v>
      </c>
      <c r="C12865" t="s">
        <v>25678</v>
      </c>
    </row>
    <row r="12866" spans="1:3" x14ac:dyDescent="0.15">
      <c r="A12866">
        <v>12140</v>
      </c>
      <c r="B12866" t="s">
        <v>25679</v>
      </c>
      <c r="C12866" t="s">
        <v>25680</v>
      </c>
    </row>
    <row r="12867" spans="1:3" x14ac:dyDescent="0.15">
      <c r="A12867">
        <v>12139</v>
      </c>
      <c r="B12867" t="s">
        <v>25681</v>
      </c>
      <c r="C12867" t="s">
        <v>25682</v>
      </c>
    </row>
    <row r="12868" spans="1:3" x14ac:dyDescent="0.15">
      <c r="A12868">
        <v>12138</v>
      </c>
      <c r="B12868" t="s">
        <v>25683</v>
      </c>
      <c r="C12868" t="s">
        <v>25684</v>
      </c>
    </row>
    <row r="12869" spans="1:3" x14ac:dyDescent="0.15">
      <c r="A12869">
        <v>12137</v>
      </c>
      <c r="B12869" t="s">
        <v>25685</v>
      </c>
      <c r="C12869" t="s">
        <v>25686</v>
      </c>
    </row>
    <row r="12870" spans="1:3" x14ac:dyDescent="0.15">
      <c r="A12870">
        <v>12136</v>
      </c>
      <c r="B12870" t="s">
        <v>25687</v>
      </c>
      <c r="C12870" t="s">
        <v>25688</v>
      </c>
    </row>
    <row r="12871" spans="1:3" x14ac:dyDescent="0.15">
      <c r="A12871">
        <v>12135</v>
      </c>
      <c r="B12871" t="s">
        <v>25689</v>
      </c>
      <c r="C12871" t="s">
        <v>25690</v>
      </c>
    </row>
    <row r="12872" spans="1:3" x14ac:dyDescent="0.15">
      <c r="A12872">
        <v>12134</v>
      </c>
      <c r="B12872" t="s">
        <v>25691</v>
      </c>
      <c r="C12872" t="s">
        <v>25692</v>
      </c>
    </row>
    <row r="12873" spans="1:3" x14ac:dyDescent="0.15">
      <c r="A12873">
        <v>12133</v>
      </c>
      <c r="B12873" t="s">
        <v>25693</v>
      </c>
      <c r="C12873" t="s">
        <v>25694</v>
      </c>
    </row>
    <row r="12874" spans="1:3" x14ac:dyDescent="0.15">
      <c r="A12874">
        <v>12132</v>
      </c>
      <c r="B12874" t="s">
        <v>25695</v>
      </c>
      <c r="C12874" t="s">
        <v>25696</v>
      </c>
    </row>
    <row r="12875" spans="1:3" x14ac:dyDescent="0.15">
      <c r="A12875">
        <v>12131</v>
      </c>
      <c r="B12875" t="s">
        <v>25697</v>
      </c>
      <c r="C12875" t="s">
        <v>25698</v>
      </c>
    </row>
    <row r="12876" spans="1:3" x14ac:dyDescent="0.15">
      <c r="A12876">
        <v>12130</v>
      </c>
      <c r="B12876" t="s">
        <v>25699</v>
      </c>
      <c r="C12876" t="s">
        <v>25700</v>
      </c>
    </row>
    <row r="12877" spans="1:3" x14ac:dyDescent="0.15">
      <c r="A12877">
        <v>12129</v>
      </c>
      <c r="B12877" t="s">
        <v>25701</v>
      </c>
      <c r="C12877" t="s">
        <v>25702</v>
      </c>
    </row>
    <row r="12878" spans="1:3" x14ac:dyDescent="0.15">
      <c r="A12878">
        <v>12128</v>
      </c>
      <c r="B12878" t="s">
        <v>25703</v>
      </c>
      <c r="C12878" t="s">
        <v>25704</v>
      </c>
    </row>
    <row r="12879" spans="1:3" x14ac:dyDescent="0.15">
      <c r="A12879">
        <v>12127</v>
      </c>
      <c r="B12879" t="s">
        <v>25705</v>
      </c>
      <c r="C12879" t="s">
        <v>25706</v>
      </c>
    </row>
    <row r="12880" spans="1:3" x14ac:dyDescent="0.15">
      <c r="A12880">
        <v>12126</v>
      </c>
      <c r="B12880" t="s">
        <v>25707</v>
      </c>
      <c r="C12880" t="s">
        <v>25708</v>
      </c>
    </row>
    <row r="12881" spans="1:3" x14ac:dyDescent="0.15">
      <c r="A12881">
        <v>12125</v>
      </c>
      <c r="B12881" t="s">
        <v>25709</v>
      </c>
      <c r="C12881" t="s">
        <v>25710</v>
      </c>
    </row>
    <row r="12882" spans="1:3" x14ac:dyDescent="0.15">
      <c r="A12882">
        <v>12124</v>
      </c>
      <c r="B12882" t="s">
        <v>25711</v>
      </c>
      <c r="C12882" t="s">
        <v>25712</v>
      </c>
    </row>
    <row r="12883" spans="1:3" x14ac:dyDescent="0.15">
      <c r="A12883">
        <v>12123</v>
      </c>
      <c r="B12883" t="s">
        <v>25713</v>
      </c>
      <c r="C12883" t="s">
        <v>25714</v>
      </c>
    </row>
    <row r="12884" spans="1:3" x14ac:dyDescent="0.15">
      <c r="A12884">
        <v>12122</v>
      </c>
      <c r="B12884" t="s">
        <v>25715</v>
      </c>
      <c r="C12884" t="s">
        <v>25716</v>
      </c>
    </row>
    <row r="12885" spans="1:3" x14ac:dyDescent="0.15">
      <c r="A12885">
        <v>12121</v>
      </c>
      <c r="B12885" t="s">
        <v>25717</v>
      </c>
      <c r="C12885" t="s">
        <v>25718</v>
      </c>
    </row>
    <row r="12886" spans="1:3" x14ac:dyDescent="0.15">
      <c r="A12886">
        <v>12120</v>
      </c>
      <c r="B12886" t="s">
        <v>25719</v>
      </c>
      <c r="C12886" t="s">
        <v>25720</v>
      </c>
    </row>
    <row r="12887" spans="1:3" x14ac:dyDescent="0.15">
      <c r="A12887">
        <v>12119</v>
      </c>
      <c r="B12887" t="s">
        <v>25721</v>
      </c>
      <c r="C12887" t="s">
        <v>25722</v>
      </c>
    </row>
    <row r="12888" spans="1:3" x14ac:dyDescent="0.15">
      <c r="A12888">
        <v>12118</v>
      </c>
      <c r="B12888" t="s">
        <v>25723</v>
      </c>
      <c r="C12888" t="s">
        <v>25724</v>
      </c>
    </row>
    <row r="12889" spans="1:3" x14ac:dyDescent="0.15">
      <c r="A12889">
        <v>12117</v>
      </c>
      <c r="B12889" t="s">
        <v>25725</v>
      </c>
      <c r="C12889" t="s">
        <v>25726</v>
      </c>
    </row>
    <row r="12890" spans="1:3" x14ac:dyDescent="0.15">
      <c r="A12890">
        <v>12116</v>
      </c>
      <c r="B12890" t="s">
        <v>25727</v>
      </c>
      <c r="C12890" t="s">
        <v>25728</v>
      </c>
    </row>
    <row r="12891" spans="1:3" x14ac:dyDescent="0.15">
      <c r="A12891">
        <v>12115</v>
      </c>
      <c r="B12891" t="s">
        <v>25729</v>
      </c>
      <c r="C12891" t="s">
        <v>25730</v>
      </c>
    </row>
    <row r="12892" spans="1:3" x14ac:dyDescent="0.15">
      <c r="A12892">
        <v>12114</v>
      </c>
      <c r="B12892" t="s">
        <v>25731</v>
      </c>
      <c r="C12892" t="s">
        <v>25732</v>
      </c>
    </row>
    <row r="12893" spans="1:3" x14ac:dyDescent="0.15">
      <c r="A12893">
        <v>12113</v>
      </c>
      <c r="B12893" t="s">
        <v>25733</v>
      </c>
      <c r="C12893" t="s">
        <v>25734</v>
      </c>
    </row>
    <row r="12894" spans="1:3" x14ac:dyDescent="0.15">
      <c r="A12894">
        <v>12112</v>
      </c>
      <c r="B12894" t="s">
        <v>25735</v>
      </c>
      <c r="C12894" t="s">
        <v>25736</v>
      </c>
    </row>
    <row r="12895" spans="1:3" x14ac:dyDescent="0.15">
      <c r="A12895">
        <v>12111</v>
      </c>
      <c r="B12895" t="s">
        <v>25737</v>
      </c>
      <c r="C12895" t="s">
        <v>25738</v>
      </c>
    </row>
    <row r="12896" spans="1:3" x14ac:dyDescent="0.15">
      <c r="A12896">
        <v>12110</v>
      </c>
      <c r="B12896" t="s">
        <v>25739</v>
      </c>
      <c r="C12896" t="s">
        <v>25740</v>
      </c>
    </row>
    <row r="12897" spans="1:3" x14ac:dyDescent="0.15">
      <c r="A12897">
        <v>12109</v>
      </c>
      <c r="B12897" t="s">
        <v>25741</v>
      </c>
      <c r="C12897" t="s">
        <v>25742</v>
      </c>
    </row>
    <row r="12898" spans="1:3" x14ac:dyDescent="0.15">
      <c r="A12898">
        <v>12108</v>
      </c>
      <c r="B12898" t="s">
        <v>25743</v>
      </c>
      <c r="C12898" t="s">
        <v>25744</v>
      </c>
    </row>
    <row r="12899" spans="1:3" x14ac:dyDescent="0.15">
      <c r="A12899">
        <v>12107</v>
      </c>
      <c r="B12899" t="s">
        <v>25745</v>
      </c>
      <c r="C12899" t="s">
        <v>25746</v>
      </c>
    </row>
    <row r="12900" spans="1:3" x14ac:dyDescent="0.15">
      <c r="A12900">
        <v>12106</v>
      </c>
      <c r="B12900" t="s">
        <v>25747</v>
      </c>
      <c r="C12900" t="s">
        <v>25748</v>
      </c>
    </row>
    <row r="12901" spans="1:3" x14ac:dyDescent="0.15">
      <c r="A12901">
        <v>12105</v>
      </c>
      <c r="B12901" t="s">
        <v>25749</v>
      </c>
      <c r="C12901" t="s">
        <v>25750</v>
      </c>
    </row>
    <row r="12902" spans="1:3" x14ac:dyDescent="0.15">
      <c r="A12902">
        <v>12104</v>
      </c>
      <c r="B12902" t="s">
        <v>25751</v>
      </c>
      <c r="C12902" t="s">
        <v>25752</v>
      </c>
    </row>
    <row r="12903" spans="1:3" x14ac:dyDescent="0.15">
      <c r="A12903">
        <v>12103</v>
      </c>
      <c r="B12903" t="s">
        <v>25753</v>
      </c>
      <c r="C12903" t="s">
        <v>25754</v>
      </c>
    </row>
    <row r="12904" spans="1:3" x14ac:dyDescent="0.15">
      <c r="A12904">
        <v>12102</v>
      </c>
      <c r="B12904" t="s">
        <v>25755</v>
      </c>
      <c r="C12904" t="s">
        <v>25756</v>
      </c>
    </row>
    <row r="12905" spans="1:3" x14ac:dyDescent="0.15">
      <c r="A12905">
        <v>12101</v>
      </c>
      <c r="B12905" t="s">
        <v>25757</v>
      </c>
      <c r="C12905" t="s">
        <v>25758</v>
      </c>
    </row>
    <row r="12906" spans="1:3" x14ac:dyDescent="0.15">
      <c r="A12906">
        <v>12100</v>
      </c>
      <c r="B12906" t="s">
        <v>25759</v>
      </c>
      <c r="C12906" t="s">
        <v>25760</v>
      </c>
    </row>
    <row r="12907" spans="1:3" x14ac:dyDescent="0.15">
      <c r="A12907">
        <v>12099</v>
      </c>
      <c r="B12907" t="s">
        <v>25761</v>
      </c>
      <c r="C12907" t="s">
        <v>25762</v>
      </c>
    </row>
    <row r="12908" spans="1:3" x14ac:dyDescent="0.15">
      <c r="A12908">
        <v>12098</v>
      </c>
      <c r="B12908" t="s">
        <v>25763</v>
      </c>
      <c r="C12908" t="s">
        <v>25764</v>
      </c>
    </row>
    <row r="12909" spans="1:3" x14ac:dyDescent="0.15">
      <c r="A12909">
        <v>12097</v>
      </c>
      <c r="B12909" t="s">
        <v>25765</v>
      </c>
      <c r="C12909" t="s">
        <v>25766</v>
      </c>
    </row>
    <row r="12910" spans="1:3" x14ac:dyDescent="0.15">
      <c r="A12910">
        <v>12096</v>
      </c>
      <c r="B12910" t="s">
        <v>25767</v>
      </c>
      <c r="C12910" t="s">
        <v>25768</v>
      </c>
    </row>
    <row r="12911" spans="1:3" x14ac:dyDescent="0.15">
      <c r="A12911">
        <v>12095</v>
      </c>
      <c r="B12911" t="s">
        <v>25769</v>
      </c>
      <c r="C12911" t="s">
        <v>25770</v>
      </c>
    </row>
    <row r="12912" spans="1:3" x14ac:dyDescent="0.15">
      <c r="A12912">
        <v>12094</v>
      </c>
      <c r="B12912" t="s">
        <v>25771</v>
      </c>
      <c r="C12912" t="s">
        <v>25772</v>
      </c>
    </row>
    <row r="12913" spans="1:3" x14ac:dyDescent="0.15">
      <c r="A12913">
        <v>12093</v>
      </c>
      <c r="B12913" t="s">
        <v>25773</v>
      </c>
      <c r="C12913" t="s">
        <v>25774</v>
      </c>
    </row>
    <row r="12914" spans="1:3" x14ac:dyDescent="0.15">
      <c r="A12914">
        <v>12092</v>
      </c>
      <c r="B12914" t="s">
        <v>25775</v>
      </c>
      <c r="C12914" t="s">
        <v>25776</v>
      </c>
    </row>
    <row r="12915" spans="1:3" x14ac:dyDescent="0.15">
      <c r="A12915">
        <v>12091</v>
      </c>
      <c r="B12915" t="s">
        <v>25777</v>
      </c>
      <c r="C12915" t="s">
        <v>25778</v>
      </c>
    </row>
    <row r="12916" spans="1:3" x14ac:dyDescent="0.15">
      <c r="A12916">
        <v>12090</v>
      </c>
      <c r="B12916" t="s">
        <v>25779</v>
      </c>
      <c r="C12916" t="s">
        <v>25780</v>
      </c>
    </row>
    <row r="12917" spans="1:3" x14ac:dyDescent="0.15">
      <c r="A12917">
        <v>12089</v>
      </c>
      <c r="B12917" t="s">
        <v>25781</v>
      </c>
      <c r="C12917" t="s">
        <v>25782</v>
      </c>
    </row>
    <row r="12918" spans="1:3" x14ac:dyDescent="0.15">
      <c r="A12918">
        <v>12088</v>
      </c>
      <c r="B12918" t="s">
        <v>25783</v>
      </c>
      <c r="C12918" t="s">
        <v>25784</v>
      </c>
    </row>
    <row r="12919" spans="1:3" x14ac:dyDescent="0.15">
      <c r="A12919">
        <v>12087</v>
      </c>
      <c r="B12919" t="s">
        <v>25785</v>
      </c>
      <c r="C12919" t="s">
        <v>25786</v>
      </c>
    </row>
    <row r="12920" spans="1:3" x14ac:dyDescent="0.15">
      <c r="A12920">
        <v>12086</v>
      </c>
      <c r="B12920" t="s">
        <v>25787</v>
      </c>
      <c r="C12920" t="s">
        <v>25788</v>
      </c>
    </row>
    <row r="12921" spans="1:3" x14ac:dyDescent="0.15">
      <c r="A12921">
        <v>12085</v>
      </c>
      <c r="B12921" t="s">
        <v>25789</v>
      </c>
      <c r="C12921" t="s">
        <v>25790</v>
      </c>
    </row>
    <row r="12922" spans="1:3" x14ac:dyDescent="0.15">
      <c r="A12922">
        <v>12084</v>
      </c>
      <c r="B12922" t="s">
        <v>25791</v>
      </c>
      <c r="C12922" t="s">
        <v>25792</v>
      </c>
    </row>
    <row r="12923" spans="1:3" x14ac:dyDescent="0.15">
      <c r="A12923">
        <v>12083</v>
      </c>
      <c r="B12923" t="s">
        <v>25793</v>
      </c>
      <c r="C12923" t="s">
        <v>25794</v>
      </c>
    </row>
    <row r="12924" spans="1:3" x14ac:dyDescent="0.15">
      <c r="A12924">
        <v>12082</v>
      </c>
      <c r="B12924" t="s">
        <v>25795</v>
      </c>
      <c r="C12924" t="s">
        <v>25796</v>
      </c>
    </row>
    <row r="12925" spans="1:3" x14ac:dyDescent="0.15">
      <c r="A12925">
        <v>12081</v>
      </c>
      <c r="B12925" t="s">
        <v>25797</v>
      </c>
      <c r="C12925" t="s">
        <v>25798</v>
      </c>
    </row>
    <row r="12926" spans="1:3" x14ac:dyDescent="0.15">
      <c r="A12926">
        <v>12080</v>
      </c>
      <c r="B12926" t="s">
        <v>25799</v>
      </c>
      <c r="C12926" t="s">
        <v>25800</v>
      </c>
    </row>
    <row r="12927" spans="1:3" x14ac:dyDescent="0.15">
      <c r="A12927">
        <v>12079</v>
      </c>
      <c r="B12927" t="s">
        <v>25801</v>
      </c>
      <c r="C12927" t="s">
        <v>25802</v>
      </c>
    </row>
    <row r="12928" spans="1:3" x14ac:dyDescent="0.15">
      <c r="A12928">
        <v>12078</v>
      </c>
      <c r="B12928" t="s">
        <v>25803</v>
      </c>
      <c r="C12928" t="s">
        <v>25804</v>
      </c>
    </row>
    <row r="12929" spans="1:3" x14ac:dyDescent="0.15">
      <c r="A12929">
        <v>12077</v>
      </c>
      <c r="B12929" t="s">
        <v>25805</v>
      </c>
      <c r="C12929" t="s">
        <v>25806</v>
      </c>
    </row>
    <row r="12930" spans="1:3" x14ac:dyDescent="0.15">
      <c r="A12930">
        <v>12076</v>
      </c>
      <c r="B12930" t="s">
        <v>25807</v>
      </c>
      <c r="C12930" t="s">
        <v>25808</v>
      </c>
    </row>
    <row r="12931" spans="1:3" x14ac:dyDescent="0.15">
      <c r="A12931">
        <v>12075</v>
      </c>
      <c r="B12931" t="s">
        <v>25809</v>
      </c>
      <c r="C12931" t="s">
        <v>25810</v>
      </c>
    </row>
    <row r="12932" spans="1:3" x14ac:dyDescent="0.15">
      <c r="A12932">
        <v>12074</v>
      </c>
      <c r="B12932" t="s">
        <v>25811</v>
      </c>
      <c r="C12932" t="s">
        <v>25812</v>
      </c>
    </row>
    <row r="12933" spans="1:3" x14ac:dyDescent="0.15">
      <c r="A12933">
        <v>12073</v>
      </c>
      <c r="B12933" t="s">
        <v>25813</v>
      </c>
      <c r="C12933" t="s">
        <v>25814</v>
      </c>
    </row>
    <row r="12934" spans="1:3" x14ac:dyDescent="0.15">
      <c r="A12934">
        <v>12072</v>
      </c>
      <c r="B12934" t="s">
        <v>25815</v>
      </c>
      <c r="C12934" t="s">
        <v>25816</v>
      </c>
    </row>
    <row r="12935" spans="1:3" x14ac:dyDescent="0.15">
      <c r="A12935">
        <v>12071</v>
      </c>
      <c r="B12935" t="s">
        <v>25817</v>
      </c>
      <c r="C12935" t="s">
        <v>25818</v>
      </c>
    </row>
    <row r="12936" spans="1:3" x14ac:dyDescent="0.15">
      <c r="A12936">
        <v>12070</v>
      </c>
      <c r="B12936" t="s">
        <v>25819</v>
      </c>
      <c r="C12936" t="s">
        <v>25820</v>
      </c>
    </row>
    <row r="12937" spans="1:3" x14ac:dyDescent="0.15">
      <c r="A12937">
        <v>12069</v>
      </c>
      <c r="B12937" t="s">
        <v>25821</v>
      </c>
      <c r="C12937" t="s">
        <v>25822</v>
      </c>
    </row>
    <row r="12938" spans="1:3" x14ac:dyDescent="0.15">
      <c r="A12938">
        <v>12068</v>
      </c>
      <c r="B12938" t="s">
        <v>25823</v>
      </c>
      <c r="C12938" t="s">
        <v>25824</v>
      </c>
    </row>
    <row r="12939" spans="1:3" x14ac:dyDescent="0.15">
      <c r="A12939">
        <v>12067</v>
      </c>
      <c r="B12939" t="s">
        <v>25825</v>
      </c>
      <c r="C12939" t="s">
        <v>25826</v>
      </c>
    </row>
    <row r="12940" spans="1:3" x14ac:dyDescent="0.15">
      <c r="A12940">
        <v>12066</v>
      </c>
      <c r="B12940" t="s">
        <v>25827</v>
      </c>
      <c r="C12940" t="s">
        <v>25828</v>
      </c>
    </row>
    <row r="12941" spans="1:3" x14ac:dyDescent="0.15">
      <c r="A12941">
        <v>12065</v>
      </c>
      <c r="B12941" t="s">
        <v>25829</v>
      </c>
      <c r="C12941" t="s">
        <v>25830</v>
      </c>
    </row>
    <row r="12942" spans="1:3" x14ac:dyDescent="0.15">
      <c r="A12942">
        <v>12064</v>
      </c>
      <c r="B12942" t="s">
        <v>25831</v>
      </c>
      <c r="C12942" t="s">
        <v>25832</v>
      </c>
    </row>
    <row r="12943" spans="1:3" x14ac:dyDescent="0.15">
      <c r="A12943">
        <v>12063</v>
      </c>
      <c r="B12943" t="s">
        <v>25833</v>
      </c>
      <c r="C12943" t="s">
        <v>25834</v>
      </c>
    </row>
    <row r="12944" spans="1:3" x14ac:dyDescent="0.15">
      <c r="A12944">
        <v>12062</v>
      </c>
      <c r="B12944" t="s">
        <v>25835</v>
      </c>
      <c r="C12944" t="s">
        <v>25836</v>
      </c>
    </row>
    <row r="12945" spans="1:3" x14ac:dyDescent="0.15">
      <c r="A12945">
        <v>12061</v>
      </c>
      <c r="B12945" t="s">
        <v>25837</v>
      </c>
      <c r="C12945" t="s">
        <v>25838</v>
      </c>
    </row>
    <row r="12946" spans="1:3" x14ac:dyDescent="0.15">
      <c r="A12946">
        <v>12060</v>
      </c>
      <c r="B12946" t="s">
        <v>25839</v>
      </c>
      <c r="C12946" t="s">
        <v>25840</v>
      </c>
    </row>
    <row r="12947" spans="1:3" x14ac:dyDescent="0.15">
      <c r="A12947">
        <v>12059</v>
      </c>
      <c r="B12947" t="s">
        <v>25841</v>
      </c>
      <c r="C12947" t="s">
        <v>25842</v>
      </c>
    </row>
    <row r="12948" spans="1:3" x14ac:dyDescent="0.15">
      <c r="A12948">
        <v>12058</v>
      </c>
      <c r="B12948" t="s">
        <v>25843</v>
      </c>
      <c r="C12948" t="s">
        <v>25844</v>
      </c>
    </row>
    <row r="12949" spans="1:3" x14ac:dyDescent="0.15">
      <c r="A12949">
        <v>12057</v>
      </c>
      <c r="B12949" t="s">
        <v>25845</v>
      </c>
      <c r="C12949" t="s">
        <v>25846</v>
      </c>
    </row>
    <row r="12950" spans="1:3" x14ac:dyDescent="0.15">
      <c r="A12950">
        <v>12056</v>
      </c>
      <c r="B12950" t="s">
        <v>25847</v>
      </c>
      <c r="C12950" t="s">
        <v>25848</v>
      </c>
    </row>
    <row r="12951" spans="1:3" x14ac:dyDescent="0.15">
      <c r="A12951">
        <v>12055</v>
      </c>
      <c r="B12951" t="s">
        <v>25849</v>
      </c>
      <c r="C12951" t="s">
        <v>25850</v>
      </c>
    </row>
    <row r="12952" spans="1:3" x14ac:dyDescent="0.15">
      <c r="A12952">
        <v>12054</v>
      </c>
      <c r="B12952" t="s">
        <v>25851</v>
      </c>
      <c r="C12952" t="s">
        <v>25852</v>
      </c>
    </row>
    <row r="12953" spans="1:3" x14ac:dyDescent="0.15">
      <c r="A12953">
        <v>12053</v>
      </c>
      <c r="B12953" t="s">
        <v>25853</v>
      </c>
      <c r="C12953" t="s">
        <v>25854</v>
      </c>
    </row>
    <row r="12954" spans="1:3" x14ac:dyDescent="0.15">
      <c r="A12954">
        <v>12052</v>
      </c>
      <c r="B12954" t="s">
        <v>25855</v>
      </c>
      <c r="C12954" t="s">
        <v>25856</v>
      </c>
    </row>
    <row r="12955" spans="1:3" x14ac:dyDescent="0.15">
      <c r="A12955">
        <v>12051</v>
      </c>
      <c r="B12955" t="s">
        <v>25857</v>
      </c>
      <c r="C12955" t="s">
        <v>25858</v>
      </c>
    </row>
    <row r="12956" spans="1:3" x14ac:dyDescent="0.15">
      <c r="A12956">
        <v>12050</v>
      </c>
      <c r="B12956" t="s">
        <v>25859</v>
      </c>
      <c r="C12956" t="s">
        <v>25860</v>
      </c>
    </row>
    <row r="12957" spans="1:3" x14ac:dyDescent="0.15">
      <c r="A12957">
        <v>12049</v>
      </c>
      <c r="B12957" t="s">
        <v>25861</v>
      </c>
      <c r="C12957" t="s">
        <v>25862</v>
      </c>
    </row>
    <row r="12958" spans="1:3" x14ac:dyDescent="0.15">
      <c r="A12958">
        <v>12048</v>
      </c>
      <c r="B12958" t="s">
        <v>25863</v>
      </c>
      <c r="C12958" t="s">
        <v>25864</v>
      </c>
    </row>
    <row r="12959" spans="1:3" x14ac:dyDescent="0.15">
      <c r="A12959">
        <v>12047</v>
      </c>
      <c r="B12959" t="s">
        <v>25865</v>
      </c>
      <c r="C12959" t="s">
        <v>25866</v>
      </c>
    </row>
    <row r="12960" spans="1:3" x14ac:dyDescent="0.15">
      <c r="A12960">
        <v>12046</v>
      </c>
      <c r="B12960" t="s">
        <v>25867</v>
      </c>
      <c r="C12960" t="s">
        <v>25868</v>
      </c>
    </row>
    <row r="12961" spans="1:3" x14ac:dyDescent="0.15">
      <c r="A12961">
        <v>12045</v>
      </c>
      <c r="B12961" t="s">
        <v>25869</v>
      </c>
      <c r="C12961" t="s">
        <v>25870</v>
      </c>
    </row>
    <row r="12962" spans="1:3" x14ac:dyDescent="0.15">
      <c r="A12962">
        <v>12044</v>
      </c>
      <c r="B12962" t="s">
        <v>25871</v>
      </c>
      <c r="C12962" t="s">
        <v>25872</v>
      </c>
    </row>
    <row r="12963" spans="1:3" x14ac:dyDescent="0.15">
      <c r="A12963">
        <v>12043</v>
      </c>
      <c r="B12963" t="s">
        <v>25873</v>
      </c>
      <c r="C12963" t="s">
        <v>25874</v>
      </c>
    </row>
    <row r="12964" spans="1:3" x14ac:dyDescent="0.15">
      <c r="A12964">
        <v>12042</v>
      </c>
      <c r="B12964" t="s">
        <v>25875</v>
      </c>
      <c r="C12964" t="s">
        <v>25876</v>
      </c>
    </row>
    <row r="12965" spans="1:3" x14ac:dyDescent="0.15">
      <c r="A12965">
        <v>12041</v>
      </c>
      <c r="B12965" t="s">
        <v>25877</v>
      </c>
      <c r="C12965" t="s">
        <v>25878</v>
      </c>
    </row>
    <row r="12966" spans="1:3" x14ac:dyDescent="0.15">
      <c r="A12966">
        <v>12040</v>
      </c>
      <c r="B12966" t="s">
        <v>25879</v>
      </c>
      <c r="C12966" t="s">
        <v>25880</v>
      </c>
    </row>
    <row r="12967" spans="1:3" x14ac:dyDescent="0.15">
      <c r="A12967">
        <v>12039</v>
      </c>
      <c r="B12967" t="s">
        <v>25881</v>
      </c>
      <c r="C12967" t="s">
        <v>25882</v>
      </c>
    </row>
    <row r="12968" spans="1:3" x14ac:dyDescent="0.15">
      <c r="A12968">
        <v>12038</v>
      </c>
      <c r="B12968" t="s">
        <v>25883</v>
      </c>
      <c r="C12968" t="s">
        <v>25884</v>
      </c>
    </row>
    <row r="12969" spans="1:3" x14ac:dyDescent="0.15">
      <c r="A12969">
        <v>12037</v>
      </c>
      <c r="B12969" t="s">
        <v>25885</v>
      </c>
      <c r="C12969" t="s">
        <v>25886</v>
      </c>
    </row>
    <row r="12970" spans="1:3" x14ac:dyDescent="0.15">
      <c r="A12970">
        <v>12036</v>
      </c>
      <c r="B12970" t="s">
        <v>25887</v>
      </c>
      <c r="C12970" t="s">
        <v>25888</v>
      </c>
    </row>
    <row r="12971" spans="1:3" x14ac:dyDescent="0.15">
      <c r="A12971">
        <v>12035</v>
      </c>
      <c r="B12971" t="s">
        <v>25889</v>
      </c>
      <c r="C12971" t="s">
        <v>25890</v>
      </c>
    </row>
    <row r="12972" spans="1:3" x14ac:dyDescent="0.15">
      <c r="A12972">
        <v>12034</v>
      </c>
      <c r="B12972" t="s">
        <v>25891</v>
      </c>
      <c r="C12972" t="s">
        <v>25892</v>
      </c>
    </row>
    <row r="12973" spans="1:3" x14ac:dyDescent="0.15">
      <c r="A12973">
        <v>12033</v>
      </c>
      <c r="B12973" t="s">
        <v>25893</v>
      </c>
      <c r="C12973" t="s">
        <v>25894</v>
      </c>
    </row>
    <row r="12974" spans="1:3" x14ac:dyDescent="0.15">
      <c r="A12974">
        <v>12032</v>
      </c>
      <c r="B12974" t="s">
        <v>25895</v>
      </c>
      <c r="C12974" t="s">
        <v>25896</v>
      </c>
    </row>
    <row r="12975" spans="1:3" x14ac:dyDescent="0.15">
      <c r="A12975">
        <v>12031</v>
      </c>
      <c r="B12975" t="s">
        <v>25897</v>
      </c>
      <c r="C12975" t="s">
        <v>25898</v>
      </c>
    </row>
    <row r="12976" spans="1:3" x14ac:dyDescent="0.15">
      <c r="A12976">
        <v>12030</v>
      </c>
      <c r="B12976" t="s">
        <v>25899</v>
      </c>
      <c r="C12976" t="s">
        <v>25900</v>
      </c>
    </row>
    <row r="12977" spans="1:3" x14ac:dyDescent="0.15">
      <c r="A12977">
        <v>12029</v>
      </c>
      <c r="B12977" t="s">
        <v>25901</v>
      </c>
      <c r="C12977" t="s">
        <v>25902</v>
      </c>
    </row>
    <row r="12978" spans="1:3" x14ac:dyDescent="0.15">
      <c r="A12978">
        <v>12028</v>
      </c>
      <c r="B12978" t="s">
        <v>25903</v>
      </c>
      <c r="C12978" t="s">
        <v>25904</v>
      </c>
    </row>
    <row r="12979" spans="1:3" x14ac:dyDescent="0.15">
      <c r="A12979">
        <v>12027</v>
      </c>
      <c r="B12979" t="s">
        <v>25905</v>
      </c>
      <c r="C12979" t="s">
        <v>25906</v>
      </c>
    </row>
    <row r="12980" spans="1:3" x14ac:dyDescent="0.15">
      <c r="A12980">
        <v>12026</v>
      </c>
      <c r="B12980" t="s">
        <v>25907</v>
      </c>
      <c r="C12980" t="s">
        <v>25908</v>
      </c>
    </row>
    <row r="12981" spans="1:3" x14ac:dyDescent="0.15">
      <c r="A12981">
        <v>12025</v>
      </c>
      <c r="B12981" t="s">
        <v>25909</v>
      </c>
      <c r="C12981" t="s">
        <v>25910</v>
      </c>
    </row>
    <row r="12982" spans="1:3" x14ac:dyDescent="0.15">
      <c r="A12982">
        <v>12024</v>
      </c>
      <c r="B12982" t="s">
        <v>25911</v>
      </c>
      <c r="C12982" t="s">
        <v>25912</v>
      </c>
    </row>
    <row r="12983" spans="1:3" x14ac:dyDescent="0.15">
      <c r="A12983">
        <v>12023</v>
      </c>
      <c r="B12983" t="s">
        <v>25913</v>
      </c>
      <c r="C12983" t="s">
        <v>25914</v>
      </c>
    </row>
    <row r="12984" spans="1:3" x14ac:dyDescent="0.15">
      <c r="A12984">
        <v>12022</v>
      </c>
      <c r="B12984" t="s">
        <v>25915</v>
      </c>
      <c r="C12984" t="s">
        <v>25916</v>
      </c>
    </row>
    <row r="12985" spans="1:3" x14ac:dyDescent="0.15">
      <c r="A12985">
        <v>12021</v>
      </c>
      <c r="B12985" t="s">
        <v>25917</v>
      </c>
      <c r="C12985" t="s">
        <v>25918</v>
      </c>
    </row>
    <row r="12986" spans="1:3" x14ac:dyDescent="0.15">
      <c r="A12986">
        <v>12020</v>
      </c>
      <c r="B12986" t="s">
        <v>25919</v>
      </c>
      <c r="C12986" t="s">
        <v>25920</v>
      </c>
    </row>
    <row r="12987" spans="1:3" x14ac:dyDescent="0.15">
      <c r="A12987">
        <v>12019</v>
      </c>
      <c r="B12987" t="s">
        <v>25921</v>
      </c>
      <c r="C12987" t="s">
        <v>25922</v>
      </c>
    </row>
    <row r="12988" spans="1:3" x14ac:dyDescent="0.15">
      <c r="A12988">
        <v>12018</v>
      </c>
      <c r="B12988" t="s">
        <v>25923</v>
      </c>
      <c r="C12988" t="s">
        <v>25924</v>
      </c>
    </row>
    <row r="12989" spans="1:3" x14ac:dyDescent="0.15">
      <c r="A12989">
        <v>12017</v>
      </c>
      <c r="B12989" t="s">
        <v>25925</v>
      </c>
      <c r="C12989" t="s">
        <v>25926</v>
      </c>
    </row>
    <row r="12990" spans="1:3" x14ac:dyDescent="0.15">
      <c r="A12990">
        <v>12016</v>
      </c>
      <c r="B12990" t="s">
        <v>25927</v>
      </c>
      <c r="C12990" t="s">
        <v>25928</v>
      </c>
    </row>
    <row r="12991" spans="1:3" x14ac:dyDescent="0.15">
      <c r="A12991">
        <v>12015</v>
      </c>
      <c r="B12991" t="s">
        <v>25929</v>
      </c>
      <c r="C12991" t="s">
        <v>25930</v>
      </c>
    </row>
    <row r="12992" spans="1:3" x14ac:dyDescent="0.15">
      <c r="A12992">
        <v>12014</v>
      </c>
      <c r="B12992" t="s">
        <v>25931</v>
      </c>
      <c r="C12992" t="s">
        <v>25932</v>
      </c>
    </row>
    <row r="12993" spans="1:3" x14ac:dyDescent="0.15">
      <c r="A12993">
        <v>12013</v>
      </c>
      <c r="B12993" t="s">
        <v>25933</v>
      </c>
      <c r="C12993" t="s">
        <v>25934</v>
      </c>
    </row>
    <row r="12994" spans="1:3" x14ac:dyDescent="0.15">
      <c r="A12994">
        <v>12012</v>
      </c>
      <c r="B12994" t="s">
        <v>25935</v>
      </c>
      <c r="C12994" t="s">
        <v>25936</v>
      </c>
    </row>
    <row r="12995" spans="1:3" x14ac:dyDescent="0.15">
      <c r="A12995">
        <v>12011</v>
      </c>
      <c r="B12995" t="s">
        <v>25937</v>
      </c>
      <c r="C12995" t="s">
        <v>25938</v>
      </c>
    </row>
    <row r="12996" spans="1:3" x14ac:dyDescent="0.15">
      <c r="A12996">
        <v>12010</v>
      </c>
      <c r="B12996" t="s">
        <v>25939</v>
      </c>
      <c r="C12996" t="s">
        <v>25940</v>
      </c>
    </row>
    <row r="12997" spans="1:3" x14ac:dyDescent="0.15">
      <c r="A12997">
        <v>12009</v>
      </c>
      <c r="B12997" t="s">
        <v>25941</v>
      </c>
      <c r="C12997" t="s">
        <v>25942</v>
      </c>
    </row>
    <row r="12998" spans="1:3" x14ac:dyDescent="0.15">
      <c r="A12998">
        <v>12008</v>
      </c>
      <c r="B12998" t="s">
        <v>25943</v>
      </c>
      <c r="C12998" t="s">
        <v>25944</v>
      </c>
    </row>
    <row r="12999" spans="1:3" x14ac:dyDescent="0.15">
      <c r="A12999">
        <v>12007</v>
      </c>
      <c r="B12999" t="s">
        <v>25945</v>
      </c>
      <c r="C12999" t="s">
        <v>25946</v>
      </c>
    </row>
    <row r="13000" spans="1:3" x14ac:dyDescent="0.15">
      <c r="A13000">
        <v>12006</v>
      </c>
      <c r="B13000" t="s">
        <v>25947</v>
      </c>
      <c r="C13000" t="s">
        <v>25948</v>
      </c>
    </row>
    <row r="13001" spans="1:3" x14ac:dyDescent="0.15">
      <c r="A13001">
        <v>12005</v>
      </c>
      <c r="B13001" t="s">
        <v>25949</v>
      </c>
      <c r="C13001" t="s">
        <v>25950</v>
      </c>
    </row>
    <row r="13002" spans="1:3" x14ac:dyDescent="0.15">
      <c r="A13002">
        <v>12004</v>
      </c>
      <c r="B13002" t="s">
        <v>25951</v>
      </c>
      <c r="C13002" t="s">
        <v>25952</v>
      </c>
    </row>
    <row r="13003" spans="1:3" x14ac:dyDescent="0.15">
      <c r="A13003">
        <v>12003</v>
      </c>
      <c r="B13003" t="s">
        <v>25953</v>
      </c>
      <c r="C13003" t="s">
        <v>25954</v>
      </c>
    </row>
    <row r="13004" spans="1:3" x14ac:dyDescent="0.15">
      <c r="A13004">
        <v>12002</v>
      </c>
      <c r="B13004" t="s">
        <v>25955</v>
      </c>
      <c r="C13004" t="s">
        <v>25956</v>
      </c>
    </row>
    <row r="13005" spans="1:3" x14ac:dyDescent="0.15">
      <c r="A13005">
        <v>12001</v>
      </c>
      <c r="B13005" t="s">
        <v>25957</v>
      </c>
      <c r="C13005" t="s">
        <v>25958</v>
      </c>
    </row>
    <row r="13006" spans="1:3" x14ac:dyDescent="0.15">
      <c r="A13006">
        <v>12000</v>
      </c>
      <c r="B13006" t="s">
        <v>25959</v>
      </c>
      <c r="C13006" t="s">
        <v>25960</v>
      </c>
    </row>
    <row r="13007" spans="1:3" x14ac:dyDescent="0.15">
      <c r="A13007">
        <v>11999</v>
      </c>
      <c r="B13007" t="s">
        <v>25961</v>
      </c>
      <c r="C13007" t="s">
        <v>25962</v>
      </c>
    </row>
    <row r="13008" spans="1:3" x14ac:dyDescent="0.15">
      <c r="A13008">
        <v>11998</v>
      </c>
      <c r="B13008" t="s">
        <v>25963</v>
      </c>
      <c r="C13008" t="s">
        <v>25964</v>
      </c>
    </row>
    <row r="13009" spans="1:3" x14ac:dyDescent="0.15">
      <c r="A13009">
        <v>11997</v>
      </c>
      <c r="B13009" t="s">
        <v>25965</v>
      </c>
      <c r="C13009" t="s">
        <v>25966</v>
      </c>
    </row>
    <row r="13010" spans="1:3" x14ac:dyDescent="0.15">
      <c r="A13010">
        <v>11996</v>
      </c>
      <c r="B13010" t="s">
        <v>25967</v>
      </c>
      <c r="C13010" t="s">
        <v>25968</v>
      </c>
    </row>
    <row r="13011" spans="1:3" x14ac:dyDescent="0.15">
      <c r="A13011">
        <v>11995</v>
      </c>
      <c r="B13011" t="s">
        <v>25969</v>
      </c>
      <c r="C13011" t="s">
        <v>25970</v>
      </c>
    </row>
    <row r="13012" spans="1:3" x14ac:dyDescent="0.15">
      <c r="A13012">
        <v>11994</v>
      </c>
      <c r="B13012" t="s">
        <v>25971</v>
      </c>
      <c r="C13012" t="s">
        <v>25972</v>
      </c>
    </row>
    <row r="13013" spans="1:3" x14ac:dyDescent="0.15">
      <c r="A13013">
        <v>11993</v>
      </c>
      <c r="B13013" t="s">
        <v>25973</v>
      </c>
      <c r="C13013" t="s">
        <v>25974</v>
      </c>
    </row>
    <row r="13014" spans="1:3" x14ac:dyDescent="0.15">
      <c r="A13014">
        <v>11992</v>
      </c>
      <c r="B13014" t="s">
        <v>25975</v>
      </c>
      <c r="C13014" t="s">
        <v>25976</v>
      </c>
    </row>
    <row r="13015" spans="1:3" x14ac:dyDescent="0.15">
      <c r="A13015">
        <v>11991</v>
      </c>
      <c r="B13015" t="s">
        <v>25977</v>
      </c>
      <c r="C13015" t="s">
        <v>25978</v>
      </c>
    </row>
    <row r="13016" spans="1:3" x14ac:dyDescent="0.15">
      <c r="A13016">
        <v>11990</v>
      </c>
      <c r="B13016" t="s">
        <v>25979</v>
      </c>
      <c r="C13016" t="s">
        <v>25980</v>
      </c>
    </row>
    <row r="13017" spans="1:3" x14ac:dyDescent="0.15">
      <c r="A13017">
        <v>11989</v>
      </c>
      <c r="B13017" t="s">
        <v>25981</v>
      </c>
      <c r="C13017" t="s">
        <v>25982</v>
      </c>
    </row>
    <row r="13018" spans="1:3" x14ac:dyDescent="0.15">
      <c r="A13018">
        <v>11988</v>
      </c>
      <c r="B13018" t="s">
        <v>25983</v>
      </c>
      <c r="C13018" t="s">
        <v>25984</v>
      </c>
    </row>
    <row r="13019" spans="1:3" x14ac:dyDescent="0.15">
      <c r="A13019">
        <v>11987</v>
      </c>
      <c r="B13019" t="s">
        <v>25985</v>
      </c>
      <c r="C13019" t="s">
        <v>25986</v>
      </c>
    </row>
    <row r="13020" spans="1:3" x14ac:dyDescent="0.15">
      <c r="A13020">
        <v>11986</v>
      </c>
      <c r="B13020" t="s">
        <v>25987</v>
      </c>
      <c r="C13020" t="s">
        <v>25988</v>
      </c>
    </row>
    <row r="13021" spans="1:3" x14ac:dyDescent="0.15">
      <c r="A13021">
        <v>11985</v>
      </c>
      <c r="B13021" t="s">
        <v>25989</v>
      </c>
      <c r="C13021" t="s">
        <v>25990</v>
      </c>
    </row>
    <row r="13022" spans="1:3" x14ac:dyDescent="0.15">
      <c r="A13022">
        <v>11984</v>
      </c>
      <c r="B13022" t="s">
        <v>25991</v>
      </c>
      <c r="C13022" t="s">
        <v>25992</v>
      </c>
    </row>
    <row r="13023" spans="1:3" x14ac:dyDescent="0.15">
      <c r="A13023">
        <v>11983</v>
      </c>
      <c r="B13023" t="s">
        <v>25993</v>
      </c>
      <c r="C13023" t="s">
        <v>25994</v>
      </c>
    </row>
    <row r="13024" spans="1:3" x14ac:dyDescent="0.15">
      <c r="A13024">
        <v>11982</v>
      </c>
      <c r="B13024" t="s">
        <v>25995</v>
      </c>
      <c r="C13024" t="s">
        <v>25996</v>
      </c>
    </row>
    <row r="13025" spans="1:3" x14ac:dyDescent="0.15">
      <c r="A13025">
        <v>11981</v>
      </c>
      <c r="B13025" t="s">
        <v>25997</v>
      </c>
      <c r="C13025" t="s">
        <v>25998</v>
      </c>
    </row>
    <row r="13026" spans="1:3" x14ac:dyDescent="0.15">
      <c r="A13026">
        <v>11980</v>
      </c>
      <c r="B13026" t="s">
        <v>25999</v>
      </c>
      <c r="C13026" t="s">
        <v>26000</v>
      </c>
    </row>
    <row r="13027" spans="1:3" x14ac:dyDescent="0.15">
      <c r="A13027">
        <v>11979</v>
      </c>
      <c r="B13027" t="s">
        <v>26001</v>
      </c>
      <c r="C13027" t="s">
        <v>26002</v>
      </c>
    </row>
    <row r="13028" spans="1:3" x14ac:dyDescent="0.15">
      <c r="A13028">
        <v>11978</v>
      </c>
      <c r="B13028" t="s">
        <v>26003</v>
      </c>
      <c r="C13028" t="s">
        <v>26004</v>
      </c>
    </row>
    <row r="13029" spans="1:3" x14ac:dyDescent="0.15">
      <c r="A13029">
        <v>11977</v>
      </c>
      <c r="B13029" t="s">
        <v>26005</v>
      </c>
      <c r="C13029" t="s">
        <v>26006</v>
      </c>
    </row>
    <row r="13030" spans="1:3" x14ac:dyDescent="0.15">
      <c r="A13030">
        <v>11976</v>
      </c>
      <c r="B13030" t="s">
        <v>26007</v>
      </c>
      <c r="C13030" t="s">
        <v>26008</v>
      </c>
    </row>
    <row r="13031" spans="1:3" x14ac:dyDescent="0.15">
      <c r="A13031">
        <v>11975</v>
      </c>
      <c r="B13031" t="s">
        <v>26009</v>
      </c>
      <c r="C13031" t="s">
        <v>26010</v>
      </c>
    </row>
    <row r="13032" spans="1:3" x14ac:dyDescent="0.15">
      <c r="A13032">
        <v>11974</v>
      </c>
      <c r="B13032" t="s">
        <v>26011</v>
      </c>
      <c r="C13032" t="s">
        <v>26012</v>
      </c>
    </row>
    <row r="13033" spans="1:3" x14ac:dyDescent="0.15">
      <c r="A13033">
        <v>11973</v>
      </c>
      <c r="B13033" t="s">
        <v>26013</v>
      </c>
      <c r="C13033" t="s">
        <v>26014</v>
      </c>
    </row>
    <row r="13034" spans="1:3" x14ac:dyDescent="0.15">
      <c r="A13034">
        <v>11972</v>
      </c>
      <c r="B13034" t="s">
        <v>26015</v>
      </c>
      <c r="C13034" t="s">
        <v>26016</v>
      </c>
    </row>
    <row r="13035" spans="1:3" x14ac:dyDescent="0.15">
      <c r="A13035">
        <v>11971</v>
      </c>
      <c r="B13035" t="s">
        <v>26017</v>
      </c>
      <c r="C13035" t="s">
        <v>26018</v>
      </c>
    </row>
    <row r="13036" spans="1:3" x14ac:dyDescent="0.15">
      <c r="A13036">
        <v>11970</v>
      </c>
      <c r="B13036" t="s">
        <v>26019</v>
      </c>
      <c r="C13036" t="s">
        <v>26020</v>
      </c>
    </row>
    <row r="13037" spans="1:3" x14ac:dyDescent="0.15">
      <c r="A13037">
        <v>11969</v>
      </c>
      <c r="B13037" t="s">
        <v>26021</v>
      </c>
      <c r="C13037" t="s">
        <v>26022</v>
      </c>
    </row>
    <row r="13038" spans="1:3" x14ac:dyDescent="0.15">
      <c r="A13038">
        <v>11968</v>
      </c>
      <c r="B13038" t="s">
        <v>26023</v>
      </c>
      <c r="C13038" t="s">
        <v>26024</v>
      </c>
    </row>
    <row r="13039" spans="1:3" x14ac:dyDescent="0.15">
      <c r="A13039">
        <v>11967</v>
      </c>
      <c r="B13039" t="s">
        <v>26025</v>
      </c>
      <c r="C13039" t="s">
        <v>26026</v>
      </c>
    </row>
    <row r="13040" spans="1:3" x14ac:dyDescent="0.15">
      <c r="A13040">
        <v>11966</v>
      </c>
      <c r="B13040" t="s">
        <v>26027</v>
      </c>
      <c r="C13040" t="s">
        <v>26028</v>
      </c>
    </row>
    <row r="13041" spans="1:3" x14ac:dyDescent="0.15">
      <c r="A13041">
        <v>11965</v>
      </c>
      <c r="B13041" t="s">
        <v>26029</v>
      </c>
      <c r="C13041" t="s">
        <v>26030</v>
      </c>
    </row>
    <row r="13042" spans="1:3" x14ac:dyDescent="0.15">
      <c r="A13042">
        <v>11964</v>
      </c>
      <c r="B13042" t="s">
        <v>26031</v>
      </c>
      <c r="C13042" t="s">
        <v>26032</v>
      </c>
    </row>
    <row r="13043" spans="1:3" x14ac:dyDescent="0.15">
      <c r="A13043">
        <v>11963</v>
      </c>
      <c r="B13043" t="s">
        <v>26033</v>
      </c>
      <c r="C13043" t="s">
        <v>26034</v>
      </c>
    </row>
    <row r="13044" spans="1:3" x14ac:dyDescent="0.15">
      <c r="A13044">
        <v>11962</v>
      </c>
      <c r="B13044" t="s">
        <v>26035</v>
      </c>
      <c r="C13044" t="s">
        <v>26036</v>
      </c>
    </row>
    <row r="13045" spans="1:3" x14ac:dyDescent="0.15">
      <c r="A13045">
        <v>11961</v>
      </c>
      <c r="B13045" t="s">
        <v>26037</v>
      </c>
      <c r="C13045" t="s">
        <v>26038</v>
      </c>
    </row>
    <row r="13046" spans="1:3" x14ac:dyDescent="0.15">
      <c r="A13046">
        <v>11960</v>
      </c>
      <c r="B13046" t="s">
        <v>26039</v>
      </c>
      <c r="C13046" t="s">
        <v>26040</v>
      </c>
    </row>
    <row r="13047" spans="1:3" x14ac:dyDescent="0.15">
      <c r="A13047">
        <v>11959</v>
      </c>
      <c r="B13047" t="s">
        <v>26041</v>
      </c>
      <c r="C13047" t="s">
        <v>26042</v>
      </c>
    </row>
    <row r="13048" spans="1:3" x14ac:dyDescent="0.15">
      <c r="A13048">
        <v>11958</v>
      </c>
      <c r="B13048" t="s">
        <v>26043</v>
      </c>
      <c r="C13048" t="s">
        <v>26044</v>
      </c>
    </row>
    <row r="13049" spans="1:3" x14ac:dyDescent="0.15">
      <c r="A13049">
        <v>11957</v>
      </c>
      <c r="B13049" t="s">
        <v>26045</v>
      </c>
      <c r="C13049" t="s">
        <v>26046</v>
      </c>
    </row>
    <row r="13050" spans="1:3" x14ac:dyDescent="0.15">
      <c r="A13050">
        <v>11956</v>
      </c>
      <c r="B13050" t="s">
        <v>26047</v>
      </c>
      <c r="C13050" t="s">
        <v>26048</v>
      </c>
    </row>
    <row r="13051" spans="1:3" x14ac:dyDescent="0.15">
      <c r="A13051">
        <v>11955</v>
      </c>
      <c r="B13051" t="s">
        <v>26049</v>
      </c>
      <c r="C13051" t="s">
        <v>26050</v>
      </c>
    </row>
    <row r="13052" spans="1:3" x14ac:dyDescent="0.15">
      <c r="A13052">
        <v>11954</v>
      </c>
      <c r="B13052" t="s">
        <v>26051</v>
      </c>
      <c r="C13052" t="s">
        <v>26052</v>
      </c>
    </row>
    <row r="13053" spans="1:3" x14ac:dyDescent="0.15">
      <c r="A13053">
        <v>11953</v>
      </c>
      <c r="B13053" t="s">
        <v>26053</v>
      </c>
      <c r="C13053" t="s">
        <v>26054</v>
      </c>
    </row>
    <row r="13054" spans="1:3" x14ac:dyDescent="0.15">
      <c r="A13054">
        <v>11952</v>
      </c>
      <c r="B13054" t="s">
        <v>26055</v>
      </c>
      <c r="C13054" t="s">
        <v>26056</v>
      </c>
    </row>
    <row r="13055" spans="1:3" x14ac:dyDescent="0.15">
      <c r="A13055">
        <v>11951</v>
      </c>
      <c r="B13055" t="s">
        <v>26057</v>
      </c>
      <c r="C13055" t="s">
        <v>26058</v>
      </c>
    </row>
    <row r="13056" spans="1:3" x14ac:dyDescent="0.15">
      <c r="A13056">
        <v>11950</v>
      </c>
      <c r="B13056" t="s">
        <v>26059</v>
      </c>
      <c r="C13056" t="s">
        <v>26060</v>
      </c>
    </row>
    <row r="13057" spans="1:3" x14ac:dyDescent="0.15">
      <c r="A13057">
        <v>11949</v>
      </c>
      <c r="B13057" t="s">
        <v>26061</v>
      </c>
      <c r="C13057" t="s">
        <v>26062</v>
      </c>
    </row>
    <row r="13058" spans="1:3" x14ac:dyDescent="0.15">
      <c r="A13058">
        <v>11948</v>
      </c>
      <c r="B13058" t="s">
        <v>26063</v>
      </c>
      <c r="C13058" t="s">
        <v>26064</v>
      </c>
    </row>
    <row r="13059" spans="1:3" x14ac:dyDescent="0.15">
      <c r="A13059">
        <v>11947</v>
      </c>
      <c r="B13059" t="s">
        <v>26065</v>
      </c>
      <c r="C13059" t="s">
        <v>26066</v>
      </c>
    </row>
    <row r="13060" spans="1:3" x14ac:dyDescent="0.15">
      <c r="A13060">
        <v>11946</v>
      </c>
      <c r="B13060" t="s">
        <v>26067</v>
      </c>
      <c r="C13060" t="s">
        <v>26068</v>
      </c>
    </row>
    <row r="13061" spans="1:3" x14ac:dyDescent="0.15">
      <c r="A13061">
        <v>11945</v>
      </c>
      <c r="B13061" t="s">
        <v>26069</v>
      </c>
      <c r="C13061" t="s">
        <v>26070</v>
      </c>
    </row>
    <row r="13062" spans="1:3" x14ac:dyDescent="0.15">
      <c r="A13062">
        <v>11944</v>
      </c>
      <c r="B13062" t="s">
        <v>26071</v>
      </c>
      <c r="C13062" t="s">
        <v>26072</v>
      </c>
    </row>
    <row r="13063" spans="1:3" x14ac:dyDescent="0.15">
      <c r="A13063">
        <v>11943</v>
      </c>
      <c r="B13063" t="s">
        <v>26073</v>
      </c>
      <c r="C13063" t="s">
        <v>26074</v>
      </c>
    </row>
    <row r="13064" spans="1:3" x14ac:dyDescent="0.15">
      <c r="A13064">
        <v>11942</v>
      </c>
      <c r="B13064" t="s">
        <v>26075</v>
      </c>
      <c r="C13064" t="s">
        <v>26076</v>
      </c>
    </row>
    <row r="13065" spans="1:3" x14ac:dyDescent="0.15">
      <c r="A13065">
        <v>11941</v>
      </c>
      <c r="B13065" t="s">
        <v>26077</v>
      </c>
      <c r="C13065" t="s">
        <v>26078</v>
      </c>
    </row>
    <row r="13066" spans="1:3" x14ac:dyDescent="0.15">
      <c r="A13066">
        <v>11940</v>
      </c>
      <c r="B13066" t="s">
        <v>26079</v>
      </c>
      <c r="C13066" t="s">
        <v>26080</v>
      </c>
    </row>
    <row r="13067" spans="1:3" x14ac:dyDescent="0.15">
      <c r="A13067">
        <v>11939</v>
      </c>
      <c r="B13067" t="s">
        <v>26081</v>
      </c>
      <c r="C13067" t="s">
        <v>26082</v>
      </c>
    </row>
    <row r="13068" spans="1:3" x14ac:dyDescent="0.15">
      <c r="A13068">
        <v>11938</v>
      </c>
      <c r="B13068" t="s">
        <v>26083</v>
      </c>
      <c r="C13068" t="s">
        <v>26084</v>
      </c>
    </row>
    <row r="13069" spans="1:3" x14ac:dyDescent="0.15">
      <c r="A13069">
        <v>11937</v>
      </c>
      <c r="B13069" t="s">
        <v>26085</v>
      </c>
      <c r="C13069" t="s">
        <v>26086</v>
      </c>
    </row>
    <row r="13070" spans="1:3" x14ac:dyDescent="0.15">
      <c r="A13070">
        <v>11936</v>
      </c>
      <c r="B13070" t="s">
        <v>26087</v>
      </c>
      <c r="C13070" t="s">
        <v>26088</v>
      </c>
    </row>
    <row r="13071" spans="1:3" x14ac:dyDescent="0.15">
      <c r="A13071">
        <v>11935</v>
      </c>
      <c r="B13071" t="s">
        <v>26089</v>
      </c>
      <c r="C13071" t="s">
        <v>26090</v>
      </c>
    </row>
    <row r="13072" spans="1:3" x14ac:dyDescent="0.15">
      <c r="A13072">
        <v>11934</v>
      </c>
      <c r="B13072" t="s">
        <v>26091</v>
      </c>
      <c r="C13072" t="s">
        <v>26092</v>
      </c>
    </row>
    <row r="13073" spans="1:3" x14ac:dyDescent="0.15">
      <c r="A13073">
        <v>11933</v>
      </c>
      <c r="B13073" t="s">
        <v>26093</v>
      </c>
      <c r="C13073" t="s">
        <v>26094</v>
      </c>
    </row>
    <row r="13074" spans="1:3" x14ac:dyDescent="0.15">
      <c r="A13074">
        <v>11932</v>
      </c>
      <c r="B13074" t="s">
        <v>26095</v>
      </c>
      <c r="C13074" t="s">
        <v>26096</v>
      </c>
    </row>
    <row r="13075" spans="1:3" x14ac:dyDescent="0.15">
      <c r="A13075">
        <v>11931</v>
      </c>
      <c r="B13075" t="s">
        <v>26097</v>
      </c>
      <c r="C13075" t="s">
        <v>26098</v>
      </c>
    </row>
    <row r="13076" spans="1:3" x14ac:dyDescent="0.15">
      <c r="A13076">
        <v>11930</v>
      </c>
      <c r="B13076" t="s">
        <v>26099</v>
      </c>
      <c r="C13076" t="s">
        <v>26100</v>
      </c>
    </row>
    <row r="13077" spans="1:3" x14ac:dyDescent="0.15">
      <c r="A13077">
        <v>11929</v>
      </c>
      <c r="B13077" t="s">
        <v>26101</v>
      </c>
      <c r="C13077" t="s">
        <v>26102</v>
      </c>
    </row>
    <row r="13078" spans="1:3" x14ac:dyDescent="0.15">
      <c r="A13078">
        <v>11928</v>
      </c>
      <c r="B13078" t="s">
        <v>26103</v>
      </c>
      <c r="C13078" t="s">
        <v>26104</v>
      </c>
    </row>
    <row r="13079" spans="1:3" x14ac:dyDescent="0.15">
      <c r="A13079">
        <v>11927</v>
      </c>
      <c r="B13079" t="s">
        <v>26105</v>
      </c>
      <c r="C13079" t="s">
        <v>26106</v>
      </c>
    </row>
    <row r="13080" spans="1:3" x14ac:dyDescent="0.15">
      <c r="A13080">
        <v>11926</v>
      </c>
      <c r="B13080" t="s">
        <v>26107</v>
      </c>
      <c r="C13080" t="s">
        <v>26108</v>
      </c>
    </row>
    <row r="13081" spans="1:3" x14ac:dyDescent="0.15">
      <c r="A13081">
        <v>11925</v>
      </c>
      <c r="B13081" t="s">
        <v>26109</v>
      </c>
      <c r="C13081" t="s">
        <v>26110</v>
      </c>
    </row>
    <row r="13082" spans="1:3" x14ac:dyDescent="0.15">
      <c r="A13082">
        <v>11924</v>
      </c>
      <c r="B13082" t="s">
        <v>26111</v>
      </c>
      <c r="C13082" t="s">
        <v>26112</v>
      </c>
    </row>
    <row r="13083" spans="1:3" x14ac:dyDescent="0.15">
      <c r="A13083">
        <v>11923</v>
      </c>
      <c r="B13083" t="s">
        <v>26113</v>
      </c>
      <c r="C13083" t="s">
        <v>26114</v>
      </c>
    </row>
    <row r="13084" spans="1:3" x14ac:dyDescent="0.15">
      <c r="A13084">
        <v>11922</v>
      </c>
      <c r="B13084" t="s">
        <v>26115</v>
      </c>
      <c r="C13084" t="s">
        <v>26116</v>
      </c>
    </row>
    <row r="13085" spans="1:3" x14ac:dyDescent="0.15">
      <c r="A13085">
        <v>11921</v>
      </c>
      <c r="B13085" t="s">
        <v>26117</v>
      </c>
      <c r="C13085" t="s">
        <v>26118</v>
      </c>
    </row>
    <row r="13086" spans="1:3" x14ac:dyDescent="0.15">
      <c r="A13086">
        <v>11920</v>
      </c>
      <c r="B13086" t="s">
        <v>26119</v>
      </c>
      <c r="C13086" t="s">
        <v>26120</v>
      </c>
    </row>
    <row r="13087" spans="1:3" x14ac:dyDescent="0.15">
      <c r="A13087">
        <v>11919</v>
      </c>
      <c r="B13087" t="s">
        <v>26121</v>
      </c>
      <c r="C13087" t="s">
        <v>26122</v>
      </c>
    </row>
    <row r="13088" spans="1:3" x14ac:dyDescent="0.15">
      <c r="A13088">
        <v>11918</v>
      </c>
      <c r="B13088" t="s">
        <v>26123</v>
      </c>
      <c r="C13088" t="s">
        <v>26124</v>
      </c>
    </row>
    <row r="13089" spans="1:3" x14ac:dyDescent="0.15">
      <c r="A13089">
        <v>11917</v>
      </c>
      <c r="B13089" t="s">
        <v>26125</v>
      </c>
      <c r="C13089" t="s">
        <v>26126</v>
      </c>
    </row>
    <row r="13090" spans="1:3" x14ac:dyDescent="0.15">
      <c r="A13090">
        <v>11916</v>
      </c>
      <c r="B13090" t="s">
        <v>26127</v>
      </c>
      <c r="C13090" t="s">
        <v>26128</v>
      </c>
    </row>
    <row r="13091" spans="1:3" x14ac:dyDescent="0.15">
      <c r="A13091">
        <v>11915</v>
      </c>
      <c r="B13091" t="s">
        <v>26129</v>
      </c>
      <c r="C13091" t="s">
        <v>26130</v>
      </c>
    </row>
    <row r="13092" spans="1:3" x14ac:dyDescent="0.15">
      <c r="A13092">
        <v>11914</v>
      </c>
      <c r="B13092" t="s">
        <v>26131</v>
      </c>
      <c r="C13092" t="s">
        <v>26132</v>
      </c>
    </row>
    <row r="13093" spans="1:3" x14ac:dyDescent="0.15">
      <c r="A13093">
        <v>11913</v>
      </c>
      <c r="B13093" t="s">
        <v>26133</v>
      </c>
      <c r="C13093" t="s">
        <v>26134</v>
      </c>
    </row>
    <row r="13094" spans="1:3" x14ac:dyDescent="0.15">
      <c r="A13094">
        <v>11912</v>
      </c>
      <c r="B13094" t="s">
        <v>26135</v>
      </c>
      <c r="C13094" t="s">
        <v>26136</v>
      </c>
    </row>
    <row r="13095" spans="1:3" x14ac:dyDescent="0.15">
      <c r="A13095">
        <v>11911</v>
      </c>
      <c r="B13095" t="s">
        <v>26137</v>
      </c>
      <c r="C13095" t="s">
        <v>26138</v>
      </c>
    </row>
    <row r="13096" spans="1:3" x14ac:dyDescent="0.15">
      <c r="A13096">
        <v>11910</v>
      </c>
      <c r="B13096" t="s">
        <v>26139</v>
      </c>
      <c r="C13096" t="s">
        <v>26140</v>
      </c>
    </row>
    <row r="13097" spans="1:3" x14ac:dyDescent="0.15">
      <c r="A13097">
        <v>11909</v>
      </c>
      <c r="B13097" t="s">
        <v>26141</v>
      </c>
      <c r="C13097" t="s">
        <v>26142</v>
      </c>
    </row>
    <row r="13098" spans="1:3" x14ac:dyDescent="0.15">
      <c r="A13098">
        <v>11908</v>
      </c>
      <c r="B13098" t="s">
        <v>26143</v>
      </c>
      <c r="C13098" t="s">
        <v>26144</v>
      </c>
    </row>
    <row r="13099" spans="1:3" x14ac:dyDescent="0.15">
      <c r="A13099">
        <v>11907</v>
      </c>
      <c r="B13099" t="s">
        <v>26145</v>
      </c>
      <c r="C13099" t="s">
        <v>26146</v>
      </c>
    </row>
    <row r="13100" spans="1:3" x14ac:dyDescent="0.15">
      <c r="A13100">
        <v>11906</v>
      </c>
      <c r="B13100" t="s">
        <v>26147</v>
      </c>
      <c r="C13100" t="s">
        <v>26148</v>
      </c>
    </row>
    <row r="13101" spans="1:3" x14ac:dyDescent="0.15">
      <c r="A13101">
        <v>11905</v>
      </c>
      <c r="B13101" t="s">
        <v>26149</v>
      </c>
      <c r="C13101" t="s">
        <v>26150</v>
      </c>
    </row>
    <row r="13102" spans="1:3" x14ac:dyDescent="0.15">
      <c r="A13102">
        <v>11904</v>
      </c>
      <c r="B13102" t="s">
        <v>26151</v>
      </c>
      <c r="C13102" t="s">
        <v>26152</v>
      </c>
    </row>
    <row r="13103" spans="1:3" x14ac:dyDescent="0.15">
      <c r="A13103">
        <v>11903</v>
      </c>
      <c r="B13103" t="s">
        <v>26153</v>
      </c>
      <c r="C13103" t="s">
        <v>26154</v>
      </c>
    </row>
    <row r="13104" spans="1:3" x14ac:dyDescent="0.15">
      <c r="A13104">
        <v>11902</v>
      </c>
      <c r="B13104" t="s">
        <v>26155</v>
      </c>
      <c r="C13104" t="s">
        <v>26156</v>
      </c>
    </row>
    <row r="13105" spans="1:3" x14ac:dyDescent="0.15">
      <c r="A13105">
        <v>11901</v>
      </c>
      <c r="B13105" t="s">
        <v>26157</v>
      </c>
      <c r="C13105" t="s">
        <v>26158</v>
      </c>
    </row>
    <row r="13106" spans="1:3" x14ac:dyDescent="0.15">
      <c r="A13106">
        <v>11900</v>
      </c>
      <c r="B13106" t="s">
        <v>26159</v>
      </c>
      <c r="C13106" t="s">
        <v>26160</v>
      </c>
    </row>
    <row r="13107" spans="1:3" x14ac:dyDescent="0.15">
      <c r="A13107">
        <v>11899</v>
      </c>
      <c r="B13107" t="s">
        <v>26161</v>
      </c>
      <c r="C13107" t="s">
        <v>26162</v>
      </c>
    </row>
    <row r="13108" spans="1:3" x14ac:dyDescent="0.15">
      <c r="A13108">
        <v>11898</v>
      </c>
      <c r="B13108" t="s">
        <v>26163</v>
      </c>
      <c r="C13108" t="s">
        <v>26164</v>
      </c>
    </row>
    <row r="13109" spans="1:3" x14ac:dyDescent="0.15">
      <c r="A13109">
        <v>11897</v>
      </c>
      <c r="B13109" t="s">
        <v>26165</v>
      </c>
      <c r="C13109" t="s">
        <v>26166</v>
      </c>
    </row>
    <row r="13110" spans="1:3" x14ac:dyDescent="0.15">
      <c r="A13110">
        <v>11896</v>
      </c>
      <c r="B13110" t="s">
        <v>26167</v>
      </c>
      <c r="C13110" t="s">
        <v>26168</v>
      </c>
    </row>
    <row r="13111" spans="1:3" x14ac:dyDescent="0.15">
      <c r="A13111">
        <v>11895</v>
      </c>
      <c r="B13111" t="s">
        <v>26169</v>
      </c>
      <c r="C13111" t="s">
        <v>26170</v>
      </c>
    </row>
    <row r="13112" spans="1:3" x14ac:dyDescent="0.15">
      <c r="A13112">
        <v>11894</v>
      </c>
      <c r="B13112" t="s">
        <v>26171</v>
      </c>
      <c r="C13112" t="s">
        <v>26172</v>
      </c>
    </row>
    <row r="13113" spans="1:3" x14ac:dyDescent="0.15">
      <c r="A13113">
        <v>11893</v>
      </c>
      <c r="B13113" t="s">
        <v>26173</v>
      </c>
      <c r="C13113" t="s">
        <v>26174</v>
      </c>
    </row>
    <row r="13114" spans="1:3" x14ac:dyDescent="0.15">
      <c r="A13114">
        <v>11892</v>
      </c>
      <c r="B13114" t="s">
        <v>26175</v>
      </c>
      <c r="C13114" t="s">
        <v>26176</v>
      </c>
    </row>
    <row r="13115" spans="1:3" x14ac:dyDescent="0.15">
      <c r="A13115">
        <v>11891</v>
      </c>
      <c r="B13115" t="s">
        <v>26177</v>
      </c>
      <c r="C13115" t="s">
        <v>26178</v>
      </c>
    </row>
    <row r="13116" spans="1:3" x14ac:dyDescent="0.15">
      <c r="A13116">
        <v>11889</v>
      </c>
      <c r="B13116" t="s">
        <v>26179</v>
      </c>
      <c r="C13116" t="s">
        <v>26180</v>
      </c>
    </row>
    <row r="13117" spans="1:3" x14ac:dyDescent="0.15">
      <c r="A13117">
        <v>11888</v>
      </c>
      <c r="B13117" t="s">
        <v>26181</v>
      </c>
      <c r="C13117" t="s">
        <v>26182</v>
      </c>
    </row>
    <row r="13118" spans="1:3" x14ac:dyDescent="0.15">
      <c r="A13118">
        <v>11887</v>
      </c>
      <c r="B13118" t="s">
        <v>26183</v>
      </c>
      <c r="C13118" t="s">
        <v>26184</v>
      </c>
    </row>
    <row r="13119" spans="1:3" x14ac:dyDescent="0.15">
      <c r="A13119">
        <v>11886</v>
      </c>
      <c r="B13119" t="s">
        <v>26185</v>
      </c>
      <c r="C13119" t="s">
        <v>26186</v>
      </c>
    </row>
    <row r="13120" spans="1:3" x14ac:dyDescent="0.15">
      <c r="A13120">
        <v>11885</v>
      </c>
      <c r="B13120" t="s">
        <v>26187</v>
      </c>
      <c r="C13120" t="s">
        <v>26188</v>
      </c>
    </row>
    <row r="13121" spans="1:3" x14ac:dyDescent="0.15">
      <c r="A13121">
        <v>11884</v>
      </c>
      <c r="B13121" t="s">
        <v>26189</v>
      </c>
      <c r="C13121" t="s">
        <v>26190</v>
      </c>
    </row>
    <row r="13122" spans="1:3" x14ac:dyDescent="0.15">
      <c r="A13122">
        <v>11883</v>
      </c>
      <c r="B13122" t="s">
        <v>26191</v>
      </c>
      <c r="C13122" t="s">
        <v>26192</v>
      </c>
    </row>
    <row r="13123" spans="1:3" x14ac:dyDescent="0.15">
      <c r="A13123">
        <v>11882</v>
      </c>
      <c r="B13123" t="s">
        <v>26193</v>
      </c>
      <c r="C13123" t="s">
        <v>26194</v>
      </c>
    </row>
    <row r="13124" spans="1:3" x14ac:dyDescent="0.15">
      <c r="A13124">
        <v>11881</v>
      </c>
      <c r="B13124" t="s">
        <v>26195</v>
      </c>
      <c r="C13124" t="s">
        <v>26196</v>
      </c>
    </row>
    <row r="13125" spans="1:3" x14ac:dyDescent="0.15">
      <c r="A13125">
        <v>11880</v>
      </c>
      <c r="B13125" t="s">
        <v>26197</v>
      </c>
      <c r="C13125" t="s">
        <v>26198</v>
      </c>
    </row>
    <row r="13126" spans="1:3" x14ac:dyDescent="0.15">
      <c r="A13126">
        <v>11879</v>
      </c>
      <c r="B13126" t="s">
        <v>26199</v>
      </c>
      <c r="C13126" t="s">
        <v>26200</v>
      </c>
    </row>
    <row r="13127" spans="1:3" x14ac:dyDescent="0.15">
      <c r="A13127">
        <v>11878</v>
      </c>
      <c r="B13127" t="s">
        <v>26201</v>
      </c>
      <c r="C13127" t="s">
        <v>26202</v>
      </c>
    </row>
    <row r="13128" spans="1:3" x14ac:dyDescent="0.15">
      <c r="A13128">
        <v>11877</v>
      </c>
      <c r="B13128" t="s">
        <v>26203</v>
      </c>
      <c r="C13128" t="s">
        <v>26204</v>
      </c>
    </row>
    <row r="13129" spans="1:3" x14ac:dyDescent="0.15">
      <c r="A13129">
        <v>11876</v>
      </c>
      <c r="B13129" t="s">
        <v>26205</v>
      </c>
      <c r="C13129" t="s">
        <v>26206</v>
      </c>
    </row>
    <row r="13130" spans="1:3" x14ac:dyDescent="0.15">
      <c r="A13130">
        <v>11875</v>
      </c>
      <c r="B13130" t="s">
        <v>26207</v>
      </c>
      <c r="C13130" t="s">
        <v>26208</v>
      </c>
    </row>
    <row r="13131" spans="1:3" x14ac:dyDescent="0.15">
      <c r="A13131">
        <v>11874</v>
      </c>
      <c r="B13131" t="s">
        <v>26209</v>
      </c>
      <c r="C13131" t="s">
        <v>26210</v>
      </c>
    </row>
    <row r="13132" spans="1:3" x14ac:dyDescent="0.15">
      <c r="A13132">
        <v>11873</v>
      </c>
      <c r="B13132" t="s">
        <v>26211</v>
      </c>
      <c r="C13132" t="s">
        <v>26212</v>
      </c>
    </row>
    <row r="13133" spans="1:3" x14ac:dyDescent="0.15">
      <c r="A13133">
        <v>11872</v>
      </c>
      <c r="B13133" t="s">
        <v>26213</v>
      </c>
      <c r="C13133" t="s">
        <v>26214</v>
      </c>
    </row>
    <row r="13134" spans="1:3" x14ac:dyDescent="0.15">
      <c r="A13134">
        <v>11871</v>
      </c>
      <c r="B13134" t="s">
        <v>26215</v>
      </c>
      <c r="C13134" t="s">
        <v>26216</v>
      </c>
    </row>
    <row r="13135" spans="1:3" x14ac:dyDescent="0.15">
      <c r="A13135">
        <v>11870</v>
      </c>
      <c r="B13135" t="s">
        <v>26217</v>
      </c>
      <c r="C13135" t="s">
        <v>26218</v>
      </c>
    </row>
    <row r="13136" spans="1:3" x14ac:dyDescent="0.15">
      <c r="A13136">
        <v>11869</v>
      </c>
      <c r="B13136" t="s">
        <v>26219</v>
      </c>
      <c r="C13136" t="s">
        <v>26220</v>
      </c>
    </row>
    <row r="13137" spans="1:3" x14ac:dyDescent="0.15">
      <c r="A13137">
        <v>11868</v>
      </c>
      <c r="B13137" t="s">
        <v>26221</v>
      </c>
      <c r="C13137" t="s">
        <v>26222</v>
      </c>
    </row>
    <row r="13138" spans="1:3" x14ac:dyDescent="0.15">
      <c r="A13138">
        <v>11867</v>
      </c>
      <c r="B13138" t="s">
        <v>26223</v>
      </c>
      <c r="C13138" t="s">
        <v>26224</v>
      </c>
    </row>
    <row r="13139" spans="1:3" x14ac:dyDescent="0.15">
      <c r="A13139">
        <v>11866</v>
      </c>
      <c r="B13139" t="s">
        <v>26225</v>
      </c>
      <c r="C13139" t="s">
        <v>26226</v>
      </c>
    </row>
    <row r="13140" spans="1:3" x14ac:dyDescent="0.15">
      <c r="A13140">
        <v>11865</v>
      </c>
      <c r="B13140" t="s">
        <v>26227</v>
      </c>
      <c r="C13140" t="s">
        <v>26228</v>
      </c>
    </row>
    <row r="13141" spans="1:3" x14ac:dyDescent="0.15">
      <c r="A13141">
        <v>11864</v>
      </c>
      <c r="B13141" t="s">
        <v>26229</v>
      </c>
      <c r="C13141" t="s">
        <v>26230</v>
      </c>
    </row>
    <row r="13142" spans="1:3" x14ac:dyDescent="0.15">
      <c r="A13142">
        <v>11863</v>
      </c>
      <c r="B13142" t="s">
        <v>26231</v>
      </c>
      <c r="C13142" t="s">
        <v>26232</v>
      </c>
    </row>
    <row r="13143" spans="1:3" x14ac:dyDescent="0.15">
      <c r="A13143">
        <v>11862</v>
      </c>
      <c r="B13143" t="s">
        <v>26233</v>
      </c>
      <c r="C13143" t="s">
        <v>26234</v>
      </c>
    </row>
    <row r="13144" spans="1:3" x14ac:dyDescent="0.15">
      <c r="A13144">
        <v>11861</v>
      </c>
      <c r="B13144" t="s">
        <v>26235</v>
      </c>
      <c r="C13144" t="s">
        <v>26236</v>
      </c>
    </row>
    <row r="13145" spans="1:3" x14ac:dyDescent="0.15">
      <c r="A13145">
        <v>11860</v>
      </c>
      <c r="B13145" t="s">
        <v>26237</v>
      </c>
      <c r="C13145" t="s">
        <v>26238</v>
      </c>
    </row>
    <row r="13146" spans="1:3" x14ac:dyDescent="0.15">
      <c r="A13146">
        <v>11859</v>
      </c>
      <c r="B13146" t="s">
        <v>26239</v>
      </c>
      <c r="C13146" t="s">
        <v>26240</v>
      </c>
    </row>
    <row r="13147" spans="1:3" x14ac:dyDescent="0.15">
      <c r="A13147">
        <v>11858</v>
      </c>
      <c r="B13147" t="s">
        <v>26241</v>
      </c>
      <c r="C13147" t="s">
        <v>26242</v>
      </c>
    </row>
    <row r="13148" spans="1:3" x14ac:dyDescent="0.15">
      <c r="A13148">
        <v>11857</v>
      </c>
      <c r="B13148" t="s">
        <v>26243</v>
      </c>
      <c r="C13148" t="s">
        <v>26244</v>
      </c>
    </row>
    <row r="13149" spans="1:3" x14ac:dyDescent="0.15">
      <c r="A13149">
        <v>11856</v>
      </c>
      <c r="B13149" t="s">
        <v>26245</v>
      </c>
      <c r="C13149" t="s">
        <v>26246</v>
      </c>
    </row>
    <row r="13150" spans="1:3" x14ac:dyDescent="0.15">
      <c r="A13150">
        <v>11855</v>
      </c>
      <c r="B13150" t="s">
        <v>26247</v>
      </c>
      <c r="C13150" t="s">
        <v>26248</v>
      </c>
    </row>
    <row r="13151" spans="1:3" x14ac:dyDescent="0.15">
      <c r="A13151">
        <v>11854</v>
      </c>
      <c r="B13151" t="s">
        <v>26249</v>
      </c>
      <c r="C13151" t="s">
        <v>26250</v>
      </c>
    </row>
    <row r="13152" spans="1:3" x14ac:dyDescent="0.15">
      <c r="A13152">
        <v>11853</v>
      </c>
      <c r="B13152" t="s">
        <v>26251</v>
      </c>
      <c r="C13152" t="s">
        <v>26252</v>
      </c>
    </row>
    <row r="13153" spans="1:3" x14ac:dyDescent="0.15">
      <c r="A13153">
        <v>11852</v>
      </c>
      <c r="B13153" t="s">
        <v>26253</v>
      </c>
      <c r="C13153" t="s">
        <v>26254</v>
      </c>
    </row>
    <row r="13154" spans="1:3" x14ac:dyDescent="0.15">
      <c r="A13154">
        <v>11851</v>
      </c>
      <c r="B13154" t="s">
        <v>26255</v>
      </c>
      <c r="C13154" t="s">
        <v>26256</v>
      </c>
    </row>
    <row r="13155" spans="1:3" x14ac:dyDescent="0.15">
      <c r="A13155">
        <v>11850</v>
      </c>
      <c r="B13155" t="s">
        <v>26257</v>
      </c>
      <c r="C13155" t="s">
        <v>26258</v>
      </c>
    </row>
    <row r="13156" spans="1:3" x14ac:dyDescent="0.15">
      <c r="A13156">
        <v>11849</v>
      </c>
      <c r="B13156" t="s">
        <v>26259</v>
      </c>
      <c r="C13156" t="s">
        <v>26260</v>
      </c>
    </row>
    <row r="13157" spans="1:3" x14ac:dyDescent="0.15">
      <c r="A13157">
        <v>11848</v>
      </c>
      <c r="B13157" t="s">
        <v>26261</v>
      </c>
      <c r="C13157" t="s">
        <v>26262</v>
      </c>
    </row>
    <row r="13158" spans="1:3" x14ac:dyDescent="0.15">
      <c r="A13158">
        <v>11847</v>
      </c>
      <c r="B13158" t="s">
        <v>26263</v>
      </c>
      <c r="C13158" t="s">
        <v>26264</v>
      </c>
    </row>
    <row r="13159" spans="1:3" x14ac:dyDescent="0.15">
      <c r="A13159">
        <v>11846</v>
      </c>
      <c r="B13159" t="s">
        <v>26265</v>
      </c>
      <c r="C13159" t="s">
        <v>26266</v>
      </c>
    </row>
    <row r="13160" spans="1:3" x14ac:dyDescent="0.15">
      <c r="A13160">
        <v>11845</v>
      </c>
      <c r="B13160" t="s">
        <v>26267</v>
      </c>
      <c r="C13160" t="s">
        <v>26268</v>
      </c>
    </row>
    <row r="13161" spans="1:3" x14ac:dyDescent="0.15">
      <c r="A13161">
        <v>11844</v>
      </c>
      <c r="B13161" t="s">
        <v>26269</v>
      </c>
      <c r="C13161" t="s">
        <v>26270</v>
      </c>
    </row>
    <row r="13162" spans="1:3" x14ac:dyDescent="0.15">
      <c r="A13162">
        <v>11843</v>
      </c>
      <c r="B13162" t="s">
        <v>26271</v>
      </c>
      <c r="C13162" t="s">
        <v>26272</v>
      </c>
    </row>
    <row r="13163" spans="1:3" x14ac:dyDescent="0.15">
      <c r="A13163">
        <v>11842</v>
      </c>
      <c r="B13163" t="s">
        <v>26273</v>
      </c>
      <c r="C13163" t="s">
        <v>26274</v>
      </c>
    </row>
    <row r="13164" spans="1:3" x14ac:dyDescent="0.15">
      <c r="A13164">
        <v>11841</v>
      </c>
      <c r="B13164" t="s">
        <v>26275</v>
      </c>
      <c r="C13164" t="s">
        <v>26276</v>
      </c>
    </row>
    <row r="13165" spans="1:3" x14ac:dyDescent="0.15">
      <c r="A13165">
        <v>11840</v>
      </c>
      <c r="B13165" t="s">
        <v>26277</v>
      </c>
      <c r="C13165" t="s">
        <v>26278</v>
      </c>
    </row>
    <row r="13166" spans="1:3" x14ac:dyDescent="0.15">
      <c r="A13166">
        <v>11839</v>
      </c>
      <c r="B13166" t="s">
        <v>26279</v>
      </c>
      <c r="C13166" t="s">
        <v>26280</v>
      </c>
    </row>
    <row r="13167" spans="1:3" x14ac:dyDescent="0.15">
      <c r="A13167">
        <v>11838</v>
      </c>
      <c r="B13167" t="s">
        <v>26281</v>
      </c>
      <c r="C13167" t="s">
        <v>26282</v>
      </c>
    </row>
    <row r="13168" spans="1:3" x14ac:dyDescent="0.15">
      <c r="A13168">
        <v>11837</v>
      </c>
      <c r="B13168" t="s">
        <v>26283</v>
      </c>
      <c r="C13168" t="s">
        <v>26284</v>
      </c>
    </row>
    <row r="13169" spans="1:3" x14ac:dyDescent="0.15">
      <c r="A13169">
        <v>11836</v>
      </c>
      <c r="B13169" t="s">
        <v>26285</v>
      </c>
      <c r="C13169" t="s">
        <v>26286</v>
      </c>
    </row>
    <row r="13170" spans="1:3" x14ac:dyDescent="0.15">
      <c r="A13170">
        <v>11835</v>
      </c>
      <c r="B13170" t="s">
        <v>26287</v>
      </c>
      <c r="C13170" t="s">
        <v>26288</v>
      </c>
    </row>
    <row r="13171" spans="1:3" x14ac:dyDescent="0.15">
      <c r="A13171">
        <v>11834</v>
      </c>
      <c r="B13171" t="s">
        <v>26289</v>
      </c>
      <c r="C13171" t="s">
        <v>26290</v>
      </c>
    </row>
    <row r="13172" spans="1:3" x14ac:dyDescent="0.15">
      <c r="A13172">
        <v>11833</v>
      </c>
      <c r="B13172" t="s">
        <v>26291</v>
      </c>
      <c r="C13172" t="s">
        <v>26292</v>
      </c>
    </row>
    <row r="13173" spans="1:3" x14ac:dyDescent="0.15">
      <c r="A13173">
        <v>11832</v>
      </c>
      <c r="B13173" t="s">
        <v>26293</v>
      </c>
      <c r="C13173" t="s">
        <v>26294</v>
      </c>
    </row>
    <row r="13174" spans="1:3" x14ac:dyDescent="0.15">
      <c r="A13174">
        <v>11831</v>
      </c>
      <c r="B13174" t="s">
        <v>26295</v>
      </c>
      <c r="C13174" t="s">
        <v>26296</v>
      </c>
    </row>
    <row r="13175" spans="1:3" x14ac:dyDescent="0.15">
      <c r="A13175">
        <v>11830</v>
      </c>
      <c r="B13175" t="s">
        <v>26297</v>
      </c>
      <c r="C13175" t="s">
        <v>26298</v>
      </c>
    </row>
    <row r="13176" spans="1:3" x14ac:dyDescent="0.15">
      <c r="A13176">
        <v>11829</v>
      </c>
      <c r="B13176" t="s">
        <v>26299</v>
      </c>
      <c r="C13176" t="s">
        <v>26300</v>
      </c>
    </row>
    <row r="13177" spans="1:3" x14ac:dyDescent="0.15">
      <c r="A13177">
        <v>11828</v>
      </c>
      <c r="B13177" t="s">
        <v>26301</v>
      </c>
      <c r="C13177" t="s">
        <v>26302</v>
      </c>
    </row>
    <row r="13178" spans="1:3" x14ac:dyDescent="0.15">
      <c r="A13178">
        <v>11827</v>
      </c>
      <c r="B13178" t="s">
        <v>26303</v>
      </c>
      <c r="C13178" t="s">
        <v>26304</v>
      </c>
    </row>
    <row r="13179" spans="1:3" x14ac:dyDescent="0.15">
      <c r="A13179">
        <v>11826</v>
      </c>
      <c r="B13179" t="s">
        <v>26305</v>
      </c>
      <c r="C13179" t="s">
        <v>26306</v>
      </c>
    </row>
    <row r="13180" spans="1:3" x14ac:dyDescent="0.15">
      <c r="A13180">
        <v>11825</v>
      </c>
      <c r="B13180" t="s">
        <v>26307</v>
      </c>
      <c r="C13180" t="s">
        <v>26308</v>
      </c>
    </row>
    <row r="13181" spans="1:3" x14ac:dyDescent="0.15">
      <c r="A13181">
        <v>11824</v>
      </c>
      <c r="B13181" t="s">
        <v>26309</v>
      </c>
      <c r="C13181" t="s">
        <v>26310</v>
      </c>
    </row>
    <row r="13182" spans="1:3" x14ac:dyDescent="0.15">
      <c r="A13182">
        <v>11823</v>
      </c>
      <c r="B13182" t="s">
        <v>26311</v>
      </c>
      <c r="C13182" t="s">
        <v>26312</v>
      </c>
    </row>
    <row r="13183" spans="1:3" x14ac:dyDescent="0.15">
      <c r="A13183">
        <v>11822</v>
      </c>
      <c r="B13183" t="s">
        <v>26313</v>
      </c>
      <c r="C13183" t="s">
        <v>26314</v>
      </c>
    </row>
    <row r="13184" spans="1:3" x14ac:dyDescent="0.15">
      <c r="A13184">
        <v>11821</v>
      </c>
      <c r="B13184" t="s">
        <v>26315</v>
      </c>
      <c r="C13184" t="s">
        <v>26316</v>
      </c>
    </row>
    <row r="13185" spans="1:3" x14ac:dyDescent="0.15">
      <c r="A13185">
        <v>11820</v>
      </c>
      <c r="B13185" t="s">
        <v>26317</v>
      </c>
      <c r="C13185" t="s">
        <v>26318</v>
      </c>
    </row>
    <row r="13186" spans="1:3" x14ac:dyDescent="0.15">
      <c r="A13186">
        <v>11819</v>
      </c>
      <c r="B13186" t="s">
        <v>26319</v>
      </c>
      <c r="C13186" t="s">
        <v>26320</v>
      </c>
    </row>
    <row r="13187" spans="1:3" x14ac:dyDescent="0.15">
      <c r="A13187">
        <v>11818</v>
      </c>
      <c r="B13187" t="s">
        <v>26321</v>
      </c>
      <c r="C13187" t="s">
        <v>26322</v>
      </c>
    </row>
    <row r="13188" spans="1:3" x14ac:dyDescent="0.15">
      <c r="A13188">
        <v>11817</v>
      </c>
      <c r="B13188" t="s">
        <v>26323</v>
      </c>
      <c r="C13188" t="s">
        <v>26324</v>
      </c>
    </row>
    <row r="13189" spans="1:3" x14ac:dyDescent="0.15">
      <c r="A13189">
        <v>11816</v>
      </c>
      <c r="B13189" t="s">
        <v>26325</v>
      </c>
      <c r="C13189" t="s">
        <v>26326</v>
      </c>
    </row>
    <row r="13190" spans="1:3" x14ac:dyDescent="0.15">
      <c r="A13190">
        <v>11815</v>
      </c>
      <c r="B13190" t="s">
        <v>26327</v>
      </c>
      <c r="C13190" t="s">
        <v>26328</v>
      </c>
    </row>
    <row r="13191" spans="1:3" x14ac:dyDescent="0.15">
      <c r="A13191">
        <v>11814</v>
      </c>
      <c r="B13191" t="s">
        <v>26329</v>
      </c>
      <c r="C13191" t="s">
        <v>26330</v>
      </c>
    </row>
    <row r="13192" spans="1:3" x14ac:dyDescent="0.15">
      <c r="A13192">
        <v>11813</v>
      </c>
      <c r="B13192" t="s">
        <v>26331</v>
      </c>
      <c r="C13192" t="s">
        <v>26332</v>
      </c>
    </row>
    <row r="13193" spans="1:3" x14ac:dyDescent="0.15">
      <c r="A13193">
        <v>11812</v>
      </c>
      <c r="B13193" t="s">
        <v>26333</v>
      </c>
      <c r="C13193" t="s">
        <v>26334</v>
      </c>
    </row>
    <row r="13194" spans="1:3" x14ac:dyDescent="0.15">
      <c r="A13194">
        <v>11811</v>
      </c>
      <c r="B13194" t="s">
        <v>26335</v>
      </c>
      <c r="C13194" t="s">
        <v>26336</v>
      </c>
    </row>
    <row r="13195" spans="1:3" x14ac:dyDescent="0.15">
      <c r="A13195">
        <v>11810</v>
      </c>
      <c r="B13195" t="s">
        <v>26337</v>
      </c>
      <c r="C13195" t="s">
        <v>26338</v>
      </c>
    </row>
    <row r="13196" spans="1:3" x14ac:dyDescent="0.15">
      <c r="A13196">
        <v>11809</v>
      </c>
      <c r="B13196" t="s">
        <v>26339</v>
      </c>
      <c r="C13196" t="s">
        <v>26340</v>
      </c>
    </row>
    <row r="13197" spans="1:3" x14ac:dyDescent="0.15">
      <c r="A13197">
        <v>11808</v>
      </c>
      <c r="B13197" t="s">
        <v>26341</v>
      </c>
      <c r="C13197" t="s">
        <v>26342</v>
      </c>
    </row>
    <row r="13198" spans="1:3" x14ac:dyDescent="0.15">
      <c r="A13198">
        <v>11807</v>
      </c>
      <c r="B13198" t="s">
        <v>26343</v>
      </c>
      <c r="C13198" t="s">
        <v>26344</v>
      </c>
    </row>
    <row r="13199" spans="1:3" x14ac:dyDescent="0.15">
      <c r="A13199">
        <v>11806</v>
      </c>
      <c r="B13199" t="s">
        <v>26345</v>
      </c>
      <c r="C13199" t="s">
        <v>26346</v>
      </c>
    </row>
    <row r="13200" spans="1:3" x14ac:dyDescent="0.15">
      <c r="A13200">
        <v>11805</v>
      </c>
      <c r="B13200" t="s">
        <v>26347</v>
      </c>
      <c r="C13200" t="s">
        <v>26348</v>
      </c>
    </row>
    <row r="13201" spans="1:3" x14ac:dyDescent="0.15">
      <c r="A13201">
        <v>11804</v>
      </c>
      <c r="B13201" t="s">
        <v>26349</v>
      </c>
      <c r="C13201" t="s">
        <v>26350</v>
      </c>
    </row>
    <row r="13202" spans="1:3" x14ac:dyDescent="0.15">
      <c r="A13202">
        <v>11803</v>
      </c>
      <c r="B13202" t="s">
        <v>26351</v>
      </c>
      <c r="C13202" t="s">
        <v>26352</v>
      </c>
    </row>
    <row r="13203" spans="1:3" x14ac:dyDescent="0.15">
      <c r="A13203">
        <v>11802</v>
      </c>
      <c r="B13203" t="s">
        <v>26353</v>
      </c>
      <c r="C13203" t="s">
        <v>26354</v>
      </c>
    </row>
    <row r="13204" spans="1:3" x14ac:dyDescent="0.15">
      <c r="A13204">
        <v>11801</v>
      </c>
      <c r="B13204" t="s">
        <v>26355</v>
      </c>
      <c r="C13204" t="s">
        <v>26356</v>
      </c>
    </row>
    <row r="13205" spans="1:3" x14ac:dyDescent="0.15">
      <c r="A13205">
        <v>11800</v>
      </c>
      <c r="B13205" t="s">
        <v>26357</v>
      </c>
      <c r="C13205" t="s">
        <v>26358</v>
      </c>
    </row>
    <row r="13206" spans="1:3" x14ac:dyDescent="0.15">
      <c r="A13206">
        <v>11799</v>
      </c>
      <c r="B13206" t="s">
        <v>26359</v>
      </c>
      <c r="C13206" t="s">
        <v>26360</v>
      </c>
    </row>
    <row r="13207" spans="1:3" x14ac:dyDescent="0.15">
      <c r="A13207">
        <v>11798</v>
      </c>
      <c r="B13207" t="s">
        <v>26361</v>
      </c>
      <c r="C13207" t="s">
        <v>26362</v>
      </c>
    </row>
    <row r="13208" spans="1:3" x14ac:dyDescent="0.15">
      <c r="A13208">
        <v>11797</v>
      </c>
      <c r="B13208" t="s">
        <v>26363</v>
      </c>
      <c r="C13208" t="s">
        <v>26364</v>
      </c>
    </row>
    <row r="13209" spans="1:3" x14ac:dyDescent="0.15">
      <c r="A13209">
        <v>11796</v>
      </c>
      <c r="B13209" t="s">
        <v>26365</v>
      </c>
      <c r="C13209" t="s">
        <v>26366</v>
      </c>
    </row>
    <row r="13210" spans="1:3" x14ac:dyDescent="0.15">
      <c r="A13210">
        <v>11795</v>
      </c>
      <c r="B13210" t="s">
        <v>26367</v>
      </c>
      <c r="C13210" t="s">
        <v>26368</v>
      </c>
    </row>
    <row r="13211" spans="1:3" x14ac:dyDescent="0.15">
      <c r="A13211">
        <v>11794</v>
      </c>
      <c r="B13211" t="s">
        <v>26369</v>
      </c>
      <c r="C13211" t="s">
        <v>26370</v>
      </c>
    </row>
    <row r="13212" spans="1:3" x14ac:dyDescent="0.15">
      <c r="A13212">
        <v>11793</v>
      </c>
      <c r="B13212" t="s">
        <v>26371</v>
      </c>
      <c r="C13212" t="s">
        <v>26372</v>
      </c>
    </row>
    <row r="13213" spans="1:3" x14ac:dyDescent="0.15">
      <c r="A13213">
        <v>11792</v>
      </c>
      <c r="B13213" t="s">
        <v>26373</v>
      </c>
      <c r="C13213" t="s">
        <v>26374</v>
      </c>
    </row>
    <row r="13214" spans="1:3" x14ac:dyDescent="0.15">
      <c r="A13214">
        <v>11791</v>
      </c>
      <c r="B13214" t="s">
        <v>26375</v>
      </c>
      <c r="C13214" t="s">
        <v>26376</v>
      </c>
    </row>
    <row r="13215" spans="1:3" x14ac:dyDescent="0.15">
      <c r="A13215">
        <v>11790</v>
      </c>
      <c r="B13215" t="s">
        <v>26377</v>
      </c>
      <c r="C13215" t="s">
        <v>26378</v>
      </c>
    </row>
    <row r="13216" spans="1:3" x14ac:dyDescent="0.15">
      <c r="A13216">
        <v>11789</v>
      </c>
      <c r="B13216" t="s">
        <v>26379</v>
      </c>
      <c r="C13216" t="s">
        <v>26380</v>
      </c>
    </row>
    <row r="13217" spans="1:3" x14ac:dyDescent="0.15">
      <c r="A13217">
        <v>11788</v>
      </c>
      <c r="B13217" t="s">
        <v>26381</v>
      </c>
      <c r="C13217" t="s">
        <v>26382</v>
      </c>
    </row>
    <row r="13218" spans="1:3" x14ac:dyDescent="0.15">
      <c r="A13218">
        <v>11787</v>
      </c>
      <c r="B13218" t="s">
        <v>26383</v>
      </c>
      <c r="C13218" t="s">
        <v>26384</v>
      </c>
    </row>
    <row r="13219" spans="1:3" x14ac:dyDescent="0.15">
      <c r="A13219">
        <v>11786</v>
      </c>
      <c r="B13219" t="s">
        <v>26385</v>
      </c>
      <c r="C13219" t="s">
        <v>26386</v>
      </c>
    </row>
    <row r="13220" spans="1:3" x14ac:dyDescent="0.15">
      <c r="A13220">
        <v>11785</v>
      </c>
      <c r="B13220" t="s">
        <v>26387</v>
      </c>
      <c r="C13220" t="s">
        <v>26388</v>
      </c>
    </row>
    <row r="13221" spans="1:3" x14ac:dyDescent="0.15">
      <c r="A13221">
        <v>11784</v>
      </c>
      <c r="B13221" t="s">
        <v>26389</v>
      </c>
      <c r="C13221" t="s">
        <v>26390</v>
      </c>
    </row>
    <row r="13222" spans="1:3" x14ac:dyDescent="0.15">
      <c r="A13222">
        <v>11783</v>
      </c>
      <c r="B13222" t="s">
        <v>26391</v>
      </c>
      <c r="C13222" t="s">
        <v>26392</v>
      </c>
    </row>
    <row r="13223" spans="1:3" x14ac:dyDescent="0.15">
      <c r="A13223">
        <v>11782</v>
      </c>
      <c r="B13223" t="s">
        <v>26393</v>
      </c>
      <c r="C13223" t="s">
        <v>26394</v>
      </c>
    </row>
    <row r="13224" spans="1:3" x14ac:dyDescent="0.15">
      <c r="A13224">
        <v>11781</v>
      </c>
      <c r="B13224" t="s">
        <v>26395</v>
      </c>
      <c r="C13224" t="s">
        <v>26396</v>
      </c>
    </row>
    <row r="13225" spans="1:3" x14ac:dyDescent="0.15">
      <c r="A13225">
        <v>11780</v>
      </c>
      <c r="B13225" t="s">
        <v>26397</v>
      </c>
      <c r="C13225" t="s">
        <v>26398</v>
      </c>
    </row>
    <row r="13226" spans="1:3" x14ac:dyDescent="0.15">
      <c r="A13226">
        <v>11779</v>
      </c>
      <c r="B13226" t="s">
        <v>26399</v>
      </c>
      <c r="C13226" t="s">
        <v>26400</v>
      </c>
    </row>
    <row r="13227" spans="1:3" x14ac:dyDescent="0.15">
      <c r="A13227">
        <v>11778</v>
      </c>
      <c r="B13227" t="s">
        <v>26401</v>
      </c>
      <c r="C13227" t="s">
        <v>26402</v>
      </c>
    </row>
    <row r="13228" spans="1:3" x14ac:dyDescent="0.15">
      <c r="A13228">
        <v>11777</v>
      </c>
      <c r="B13228" t="s">
        <v>26403</v>
      </c>
      <c r="C13228" t="s">
        <v>26404</v>
      </c>
    </row>
    <row r="13229" spans="1:3" x14ac:dyDescent="0.15">
      <c r="A13229">
        <v>11776</v>
      </c>
      <c r="B13229" t="s">
        <v>26405</v>
      </c>
      <c r="C13229" t="s">
        <v>26406</v>
      </c>
    </row>
    <row r="13230" spans="1:3" x14ac:dyDescent="0.15">
      <c r="A13230">
        <v>11775</v>
      </c>
      <c r="B13230" t="s">
        <v>26407</v>
      </c>
      <c r="C13230" t="s">
        <v>26408</v>
      </c>
    </row>
    <row r="13231" spans="1:3" x14ac:dyDescent="0.15">
      <c r="A13231">
        <v>11774</v>
      </c>
      <c r="B13231" t="s">
        <v>26409</v>
      </c>
      <c r="C13231" t="s">
        <v>26410</v>
      </c>
    </row>
    <row r="13232" spans="1:3" x14ac:dyDescent="0.15">
      <c r="A13232">
        <v>11773</v>
      </c>
      <c r="B13232" t="s">
        <v>26411</v>
      </c>
      <c r="C13232" t="s">
        <v>26412</v>
      </c>
    </row>
    <row r="13233" spans="1:3" x14ac:dyDescent="0.15">
      <c r="A13233">
        <v>11772</v>
      </c>
      <c r="B13233" t="s">
        <v>26413</v>
      </c>
      <c r="C13233" t="s">
        <v>26414</v>
      </c>
    </row>
    <row r="13234" spans="1:3" x14ac:dyDescent="0.15">
      <c r="A13234">
        <v>11771</v>
      </c>
      <c r="B13234" t="s">
        <v>26415</v>
      </c>
      <c r="C13234" t="s">
        <v>26416</v>
      </c>
    </row>
    <row r="13235" spans="1:3" x14ac:dyDescent="0.15">
      <c r="A13235">
        <v>11770</v>
      </c>
      <c r="B13235" t="s">
        <v>26417</v>
      </c>
      <c r="C13235" t="s">
        <v>26418</v>
      </c>
    </row>
    <row r="13236" spans="1:3" x14ac:dyDescent="0.15">
      <c r="A13236">
        <v>11769</v>
      </c>
      <c r="B13236" t="s">
        <v>26419</v>
      </c>
      <c r="C13236" t="s">
        <v>26420</v>
      </c>
    </row>
    <row r="13237" spans="1:3" x14ac:dyDescent="0.15">
      <c r="A13237">
        <v>11768</v>
      </c>
      <c r="B13237" t="s">
        <v>26421</v>
      </c>
      <c r="C13237" t="s">
        <v>26422</v>
      </c>
    </row>
    <row r="13238" spans="1:3" x14ac:dyDescent="0.15">
      <c r="A13238">
        <v>11767</v>
      </c>
      <c r="B13238" t="s">
        <v>26423</v>
      </c>
      <c r="C13238" t="s">
        <v>26424</v>
      </c>
    </row>
    <row r="13239" spans="1:3" x14ac:dyDescent="0.15">
      <c r="A13239">
        <v>11766</v>
      </c>
      <c r="B13239" t="s">
        <v>26425</v>
      </c>
      <c r="C13239" t="s">
        <v>26426</v>
      </c>
    </row>
    <row r="13240" spans="1:3" x14ac:dyDescent="0.15">
      <c r="A13240">
        <v>11765</v>
      </c>
      <c r="B13240" t="s">
        <v>26427</v>
      </c>
      <c r="C13240" t="s">
        <v>26428</v>
      </c>
    </row>
    <row r="13241" spans="1:3" x14ac:dyDescent="0.15">
      <c r="A13241">
        <v>11764</v>
      </c>
      <c r="B13241" t="s">
        <v>26429</v>
      </c>
      <c r="C13241" t="s">
        <v>26430</v>
      </c>
    </row>
    <row r="13242" spans="1:3" x14ac:dyDescent="0.15">
      <c r="A13242">
        <v>11763</v>
      </c>
      <c r="B13242" t="s">
        <v>26431</v>
      </c>
      <c r="C13242" t="s">
        <v>26432</v>
      </c>
    </row>
    <row r="13243" spans="1:3" x14ac:dyDescent="0.15">
      <c r="A13243">
        <v>11762</v>
      </c>
      <c r="B13243" t="s">
        <v>26433</v>
      </c>
      <c r="C13243" t="s">
        <v>26434</v>
      </c>
    </row>
    <row r="13244" spans="1:3" x14ac:dyDescent="0.15">
      <c r="A13244">
        <v>11761</v>
      </c>
      <c r="B13244" t="s">
        <v>26435</v>
      </c>
      <c r="C13244" t="s">
        <v>26436</v>
      </c>
    </row>
    <row r="13245" spans="1:3" x14ac:dyDescent="0.15">
      <c r="A13245">
        <v>11760</v>
      </c>
      <c r="B13245" t="s">
        <v>26437</v>
      </c>
      <c r="C13245" t="s">
        <v>26438</v>
      </c>
    </row>
    <row r="13246" spans="1:3" x14ac:dyDescent="0.15">
      <c r="A13246">
        <v>11759</v>
      </c>
      <c r="B13246" t="s">
        <v>26439</v>
      </c>
      <c r="C13246" t="s">
        <v>26440</v>
      </c>
    </row>
    <row r="13247" spans="1:3" x14ac:dyDescent="0.15">
      <c r="A13247">
        <v>11758</v>
      </c>
      <c r="B13247" t="s">
        <v>26441</v>
      </c>
      <c r="C13247" t="s">
        <v>26442</v>
      </c>
    </row>
    <row r="13248" spans="1:3" x14ac:dyDescent="0.15">
      <c r="A13248">
        <v>11757</v>
      </c>
      <c r="B13248" t="s">
        <v>26443</v>
      </c>
      <c r="C13248" t="s">
        <v>26444</v>
      </c>
    </row>
    <row r="13249" spans="1:3" x14ac:dyDescent="0.15">
      <c r="A13249">
        <v>11756</v>
      </c>
      <c r="B13249" t="s">
        <v>26445</v>
      </c>
      <c r="C13249" t="s">
        <v>26446</v>
      </c>
    </row>
    <row r="13250" spans="1:3" x14ac:dyDescent="0.15">
      <c r="A13250">
        <v>11755</v>
      </c>
      <c r="B13250" t="s">
        <v>26447</v>
      </c>
      <c r="C13250" t="s">
        <v>26448</v>
      </c>
    </row>
    <row r="13251" spans="1:3" x14ac:dyDescent="0.15">
      <c r="A13251">
        <v>11754</v>
      </c>
      <c r="B13251" t="s">
        <v>26449</v>
      </c>
      <c r="C13251" t="s">
        <v>26450</v>
      </c>
    </row>
    <row r="13252" spans="1:3" x14ac:dyDescent="0.15">
      <c r="A13252">
        <v>11753</v>
      </c>
      <c r="B13252" t="s">
        <v>26451</v>
      </c>
      <c r="C13252" t="s">
        <v>26452</v>
      </c>
    </row>
    <row r="13253" spans="1:3" x14ac:dyDescent="0.15">
      <c r="A13253">
        <v>11752</v>
      </c>
      <c r="B13253" t="s">
        <v>26453</v>
      </c>
      <c r="C13253" t="s">
        <v>26454</v>
      </c>
    </row>
    <row r="13254" spans="1:3" x14ac:dyDescent="0.15">
      <c r="A13254">
        <v>11751</v>
      </c>
      <c r="B13254" t="s">
        <v>26455</v>
      </c>
      <c r="C13254" t="s">
        <v>26456</v>
      </c>
    </row>
    <row r="13255" spans="1:3" x14ac:dyDescent="0.15">
      <c r="A13255">
        <v>11750</v>
      </c>
      <c r="B13255" t="s">
        <v>26457</v>
      </c>
      <c r="C13255" t="s">
        <v>26458</v>
      </c>
    </row>
    <row r="13256" spans="1:3" x14ac:dyDescent="0.15">
      <c r="A13256">
        <v>11749</v>
      </c>
      <c r="B13256" t="s">
        <v>26459</v>
      </c>
      <c r="C13256" t="s">
        <v>26460</v>
      </c>
    </row>
    <row r="13257" spans="1:3" x14ac:dyDescent="0.15">
      <c r="A13257">
        <v>11748</v>
      </c>
      <c r="B13257" t="s">
        <v>26461</v>
      </c>
      <c r="C13257" t="s">
        <v>26462</v>
      </c>
    </row>
    <row r="13258" spans="1:3" x14ac:dyDescent="0.15">
      <c r="A13258">
        <v>11747</v>
      </c>
      <c r="B13258" t="s">
        <v>26463</v>
      </c>
      <c r="C13258" t="s">
        <v>26464</v>
      </c>
    </row>
    <row r="13259" spans="1:3" x14ac:dyDescent="0.15">
      <c r="A13259">
        <v>11746</v>
      </c>
      <c r="B13259" t="s">
        <v>26465</v>
      </c>
      <c r="C13259" t="s">
        <v>26466</v>
      </c>
    </row>
    <row r="13260" spans="1:3" x14ac:dyDescent="0.15">
      <c r="A13260">
        <v>11745</v>
      </c>
      <c r="B13260" t="s">
        <v>26467</v>
      </c>
      <c r="C13260" t="s">
        <v>26468</v>
      </c>
    </row>
    <row r="13261" spans="1:3" x14ac:dyDescent="0.15">
      <c r="A13261">
        <v>11744</v>
      </c>
      <c r="B13261" t="s">
        <v>26469</v>
      </c>
      <c r="C13261" t="s">
        <v>26470</v>
      </c>
    </row>
    <row r="13262" spans="1:3" x14ac:dyDescent="0.15">
      <c r="A13262">
        <v>11743</v>
      </c>
      <c r="B13262" t="s">
        <v>26471</v>
      </c>
      <c r="C13262" t="s">
        <v>26472</v>
      </c>
    </row>
    <row r="13263" spans="1:3" x14ac:dyDescent="0.15">
      <c r="A13263">
        <v>11742</v>
      </c>
      <c r="B13263" t="s">
        <v>26473</v>
      </c>
      <c r="C13263" t="s">
        <v>26474</v>
      </c>
    </row>
    <row r="13264" spans="1:3" x14ac:dyDescent="0.15">
      <c r="A13264">
        <v>11741</v>
      </c>
      <c r="B13264" t="s">
        <v>26475</v>
      </c>
      <c r="C13264" t="s">
        <v>26476</v>
      </c>
    </row>
    <row r="13265" spans="1:3" x14ac:dyDescent="0.15">
      <c r="A13265">
        <v>11740</v>
      </c>
      <c r="B13265" t="s">
        <v>26477</v>
      </c>
      <c r="C13265" t="s">
        <v>26478</v>
      </c>
    </row>
    <row r="13266" spans="1:3" x14ac:dyDescent="0.15">
      <c r="A13266">
        <v>11739</v>
      </c>
      <c r="B13266" t="s">
        <v>26479</v>
      </c>
      <c r="C13266" t="s">
        <v>26480</v>
      </c>
    </row>
    <row r="13267" spans="1:3" x14ac:dyDescent="0.15">
      <c r="A13267">
        <v>11738</v>
      </c>
      <c r="B13267" t="s">
        <v>26481</v>
      </c>
      <c r="C13267" t="s">
        <v>26482</v>
      </c>
    </row>
    <row r="13268" spans="1:3" x14ac:dyDescent="0.15">
      <c r="A13268">
        <v>11737</v>
      </c>
      <c r="B13268" t="s">
        <v>26483</v>
      </c>
      <c r="C13268" t="s">
        <v>491</v>
      </c>
    </row>
    <row r="13269" spans="1:3" x14ac:dyDescent="0.15">
      <c r="A13269">
        <v>11736</v>
      </c>
      <c r="B13269" t="s">
        <v>26484</v>
      </c>
      <c r="C13269" t="s">
        <v>26485</v>
      </c>
    </row>
    <row r="13270" spans="1:3" x14ac:dyDescent="0.15">
      <c r="A13270">
        <v>11735</v>
      </c>
      <c r="B13270" t="s">
        <v>26486</v>
      </c>
      <c r="C13270" t="s">
        <v>26487</v>
      </c>
    </row>
    <row r="13271" spans="1:3" x14ac:dyDescent="0.15">
      <c r="A13271">
        <v>11734</v>
      </c>
      <c r="B13271" t="s">
        <v>26488</v>
      </c>
      <c r="C13271" t="s">
        <v>26489</v>
      </c>
    </row>
    <row r="13272" spans="1:3" x14ac:dyDescent="0.15">
      <c r="A13272">
        <v>11733</v>
      </c>
      <c r="B13272" t="s">
        <v>26490</v>
      </c>
      <c r="C13272" t="s">
        <v>26491</v>
      </c>
    </row>
    <row r="13273" spans="1:3" x14ac:dyDescent="0.15">
      <c r="A13273">
        <v>11732</v>
      </c>
      <c r="B13273" t="s">
        <v>26492</v>
      </c>
      <c r="C13273" t="s">
        <v>26493</v>
      </c>
    </row>
    <row r="13274" spans="1:3" x14ac:dyDescent="0.15">
      <c r="A13274">
        <v>11731</v>
      </c>
      <c r="B13274" t="s">
        <v>26494</v>
      </c>
      <c r="C13274" t="s">
        <v>26495</v>
      </c>
    </row>
    <row r="13275" spans="1:3" x14ac:dyDescent="0.15">
      <c r="A13275">
        <v>11730</v>
      </c>
      <c r="B13275" t="s">
        <v>26496</v>
      </c>
      <c r="C13275" t="s">
        <v>26497</v>
      </c>
    </row>
    <row r="13276" spans="1:3" x14ac:dyDescent="0.15">
      <c r="A13276">
        <v>11729</v>
      </c>
      <c r="B13276" t="s">
        <v>26498</v>
      </c>
      <c r="C13276" t="s">
        <v>26499</v>
      </c>
    </row>
    <row r="13277" spans="1:3" x14ac:dyDescent="0.15">
      <c r="A13277">
        <v>11728</v>
      </c>
      <c r="B13277" t="s">
        <v>26500</v>
      </c>
      <c r="C13277" t="s">
        <v>26501</v>
      </c>
    </row>
    <row r="13278" spans="1:3" x14ac:dyDescent="0.15">
      <c r="A13278">
        <v>11727</v>
      </c>
      <c r="B13278" t="s">
        <v>26502</v>
      </c>
      <c r="C13278" t="s">
        <v>26503</v>
      </c>
    </row>
    <row r="13279" spans="1:3" x14ac:dyDescent="0.15">
      <c r="A13279">
        <v>11726</v>
      </c>
      <c r="B13279" t="s">
        <v>26504</v>
      </c>
      <c r="C13279" t="s">
        <v>26505</v>
      </c>
    </row>
    <row r="13280" spans="1:3" x14ac:dyDescent="0.15">
      <c r="A13280">
        <v>11725</v>
      </c>
      <c r="B13280" t="s">
        <v>26506</v>
      </c>
      <c r="C13280" t="s">
        <v>26507</v>
      </c>
    </row>
    <row r="13281" spans="1:3" x14ac:dyDescent="0.15">
      <c r="A13281">
        <v>11724</v>
      </c>
      <c r="B13281" t="s">
        <v>26508</v>
      </c>
      <c r="C13281" t="s">
        <v>26509</v>
      </c>
    </row>
    <row r="13282" spans="1:3" x14ac:dyDescent="0.15">
      <c r="A13282">
        <v>11723</v>
      </c>
      <c r="B13282" t="s">
        <v>26510</v>
      </c>
      <c r="C13282" t="s">
        <v>26511</v>
      </c>
    </row>
    <row r="13283" spans="1:3" x14ac:dyDescent="0.15">
      <c r="A13283">
        <v>11722</v>
      </c>
      <c r="B13283" t="s">
        <v>26512</v>
      </c>
      <c r="C13283" t="s">
        <v>26513</v>
      </c>
    </row>
    <row r="13284" spans="1:3" x14ac:dyDescent="0.15">
      <c r="A13284">
        <v>11721</v>
      </c>
      <c r="B13284" t="s">
        <v>26514</v>
      </c>
      <c r="C13284" t="s">
        <v>26515</v>
      </c>
    </row>
    <row r="13285" spans="1:3" x14ac:dyDescent="0.15">
      <c r="A13285">
        <v>11720</v>
      </c>
      <c r="B13285" t="s">
        <v>26516</v>
      </c>
      <c r="C13285" t="s">
        <v>26517</v>
      </c>
    </row>
    <row r="13286" spans="1:3" x14ac:dyDescent="0.15">
      <c r="A13286">
        <v>11719</v>
      </c>
      <c r="B13286" t="s">
        <v>26518</v>
      </c>
      <c r="C13286" t="s">
        <v>26519</v>
      </c>
    </row>
    <row r="13287" spans="1:3" x14ac:dyDescent="0.15">
      <c r="A13287">
        <v>11718</v>
      </c>
      <c r="B13287" t="s">
        <v>26520</v>
      </c>
      <c r="C13287" t="s">
        <v>26521</v>
      </c>
    </row>
    <row r="13288" spans="1:3" x14ac:dyDescent="0.15">
      <c r="A13288">
        <v>11717</v>
      </c>
      <c r="B13288" t="s">
        <v>26522</v>
      </c>
      <c r="C13288" t="s">
        <v>26523</v>
      </c>
    </row>
    <row r="13289" spans="1:3" x14ac:dyDescent="0.15">
      <c r="A13289">
        <v>11716</v>
      </c>
      <c r="B13289" t="s">
        <v>26524</v>
      </c>
      <c r="C13289" t="s">
        <v>26525</v>
      </c>
    </row>
    <row r="13290" spans="1:3" x14ac:dyDescent="0.15">
      <c r="A13290">
        <v>11715</v>
      </c>
      <c r="B13290" t="s">
        <v>26526</v>
      </c>
      <c r="C13290" t="s">
        <v>26527</v>
      </c>
    </row>
    <row r="13291" spans="1:3" x14ac:dyDescent="0.15">
      <c r="A13291">
        <v>11714</v>
      </c>
      <c r="B13291" t="s">
        <v>26528</v>
      </c>
      <c r="C13291" t="s">
        <v>26529</v>
      </c>
    </row>
    <row r="13292" spans="1:3" x14ac:dyDescent="0.15">
      <c r="A13292">
        <v>11713</v>
      </c>
      <c r="B13292" t="s">
        <v>26530</v>
      </c>
      <c r="C13292" t="s">
        <v>26531</v>
      </c>
    </row>
    <row r="13293" spans="1:3" x14ac:dyDescent="0.15">
      <c r="A13293">
        <v>11712</v>
      </c>
      <c r="B13293" t="s">
        <v>26532</v>
      </c>
      <c r="C13293" t="s">
        <v>26533</v>
      </c>
    </row>
    <row r="13294" spans="1:3" x14ac:dyDescent="0.15">
      <c r="A13294">
        <v>11711</v>
      </c>
      <c r="B13294" t="s">
        <v>26534</v>
      </c>
      <c r="C13294" t="s">
        <v>26535</v>
      </c>
    </row>
    <row r="13295" spans="1:3" x14ac:dyDescent="0.15">
      <c r="A13295">
        <v>11710</v>
      </c>
      <c r="B13295" t="s">
        <v>26536</v>
      </c>
      <c r="C13295" t="s">
        <v>26537</v>
      </c>
    </row>
    <row r="13296" spans="1:3" x14ac:dyDescent="0.15">
      <c r="A13296">
        <v>11709</v>
      </c>
      <c r="B13296" t="s">
        <v>26538</v>
      </c>
      <c r="C13296" t="s">
        <v>26539</v>
      </c>
    </row>
    <row r="13297" spans="1:3" x14ac:dyDescent="0.15">
      <c r="A13297">
        <v>11708</v>
      </c>
      <c r="B13297" t="s">
        <v>26540</v>
      </c>
      <c r="C13297" t="s">
        <v>26541</v>
      </c>
    </row>
    <row r="13298" spans="1:3" x14ac:dyDescent="0.15">
      <c r="A13298">
        <v>11707</v>
      </c>
      <c r="B13298" t="s">
        <v>26542</v>
      </c>
      <c r="C13298" t="s">
        <v>26543</v>
      </c>
    </row>
    <row r="13299" spans="1:3" x14ac:dyDescent="0.15">
      <c r="A13299">
        <v>11706</v>
      </c>
      <c r="B13299" t="s">
        <v>26544</v>
      </c>
      <c r="C13299" t="s">
        <v>26545</v>
      </c>
    </row>
    <row r="13300" spans="1:3" x14ac:dyDescent="0.15">
      <c r="A13300">
        <v>11705</v>
      </c>
      <c r="B13300" t="s">
        <v>26546</v>
      </c>
      <c r="C13300" t="s">
        <v>26547</v>
      </c>
    </row>
    <row r="13301" spans="1:3" x14ac:dyDescent="0.15">
      <c r="A13301">
        <v>11704</v>
      </c>
      <c r="B13301" t="s">
        <v>26548</v>
      </c>
      <c r="C13301" t="s">
        <v>26549</v>
      </c>
    </row>
    <row r="13302" spans="1:3" x14ac:dyDescent="0.15">
      <c r="A13302">
        <v>11703</v>
      </c>
      <c r="B13302" t="s">
        <v>26550</v>
      </c>
      <c r="C13302" t="s">
        <v>26551</v>
      </c>
    </row>
    <row r="13303" spans="1:3" x14ac:dyDescent="0.15">
      <c r="A13303">
        <v>11702</v>
      </c>
      <c r="B13303" t="s">
        <v>26552</v>
      </c>
      <c r="C13303" t="s">
        <v>26553</v>
      </c>
    </row>
    <row r="13304" spans="1:3" x14ac:dyDescent="0.15">
      <c r="A13304">
        <v>11701</v>
      </c>
      <c r="B13304" t="s">
        <v>26554</v>
      </c>
      <c r="C13304" t="s">
        <v>26555</v>
      </c>
    </row>
    <row r="13305" spans="1:3" x14ac:dyDescent="0.15">
      <c r="A13305">
        <v>11700</v>
      </c>
      <c r="B13305" t="s">
        <v>26556</v>
      </c>
      <c r="C13305" t="s">
        <v>26557</v>
      </c>
    </row>
    <row r="13306" spans="1:3" x14ac:dyDescent="0.15">
      <c r="A13306">
        <v>11699</v>
      </c>
      <c r="B13306" t="s">
        <v>26558</v>
      </c>
      <c r="C13306" t="s">
        <v>26559</v>
      </c>
    </row>
    <row r="13307" spans="1:3" x14ac:dyDescent="0.15">
      <c r="A13307">
        <v>11698</v>
      </c>
      <c r="B13307" t="s">
        <v>26560</v>
      </c>
      <c r="C13307" t="s">
        <v>26561</v>
      </c>
    </row>
    <row r="13308" spans="1:3" x14ac:dyDescent="0.15">
      <c r="A13308">
        <v>11697</v>
      </c>
      <c r="B13308" t="s">
        <v>26562</v>
      </c>
      <c r="C13308" t="s">
        <v>26563</v>
      </c>
    </row>
    <row r="13309" spans="1:3" x14ac:dyDescent="0.15">
      <c r="A13309">
        <v>11696</v>
      </c>
      <c r="B13309" t="s">
        <v>26564</v>
      </c>
      <c r="C13309" t="s">
        <v>26565</v>
      </c>
    </row>
    <row r="13310" spans="1:3" x14ac:dyDescent="0.15">
      <c r="A13310">
        <v>11695</v>
      </c>
      <c r="B13310" t="s">
        <v>26566</v>
      </c>
      <c r="C13310" t="s">
        <v>26567</v>
      </c>
    </row>
    <row r="13311" spans="1:3" x14ac:dyDescent="0.15">
      <c r="A13311">
        <v>11694</v>
      </c>
      <c r="B13311" t="s">
        <v>26568</v>
      </c>
      <c r="C13311" t="s">
        <v>26569</v>
      </c>
    </row>
    <row r="13312" spans="1:3" x14ac:dyDescent="0.15">
      <c r="A13312">
        <v>11693</v>
      </c>
      <c r="B13312" t="s">
        <v>26570</v>
      </c>
      <c r="C13312" t="s">
        <v>26571</v>
      </c>
    </row>
    <row r="13313" spans="1:3" x14ac:dyDescent="0.15">
      <c r="A13313">
        <v>11692</v>
      </c>
      <c r="B13313" t="s">
        <v>26572</v>
      </c>
      <c r="C13313" t="s">
        <v>26573</v>
      </c>
    </row>
    <row r="13314" spans="1:3" x14ac:dyDescent="0.15">
      <c r="A13314">
        <v>11691</v>
      </c>
      <c r="B13314" t="s">
        <v>26574</v>
      </c>
      <c r="C13314" t="s">
        <v>26575</v>
      </c>
    </row>
    <row r="13315" spans="1:3" x14ac:dyDescent="0.15">
      <c r="A13315">
        <v>11690</v>
      </c>
      <c r="B13315" t="s">
        <v>26576</v>
      </c>
      <c r="C13315" t="s">
        <v>26577</v>
      </c>
    </row>
    <row r="13316" spans="1:3" x14ac:dyDescent="0.15">
      <c r="A13316">
        <v>11689</v>
      </c>
      <c r="B13316" t="s">
        <v>26578</v>
      </c>
      <c r="C13316" t="s">
        <v>26579</v>
      </c>
    </row>
    <row r="13317" spans="1:3" x14ac:dyDescent="0.15">
      <c r="A13317">
        <v>11688</v>
      </c>
      <c r="B13317" t="s">
        <v>26580</v>
      </c>
      <c r="C13317" t="s">
        <v>26581</v>
      </c>
    </row>
    <row r="13318" spans="1:3" x14ac:dyDescent="0.15">
      <c r="A13318">
        <v>11687</v>
      </c>
      <c r="B13318" t="s">
        <v>26582</v>
      </c>
      <c r="C13318" t="s">
        <v>26583</v>
      </c>
    </row>
    <row r="13319" spans="1:3" x14ac:dyDescent="0.15">
      <c r="A13319">
        <v>11686</v>
      </c>
      <c r="B13319" t="s">
        <v>26584</v>
      </c>
      <c r="C13319" t="s">
        <v>26585</v>
      </c>
    </row>
    <row r="13320" spans="1:3" x14ac:dyDescent="0.15">
      <c r="A13320">
        <v>11685</v>
      </c>
      <c r="B13320" t="s">
        <v>26586</v>
      </c>
      <c r="C13320" t="s">
        <v>26587</v>
      </c>
    </row>
    <row r="13321" spans="1:3" x14ac:dyDescent="0.15">
      <c r="A13321">
        <v>11684</v>
      </c>
      <c r="B13321" t="s">
        <v>26588</v>
      </c>
      <c r="C13321" t="s">
        <v>26589</v>
      </c>
    </row>
    <row r="13322" spans="1:3" x14ac:dyDescent="0.15">
      <c r="A13322">
        <v>11683</v>
      </c>
      <c r="B13322" t="s">
        <v>26590</v>
      </c>
      <c r="C13322" t="s">
        <v>26591</v>
      </c>
    </row>
    <row r="13323" spans="1:3" x14ac:dyDescent="0.15">
      <c r="A13323">
        <v>11682</v>
      </c>
      <c r="B13323" t="s">
        <v>26592</v>
      </c>
      <c r="C13323" t="s">
        <v>26593</v>
      </c>
    </row>
    <row r="13324" spans="1:3" x14ac:dyDescent="0.15">
      <c r="A13324">
        <v>11680</v>
      </c>
      <c r="B13324" t="s">
        <v>26594</v>
      </c>
      <c r="C13324" t="s">
        <v>26595</v>
      </c>
    </row>
    <row r="13325" spans="1:3" x14ac:dyDescent="0.15">
      <c r="A13325">
        <v>11679</v>
      </c>
      <c r="B13325" t="s">
        <v>26596</v>
      </c>
      <c r="C13325" t="s">
        <v>26597</v>
      </c>
    </row>
    <row r="13326" spans="1:3" x14ac:dyDescent="0.15">
      <c r="A13326">
        <v>11678</v>
      </c>
      <c r="B13326" t="s">
        <v>26598</v>
      </c>
      <c r="C13326" t="s">
        <v>26599</v>
      </c>
    </row>
    <row r="13327" spans="1:3" x14ac:dyDescent="0.15">
      <c r="A13327">
        <v>11677</v>
      </c>
      <c r="B13327" t="s">
        <v>26600</v>
      </c>
      <c r="C13327" t="s">
        <v>26601</v>
      </c>
    </row>
    <row r="13328" spans="1:3" x14ac:dyDescent="0.15">
      <c r="A13328">
        <v>11676</v>
      </c>
      <c r="B13328" t="s">
        <v>26602</v>
      </c>
      <c r="C13328" t="s">
        <v>26603</v>
      </c>
    </row>
    <row r="13329" spans="1:3" x14ac:dyDescent="0.15">
      <c r="A13329">
        <v>11675</v>
      </c>
      <c r="B13329" t="s">
        <v>26604</v>
      </c>
      <c r="C13329" t="s">
        <v>26605</v>
      </c>
    </row>
    <row r="13330" spans="1:3" x14ac:dyDescent="0.15">
      <c r="A13330">
        <v>11674</v>
      </c>
      <c r="B13330" t="s">
        <v>26606</v>
      </c>
      <c r="C13330" t="s">
        <v>26607</v>
      </c>
    </row>
    <row r="13331" spans="1:3" x14ac:dyDescent="0.15">
      <c r="A13331">
        <v>11673</v>
      </c>
      <c r="B13331" t="s">
        <v>26608</v>
      </c>
      <c r="C13331" t="s">
        <v>26609</v>
      </c>
    </row>
    <row r="13332" spans="1:3" x14ac:dyDescent="0.15">
      <c r="A13332">
        <v>11672</v>
      </c>
      <c r="B13332" t="s">
        <v>26610</v>
      </c>
      <c r="C13332" t="s">
        <v>26611</v>
      </c>
    </row>
    <row r="13333" spans="1:3" x14ac:dyDescent="0.15">
      <c r="A13333">
        <v>11671</v>
      </c>
      <c r="B13333" t="s">
        <v>26612</v>
      </c>
      <c r="C13333" t="s">
        <v>26613</v>
      </c>
    </row>
    <row r="13334" spans="1:3" x14ac:dyDescent="0.15">
      <c r="A13334">
        <v>11670</v>
      </c>
      <c r="B13334" t="s">
        <v>26614</v>
      </c>
      <c r="C13334" t="s">
        <v>26615</v>
      </c>
    </row>
    <row r="13335" spans="1:3" x14ac:dyDescent="0.15">
      <c r="A13335">
        <v>11669</v>
      </c>
      <c r="B13335" t="s">
        <v>26616</v>
      </c>
      <c r="C13335" t="s">
        <v>26617</v>
      </c>
    </row>
    <row r="13336" spans="1:3" x14ac:dyDescent="0.15">
      <c r="A13336">
        <v>11668</v>
      </c>
      <c r="B13336" t="s">
        <v>26618</v>
      </c>
      <c r="C13336" t="s">
        <v>26619</v>
      </c>
    </row>
    <row r="13337" spans="1:3" x14ac:dyDescent="0.15">
      <c r="A13337">
        <v>11667</v>
      </c>
      <c r="B13337" t="s">
        <v>26620</v>
      </c>
      <c r="C13337" t="s">
        <v>26621</v>
      </c>
    </row>
    <row r="13338" spans="1:3" x14ac:dyDescent="0.15">
      <c r="A13338">
        <v>11666</v>
      </c>
      <c r="B13338" t="s">
        <v>26622</v>
      </c>
      <c r="C13338" t="s">
        <v>26623</v>
      </c>
    </row>
    <row r="13339" spans="1:3" x14ac:dyDescent="0.15">
      <c r="A13339">
        <v>11665</v>
      </c>
      <c r="B13339" t="s">
        <v>26624</v>
      </c>
      <c r="C13339" t="s">
        <v>26625</v>
      </c>
    </row>
    <row r="13340" spans="1:3" x14ac:dyDescent="0.15">
      <c r="A13340">
        <v>11664</v>
      </c>
      <c r="B13340" t="s">
        <v>26626</v>
      </c>
      <c r="C13340" t="s">
        <v>26627</v>
      </c>
    </row>
    <row r="13341" spans="1:3" x14ac:dyDescent="0.15">
      <c r="A13341">
        <v>11663</v>
      </c>
      <c r="B13341" t="s">
        <v>26628</v>
      </c>
      <c r="C13341" t="s">
        <v>26629</v>
      </c>
    </row>
    <row r="13342" spans="1:3" x14ac:dyDescent="0.15">
      <c r="A13342">
        <v>11662</v>
      </c>
      <c r="B13342" t="s">
        <v>26630</v>
      </c>
      <c r="C13342" t="s">
        <v>26631</v>
      </c>
    </row>
    <row r="13343" spans="1:3" x14ac:dyDescent="0.15">
      <c r="A13343">
        <v>11661</v>
      </c>
      <c r="B13343" t="s">
        <v>26632</v>
      </c>
      <c r="C13343" t="s">
        <v>26633</v>
      </c>
    </row>
    <row r="13344" spans="1:3" x14ac:dyDescent="0.15">
      <c r="A13344">
        <v>11660</v>
      </c>
      <c r="B13344" t="s">
        <v>26634</v>
      </c>
      <c r="C13344" t="s">
        <v>26635</v>
      </c>
    </row>
    <row r="13345" spans="1:3" x14ac:dyDescent="0.15">
      <c r="A13345">
        <v>11659</v>
      </c>
      <c r="B13345" t="s">
        <v>26636</v>
      </c>
      <c r="C13345" t="s">
        <v>26637</v>
      </c>
    </row>
    <row r="13346" spans="1:3" x14ac:dyDescent="0.15">
      <c r="A13346">
        <v>11658</v>
      </c>
      <c r="B13346" t="s">
        <v>26638</v>
      </c>
      <c r="C13346" t="s">
        <v>26639</v>
      </c>
    </row>
    <row r="13347" spans="1:3" x14ac:dyDescent="0.15">
      <c r="A13347">
        <v>11657</v>
      </c>
      <c r="B13347" t="s">
        <v>26640</v>
      </c>
      <c r="C13347" t="s">
        <v>26641</v>
      </c>
    </row>
    <row r="13348" spans="1:3" x14ac:dyDescent="0.15">
      <c r="A13348">
        <v>11656</v>
      </c>
      <c r="B13348" t="s">
        <v>26642</v>
      </c>
      <c r="C13348" t="s">
        <v>26643</v>
      </c>
    </row>
    <row r="13349" spans="1:3" x14ac:dyDescent="0.15">
      <c r="A13349">
        <v>11655</v>
      </c>
      <c r="B13349" t="s">
        <v>26644</v>
      </c>
      <c r="C13349" t="s">
        <v>26645</v>
      </c>
    </row>
    <row r="13350" spans="1:3" x14ac:dyDescent="0.15">
      <c r="A13350">
        <v>11654</v>
      </c>
      <c r="B13350" t="s">
        <v>26646</v>
      </c>
      <c r="C13350" t="s">
        <v>26647</v>
      </c>
    </row>
    <row r="13351" spans="1:3" x14ac:dyDescent="0.15">
      <c r="A13351">
        <v>11653</v>
      </c>
      <c r="B13351" t="s">
        <v>26648</v>
      </c>
      <c r="C13351" t="s">
        <v>26649</v>
      </c>
    </row>
    <row r="13352" spans="1:3" x14ac:dyDescent="0.15">
      <c r="A13352">
        <v>11652</v>
      </c>
      <c r="B13352" t="s">
        <v>26650</v>
      </c>
      <c r="C13352" t="s">
        <v>26651</v>
      </c>
    </row>
    <row r="13353" spans="1:3" x14ac:dyDescent="0.15">
      <c r="A13353">
        <v>11651</v>
      </c>
      <c r="B13353" t="s">
        <v>26652</v>
      </c>
      <c r="C13353" t="s">
        <v>26653</v>
      </c>
    </row>
    <row r="13354" spans="1:3" x14ac:dyDescent="0.15">
      <c r="A13354">
        <v>11650</v>
      </c>
      <c r="B13354" t="s">
        <v>26654</v>
      </c>
      <c r="C13354" t="s">
        <v>26655</v>
      </c>
    </row>
    <row r="13355" spans="1:3" x14ac:dyDescent="0.15">
      <c r="A13355">
        <v>11649</v>
      </c>
      <c r="B13355" t="s">
        <v>26656</v>
      </c>
      <c r="C13355" t="s">
        <v>26657</v>
      </c>
    </row>
    <row r="13356" spans="1:3" x14ac:dyDescent="0.15">
      <c r="A13356">
        <v>11648</v>
      </c>
      <c r="B13356" t="s">
        <v>26658</v>
      </c>
      <c r="C13356" t="s">
        <v>26659</v>
      </c>
    </row>
    <row r="13357" spans="1:3" x14ac:dyDescent="0.15">
      <c r="A13357">
        <v>11647</v>
      </c>
      <c r="B13357" t="s">
        <v>26660</v>
      </c>
      <c r="C13357" t="s">
        <v>26661</v>
      </c>
    </row>
    <row r="13358" spans="1:3" x14ac:dyDescent="0.15">
      <c r="A13358">
        <v>11646</v>
      </c>
      <c r="B13358" t="s">
        <v>26662</v>
      </c>
      <c r="C13358" t="s">
        <v>26663</v>
      </c>
    </row>
    <row r="13359" spans="1:3" x14ac:dyDescent="0.15">
      <c r="A13359">
        <v>11645</v>
      </c>
      <c r="B13359" t="s">
        <v>26664</v>
      </c>
      <c r="C13359" t="s">
        <v>26665</v>
      </c>
    </row>
    <row r="13360" spans="1:3" x14ac:dyDescent="0.15">
      <c r="A13360">
        <v>11644</v>
      </c>
      <c r="B13360" t="s">
        <v>26666</v>
      </c>
      <c r="C13360" t="s">
        <v>26667</v>
      </c>
    </row>
    <row r="13361" spans="1:3" x14ac:dyDescent="0.15">
      <c r="A13361">
        <v>11643</v>
      </c>
      <c r="B13361" t="s">
        <v>26668</v>
      </c>
      <c r="C13361" t="s">
        <v>26669</v>
      </c>
    </row>
    <row r="13362" spans="1:3" x14ac:dyDescent="0.15">
      <c r="A13362">
        <v>11642</v>
      </c>
      <c r="B13362" t="s">
        <v>26670</v>
      </c>
      <c r="C13362" t="s">
        <v>26671</v>
      </c>
    </row>
    <row r="13363" spans="1:3" x14ac:dyDescent="0.15">
      <c r="A13363">
        <v>11641</v>
      </c>
      <c r="B13363" t="s">
        <v>26672</v>
      </c>
      <c r="C13363" t="s">
        <v>26673</v>
      </c>
    </row>
    <row r="13364" spans="1:3" x14ac:dyDescent="0.15">
      <c r="A13364">
        <v>11640</v>
      </c>
      <c r="B13364" t="s">
        <v>26674</v>
      </c>
      <c r="C13364" t="s">
        <v>26675</v>
      </c>
    </row>
    <row r="13365" spans="1:3" x14ac:dyDescent="0.15">
      <c r="A13365">
        <v>11639</v>
      </c>
      <c r="B13365" t="s">
        <v>26676</v>
      </c>
      <c r="C13365" t="s">
        <v>26677</v>
      </c>
    </row>
    <row r="13366" spans="1:3" x14ac:dyDescent="0.15">
      <c r="A13366">
        <v>11638</v>
      </c>
      <c r="B13366" t="s">
        <v>26678</v>
      </c>
      <c r="C13366" t="s">
        <v>26679</v>
      </c>
    </row>
    <row r="13367" spans="1:3" x14ac:dyDescent="0.15">
      <c r="A13367">
        <v>11637</v>
      </c>
      <c r="B13367" t="s">
        <v>26680</v>
      </c>
      <c r="C13367" t="s">
        <v>26681</v>
      </c>
    </row>
    <row r="13368" spans="1:3" x14ac:dyDescent="0.15">
      <c r="A13368">
        <v>11636</v>
      </c>
      <c r="B13368" t="s">
        <v>26682</v>
      </c>
      <c r="C13368" t="s">
        <v>26683</v>
      </c>
    </row>
    <row r="13369" spans="1:3" x14ac:dyDescent="0.15">
      <c r="A13369">
        <v>11635</v>
      </c>
      <c r="B13369" t="s">
        <v>26684</v>
      </c>
      <c r="C13369" t="s">
        <v>26685</v>
      </c>
    </row>
    <row r="13370" spans="1:3" x14ac:dyDescent="0.15">
      <c r="A13370">
        <v>11634</v>
      </c>
      <c r="B13370" t="s">
        <v>26686</v>
      </c>
      <c r="C13370" t="s">
        <v>26687</v>
      </c>
    </row>
    <row r="13371" spans="1:3" x14ac:dyDescent="0.15">
      <c r="A13371">
        <v>11633</v>
      </c>
      <c r="B13371" t="s">
        <v>26688</v>
      </c>
      <c r="C13371" t="s">
        <v>26689</v>
      </c>
    </row>
    <row r="13372" spans="1:3" x14ac:dyDescent="0.15">
      <c r="A13372">
        <v>11632</v>
      </c>
      <c r="B13372" t="s">
        <v>26690</v>
      </c>
      <c r="C13372" t="s">
        <v>26691</v>
      </c>
    </row>
    <row r="13373" spans="1:3" x14ac:dyDescent="0.15">
      <c r="A13373">
        <v>11631</v>
      </c>
      <c r="B13373" t="s">
        <v>26692</v>
      </c>
      <c r="C13373" t="s">
        <v>26693</v>
      </c>
    </row>
    <row r="13374" spans="1:3" x14ac:dyDescent="0.15">
      <c r="A13374">
        <v>11630</v>
      </c>
      <c r="B13374" t="s">
        <v>26694</v>
      </c>
      <c r="C13374" t="s">
        <v>26695</v>
      </c>
    </row>
    <row r="13375" spans="1:3" x14ac:dyDescent="0.15">
      <c r="A13375">
        <v>11629</v>
      </c>
      <c r="B13375" t="s">
        <v>26696</v>
      </c>
      <c r="C13375" t="s">
        <v>26697</v>
      </c>
    </row>
    <row r="13376" spans="1:3" x14ac:dyDescent="0.15">
      <c r="A13376">
        <v>11628</v>
      </c>
      <c r="B13376" t="s">
        <v>26698</v>
      </c>
      <c r="C13376" t="s">
        <v>26699</v>
      </c>
    </row>
    <row r="13377" spans="1:3" x14ac:dyDescent="0.15">
      <c r="A13377">
        <v>11627</v>
      </c>
      <c r="B13377" t="s">
        <v>26700</v>
      </c>
      <c r="C13377" t="s">
        <v>26701</v>
      </c>
    </row>
    <row r="13378" spans="1:3" x14ac:dyDescent="0.15">
      <c r="A13378">
        <v>11626</v>
      </c>
      <c r="B13378" t="s">
        <v>26702</v>
      </c>
      <c r="C13378" t="s">
        <v>26703</v>
      </c>
    </row>
    <row r="13379" spans="1:3" x14ac:dyDescent="0.15">
      <c r="A13379">
        <v>11625</v>
      </c>
      <c r="B13379" t="s">
        <v>26704</v>
      </c>
      <c r="C13379" t="s">
        <v>26705</v>
      </c>
    </row>
    <row r="13380" spans="1:3" x14ac:dyDescent="0.15">
      <c r="A13380">
        <v>11624</v>
      </c>
      <c r="B13380" t="s">
        <v>26706</v>
      </c>
      <c r="C13380" t="s">
        <v>26707</v>
      </c>
    </row>
    <row r="13381" spans="1:3" x14ac:dyDescent="0.15">
      <c r="A13381">
        <v>11623</v>
      </c>
      <c r="B13381" t="s">
        <v>26708</v>
      </c>
      <c r="C13381" t="s">
        <v>26709</v>
      </c>
    </row>
    <row r="13382" spans="1:3" x14ac:dyDescent="0.15">
      <c r="A13382">
        <v>11622</v>
      </c>
      <c r="B13382" t="s">
        <v>26710</v>
      </c>
      <c r="C13382" t="s">
        <v>26711</v>
      </c>
    </row>
    <row r="13383" spans="1:3" x14ac:dyDescent="0.15">
      <c r="A13383">
        <v>11621</v>
      </c>
      <c r="B13383" t="s">
        <v>26712</v>
      </c>
      <c r="C13383" t="s">
        <v>26713</v>
      </c>
    </row>
    <row r="13384" spans="1:3" x14ac:dyDescent="0.15">
      <c r="A13384">
        <v>11620</v>
      </c>
      <c r="B13384" t="s">
        <v>26714</v>
      </c>
      <c r="C13384" t="s">
        <v>26715</v>
      </c>
    </row>
    <row r="13385" spans="1:3" x14ac:dyDescent="0.15">
      <c r="A13385">
        <v>11619</v>
      </c>
      <c r="B13385" t="s">
        <v>26716</v>
      </c>
      <c r="C13385" t="s">
        <v>26717</v>
      </c>
    </row>
    <row r="13386" spans="1:3" x14ac:dyDescent="0.15">
      <c r="A13386">
        <v>11618</v>
      </c>
      <c r="B13386" t="s">
        <v>26718</v>
      </c>
      <c r="C13386" t="s">
        <v>26719</v>
      </c>
    </row>
    <row r="13387" spans="1:3" x14ac:dyDescent="0.15">
      <c r="A13387">
        <v>11617</v>
      </c>
      <c r="B13387" t="s">
        <v>26720</v>
      </c>
      <c r="C13387" t="s">
        <v>26721</v>
      </c>
    </row>
    <row r="13388" spans="1:3" x14ac:dyDescent="0.15">
      <c r="A13388">
        <v>11616</v>
      </c>
      <c r="B13388" t="s">
        <v>26722</v>
      </c>
      <c r="C13388" t="s">
        <v>26723</v>
      </c>
    </row>
    <row r="13389" spans="1:3" x14ac:dyDescent="0.15">
      <c r="A13389">
        <v>11615</v>
      </c>
      <c r="B13389" t="s">
        <v>26724</v>
      </c>
      <c r="C13389" t="s">
        <v>26725</v>
      </c>
    </row>
    <row r="13390" spans="1:3" x14ac:dyDescent="0.15">
      <c r="A13390">
        <v>11614</v>
      </c>
      <c r="B13390" t="s">
        <v>26726</v>
      </c>
      <c r="C13390" t="s">
        <v>26727</v>
      </c>
    </row>
    <row r="13391" spans="1:3" x14ac:dyDescent="0.15">
      <c r="A13391">
        <v>11613</v>
      </c>
      <c r="B13391" t="s">
        <v>26728</v>
      </c>
      <c r="C13391" t="s">
        <v>26729</v>
      </c>
    </row>
    <row r="13392" spans="1:3" x14ac:dyDescent="0.15">
      <c r="A13392">
        <v>11612</v>
      </c>
      <c r="B13392" t="s">
        <v>26730</v>
      </c>
      <c r="C13392" t="s">
        <v>26731</v>
      </c>
    </row>
    <row r="13393" spans="1:3" x14ac:dyDescent="0.15">
      <c r="A13393">
        <v>11611</v>
      </c>
      <c r="B13393" t="s">
        <v>26732</v>
      </c>
      <c r="C13393" t="s">
        <v>26733</v>
      </c>
    </row>
    <row r="13394" spans="1:3" x14ac:dyDescent="0.15">
      <c r="A13394">
        <v>11610</v>
      </c>
      <c r="B13394" t="s">
        <v>26734</v>
      </c>
      <c r="C13394" t="s">
        <v>26735</v>
      </c>
    </row>
    <row r="13395" spans="1:3" x14ac:dyDescent="0.15">
      <c r="A13395">
        <v>11609</v>
      </c>
      <c r="B13395" t="s">
        <v>26736</v>
      </c>
      <c r="C13395" t="s">
        <v>26737</v>
      </c>
    </row>
    <row r="13396" spans="1:3" x14ac:dyDescent="0.15">
      <c r="A13396">
        <v>11608</v>
      </c>
      <c r="B13396" t="s">
        <v>26738</v>
      </c>
      <c r="C13396" t="s">
        <v>26739</v>
      </c>
    </row>
    <row r="13397" spans="1:3" x14ac:dyDescent="0.15">
      <c r="A13397">
        <v>11607</v>
      </c>
      <c r="B13397" t="s">
        <v>26740</v>
      </c>
      <c r="C13397" t="s">
        <v>26741</v>
      </c>
    </row>
    <row r="13398" spans="1:3" x14ac:dyDescent="0.15">
      <c r="A13398">
        <v>11606</v>
      </c>
      <c r="B13398" t="s">
        <v>26742</v>
      </c>
      <c r="C13398" t="s">
        <v>26743</v>
      </c>
    </row>
    <row r="13399" spans="1:3" x14ac:dyDescent="0.15">
      <c r="A13399">
        <v>11605</v>
      </c>
      <c r="B13399" t="s">
        <v>26744</v>
      </c>
      <c r="C13399" t="s">
        <v>26745</v>
      </c>
    </row>
    <row r="13400" spans="1:3" x14ac:dyDescent="0.15">
      <c r="A13400">
        <v>11604</v>
      </c>
      <c r="B13400" t="s">
        <v>26746</v>
      </c>
      <c r="C13400" t="s">
        <v>26747</v>
      </c>
    </row>
    <row r="13401" spans="1:3" x14ac:dyDescent="0.15">
      <c r="A13401">
        <v>11603</v>
      </c>
      <c r="B13401" t="s">
        <v>26748</v>
      </c>
      <c r="C13401" t="s">
        <v>26749</v>
      </c>
    </row>
    <row r="13402" spans="1:3" x14ac:dyDescent="0.15">
      <c r="A13402">
        <v>11602</v>
      </c>
      <c r="B13402" t="s">
        <v>26750</v>
      </c>
      <c r="C13402" t="s">
        <v>26751</v>
      </c>
    </row>
    <row r="13403" spans="1:3" x14ac:dyDescent="0.15">
      <c r="A13403">
        <v>11601</v>
      </c>
      <c r="B13403" t="s">
        <v>26752</v>
      </c>
      <c r="C13403" t="s">
        <v>26753</v>
      </c>
    </row>
    <row r="13404" spans="1:3" x14ac:dyDescent="0.15">
      <c r="A13404">
        <v>11600</v>
      </c>
      <c r="B13404" t="s">
        <v>26754</v>
      </c>
      <c r="C13404" t="s">
        <v>26755</v>
      </c>
    </row>
    <row r="13405" spans="1:3" x14ac:dyDescent="0.15">
      <c r="A13405">
        <v>11599</v>
      </c>
      <c r="B13405" t="s">
        <v>26756</v>
      </c>
      <c r="C13405" t="s">
        <v>26757</v>
      </c>
    </row>
    <row r="13406" spans="1:3" x14ac:dyDescent="0.15">
      <c r="A13406">
        <v>11598</v>
      </c>
      <c r="B13406" t="s">
        <v>26758</v>
      </c>
      <c r="C13406" t="s">
        <v>26759</v>
      </c>
    </row>
    <row r="13407" spans="1:3" x14ac:dyDescent="0.15">
      <c r="A13407">
        <v>11597</v>
      </c>
      <c r="B13407" t="s">
        <v>26760</v>
      </c>
      <c r="C13407" t="s">
        <v>26761</v>
      </c>
    </row>
    <row r="13408" spans="1:3" x14ac:dyDescent="0.15">
      <c r="A13408">
        <v>11596</v>
      </c>
      <c r="B13408" t="s">
        <v>26762</v>
      </c>
      <c r="C13408" t="s">
        <v>26763</v>
      </c>
    </row>
    <row r="13409" spans="1:3" x14ac:dyDescent="0.15">
      <c r="A13409">
        <v>11595</v>
      </c>
      <c r="B13409" t="s">
        <v>26764</v>
      </c>
      <c r="C13409" t="s">
        <v>26765</v>
      </c>
    </row>
    <row r="13410" spans="1:3" x14ac:dyDescent="0.15">
      <c r="A13410">
        <v>11594</v>
      </c>
      <c r="B13410" t="s">
        <v>26766</v>
      </c>
      <c r="C13410" t="s">
        <v>26767</v>
      </c>
    </row>
    <row r="13411" spans="1:3" x14ac:dyDescent="0.15">
      <c r="A13411">
        <v>11593</v>
      </c>
      <c r="B13411" t="s">
        <v>26768</v>
      </c>
      <c r="C13411" t="s">
        <v>26769</v>
      </c>
    </row>
    <row r="13412" spans="1:3" x14ac:dyDescent="0.15">
      <c r="A13412">
        <v>11592</v>
      </c>
      <c r="B13412" t="s">
        <v>26770</v>
      </c>
      <c r="C13412" t="s">
        <v>26771</v>
      </c>
    </row>
    <row r="13413" spans="1:3" x14ac:dyDescent="0.15">
      <c r="A13413">
        <v>11591</v>
      </c>
      <c r="B13413" t="s">
        <v>26772</v>
      </c>
      <c r="C13413" t="s">
        <v>26773</v>
      </c>
    </row>
    <row r="13414" spans="1:3" x14ac:dyDescent="0.15">
      <c r="A13414">
        <v>11590</v>
      </c>
      <c r="B13414" t="s">
        <v>26774</v>
      </c>
      <c r="C13414" t="s">
        <v>26775</v>
      </c>
    </row>
    <row r="13415" spans="1:3" x14ac:dyDescent="0.15">
      <c r="A13415">
        <v>11589</v>
      </c>
      <c r="B13415" t="s">
        <v>26776</v>
      </c>
      <c r="C13415" t="s">
        <v>26777</v>
      </c>
    </row>
    <row r="13416" spans="1:3" x14ac:dyDescent="0.15">
      <c r="A13416">
        <v>11588</v>
      </c>
      <c r="B13416" t="s">
        <v>26778</v>
      </c>
      <c r="C13416" t="s">
        <v>26779</v>
      </c>
    </row>
    <row r="13417" spans="1:3" x14ac:dyDescent="0.15">
      <c r="A13417">
        <v>11587</v>
      </c>
      <c r="B13417" t="s">
        <v>26780</v>
      </c>
      <c r="C13417" t="s">
        <v>26781</v>
      </c>
    </row>
    <row r="13418" spans="1:3" x14ac:dyDescent="0.15">
      <c r="A13418">
        <v>11586</v>
      </c>
      <c r="B13418" t="s">
        <v>26782</v>
      </c>
      <c r="C13418" t="s">
        <v>26783</v>
      </c>
    </row>
    <row r="13419" spans="1:3" x14ac:dyDescent="0.15">
      <c r="A13419">
        <v>11585</v>
      </c>
      <c r="B13419" t="s">
        <v>26784</v>
      </c>
      <c r="C13419" t="s">
        <v>26785</v>
      </c>
    </row>
    <row r="13420" spans="1:3" x14ac:dyDescent="0.15">
      <c r="A13420">
        <v>11584</v>
      </c>
      <c r="B13420" t="s">
        <v>26786</v>
      </c>
      <c r="C13420" t="s">
        <v>26787</v>
      </c>
    </row>
    <row r="13421" spans="1:3" x14ac:dyDescent="0.15">
      <c r="A13421">
        <v>11583</v>
      </c>
      <c r="B13421" t="s">
        <v>26788</v>
      </c>
      <c r="C13421" t="s">
        <v>26789</v>
      </c>
    </row>
    <row r="13422" spans="1:3" x14ac:dyDescent="0.15">
      <c r="A13422">
        <v>11582</v>
      </c>
      <c r="B13422" t="s">
        <v>26790</v>
      </c>
      <c r="C13422" t="s">
        <v>26791</v>
      </c>
    </row>
    <row r="13423" spans="1:3" x14ac:dyDescent="0.15">
      <c r="A13423">
        <v>11581</v>
      </c>
      <c r="B13423" t="s">
        <v>26792</v>
      </c>
      <c r="C13423" t="s">
        <v>26793</v>
      </c>
    </row>
    <row r="13424" spans="1:3" x14ac:dyDescent="0.15">
      <c r="A13424">
        <v>11580</v>
      </c>
      <c r="B13424" t="s">
        <v>26794</v>
      </c>
      <c r="C13424" t="s">
        <v>26795</v>
      </c>
    </row>
    <row r="13425" spans="1:3" x14ac:dyDescent="0.15">
      <c r="A13425">
        <v>11579</v>
      </c>
      <c r="B13425" t="s">
        <v>26796</v>
      </c>
      <c r="C13425" t="s">
        <v>26797</v>
      </c>
    </row>
    <row r="13426" spans="1:3" x14ac:dyDescent="0.15">
      <c r="A13426">
        <v>11578</v>
      </c>
      <c r="B13426" t="s">
        <v>26798</v>
      </c>
      <c r="C13426" t="s">
        <v>26799</v>
      </c>
    </row>
    <row r="13427" spans="1:3" x14ac:dyDescent="0.15">
      <c r="A13427">
        <v>11577</v>
      </c>
      <c r="B13427" t="s">
        <v>26800</v>
      </c>
      <c r="C13427" t="s">
        <v>26801</v>
      </c>
    </row>
    <row r="13428" spans="1:3" x14ac:dyDescent="0.15">
      <c r="A13428">
        <v>11576</v>
      </c>
      <c r="B13428" t="s">
        <v>26802</v>
      </c>
      <c r="C13428" t="s">
        <v>26803</v>
      </c>
    </row>
    <row r="13429" spans="1:3" x14ac:dyDescent="0.15">
      <c r="A13429">
        <v>11575</v>
      </c>
      <c r="B13429" t="s">
        <v>26804</v>
      </c>
      <c r="C13429" t="s">
        <v>26805</v>
      </c>
    </row>
    <row r="13430" spans="1:3" x14ac:dyDescent="0.15">
      <c r="A13430">
        <v>11574</v>
      </c>
      <c r="B13430" t="s">
        <v>26806</v>
      </c>
      <c r="C13430" t="s">
        <v>26807</v>
      </c>
    </row>
    <row r="13431" spans="1:3" x14ac:dyDescent="0.15">
      <c r="A13431">
        <v>11573</v>
      </c>
      <c r="B13431" t="s">
        <v>26808</v>
      </c>
      <c r="C13431" t="s">
        <v>26809</v>
      </c>
    </row>
    <row r="13432" spans="1:3" x14ac:dyDescent="0.15">
      <c r="A13432">
        <v>11572</v>
      </c>
      <c r="B13432" t="s">
        <v>26810</v>
      </c>
      <c r="C13432" t="s">
        <v>26811</v>
      </c>
    </row>
    <row r="13433" spans="1:3" x14ac:dyDescent="0.15">
      <c r="A13433">
        <v>11571</v>
      </c>
      <c r="B13433" t="s">
        <v>26812</v>
      </c>
      <c r="C13433" t="s">
        <v>26813</v>
      </c>
    </row>
    <row r="13434" spans="1:3" x14ac:dyDescent="0.15">
      <c r="A13434">
        <v>11570</v>
      </c>
      <c r="B13434" t="s">
        <v>26814</v>
      </c>
      <c r="C13434" t="s">
        <v>26815</v>
      </c>
    </row>
    <row r="13435" spans="1:3" x14ac:dyDescent="0.15">
      <c r="A13435">
        <v>11569</v>
      </c>
      <c r="B13435" t="s">
        <v>26816</v>
      </c>
      <c r="C13435" t="s">
        <v>26817</v>
      </c>
    </row>
    <row r="13436" spans="1:3" x14ac:dyDescent="0.15">
      <c r="A13436">
        <v>11568</v>
      </c>
      <c r="B13436" t="s">
        <v>26818</v>
      </c>
      <c r="C13436" t="s">
        <v>26819</v>
      </c>
    </row>
    <row r="13437" spans="1:3" x14ac:dyDescent="0.15">
      <c r="A13437">
        <v>11567</v>
      </c>
      <c r="B13437" t="s">
        <v>26820</v>
      </c>
      <c r="C13437" t="s">
        <v>26821</v>
      </c>
    </row>
    <row r="13438" spans="1:3" x14ac:dyDescent="0.15">
      <c r="A13438">
        <v>11566</v>
      </c>
      <c r="B13438" t="s">
        <v>26822</v>
      </c>
      <c r="C13438" t="s">
        <v>26823</v>
      </c>
    </row>
    <row r="13439" spans="1:3" x14ac:dyDescent="0.15">
      <c r="A13439">
        <v>11565</v>
      </c>
      <c r="B13439" t="s">
        <v>26824</v>
      </c>
      <c r="C13439" t="s">
        <v>26825</v>
      </c>
    </row>
    <row r="13440" spans="1:3" x14ac:dyDescent="0.15">
      <c r="A13440">
        <v>11564</v>
      </c>
      <c r="B13440" t="s">
        <v>26826</v>
      </c>
      <c r="C13440" t="s">
        <v>26827</v>
      </c>
    </row>
    <row r="13441" spans="1:3" x14ac:dyDescent="0.15">
      <c r="A13441">
        <v>11563</v>
      </c>
      <c r="B13441" t="s">
        <v>26828</v>
      </c>
      <c r="C13441" t="s">
        <v>26829</v>
      </c>
    </row>
    <row r="13442" spans="1:3" x14ac:dyDescent="0.15">
      <c r="A13442">
        <v>11562</v>
      </c>
      <c r="B13442" t="s">
        <v>26830</v>
      </c>
      <c r="C13442" t="s">
        <v>26831</v>
      </c>
    </row>
    <row r="13443" spans="1:3" x14ac:dyDescent="0.15">
      <c r="A13443">
        <v>11561</v>
      </c>
      <c r="B13443" t="s">
        <v>26832</v>
      </c>
      <c r="C13443" t="s">
        <v>26833</v>
      </c>
    </row>
    <row r="13444" spans="1:3" x14ac:dyDescent="0.15">
      <c r="A13444">
        <v>11560</v>
      </c>
      <c r="B13444" t="s">
        <v>26834</v>
      </c>
      <c r="C13444" t="s">
        <v>26835</v>
      </c>
    </row>
    <row r="13445" spans="1:3" x14ac:dyDescent="0.15">
      <c r="A13445">
        <v>11559</v>
      </c>
      <c r="B13445" t="s">
        <v>26836</v>
      </c>
      <c r="C13445" t="s">
        <v>26837</v>
      </c>
    </row>
    <row r="13446" spans="1:3" x14ac:dyDescent="0.15">
      <c r="A13446">
        <v>11558</v>
      </c>
      <c r="B13446" t="s">
        <v>26838</v>
      </c>
      <c r="C13446" t="s">
        <v>26839</v>
      </c>
    </row>
    <row r="13447" spans="1:3" x14ac:dyDescent="0.15">
      <c r="A13447">
        <v>11557</v>
      </c>
      <c r="B13447" t="s">
        <v>26840</v>
      </c>
      <c r="C13447" t="s">
        <v>26841</v>
      </c>
    </row>
    <row r="13448" spans="1:3" x14ac:dyDescent="0.15">
      <c r="A13448">
        <v>11556</v>
      </c>
      <c r="B13448" t="s">
        <v>26842</v>
      </c>
      <c r="C13448" t="s">
        <v>26843</v>
      </c>
    </row>
    <row r="13449" spans="1:3" x14ac:dyDescent="0.15">
      <c r="A13449">
        <v>11555</v>
      </c>
      <c r="B13449" t="s">
        <v>26844</v>
      </c>
      <c r="C13449" t="s">
        <v>26845</v>
      </c>
    </row>
    <row r="13450" spans="1:3" x14ac:dyDescent="0.15">
      <c r="A13450">
        <v>11554</v>
      </c>
      <c r="B13450" t="s">
        <v>26846</v>
      </c>
      <c r="C13450" t="s">
        <v>26847</v>
      </c>
    </row>
    <row r="13451" spans="1:3" x14ac:dyDescent="0.15">
      <c r="A13451">
        <v>11553</v>
      </c>
      <c r="B13451" t="s">
        <v>26848</v>
      </c>
      <c r="C13451" t="s">
        <v>26849</v>
      </c>
    </row>
    <row r="13452" spans="1:3" x14ac:dyDescent="0.15">
      <c r="A13452">
        <v>11552</v>
      </c>
      <c r="B13452" t="s">
        <v>26850</v>
      </c>
      <c r="C13452" t="s">
        <v>26851</v>
      </c>
    </row>
    <row r="13453" spans="1:3" x14ac:dyDescent="0.15">
      <c r="A13453">
        <v>11551</v>
      </c>
      <c r="B13453" t="s">
        <v>26852</v>
      </c>
      <c r="C13453" t="s">
        <v>26853</v>
      </c>
    </row>
    <row r="13454" spans="1:3" x14ac:dyDescent="0.15">
      <c r="A13454">
        <v>11550</v>
      </c>
      <c r="B13454" t="s">
        <v>26854</v>
      </c>
      <c r="C13454" t="s">
        <v>26855</v>
      </c>
    </row>
    <row r="13455" spans="1:3" x14ac:dyDescent="0.15">
      <c r="A13455">
        <v>11549</v>
      </c>
      <c r="B13455" t="s">
        <v>26856</v>
      </c>
      <c r="C13455" t="s">
        <v>26857</v>
      </c>
    </row>
    <row r="13456" spans="1:3" x14ac:dyDescent="0.15">
      <c r="A13456">
        <v>11548</v>
      </c>
      <c r="B13456" t="s">
        <v>26858</v>
      </c>
      <c r="C13456" t="s">
        <v>26859</v>
      </c>
    </row>
    <row r="13457" spans="1:3" x14ac:dyDescent="0.15">
      <c r="A13457">
        <v>11547</v>
      </c>
      <c r="B13457" t="s">
        <v>26860</v>
      </c>
      <c r="C13457" t="s">
        <v>26861</v>
      </c>
    </row>
    <row r="13458" spans="1:3" x14ac:dyDescent="0.15">
      <c r="A13458">
        <v>11546</v>
      </c>
      <c r="B13458" t="s">
        <v>26862</v>
      </c>
      <c r="C13458" t="s">
        <v>26863</v>
      </c>
    </row>
    <row r="13459" spans="1:3" x14ac:dyDescent="0.15">
      <c r="A13459">
        <v>11545</v>
      </c>
      <c r="B13459" t="s">
        <v>26864</v>
      </c>
      <c r="C13459" t="s">
        <v>26865</v>
      </c>
    </row>
    <row r="13460" spans="1:3" x14ac:dyDescent="0.15">
      <c r="A13460">
        <v>11544</v>
      </c>
      <c r="B13460" t="s">
        <v>26866</v>
      </c>
      <c r="C13460" t="s">
        <v>26867</v>
      </c>
    </row>
    <row r="13461" spans="1:3" x14ac:dyDescent="0.15">
      <c r="A13461">
        <v>11543</v>
      </c>
      <c r="B13461" t="s">
        <v>26868</v>
      </c>
      <c r="C13461" t="s">
        <v>26869</v>
      </c>
    </row>
    <row r="13462" spans="1:3" x14ac:dyDescent="0.15">
      <c r="A13462">
        <v>11542</v>
      </c>
      <c r="B13462" t="s">
        <v>26870</v>
      </c>
      <c r="C13462" t="s">
        <v>26871</v>
      </c>
    </row>
    <row r="13463" spans="1:3" x14ac:dyDescent="0.15">
      <c r="A13463">
        <v>11541</v>
      </c>
      <c r="B13463" t="s">
        <v>26872</v>
      </c>
      <c r="C13463" t="s">
        <v>26873</v>
      </c>
    </row>
    <row r="13464" spans="1:3" x14ac:dyDescent="0.15">
      <c r="A13464">
        <v>11540</v>
      </c>
      <c r="B13464" t="s">
        <v>26874</v>
      </c>
      <c r="C13464" t="s">
        <v>26875</v>
      </c>
    </row>
    <row r="13465" spans="1:3" x14ac:dyDescent="0.15">
      <c r="A13465">
        <v>11539</v>
      </c>
      <c r="B13465" t="s">
        <v>26876</v>
      </c>
      <c r="C13465" t="s">
        <v>26877</v>
      </c>
    </row>
    <row r="13466" spans="1:3" x14ac:dyDescent="0.15">
      <c r="A13466">
        <v>11538</v>
      </c>
      <c r="B13466" t="s">
        <v>26878</v>
      </c>
      <c r="C13466" t="s">
        <v>26879</v>
      </c>
    </row>
    <row r="13467" spans="1:3" x14ac:dyDescent="0.15">
      <c r="A13467">
        <v>11537</v>
      </c>
      <c r="B13467" t="s">
        <v>26880</v>
      </c>
      <c r="C13467" t="s">
        <v>26881</v>
      </c>
    </row>
    <row r="13468" spans="1:3" x14ac:dyDescent="0.15">
      <c r="A13468">
        <v>11536</v>
      </c>
      <c r="B13468" t="s">
        <v>26882</v>
      </c>
      <c r="C13468" t="s">
        <v>26883</v>
      </c>
    </row>
    <row r="13469" spans="1:3" x14ac:dyDescent="0.15">
      <c r="A13469">
        <v>11535</v>
      </c>
      <c r="B13469" t="s">
        <v>26884</v>
      </c>
      <c r="C13469" t="s">
        <v>26885</v>
      </c>
    </row>
    <row r="13470" spans="1:3" x14ac:dyDescent="0.15">
      <c r="A13470">
        <v>11534</v>
      </c>
      <c r="B13470" t="s">
        <v>26886</v>
      </c>
      <c r="C13470" t="s">
        <v>26887</v>
      </c>
    </row>
    <row r="13471" spans="1:3" x14ac:dyDescent="0.15">
      <c r="A13471">
        <v>11533</v>
      </c>
      <c r="B13471" t="s">
        <v>26888</v>
      </c>
      <c r="C13471" t="s">
        <v>26889</v>
      </c>
    </row>
    <row r="13472" spans="1:3" x14ac:dyDescent="0.15">
      <c r="A13472">
        <v>11532</v>
      </c>
      <c r="B13472" t="s">
        <v>26890</v>
      </c>
      <c r="C13472" t="s">
        <v>26891</v>
      </c>
    </row>
    <row r="13473" spans="1:3" x14ac:dyDescent="0.15">
      <c r="A13473">
        <v>11531</v>
      </c>
      <c r="B13473" t="s">
        <v>26892</v>
      </c>
      <c r="C13473" t="s">
        <v>26893</v>
      </c>
    </row>
    <row r="13474" spans="1:3" x14ac:dyDescent="0.15">
      <c r="A13474">
        <v>11530</v>
      </c>
      <c r="B13474" t="s">
        <v>26894</v>
      </c>
      <c r="C13474" t="s">
        <v>26895</v>
      </c>
    </row>
    <row r="13475" spans="1:3" x14ac:dyDescent="0.15">
      <c r="A13475">
        <v>11529</v>
      </c>
      <c r="B13475" t="s">
        <v>26896</v>
      </c>
      <c r="C13475" t="s">
        <v>26897</v>
      </c>
    </row>
    <row r="13476" spans="1:3" x14ac:dyDescent="0.15">
      <c r="A13476">
        <v>11528</v>
      </c>
      <c r="B13476" t="s">
        <v>26898</v>
      </c>
      <c r="C13476" t="s">
        <v>26899</v>
      </c>
    </row>
    <row r="13477" spans="1:3" x14ac:dyDescent="0.15">
      <c r="A13477">
        <v>11527</v>
      </c>
      <c r="B13477" t="s">
        <v>26900</v>
      </c>
      <c r="C13477" t="s">
        <v>26901</v>
      </c>
    </row>
    <row r="13478" spans="1:3" x14ac:dyDescent="0.15">
      <c r="A13478">
        <v>11526</v>
      </c>
      <c r="B13478" t="s">
        <v>26902</v>
      </c>
      <c r="C13478" t="s">
        <v>26903</v>
      </c>
    </row>
    <row r="13479" spans="1:3" x14ac:dyDescent="0.15">
      <c r="A13479">
        <v>11525</v>
      </c>
      <c r="B13479" t="s">
        <v>26904</v>
      </c>
      <c r="C13479" t="s">
        <v>26905</v>
      </c>
    </row>
    <row r="13480" spans="1:3" x14ac:dyDescent="0.15">
      <c r="A13480">
        <v>11524</v>
      </c>
      <c r="B13480" t="s">
        <v>26906</v>
      </c>
      <c r="C13480" t="s">
        <v>26907</v>
      </c>
    </row>
    <row r="13481" spans="1:3" x14ac:dyDescent="0.15">
      <c r="A13481">
        <v>11523</v>
      </c>
      <c r="B13481" t="s">
        <v>26908</v>
      </c>
      <c r="C13481" t="s">
        <v>26909</v>
      </c>
    </row>
    <row r="13482" spans="1:3" x14ac:dyDescent="0.15">
      <c r="A13482">
        <v>11522</v>
      </c>
      <c r="B13482" t="s">
        <v>26910</v>
      </c>
      <c r="C13482" t="s">
        <v>26911</v>
      </c>
    </row>
    <row r="13483" spans="1:3" x14ac:dyDescent="0.15">
      <c r="A13483">
        <v>11521</v>
      </c>
      <c r="B13483" t="s">
        <v>26912</v>
      </c>
      <c r="C13483" t="s">
        <v>26913</v>
      </c>
    </row>
    <row r="13484" spans="1:3" x14ac:dyDescent="0.15">
      <c r="A13484">
        <v>11520</v>
      </c>
      <c r="B13484" t="s">
        <v>26914</v>
      </c>
      <c r="C13484" t="s">
        <v>26915</v>
      </c>
    </row>
    <row r="13485" spans="1:3" x14ac:dyDescent="0.15">
      <c r="A13485">
        <v>11519</v>
      </c>
      <c r="B13485" t="s">
        <v>26916</v>
      </c>
      <c r="C13485" t="s">
        <v>26917</v>
      </c>
    </row>
    <row r="13486" spans="1:3" x14ac:dyDescent="0.15">
      <c r="A13486">
        <v>11518</v>
      </c>
      <c r="B13486" t="s">
        <v>26918</v>
      </c>
      <c r="C13486" t="s">
        <v>26919</v>
      </c>
    </row>
    <row r="13487" spans="1:3" x14ac:dyDescent="0.15">
      <c r="A13487">
        <v>11517</v>
      </c>
      <c r="B13487" t="s">
        <v>26920</v>
      </c>
      <c r="C13487" t="s">
        <v>26921</v>
      </c>
    </row>
    <row r="13488" spans="1:3" x14ac:dyDescent="0.15">
      <c r="A13488">
        <v>11516</v>
      </c>
      <c r="B13488" t="s">
        <v>26922</v>
      </c>
      <c r="C13488" t="s">
        <v>26923</v>
      </c>
    </row>
    <row r="13489" spans="1:3" x14ac:dyDescent="0.15">
      <c r="A13489">
        <v>11515</v>
      </c>
      <c r="B13489" t="s">
        <v>26924</v>
      </c>
      <c r="C13489" t="s">
        <v>26925</v>
      </c>
    </row>
    <row r="13490" spans="1:3" x14ac:dyDescent="0.15">
      <c r="A13490">
        <v>11514</v>
      </c>
      <c r="B13490" t="s">
        <v>26926</v>
      </c>
      <c r="C13490" t="s">
        <v>26927</v>
      </c>
    </row>
    <row r="13491" spans="1:3" x14ac:dyDescent="0.15">
      <c r="A13491">
        <v>11513</v>
      </c>
      <c r="B13491" t="s">
        <v>26928</v>
      </c>
      <c r="C13491" t="s">
        <v>26929</v>
      </c>
    </row>
    <row r="13492" spans="1:3" x14ac:dyDescent="0.15">
      <c r="A13492">
        <v>11512</v>
      </c>
      <c r="B13492" t="s">
        <v>26930</v>
      </c>
      <c r="C13492" t="s">
        <v>26931</v>
      </c>
    </row>
    <row r="13493" spans="1:3" x14ac:dyDescent="0.15">
      <c r="A13493">
        <v>11511</v>
      </c>
      <c r="B13493" t="s">
        <v>26932</v>
      </c>
      <c r="C13493" t="s">
        <v>26933</v>
      </c>
    </row>
    <row r="13494" spans="1:3" x14ac:dyDescent="0.15">
      <c r="A13494">
        <v>11510</v>
      </c>
      <c r="B13494" t="s">
        <v>26934</v>
      </c>
      <c r="C13494" t="s">
        <v>26935</v>
      </c>
    </row>
    <row r="13495" spans="1:3" x14ac:dyDescent="0.15">
      <c r="A13495">
        <v>11509</v>
      </c>
      <c r="B13495" t="s">
        <v>26936</v>
      </c>
      <c r="C13495" t="s">
        <v>26937</v>
      </c>
    </row>
    <row r="13496" spans="1:3" x14ac:dyDescent="0.15">
      <c r="A13496">
        <v>11508</v>
      </c>
      <c r="B13496" t="s">
        <v>26938</v>
      </c>
      <c r="C13496" t="s">
        <v>26939</v>
      </c>
    </row>
    <row r="13497" spans="1:3" x14ac:dyDescent="0.15">
      <c r="A13497">
        <v>11507</v>
      </c>
      <c r="B13497" t="s">
        <v>26940</v>
      </c>
      <c r="C13497" t="s">
        <v>26941</v>
      </c>
    </row>
    <row r="13498" spans="1:3" x14ac:dyDescent="0.15">
      <c r="A13498">
        <v>11506</v>
      </c>
      <c r="B13498" t="s">
        <v>26942</v>
      </c>
      <c r="C13498" t="s">
        <v>26943</v>
      </c>
    </row>
    <row r="13499" spans="1:3" x14ac:dyDescent="0.15">
      <c r="A13499">
        <v>11505</v>
      </c>
      <c r="B13499" t="s">
        <v>26944</v>
      </c>
      <c r="C13499" t="s">
        <v>26945</v>
      </c>
    </row>
    <row r="13500" spans="1:3" x14ac:dyDescent="0.15">
      <c r="A13500">
        <v>11504</v>
      </c>
      <c r="B13500" t="s">
        <v>26946</v>
      </c>
      <c r="C13500" t="s">
        <v>26947</v>
      </c>
    </row>
    <row r="13501" spans="1:3" x14ac:dyDescent="0.15">
      <c r="A13501">
        <v>11503</v>
      </c>
      <c r="B13501" t="s">
        <v>26948</v>
      </c>
      <c r="C13501" t="s">
        <v>26949</v>
      </c>
    </row>
    <row r="13502" spans="1:3" x14ac:dyDescent="0.15">
      <c r="A13502">
        <v>11502</v>
      </c>
      <c r="B13502" t="s">
        <v>26950</v>
      </c>
      <c r="C13502" t="s">
        <v>26951</v>
      </c>
    </row>
    <row r="13503" spans="1:3" x14ac:dyDescent="0.15">
      <c r="A13503">
        <v>11501</v>
      </c>
      <c r="B13503" t="s">
        <v>26952</v>
      </c>
      <c r="C13503" t="s">
        <v>26953</v>
      </c>
    </row>
    <row r="13504" spans="1:3" x14ac:dyDescent="0.15">
      <c r="A13504">
        <v>11500</v>
      </c>
      <c r="B13504" t="s">
        <v>26954</v>
      </c>
      <c r="C13504" t="s">
        <v>26955</v>
      </c>
    </row>
    <row r="13505" spans="1:3" x14ac:dyDescent="0.15">
      <c r="A13505">
        <v>11499</v>
      </c>
      <c r="B13505" t="s">
        <v>26956</v>
      </c>
      <c r="C13505" t="s">
        <v>26957</v>
      </c>
    </row>
    <row r="13506" spans="1:3" x14ac:dyDescent="0.15">
      <c r="A13506">
        <v>11498</v>
      </c>
      <c r="B13506" t="s">
        <v>26958</v>
      </c>
      <c r="C13506" t="s">
        <v>26959</v>
      </c>
    </row>
    <row r="13507" spans="1:3" x14ac:dyDescent="0.15">
      <c r="A13507">
        <v>11497</v>
      </c>
      <c r="B13507" t="s">
        <v>26960</v>
      </c>
      <c r="C13507" t="s">
        <v>26961</v>
      </c>
    </row>
    <row r="13508" spans="1:3" x14ac:dyDescent="0.15">
      <c r="A13508">
        <v>11496</v>
      </c>
      <c r="B13508" t="s">
        <v>26962</v>
      </c>
      <c r="C13508" t="s">
        <v>26963</v>
      </c>
    </row>
    <row r="13509" spans="1:3" x14ac:dyDescent="0.15">
      <c r="A13509">
        <v>11495</v>
      </c>
      <c r="B13509" t="s">
        <v>26964</v>
      </c>
      <c r="C13509" t="s">
        <v>26965</v>
      </c>
    </row>
    <row r="13510" spans="1:3" x14ac:dyDescent="0.15">
      <c r="A13510">
        <v>11494</v>
      </c>
      <c r="B13510" t="s">
        <v>26966</v>
      </c>
      <c r="C13510" t="s">
        <v>26967</v>
      </c>
    </row>
    <row r="13511" spans="1:3" x14ac:dyDescent="0.15">
      <c r="A13511">
        <v>11493</v>
      </c>
      <c r="B13511" t="s">
        <v>26968</v>
      </c>
      <c r="C13511" t="s">
        <v>26969</v>
      </c>
    </row>
    <row r="13512" spans="1:3" x14ac:dyDescent="0.15">
      <c r="A13512">
        <v>11492</v>
      </c>
      <c r="B13512" t="s">
        <v>26970</v>
      </c>
      <c r="C13512" t="s">
        <v>26971</v>
      </c>
    </row>
    <row r="13513" spans="1:3" x14ac:dyDescent="0.15">
      <c r="A13513">
        <v>11491</v>
      </c>
      <c r="B13513" t="s">
        <v>26972</v>
      </c>
      <c r="C13513" t="s">
        <v>26973</v>
      </c>
    </row>
    <row r="13514" spans="1:3" x14ac:dyDescent="0.15">
      <c r="A13514">
        <v>11490</v>
      </c>
      <c r="B13514" t="s">
        <v>26974</v>
      </c>
      <c r="C13514" t="s">
        <v>26975</v>
      </c>
    </row>
    <row r="13515" spans="1:3" x14ac:dyDescent="0.15">
      <c r="A13515">
        <v>11489</v>
      </c>
      <c r="B13515" t="s">
        <v>26976</v>
      </c>
      <c r="C13515" t="s">
        <v>26977</v>
      </c>
    </row>
    <row r="13516" spans="1:3" x14ac:dyDescent="0.15">
      <c r="A13516">
        <v>11488</v>
      </c>
      <c r="B13516" t="s">
        <v>26978</v>
      </c>
      <c r="C13516" t="s">
        <v>26979</v>
      </c>
    </row>
    <row r="13517" spans="1:3" x14ac:dyDescent="0.15">
      <c r="A13517">
        <v>11487</v>
      </c>
      <c r="B13517" t="s">
        <v>26980</v>
      </c>
      <c r="C13517" t="s">
        <v>26981</v>
      </c>
    </row>
    <row r="13518" spans="1:3" x14ac:dyDescent="0.15">
      <c r="A13518">
        <v>11486</v>
      </c>
      <c r="B13518" t="s">
        <v>26982</v>
      </c>
      <c r="C13518" t="s">
        <v>26983</v>
      </c>
    </row>
    <row r="13519" spans="1:3" x14ac:dyDescent="0.15">
      <c r="A13519">
        <v>11485</v>
      </c>
      <c r="B13519" t="s">
        <v>26984</v>
      </c>
      <c r="C13519" t="s">
        <v>26985</v>
      </c>
    </row>
    <row r="13520" spans="1:3" x14ac:dyDescent="0.15">
      <c r="A13520">
        <v>11484</v>
      </c>
      <c r="B13520" t="s">
        <v>26986</v>
      </c>
      <c r="C13520" t="s">
        <v>26987</v>
      </c>
    </row>
    <row r="13521" spans="1:3" x14ac:dyDescent="0.15">
      <c r="A13521">
        <v>11483</v>
      </c>
      <c r="B13521" t="s">
        <v>26988</v>
      </c>
      <c r="C13521" t="s">
        <v>26989</v>
      </c>
    </row>
    <row r="13522" spans="1:3" x14ac:dyDescent="0.15">
      <c r="A13522">
        <v>11482</v>
      </c>
      <c r="B13522" t="s">
        <v>26990</v>
      </c>
      <c r="C13522" t="s">
        <v>26991</v>
      </c>
    </row>
    <row r="13523" spans="1:3" x14ac:dyDescent="0.15">
      <c r="A13523">
        <v>11481</v>
      </c>
      <c r="B13523" t="s">
        <v>26992</v>
      </c>
      <c r="C13523" t="s">
        <v>26993</v>
      </c>
    </row>
    <row r="13524" spans="1:3" x14ac:dyDescent="0.15">
      <c r="A13524">
        <v>11480</v>
      </c>
      <c r="B13524" t="s">
        <v>26994</v>
      </c>
      <c r="C13524" t="s">
        <v>26995</v>
      </c>
    </row>
    <row r="13525" spans="1:3" x14ac:dyDescent="0.15">
      <c r="A13525">
        <v>11479</v>
      </c>
      <c r="B13525" t="s">
        <v>26996</v>
      </c>
      <c r="C13525" t="s">
        <v>26997</v>
      </c>
    </row>
    <row r="13526" spans="1:3" x14ac:dyDescent="0.15">
      <c r="A13526">
        <v>11478</v>
      </c>
      <c r="B13526" t="s">
        <v>26998</v>
      </c>
      <c r="C13526" t="s">
        <v>26999</v>
      </c>
    </row>
    <row r="13527" spans="1:3" x14ac:dyDescent="0.15">
      <c r="A13527">
        <v>11477</v>
      </c>
      <c r="B13527" t="s">
        <v>27000</v>
      </c>
      <c r="C13527" t="s">
        <v>27001</v>
      </c>
    </row>
    <row r="13528" spans="1:3" x14ac:dyDescent="0.15">
      <c r="A13528">
        <v>11476</v>
      </c>
      <c r="B13528" t="s">
        <v>27002</v>
      </c>
      <c r="C13528" t="s">
        <v>27003</v>
      </c>
    </row>
    <row r="13529" spans="1:3" x14ac:dyDescent="0.15">
      <c r="A13529">
        <v>11475</v>
      </c>
      <c r="B13529" t="s">
        <v>27004</v>
      </c>
      <c r="C13529" t="s">
        <v>27005</v>
      </c>
    </row>
    <row r="13530" spans="1:3" x14ac:dyDescent="0.15">
      <c r="A13530">
        <v>11474</v>
      </c>
      <c r="B13530" t="s">
        <v>27006</v>
      </c>
      <c r="C13530" t="s">
        <v>27007</v>
      </c>
    </row>
    <row r="13531" spans="1:3" x14ac:dyDescent="0.15">
      <c r="A13531">
        <v>11473</v>
      </c>
      <c r="B13531" t="s">
        <v>27008</v>
      </c>
      <c r="C13531" t="s">
        <v>27009</v>
      </c>
    </row>
    <row r="13532" spans="1:3" x14ac:dyDescent="0.15">
      <c r="A13532">
        <v>11472</v>
      </c>
      <c r="B13532" t="s">
        <v>27010</v>
      </c>
      <c r="C13532" t="s">
        <v>27011</v>
      </c>
    </row>
    <row r="13533" spans="1:3" x14ac:dyDescent="0.15">
      <c r="A13533">
        <v>11471</v>
      </c>
      <c r="B13533" t="s">
        <v>27012</v>
      </c>
      <c r="C13533" t="s">
        <v>27013</v>
      </c>
    </row>
    <row r="13534" spans="1:3" x14ac:dyDescent="0.15">
      <c r="A13534">
        <v>11470</v>
      </c>
      <c r="B13534" t="s">
        <v>27014</v>
      </c>
      <c r="C13534" t="s">
        <v>27015</v>
      </c>
    </row>
    <row r="13535" spans="1:3" x14ac:dyDescent="0.15">
      <c r="A13535">
        <v>11469</v>
      </c>
      <c r="B13535" t="s">
        <v>27016</v>
      </c>
      <c r="C13535" t="s">
        <v>27017</v>
      </c>
    </row>
    <row r="13536" spans="1:3" x14ac:dyDescent="0.15">
      <c r="A13536">
        <v>11468</v>
      </c>
      <c r="B13536" t="s">
        <v>27018</v>
      </c>
      <c r="C13536" t="s">
        <v>27019</v>
      </c>
    </row>
    <row r="13537" spans="1:3" x14ac:dyDescent="0.15">
      <c r="A13537">
        <v>11467</v>
      </c>
      <c r="B13537" t="s">
        <v>27020</v>
      </c>
      <c r="C13537" t="s">
        <v>27021</v>
      </c>
    </row>
    <row r="13538" spans="1:3" x14ac:dyDescent="0.15">
      <c r="A13538">
        <v>11466</v>
      </c>
      <c r="B13538" t="s">
        <v>27022</v>
      </c>
      <c r="C13538" t="s">
        <v>27023</v>
      </c>
    </row>
    <row r="13539" spans="1:3" x14ac:dyDescent="0.15">
      <c r="A13539">
        <v>11465</v>
      </c>
      <c r="B13539" t="s">
        <v>27024</v>
      </c>
      <c r="C13539" t="s">
        <v>27025</v>
      </c>
    </row>
    <row r="13540" spans="1:3" x14ac:dyDescent="0.15">
      <c r="A13540">
        <v>11464</v>
      </c>
      <c r="B13540" t="s">
        <v>27026</v>
      </c>
      <c r="C13540" t="s">
        <v>27027</v>
      </c>
    </row>
    <row r="13541" spans="1:3" x14ac:dyDescent="0.15">
      <c r="A13541">
        <v>11463</v>
      </c>
      <c r="B13541" t="s">
        <v>27028</v>
      </c>
      <c r="C13541" t="s">
        <v>27029</v>
      </c>
    </row>
    <row r="13542" spans="1:3" x14ac:dyDescent="0.15">
      <c r="A13542">
        <v>11462</v>
      </c>
      <c r="B13542" t="s">
        <v>27030</v>
      </c>
      <c r="C13542" t="s">
        <v>27031</v>
      </c>
    </row>
    <row r="13543" spans="1:3" x14ac:dyDescent="0.15">
      <c r="A13543">
        <v>11461</v>
      </c>
      <c r="B13543" t="s">
        <v>27032</v>
      </c>
      <c r="C13543" t="s">
        <v>27033</v>
      </c>
    </row>
    <row r="13544" spans="1:3" x14ac:dyDescent="0.15">
      <c r="A13544">
        <v>11460</v>
      </c>
      <c r="B13544" t="s">
        <v>27034</v>
      </c>
      <c r="C13544" t="s">
        <v>27035</v>
      </c>
    </row>
    <row r="13545" spans="1:3" x14ac:dyDescent="0.15">
      <c r="A13545">
        <v>11459</v>
      </c>
      <c r="B13545" t="s">
        <v>27036</v>
      </c>
      <c r="C13545" t="s">
        <v>27037</v>
      </c>
    </row>
    <row r="13546" spans="1:3" x14ac:dyDescent="0.15">
      <c r="A13546">
        <v>11458</v>
      </c>
      <c r="B13546" t="s">
        <v>27038</v>
      </c>
      <c r="C13546" t="s">
        <v>27039</v>
      </c>
    </row>
    <row r="13547" spans="1:3" x14ac:dyDescent="0.15">
      <c r="A13547">
        <v>11457</v>
      </c>
      <c r="B13547" t="s">
        <v>27040</v>
      </c>
      <c r="C13547" t="s">
        <v>27041</v>
      </c>
    </row>
    <row r="13548" spans="1:3" x14ac:dyDescent="0.15">
      <c r="A13548">
        <v>11456</v>
      </c>
      <c r="B13548" t="s">
        <v>27042</v>
      </c>
      <c r="C13548" t="s">
        <v>27043</v>
      </c>
    </row>
    <row r="13549" spans="1:3" x14ac:dyDescent="0.15">
      <c r="A13549">
        <v>11455</v>
      </c>
      <c r="B13549" t="s">
        <v>27044</v>
      </c>
      <c r="C13549" t="s">
        <v>27045</v>
      </c>
    </row>
    <row r="13550" spans="1:3" x14ac:dyDescent="0.15">
      <c r="A13550">
        <v>11454</v>
      </c>
      <c r="B13550" t="s">
        <v>27046</v>
      </c>
      <c r="C13550" t="s">
        <v>27047</v>
      </c>
    </row>
    <row r="13551" spans="1:3" x14ac:dyDescent="0.15">
      <c r="A13551">
        <v>11453</v>
      </c>
      <c r="B13551" t="s">
        <v>27048</v>
      </c>
      <c r="C13551" t="s">
        <v>27049</v>
      </c>
    </row>
    <row r="13552" spans="1:3" x14ac:dyDescent="0.15">
      <c r="A13552">
        <v>11452</v>
      </c>
      <c r="B13552" t="s">
        <v>27050</v>
      </c>
      <c r="C13552" t="s">
        <v>27051</v>
      </c>
    </row>
    <row r="13553" spans="1:3" x14ac:dyDescent="0.15">
      <c r="A13553">
        <v>11451</v>
      </c>
      <c r="B13553" t="s">
        <v>27052</v>
      </c>
      <c r="C13553" t="s">
        <v>27053</v>
      </c>
    </row>
    <row r="13554" spans="1:3" x14ac:dyDescent="0.15">
      <c r="A13554">
        <v>11450</v>
      </c>
      <c r="B13554" t="s">
        <v>27054</v>
      </c>
      <c r="C13554" t="s">
        <v>27055</v>
      </c>
    </row>
    <row r="13555" spans="1:3" x14ac:dyDescent="0.15">
      <c r="A13555">
        <v>11449</v>
      </c>
      <c r="B13555" t="s">
        <v>27056</v>
      </c>
      <c r="C13555" t="s">
        <v>27057</v>
      </c>
    </row>
    <row r="13556" spans="1:3" x14ac:dyDescent="0.15">
      <c r="A13556">
        <v>11448</v>
      </c>
      <c r="B13556" t="s">
        <v>27058</v>
      </c>
      <c r="C13556" t="s">
        <v>27059</v>
      </c>
    </row>
    <row r="13557" spans="1:3" x14ac:dyDescent="0.15">
      <c r="A13557">
        <v>11447</v>
      </c>
      <c r="B13557" t="s">
        <v>27060</v>
      </c>
      <c r="C13557" t="s">
        <v>27061</v>
      </c>
    </row>
    <row r="13558" spans="1:3" x14ac:dyDescent="0.15">
      <c r="A13558">
        <v>11446</v>
      </c>
      <c r="B13558" t="s">
        <v>27062</v>
      </c>
      <c r="C13558" t="s">
        <v>27063</v>
      </c>
    </row>
    <row r="13559" spans="1:3" x14ac:dyDescent="0.15">
      <c r="A13559">
        <v>11445</v>
      </c>
      <c r="B13559" t="s">
        <v>27064</v>
      </c>
      <c r="C13559" t="s">
        <v>27065</v>
      </c>
    </row>
    <row r="13560" spans="1:3" x14ac:dyDescent="0.15">
      <c r="A13560">
        <v>11444</v>
      </c>
      <c r="B13560" t="s">
        <v>27066</v>
      </c>
      <c r="C13560" t="s">
        <v>27067</v>
      </c>
    </row>
    <row r="13561" spans="1:3" x14ac:dyDescent="0.15">
      <c r="A13561">
        <v>11443</v>
      </c>
      <c r="B13561" t="s">
        <v>27068</v>
      </c>
      <c r="C13561" t="s">
        <v>27069</v>
      </c>
    </row>
    <row r="13562" spans="1:3" x14ac:dyDescent="0.15">
      <c r="A13562">
        <v>11442</v>
      </c>
      <c r="B13562" t="s">
        <v>27070</v>
      </c>
      <c r="C13562" t="s">
        <v>27071</v>
      </c>
    </row>
    <row r="13563" spans="1:3" x14ac:dyDescent="0.15">
      <c r="A13563">
        <v>11441</v>
      </c>
      <c r="B13563" t="s">
        <v>27072</v>
      </c>
      <c r="C13563" t="s">
        <v>27073</v>
      </c>
    </row>
    <row r="13564" spans="1:3" x14ac:dyDescent="0.15">
      <c r="A13564">
        <v>11440</v>
      </c>
      <c r="B13564" t="s">
        <v>27074</v>
      </c>
      <c r="C13564" t="s">
        <v>27075</v>
      </c>
    </row>
    <row r="13565" spans="1:3" x14ac:dyDescent="0.15">
      <c r="A13565">
        <v>11439</v>
      </c>
      <c r="B13565" t="s">
        <v>27076</v>
      </c>
      <c r="C13565" t="s">
        <v>27077</v>
      </c>
    </row>
    <row r="13566" spans="1:3" x14ac:dyDescent="0.15">
      <c r="A13566">
        <v>11438</v>
      </c>
      <c r="B13566" t="s">
        <v>27078</v>
      </c>
      <c r="C13566" t="s">
        <v>27079</v>
      </c>
    </row>
    <row r="13567" spans="1:3" x14ac:dyDescent="0.15">
      <c r="A13567">
        <v>11437</v>
      </c>
      <c r="B13567" t="s">
        <v>27080</v>
      </c>
      <c r="C13567" t="s">
        <v>27081</v>
      </c>
    </row>
    <row r="13568" spans="1:3" x14ac:dyDescent="0.15">
      <c r="A13568">
        <v>11436</v>
      </c>
      <c r="B13568" t="s">
        <v>27082</v>
      </c>
      <c r="C13568" t="s">
        <v>27083</v>
      </c>
    </row>
    <row r="13569" spans="1:3" x14ac:dyDescent="0.15">
      <c r="A13569">
        <v>11435</v>
      </c>
      <c r="B13569" t="s">
        <v>27084</v>
      </c>
      <c r="C13569" t="s">
        <v>27085</v>
      </c>
    </row>
    <row r="13570" spans="1:3" x14ac:dyDescent="0.15">
      <c r="A13570">
        <v>11434</v>
      </c>
      <c r="B13570" t="s">
        <v>27086</v>
      </c>
      <c r="C13570" t="s">
        <v>27087</v>
      </c>
    </row>
    <row r="13571" spans="1:3" x14ac:dyDescent="0.15">
      <c r="A13571">
        <v>11433</v>
      </c>
      <c r="B13571" t="s">
        <v>27088</v>
      </c>
      <c r="C13571" t="s">
        <v>27089</v>
      </c>
    </row>
    <row r="13572" spans="1:3" x14ac:dyDescent="0.15">
      <c r="A13572">
        <v>11432</v>
      </c>
      <c r="B13572" t="s">
        <v>27090</v>
      </c>
      <c r="C13572" t="s">
        <v>27091</v>
      </c>
    </row>
    <row r="13573" spans="1:3" x14ac:dyDescent="0.15">
      <c r="A13573">
        <v>11431</v>
      </c>
      <c r="B13573" t="s">
        <v>27092</v>
      </c>
      <c r="C13573" t="s">
        <v>27093</v>
      </c>
    </row>
    <row r="13574" spans="1:3" x14ac:dyDescent="0.15">
      <c r="A13574">
        <v>11430</v>
      </c>
      <c r="B13574" t="s">
        <v>27094</v>
      </c>
      <c r="C13574" t="s">
        <v>27095</v>
      </c>
    </row>
    <row r="13575" spans="1:3" x14ac:dyDescent="0.15">
      <c r="A13575">
        <v>11429</v>
      </c>
      <c r="B13575" t="s">
        <v>27096</v>
      </c>
      <c r="C13575" t="s">
        <v>27097</v>
      </c>
    </row>
    <row r="13576" spans="1:3" x14ac:dyDescent="0.15">
      <c r="A13576">
        <v>11428</v>
      </c>
      <c r="B13576" t="s">
        <v>27098</v>
      </c>
      <c r="C13576" t="s">
        <v>27099</v>
      </c>
    </row>
    <row r="13577" spans="1:3" x14ac:dyDescent="0.15">
      <c r="A13577">
        <v>11427</v>
      </c>
      <c r="B13577" t="s">
        <v>27100</v>
      </c>
      <c r="C13577" t="s">
        <v>27101</v>
      </c>
    </row>
    <row r="13578" spans="1:3" x14ac:dyDescent="0.15">
      <c r="A13578">
        <v>11426</v>
      </c>
      <c r="B13578" t="s">
        <v>27102</v>
      </c>
      <c r="C13578" t="s">
        <v>27103</v>
      </c>
    </row>
    <row r="13579" spans="1:3" x14ac:dyDescent="0.15">
      <c r="A13579">
        <v>11425</v>
      </c>
      <c r="B13579" t="s">
        <v>27104</v>
      </c>
      <c r="C13579" t="s">
        <v>27105</v>
      </c>
    </row>
    <row r="13580" spans="1:3" x14ac:dyDescent="0.15">
      <c r="A13580">
        <v>11424</v>
      </c>
      <c r="B13580" t="s">
        <v>27106</v>
      </c>
      <c r="C13580" t="s">
        <v>27107</v>
      </c>
    </row>
    <row r="13581" spans="1:3" x14ac:dyDescent="0.15">
      <c r="A13581">
        <v>11423</v>
      </c>
      <c r="B13581" t="s">
        <v>27108</v>
      </c>
      <c r="C13581" t="s">
        <v>27109</v>
      </c>
    </row>
    <row r="13582" spans="1:3" x14ac:dyDescent="0.15">
      <c r="A13582">
        <v>11422</v>
      </c>
      <c r="B13582" t="s">
        <v>27110</v>
      </c>
      <c r="C13582" t="s">
        <v>27111</v>
      </c>
    </row>
    <row r="13583" spans="1:3" x14ac:dyDescent="0.15">
      <c r="A13583">
        <v>11421</v>
      </c>
      <c r="B13583" t="s">
        <v>27112</v>
      </c>
      <c r="C13583" t="s">
        <v>27113</v>
      </c>
    </row>
    <row r="13584" spans="1:3" x14ac:dyDescent="0.15">
      <c r="A13584">
        <v>11420</v>
      </c>
      <c r="B13584" t="s">
        <v>27114</v>
      </c>
      <c r="C13584" t="s">
        <v>27115</v>
      </c>
    </row>
    <row r="13585" spans="1:3" x14ac:dyDescent="0.15">
      <c r="A13585">
        <v>11419</v>
      </c>
      <c r="B13585" t="s">
        <v>27116</v>
      </c>
      <c r="C13585" t="s">
        <v>27117</v>
      </c>
    </row>
    <row r="13586" spans="1:3" x14ac:dyDescent="0.15">
      <c r="A13586">
        <v>11418</v>
      </c>
      <c r="B13586" t="s">
        <v>27118</v>
      </c>
      <c r="C13586" t="s">
        <v>27119</v>
      </c>
    </row>
    <row r="13587" spans="1:3" x14ac:dyDescent="0.15">
      <c r="A13587">
        <v>11417</v>
      </c>
      <c r="B13587" t="s">
        <v>27120</v>
      </c>
      <c r="C13587" t="s">
        <v>27121</v>
      </c>
    </row>
    <row r="13588" spans="1:3" x14ac:dyDescent="0.15">
      <c r="A13588">
        <v>11416</v>
      </c>
      <c r="B13588" t="s">
        <v>27122</v>
      </c>
      <c r="C13588" t="s">
        <v>27123</v>
      </c>
    </row>
    <row r="13589" spans="1:3" x14ac:dyDescent="0.15">
      <c r="A13589">
        <v>11415</v>
      </c>
      <c r="B13589" t="s">
        <v>27124</v>
      </c>
      <c r="C13589" t="s">
        <v>27125</v>
      </c>
    </row>
    <row r="13590" spans="1:3" x14ac:dyDescent="0.15">
      <c r="A13590">
        <v>11414</v>
      </c>
      <c r="B13590" t="s">
        <v>27126</v>
      </c>
      <c r="C13590" t="s">
        <v>27127</v>
      </c>
    </row>
    <row r="13591" spans="1:3" x14ac:dyDescent="0.15">
      <c r="A13591">
        <v>11413</v>
      </c>
      <c r="B13591" t="s">
        <v>27128</v>
      </c>
      <c r="C13591" t="s">
        <v>27129</v>
      </c>
    </row>
    <row r="13592" spans="1:3" x14ac:dyDescent="0.15">
      <c r="A13592">
        <v>11412</v>
      </c>
      <c r="B13592" t="s">
        <v>27130</v>
      </c>
      <c r="C13592" t="s">
        <v>27131</v>
      </c>
    </row>
    <row r="13593" spans="1:3" x14ac:dyDescent="0.15">
      <c r="A13593">
        <v>11411</v>
      </c>
      <c r="B13593" t="s">
        <v>27132</v>
      </c>
      <c r="C13593" t="s">
        <v>27133</v>
      </c>
    </row>
    <row r="13594" spans="1:3" x14ac:dyDescent="0.15">
      <c r="A13594">
        <v>11410</v>
      </c>
      <c r="B13594" t="s">
        <v>27134</v>
      </c>
      <c r="C13594" t="s">
        <v>27135</v>
      </c>
    </row>
    <row r="13595" spans="1:3" x14ac:dyDescent="0.15">
      <c r="A13595">
        <v>11409</v>
      </c>
      <c r="B13595" t="s">
        <v>27136</v>
      </c>
      <c r="C13595" t="s">
        <v>27137</v>
      </c>
    </row>
    <row r="13596" spans="1:3" x14ac:dyDescent="0.15">
      <c r="A13596">
        <v>11408</v>
      </c>
      <c r="B13596" t="s">
        <v>27138</v>
      </c>
      <c r="C13596" t="s">
        <v>27139</v>
      </c>
    </row>
    <row r="13597" spans="1:3" x14ac:dyDescent="0.15">
      <c r="A13597">
        <v>11407</v>
      </c>
      <c r="B13597" t="s">
        <v>27140</v>
      </c>
      <c r="C13597" t="s">
        <v>27141</v>
      </c>
    </row>
    <row r="13598" spans="1:3" x14ac:dyDescent="0.15">
      <c r="A13598">
        <v>11406</v>
      </c>
      <c r="B13598" t="s">
        <v>27142</v>
      </c>
      <c r="C13598" t="s">
        <v>27143</v>
      </c>
    </row>
    <row r="13599" spans="1:3" x14ac:dyDescent="0.15">
      <c r="A13599">
        <v>11405</v>
      </c>
      <c r="B13599" t="s">
        <v>27144</v>
      </c>
      <c r="C13599" t="s">
        <v>27145</v>
      </c>
    </row>
    <row r="13600" spans="1:3" x14ac:dyDescent="0.15">
      <c r="A13600">
        <v>11404</v>
      </c>
      <c r="B13600" t="s">
        <v>27146</v>
      </c>
      <c r="C13600" t="s">
        <v>27147</v>
      </c>
    </row>
    <row r="13601" spans="1:3" x14ac:dyDescent="0.15">
      <c r="A13601">
        <v>11403</v>
      </c>
      <c r="B13601" t="s">
        <v>27148</v>
      </c>
      <c r="C13601" t="s">
        <v>27149</v>
      </c>
    </row>
    <row r="13602" spans="1:3" x14ac:dyDescent="0.15">
      <c r="A13602">
        <v>11402</v>
      </c>
      <c r="B13602" t="s">
        <v>27150</v>
      </c>
      <c r="C13602" t="s">
        <v>27151</v>
      </c>
    </row>
    <row r="13603" spans="1:3" x14ac:dyDescent="0.15">
      <c r="A13603">
        <v>11401</v>
      </c>
      <c r="B13603" t="s">
        <v>27152</v>
      </c>
      <c r="C13603" t="s">
        <v>27153</v>
      </c>
    </row>
    <row r="13604" spans="1:3" x14ac:dyDescent="0.15">
      <c r="A13604">
        <v>11400</v>
      </c>
      <c r="B13604" t="s">
        <v>27154</v>
      </c>
      <c r="C13604" t="s">
        <v>27155</v>
      </c>
    </row>
    <row r="13605" spans="1:3" x14ac:dyDescent="0.15">
      <c r="A13605">
        <v>11399</v>
      </c>
      <c r="B13605" t="s">
        <v>27156</v>
      </c>
      <c r="C13605" t="s">
        <v>27157</v>
      </c>
    </row>
    <row r="13606" spans="1:3" x14ac:dyDescent="0.15">
      <c r="A13606">
        <v>11398</v>
      </c>
      <c r="B13606" t="s">
        <v>27158</v>
      </c>
      <c r="C13606" t="s">
        <v>27159</v>
      </c>
    </row>
    <row r="13607" spans="1:3" x14ac:dyDescent="0.15">
      <c r="A13607">
        <v>11397</v>
      </c>
      <c r="B13607" t="s">
        <v>27160</v>
      </c>
      <c r="C13607" t="s">
        <v>27161</v>
      </c>
    </row>
    <row r="13608" spans="1:3" x14ac:dyDescent="0.15">
      <c r="A13608">
        <v>11396</v>
      </c>
      <c r="B13608" t="s">
        <v>27162</v>
      </c>
      <c r="C13608" t="s">
        <v>27163</v>
      </c>
    </row>
    <row r="13609" spans="1:3" x14ac:dyDescent="0.15">
      <c r="A13609">
        <v>11395</v>
      </c>
      <c r="B13609" t="s">
        <v>27164</v>
      </c>
      <c r="C13609" t="s">
        <v>27165</v>
      </c>
    </row>
    <row r="13610" spans="1:3" x14ac:dyDescent="0.15">
      <c r="A13610">
        <v>11394</v>
      </c>
      <c r="B13610" t="s">
        <v>27166</v>
      </c>
      <c r="C13610" t="s">
        <v>27167</v>
      </c>
    </row>
    <row r="13611" spans="1:3" x14ac:dyDescent="0.15">
      <c r="A13611">
        <v>11393</v>
      </c>
      <c r="B13611" t="s">
        <v>27168</v>
      </c>
      <c r="C13611" t="s">
        <v>27169</v>
      </c>
    </row>
    <row r="13612" spans="1:3" x14ac:dyDescent="0.15">
      <c r="A13612">
        <v>11392</v>
      </c>
      <c r="B13612" t="s">
        <v>27170</v>
      </c>
      <c r="C13612" t="s">
        <v>27171</v>
      </c>
    </row>
    <row r="13613" spans="1:3" x14ac:dyDescent="0.15">
      <c r="A13613">
        <v>11391</v>
      </c>
      <c r="B13613" t="s">
        <v>27172</v>
      </c>
      <c r="C13613" t="s">
        <v>27173</v>
      </c>
    </row>
    <row r="13614" spans="1:3" x14ac:dyDescent="0.15">
      <c r="A13614">
        <v>11390</v>
      </c>
      <c r="B13614" t="s">
        <v>27174</v>
      </c>
      <c r="C13614" t="s">
        <v>27175</v>
      </c>
    </row>
    <row r="13615" spans="1:3" x14ac:dyDescent="0.15">
      <c r="A13615">
        <v>11389</v>
      </c>
      <c r="B13615" t="s">
        <v>27176</v>
      </c>
      <c r="C13615" t="s">
        <v>27177</v>
      </c>
    </row>
    <row r="13616" spans="1:3" x14ac:dyDescent="0.15">
      <c r="A13616">
        <v>11388</v>
      </c>
      <c r="B13616" t="s">
        <v>27178</v>
      </c>
      <c r="C13616" t="s">
        <v>27179</v>
      </c>
    </row>
    <row r="13617" spans="1:3" x14ac:dyDescent="0.15">
      <c r="A13617">
        <v>11387</v>
      </c>
      <c r="B13617" t="s">
        <v>27180</v>
      </c>
      <c r="C13617" t="s">
        <v>27181</v>
      </c>
    </row>
    <row r="13618" spans="1:3" x14ac:dyDescent="0.15">
      <c r="A13618">
        <v>11386</v>
      </c>
      <c r="B13618" t="s">
        <v>27182</v>
      </c>
      <c r="C13618" t="s">
        <v>27183</v>
      </c>
    </row>
    <row r="13619" spans="1:3" x14ac:dyDescent="0.15">
      <c r="A13619">
        <v>11385</v>
      </c>
      <c r="B13619" t="s">
        <v>27184</v>
      </c>
      <c r="C13619" t="s">
        <v>27185</v>
      </c>
    </row>
    <row r="13620" spans="1:3" x14ac:dyDescent="0.15">
      <c r="A13620">
        <v>11384</v>
      </c>
      <c r="B13620" t="s">
        <v>27186</v>
      </c>
      <c r="C13620" t="s">
        <v>27187</v>
      </c>
    </row>
    <row r="13621" spans="1:3" x14ac:dyDescent="0.15">
      <c r="A13621">
        <v>11383</v>
      </c>
      <c r="B13621" t="s">
        <v>27188</v>
      </c>
      <c r="C13621" t="s">
        <v>27189</v>
      </c>
    </row>
    <row r="13622" spans="1:3" x14ac:dyDescent="0.15">
      <c r="A13622">
        <v>11382</v>
      </c>
      <c r="B13622" t="s">
        <v>27190</v>
      </c>
      <c r="C13622" t="s">
        <v>27191</v>
      </c>
    </row>
    <row r="13623" spans="1:3" x14ac:dyDescent="0.15">
      <c r="A13623">
        <v>11381</v>
      </c>
      <c r="B13623" t="s">
        <v>27192</v>
      </c>
      <c r="C13623" t="s">
        <v>27193</v>
      </c>
    </row>
    <row r="13624" spans="1:3" x14ac:dyDescent="0.15">
      <c r="A13624">
        <v>11380</v>
      </c>
      <c r="B13624" t="s">
        <v>27194</v>
      </c>
      <c r="C13624" t="s">
        <v>27195</v>
      </c>
    </row>
    <row r="13625" spans="1:3" x14ac:dyDescent="0.15">
      <c r="A13625">
        <v>11379</v>
      </c>
      <c r="B13625" t="s">
        <v>27196</v>
      </c>
      <c r="C13625" t="s">
        <v>27197</v>
      </c>
    </row>
    <row r="13626" spans="1:3" x14ac:dyDescent="0.15">
      <c r="A13626">
        <v>11378</v>
      </c>
      <c r="B13626" t="s">
        <v>27198</v>
      </c>
      <c r="C13626" t="s">
        <v>27199</v>
      </c>
    </row>
    <row r="13627" spans="1:3" x14ac:dyDescent="0.15">
      <c r="A13627">
        <v>11377</v>
      </c>
      <c r="B13627" t="s">
        <v>27200</v>
      </c>
      <c r="C13627" t="s">
        <v>27201</v>
      </c>
    </row>
    <row r="13628" spans="1:3" x14ac:dyDescent="0.15">
      <c r="A13628">
        <v>11376</v>
      </c>
      <c r="B13628" t="s">
        <v>27202</v>
      </c>
      <c r="C13628" t="s">
        <v>27203</v>
      </c>
    </row>
    <row r="13629" spans="1:3" x14ac:dyDescent="0.15">
      <c r="A13629">
        <v>11375</v>
      </c>
      <c r="B13629" t="s">
        <v>27204</v>
      </c>
      <c r="C13629" t="s">
        <v>27205</v>
      </c>
    </row>
    <row r="13630" spans="1:3" x14ac:dyDescent="0.15">
      <c r="A13630">
        <v>11374</v>
      </c>
      <c r="B13630" t="s">
        <v>27206</v>
      </c>
      <c r="C13630" t="s">
        <v>27207</v>
      </c>
    </row>
    <row r="13631" spans="1:3" x14ac:dyDescent="0.15">
      <c r="A13631">
        <v>11373</v>
      </c>
      <c r="B13631" t="s">
        <v>27208</v>
      </c>
      <c r="C13631" t="s">
        <v>27209</v>
      </c>
    </row>
    <row r="13632" spans="1:3" x14ac:dyDescent="0.15">
      <c r="A13632">
        <v>11372</v>
      </c>
      <c r="B13632" t="s">
        <v>27210</v>
      </c>
      <c r="C13632" t="s">
        <v>27211</v>
      </c>
    </row>
    <row r="13633" spans="1:3" x14ac:dyDescent="0.15">
      <c r="A13633">
        <v>11371</v>
      </c>
      <c r="B13633" t="s">
        <v>27212</v>
      </c>
      <c r="C13633" t="s">
        <v>27213</v>
      </c>
    </row>
    <row r="13634" spans="1:3" x14ac:dyDescent="0.15">
      <c r="A13634">
        <v>11370</v>
      </c>
      <c r="B13634" t="s">
        <v>27214</v>
      </c>
      <c r="C13634" t="s">
        <v>27215</v>
      </c>
    </row>
    <row r="13635" spans="1:3" x14ac:dyDescent="0.15">
      <c r="A13635">
        <v>11369</v>
      </c>
      <c r="B13635" t="s">
        <v>27216</v>
      </c>
      <c r="C13635" t="s">
        <v>27217</v>
      </c>
    </row>
    <row r="13636" spans="1:3" x14ac:dyDescent="0.15">
      <c r="A13636">
        <v>11368</v>
      </c>
      <c r="B13636" t="s">
        <v>27218</v>
      </c>
      <c r="C13636" t="s">
        <v>27219</v>
      </c>
    </row>
    <row r="13637" spans="1:3" x14ac:dyDescent="0.15">
      <c r="A13637">
        <v>11367</v>
      </c>
      <c r="B13637" t="s">
        <v>27220</v>
      </c>
      <c r="C13637" t="s">
        <v>27221</v>
      </c>
    </row>
    <row r="13638" spans="1:3" x14ac:dyDescent="0.15">
      <c r="A13638">
        <v>11366</v>
      </c>
      <c r="B13638" t="s">
        <v>27222</v>
      </c>
      <c r="C13638" t="s">
        <v>27223</v>
      </c>
    </row>
    <row r="13639" spans="1:3" x14ac:dyDescent="0.15">
      <c r="A13639">
        <v>11365</v>
      </c>
      <c r="B13639" t="s">
        <v>27224</v>
      </c>
      <c r="C13639" t="s">
        <v>27225</v>
      </c>
    </row>
    <row r="13640" spans="1:3" x14ac:dyDescent="0.15">
      <c r="A13640">
        <v>11364</v>
      </c>
      <c r="B13640" t="s">
        <v>27226</v>
      </c>
      <c r="C13640" t="s">
        <v>27227</v>
      </c>
    </row>
    <row r="13641" spans="1:3" x14ac:dyDescent="0.15">
      <c r="A13641">
        <v>11363</v>
      </c>
      <c r="B13641" t="s">
        <v>27228</v>
      </c>
      <c r="C13641" t="s">
        <v>27229</v>
      </c>
    </row>
    <row r="13642" spans="1:3" x14ac:dyDescent="0.15">
      <c r="A13642">
        <v>11362</v>
      </c>
      <c r="B13642" t="s">
        <v>27230</v>
      </c>
      <c r="C13642" t="s">
        <v>27231</v>
      </c>
    </row>
    <row r="13643" spans="1:3" x14ac:dyDescent="0.15">
      <c r="A13643">
        <v>11361</v>
      </c>
      <c r="B13643" t="s">
        <v>27232</v>
      </c>
      <c r="C13643" t="s">
        <v>27233</v>
      </c>
    </row>
    <row r="13644" spans="1:3" x14ac:dyDescent="0.15">
      <c r="A13644">
        <v>11360</v>
      </c>
      <c r="B13644" t="s">
        <v>27234</v>
      </c>
      <c r="C13644" t="s">
        <v>27235</v>
      </c>
    </row>
    <row r="13645" spans="1:3" x14ac:dyDescent="0.15">
      <c r="A13645">
        <v>11359</v>
      </c>
      <c r="B13645" t="s">
        <v>27236</v>
      </c>
      <c r="C13645" t="s">
        <v>27237</v>
      </c>
    </row>
    <row r="13646" spans="1:3" x14ac:dyDescent="0.15">
      <c r="A13646">
        <v>11358</v>
      </c>
      <c r="B13646" t="s">
        <v>27238</v>
      </c>
      <c r="C13646" t="s">
        <v>27239</v>
      </c>
    </row>
    <row r="13647" spans="1:3" x14ac:dyDescent="0.15">
      <c r="A13647">
        <v>11357</v>
      </c>
      <c r="B13647" t="s">
        <v>27240</v>
      </c>
      <c r="C13647" t="s">
        <v>27241</v>
      </c>
    </row>
    <row r="13648" spans="1:3" x14ac:dyDescent="0.15">
      <c r="A13648">
        <v>11356</v>
      </c>
      <c r="B13648" t="s">
        <v>27242</v>
      </c>
      <c r="C13648" t="s">
        <v>27243</v>
      </c>
    </row>
    <row r="13649" spans="1:3" x14ac:dyDescent="0.15">
      <c r="A13649">
        <v>11355</v>
      </c>
      <c r="B13649" t="s">
        <v>27244</v>
      </c>
      <c r="C13649" t="s">
        <v>27245</v>
      </c>
    </row>
    <row r="13650" spans="1:3" x14ac:dyDescent="0.15">
      <c r="A13650">
        <v>11354</v>
      </c>
      <c r="B13650" t="s">
        <v>27246</v>
      </c>
      <c r="C13650" t="s">
        <v>27247</v>
      </c>
    </row>
    <row r="13651" spans="1:3" x14ac:dyDescent="0.15">
      <c r="A13651">
        <v>11353</v>
      </c>
      <c r="B13651" t="s">
        <v>27248</v>
      </c>
      <c r="C13651" t="s">
        <v>27249</v>
      </c>
    </row>
    <row r="13652" spans="1:3" x14ac:dyDescent="0.15">
      <c r="A13652">
        <v>11352</v>
      </c>
      <c r="B13652" t="s">
        <v>27250</v>
      </c>
      <c r="C13652" t="s">
        <v>27251</v>
      </c>
    </row>
    <row r="13653" spans="1:3" x14ac:dyDescent="0.15">
      <c r="A13653">
        <v>11351</v>
      </c>
      <c r="B13653" t="s">
        <v>27252</v>
      </c>
      <c r="C13653" t="s">
        <v>27253</v>
      </c>
    </row>
    <row r="13654" spans="1:3" x14ac:dyDescent="0.15">
      <c r="A13654">
        <v>11350</v>
      </c>
      <c r="B13654" t="s">
        <v>27254</v>
      </c>
      <c r="C13654" t="s">
        <v>27255</v>
      </c>
    </row>
    <row r="13655" spans="1:3" x14ac:dyDescent="0.15">
      <c r="A13655">
        <v>11349</v>
      </c>
      <c r="B13655" t="s">
        <v>27256</v>
      </c>
      <c r="C13655" t="s">
        <v>27257</v>
      </c>
    </row>
    <row r="13656" spans="1:3" x14ac:dyDescent="0.15">
      <c r="A13656">
        <v>11348</v>
      </c>
      <c r="B13656" t="s">
        <v>27258</v>
      </c>
      <c r="C13656" t="s">
        <v>27259</v>
      </c>
    </row>
    <row r="13657" spans="1:3" x14ac:dyDescent="0.15">
      <c r="A13657">
        <v>11347</v>
      </c>
      <c r="B13657" t="s">
        <v>27260</v>
      </c>
      <c r="C13657" t="s">
        <v>27261</v>
      </c>
    </row>
    <row r="13658" spans="1:3" x14ac:dyDescent="0.15">
      <c r="A13658">
        <v>11346</v>
      </c>
      <c r="B13658" t="s">
        <v>27262</v>
      </c>
      <c r="C13658" t="s">
        <v>27263</v>
      </c>
    </row>
    <row r="13659" spans="1:3" x14ac:dyDescent="0.15">
      <c r="A13659">
        <v>11345</v>
      </c>
      <c r="B13659" t="s">
        <v>27264</v>
      </c>
      <c r="C13659" t="s">
        <v>27265</v>
      </c>
    </row>
    <row r="13660" spans="1:3" x14ac:dyDescent="0.15">
      <c r="A13660">
        <v>11344</v>
      </c>
      <c r="B13660" t="s">
        <v>27266</v>
      </c>
      <c r="C13660" t="s">
        <v>27267</v>
      </c>
    </row>
    <row r="13661" spans="1:3" x14ac:dyDescent="0.15">
      <c r="A13661">
        <v>11343</v>
      </c>
      <c r="B13661" t="s">
        <v>27268</v>
      </c>
      <c r="C13661" t="s">
        <v>27269</v>
      </c>
    </row>
    <row r="13662" spans="1:3" x14ac:dyDescent="0.15">
      <c r="A13662">
        <v>11342</v>
      </c>
      <c r="B13662" t="s">
        <v>27270</v>
      </c>
      <c r="C13662" t="s">
        <v>27271</v>
      </c>
    </row>
    <row r="13663" spans="1:3" x14ac:dyDescent="0.15">
      <c r="A13663">
        <v>11341</v>
      </c>
      <c r="B13663" t="s">
        <v>27272</v>
      </c>
      <c r="C13663" t="s">
        <v>27273</v>
      </c>
    </row>
    <row r="13664" spans="1:3" x14ac:dyDescent="0.15">
      <c r="A13664">
        <v>11340</v>
      </c>
      <c r="B13664" t="s">
        <v>27274</v>
      </c>
      <c r="C13664" t="s">
        <v>27275</v>
      </c>
    </row>
    <row r="13665" spans="1:3" x14ac:dyDescent="0.15">
      <c r="A13665">
        <v>11339</v>
      </c>
      <c r="B13665" t="s">
        <v>27276</v>
      </c>
      <c r="C13665" t="s">
        <v>27277</v>
      </c>
    </row>
    <row r="13666" spans="1:3" x14ac:dyDescent="0.15">
      <c r="A13666">
        <v>11338</v>
      </c>
      <c r="B13666" t="s">
        <v>27278</v>
      </c>
      <c r="C13666" t="s">
        <v>27279</v>
      </c>
    </row>
    <row r="13667" spans="1:3" x14ac:dyDescent="0.15">
      <c r="A13667">
        <v>11337</v>
      </c>
      <c r="B13667" t="s">
        <v>27280</v>
      </c>
      <c r="C13667" t="s">
        <v>27281</v>
      </c>
    </row>
    <row r="13668" spans="1:3" x14ac:dyDescent="0.15">
      <c r="A13668">
        <v>11336</v>
      </c>
      <c r="B13668" t="s">
        <v>27282</v>
      </c>
      <c r="C13668" t="s">
        <v>27283</v>
      </c>
    </row>
    <row r="13669" spans="1:3" x14ac:dyDescent="0.15">
      <c r="A13669">
        <v>11335</v>
      </c>
      <c r="B13669" t="s">
        <v>27284</v>
      </c>
      <c r="C13669" t="s">
        <v>27285</v>
      </c>
    </row>
    <row r="13670" spans="1:3" x14ac:dyDescent="0.15">
      <c r="A13670">
        <v>11334</v>
      </c>
      <c r="B13670" t="s">
        <v>27286</v>
      </c>
      <c r="C13670" t="s">
        <v>27287</v>
      </c>
    </row>
    <row r="13671" spans="1:3" x14ac:dyDescent="0.15">
      <c r="A13671">
        <v>11333</v>
      </c>
      <c r="B13671" t="s">
        <v>27288</v>
      </c>
      <c r="C13671" t="s">
        <v>27289</v>
      </c>
    </row>
    <row r="13672" spans="1:3" x14ac:dyDescent="0.15">
      <c r="A13672">
        <v>11332</v>
      </c>
      <c r="B13672" t="s">
        <v>27290</v>
      </c>
      <c r="C13672" t="s">
        <v>27291</v>
      </c>
    </row>
    <row r="13673" spans="1:3" x14ac:dyDescent="0.15">
      <c r="A13673">
        <v>11331</v>
      </c>
      <c r="B13673" t="s">
        <v>27292</v>
      </c>
      <c r="C13673" t="s">
        <v>27293</v>
      </c>
    </row>
    <row r="13674" spans="1:3" x14ac:dyDescent="0.15">
      <c r="A13674">
        <v>11330</v>
      </c>
      <c r="B13674" t="s">
        <v>27294</v>
      </c>
      <c r="C13674" t="s">
        <v>27295</v>
      </c>
    </row>
    <row r="13675" spans="1:3" x14ac:dyDescent="0.15">
      <c r="A13675">
        <v>11329</v>
      </c>
      <c r="B13675" t="s">
        <v>27296</v>
      </c>
      <c r="C13675" t="s">
        <v>27297</v>
      </c>
    </row>
    <row r="13676" spans="1:3" x14ac:dyDescent="0.15">
      <c r="A13676">
        <v>11328</v>
      </c>
      <c r="B13676" t="s">
        <v>27298</v>
      </c>
      <c r="C13676" t="s">
        <v>27299</v>
      </c>
    </row>
    <row r="13677" spans="1:3" x14ac:dyDescent="0.15">
      <c r="A13677">
        <v>11327</v>
      </c>
      <c r="B13677" t="s">
        <v>27300</v>
      </c>
      <c r="C13677" t="s">
        <v>27301</v>
      </c>
    </row>
    <row r="13678" spans="1:3" x14ac:dyDescent="0.15">
      <c r="A13678">
        <v>11326</v>
      </c>
      <c r="B13678" t="s">
        <v>27302</v>
      </c>
      <c r="C13678" t="s">
        <v>27303</v>
      </c>
    </row>
    <row r="13679" spans="1:3" x14ac:dyDescent="0.15">
      <c r="A13679">
        <v>11325</v>
      </c>
      <c r="B13679" t="s">
        <v>27304</v>
      </c>
      <c r="C13679" t="s">
        <v>27305</v>
      </c>
    </row>
    <row r="13680" spans="1:3" x14ac:dyDescent="0.15">
      <c r="A13680">
        <v>11324</v>
      </c>
      <c r="B13680" t="s">
        <v>27306</v>
      </c>
      <c r="C13680" t="s">
        <v>27307</v>
      </c>
    </row>
    <row r="13681" spans="1:3" x14ac:dyDescent="0.15">
      <c r="A13681">
        <v>11323</v>
      </c>
      <c r="B13681" t="s">
        <v>27308</v>
      </c>
      <c r="C13681" t="s">
        <v>27309</v>
      </c>
    </row>
    <row r="13682" spans="1:3" x14ac:dyDescent="0.15">
      <c r="A13682">
        <v>11322</v>
      </c>
      <c r="B13682" t="s">
        <v>27310</v>
      </c>
      <c r="C13682" t="s">
        <v>27311</v>
      </c>
    </row>
    <row r="13683" spans="1:3" x14ac:dyDescent="0.15">
      <c r="A13683">
        <v>11321</v>
      </c>
      <c r="B13683" t="s">
        <v>27312</v>
      </c>
      <c r="C13683" t="s">
        <v>27313</v>
      </c>
    </row>
    <row r="13684" spans="1:3" x14ac:dyDescent="0.15">
      <c r="A13684">
        <v>11320</v>
      </c>
      <c r="B13684" t="s">
        <v>27314</v>
      </c>
      <c r="C13684" t="s">
        <v>27315</v>
      </c>
    </row>
    <row r="13685" spans="1:3" x14ac:dyDescent="0.15">
      <c r="A13685">
        <v>11319</v>
      </c>
      <c r="B13685" t="s">
        <v>27316</v>
      </c>
      <c r="C13685" t="s">
        <v>27317</v>
      </c>
    </row>
    <row r="13686" spans="1:3" x14ac:dyDescent="0.15">
      <c r="A13686">
        <v>11318</v>
      </c>
      <c r="B13686" t="s">
        <v>27318</v>
      </c>
      <c r="C13686" t="s">
        <v>27319</v>
      </c>
    </row>
    <row r="13687" spans="1:3" x14ac:dyDescent="0.15">
      <c r="A13687">
        <v>11317</v>
      </c>
      <c r="B13687" t="s">
        <v>27320</v>
      </c>
      <c r="C13687" t="s">
        <v>27321</v>
      </c>
    </row>
    <row r="13688" spans="1:3" x14ac:dyDescent="0.15">
      <c r="A13688">
        <v>11316</v>
      </c>
      <c r="B13688" t="s">
        <v>27322</v>
      </c>
      <c r="C13688" t="s">
        <v>27323</v>
      </c>
    </row>
    <row r="13689" spans="1:3" x14ac:dyDescent="0.15">
      <c r="A13689">
        <v>11315</v>
      </c>
      <c r="B13689" t="s">
        <v>27324</v>
      </c>
      <c r="C13689" t="s">
        <v>27325</v>
      </c>
    </row>
    <row r="13690" spans="1:3" x14ac:dyDescent="0.15">
      <c r="A13690">
        <v>11314</v>
      </c>
      <c r="B13690" t="s">
        <v>27326</v>
      </c>
      <c r="C13690" t="s">
        <v>27327</v>
      </c>
    </row>
    <row r="13691" spans="1:3" x14ac:dyDescent="0.15">
      <c r="A13691">
        <v>11313</v>
      </c>
      <c r="B13691" t="s">
        <v>27328</v>
      </c>
      <c r="C13691" t="s">
        <v>27329</v>
      </c>
    </row>
    <row r="13692" spans="1:3" x14ac:dyDescent="0.15">
      <c r="A13692">
        <v>11312</v>
      </c>
      <c r="B13692" t="s">
        <v>27330</v>
      </c>
      <c r="C13692" t="s">
        <v>27331</v>
      </c>
    </row>
    <row r="13693" spans="1:3" x14ac:dyDescent="0.15">
      <c r="A13693">
        <v>11311</v>
      </c>
      <c r="B13693" t="s">
        <v>27332</v>
      </c>
      <c r="C13693" t="s">
        <v>27333</v>
      </c>
    </row>
    <row r="13694" spans="1:3" x14ac:dyDescent="0.15">
      <c r="A13694">
        <v>11310</v>
      </c>
      <c r="B13694" t="s">
        <v>27334</v>
      </c>
      <c r="C13694" t="s">
        <v>27335</v>
      </c>
    </row>
    <row r="13695" spans="1:3" x14ac:dyDescent="0.15">
      <c r="A13695">
        <v>11309</v>
      </c>
      <c r="B13695" t="s">
        <v>27336</v>
      </c>
      <c r="C13695" t="s">
        <v>27337</v>
      </c>
    </row>
    <row r="13696" spans="1:3" x14ac:dyDescent="0.15">
      <c r="A13696">
        <v>11308</v>
      </c>
      <c r="B13696" t="s">
        <v>27338</v>
      </c>
      <c r="C13696" t="s">
        <v>27339</v>
      </c>
    </row>
    <row r="13697" spans="1:3" x14ac:dyDescent="0.15">
      <c r="A13697">
        <v>11307</v>
      </c>
      <c r="B13697" t="s">
        <v>27340</v>
      </c>
      <c r="C13697" t="s">
        <v>27341</v>
      </c>
    </row>
    <row r="13698" spans="1:3" x14ac:dyDescent="0.15">
      <c r="A13698">
        <v>11306</v>
      </c>
      <c r="B13698" t="s">
        <v>27342</v>
      </c>
      <c r="C13698" t="s">
        <v>27343</v>
      </c>
    </row>
    <row r="13699" spans="1:3" x14ac:dyDescent="0.15">
      <c r="A13699">
        <v>11305</v>
      </c>
      <c r="B13699" t="s">
        <v>27344</v>
      </c>
      <c r="C13699" t="s">
        <v>27345</v>
      </c>
    </row>
    <row r="13700" spans="1:3" x14ac:dyDescent="0.15">
      <c r="A13700">
        <v>11304</v>
      </c>
      <c r="B13700" t="s">
        <v>27346</v>
      </c>
      <c r="C13700" t="s">
        <v>27347</v>
      </c>
    </row>
    <row r="13701" spans="1:3" x14ac:dyDescent="0.15">
      <c r="A13701">
        <v>11303</v>
      </c>
      <c r="B13701" t="s">
        <v>27348</v>
      </c>
      <c r="C13701" t="s">
        <v>27349</v>
      </c>
    </row>
    <row r="13702" spans="1:3" x14ac:dyDescent="0.15">
      <c r="A13702">
        <v>11302</v>
      </c>
      <c r="B13702" t="s">
        <v>27350</v>
      </c>
      <c r="C13702" t="s">
        <v>27351</v>
      </c>
    </row>
    <row r="13703" spans="1:3" x14ac:dyDescent="0.15">
      <c r="A13703">
        <v>11301</v>
      </c>
      <c r="B13703" t="s">
        <v>27352</v>
      </c>
      <c r="C13703" t="s">
        <v>27353</v>
      </c>
    </row>
    <row r="13704" spans="1:3" x14ac:dyDescent="0.15">
      <c r="A13704">
        <v>11300</v>
      </c>
      <c r="B13704" t="s">
        <v>27354</v>
      </c>
      <c r="C13704" t="s">
        <v>27355</v>
      </c>
    </row>
    <row r="13705" spans="1:3" x14ac:dyDescent="0.15">
      <c r="A13705">
        <v>11299</v>
      </c>
      <c r="B13705" t="s">
        <v>27356</v>
      </c>
      <c r="C13705" t="s">
        <v>27357</v>
      </c>
    </row>
    <row r="13706" spans="1:3" x14ac:dyDescent="0.15">
      <c r="A13706">
        <v>11298</v>
      </c>
      <c r="B13706" t="s">
        <v>27358</v>
      </c>
      <c r="C13706" t="s">
        <v>27359</v>
      </c>
    </row>
    <row r="13707" spans="1:3" x14ac:dyDescent="0.15">
      <c r="A13707">
        <v>11297</v>
      </c>
      <c r="B13707" t="s">
        <v>27360</v>
      </c>
      <c r="C13707" t="s">
        <v>27361</v>
      </c>
    </row>
    <row r="13708" spans="1:3" x14ac:dyDescent="0.15">
      <c r="A13708">
        <v>11296</v>
      </c>
      <c r="B13708" t="s">
        <v>27362</v>
      </c>
      <c r="C13708" t="s">
        <v>27363</v>
      </c>
    </row>
    <row r="13709" spans="1:3" x14ac:dyDescent="0.15">
      <c r="A13709">
        <v>11295</v>
      </c>
      <c r="B13709" t="s">
        <v>27364</v>
      </c>
      <c r="C13709" t="s">
        <v>27365</v>
      </c>
    </row>
    <row r="13710" spans="1:3" x14ac:dyDescent="0.15">
      <c r="A13710">
        <v>11294</v>
      </c>
      <c r="B13710" t="s">
        <v>27366</v>
      </c>
      <c r="C13710" t="s">
        <v>27367</v>
      </c>
    </row>
    <row r="13711" spans="1:3" x14ac:dyDescent="0.15">
      <c r="A13711">
        <v>11293</v>
      </c>
      <c r="B13711" t="s">
        <v>27368</v>
      </c>
      <c r="C13711" t="s">
        <v>27369</v>
      </c>
    </row>
    <row r="13712" spans="1:3" x14ac:dyDescent="0.15">
      <c r="A13712">
        <v>11292</v>
      </c>
      <c r="B13712" t="s">
        <v>27370</v>
      </c>
      <c r="C13712" t="s">
        <v>27371</v>
      </c>
    </row>
    <row r="13713" spans="1:3" x14ac:dyDescent="0.15">
      <c r="A13713">
        <v>11291</v>
      </c>
      <c r="B13713" t="s">
        <v>27372</v>
      </c>
      <c r="C13713" t="s">
        <v>27373</v>
      </c>
    </row>
    <row r="13714" spans="1:3" x14ac:dyDescent="0.15">
      <c r="A13714">
        <v>11290</v>
      </c>
      <c r="B13714" t="s">
        <v>27374</v>
      </c>
      <c r="C13714" t="s">
        <v>27375</v>
      </c>
    </row>
    <row r="13715" spans="1:3" x14ac:dyDescent="0.15">
      <c r="A13715">
        <v>11289</v>
      </c>
      <c r="B13715" t="s">
        <v>27376</v>
      </c>
      <c r="C13715" t="s">
        <v>27377</v>
      </c>
    </row>
    <row r="13716" spans="1:3" x14ac:dyDescent="0.15">
      <c r="A13716">
        <v>11288</v>
      </c>
      <c r="B13716" t="s">
        <v>27378</v>
      </c>
      <c r="C13716" t="s">
        <v>27379</v>
      </c>
    </row>
    <row r="13717" spans="1:3" x14ac:dyDescent="0.15">
      <c r="A13717">
        <v>11287</v>
      </c>
      <c r="B13717" t="s">
        <v>27380</v>
      </c>
      <c r="C13717" t="s">
        <v>27381</v>
      </c>
    </row>
    <row r="13718" spans="1:3" x14ac:dyDescent="0.15">
      <c r="A13718">
        <v>11286</v>
      </c>
      <c r="B13718" t="s">
        <v>27382</v>
      </c>
      <c r="C13718" t="s">
        <v>27383</v>
      </c>
    </row>
    <row r="13719" spans="1:3" x14ac:dyDescent="0.15">
      <c r="A13719">
        <v>11285</v>
      </c>
      <c r="B13719" t="s">
        <v>27384</v>
      </c>
      <c r="C13719" t="s">
        <v>27385</v>
      </c>
    </row>
    <row r="13720" spans="1:3" x14ac:dyDescent="0.15">
      <c r="A13720">
        <v>11284</v>
      </c>
      <c r="B13720" t="s">
        <v>27386</v>
      </c>
      <c r="C13720" t="s">
        <v>27387</v>
      </c>
    </row>
    <row r="13721" spans="1:3" x14ac:dyDescent="0.15">
      <c r="A13721">
        <v>11283</v>
      </c>
      <c r="B13721" t="s">
        <v>27388</v>
      </c>
      <c r="C13721" t="s">
        <v>27389</v>
      </c>
    </row>
    <row r="13722" spans="1:3" x14ac:dyDescent="0.15">
      <c r="A13722">
        <v>11282</v>
      </c>
      <c r="B13722" t="s">
        <v>27390</v>
      </c>
      <c r="C13722" t="s">
        <v>27391</v>
      </c>
    </row>
    <row r="13723" spans="1:3" x14ac:dyDescent="0.15">
      <c r="A13723">
        <v>11281</v>
      </c>
      <c r="B13723" t="s">
        <v>27392</v>
      </c>
      <c r="C13723" t="s">
        <v>27393</v>
      </c>
    </row>
    <row r="13724" spans="1:3" x14ac:dyDescent="0.15">
      <c r="A13724">
        <v>11280</v>
      </c>
      <c r="B13724" t="s">
        <v>27394</v>
      </c>
      <c r="C13724" t="s">
        <v>27395</v>
      </c>
    </row>
    <row r="13725" spans="1:3" x14ac:dyDescent="0.15">
      <c r="A13725">
        <v>11279</v>
      </c>
      <c r="B13725" t="s">
        <v>27396</v>
      </c>
      <c r="C13725" t="s">
        <v>27397</v>
      </c>
    </row>
    <row r="13726" spans="1:3" x14ac:dyDescent="0.15">
      <c r="A13726">
        <v>11278</v>
      </c>
      <c r="B13726" t="s">
        <v>27398</v>
      </c>
      <c r="C13726" t="s">
        <v>27399</v>
      </c>
    </row>
    <row r="13727" spans="1:3" x14ac:dyDescent="0.15">
      <c r="A13727">
        <v>11277</v>
      </c>
      <c r="B13727" t="s">
        <v>27400</v>
      </c>
      <c r="C13727" t="s">
        <v>27401</v>
      </c>
    </row>
    <row r="13728" spans="1:3" x14ac:dyDescent="0.15">
      <c r="A13728">
        <v>11276</v>
      </c>
      <c r="B13728" t="s">
        <v>27402</v>
      </c>
      <c r="C13728" t="s">
        <v>27403</v>
      </c>
    </row>
    <row r="13729" spans="1:3" x14ac:dyDescent="0.15">
      <c r="A13729">
        <v>11275</v>
      </c>
      <c r="B13729" t="s">
        <v>27404</v>
      </c>
      <c r="C13729" t="s">
        <v>27405</v>
      </c>
    </row>
    <row r="13730" spans="1:3" x14ac:dyDescent="0.15">
      <c r="A13730">
        <v>11274</v>
      </c>
      <c r="B13730" t="s">
        <v>27406</v>
      </c>
      <c r="C13730" t="s">
        <v>27407</v>
      </c>
    </row>
    <row r="13731" spans="1:3" x14ac:dyDescent="0.15">
      <c r="A13731">
        <v>11273</v>
      </c>
      <c r="B13731" t="s">
        <v>27408</v>
      </c>
      <c r="C13731" t="s">
        <v>27409</v>
      </c>
    </row>
    <row r="13732" spans="1:3" x14ac:dyDescent="0.15">
      <c r="A13732">
        <v>11272</v>
      </c>
      <c r="B13732" t="s">
        <v>27410</v>
      </c>
      <c r="C13732" t="s">
        <v>27411</v>
      </c>
    </row>
    <row r="13733" spans="1:3" x14ac:dyDescent="0.15">
      <c r="A13733">
        <v>11271</v>
      </c>
      <c r="B13733" t="s">
        <v>27412</v>
      </c>
      <c r="C13733" t="s">
        <v>27413</v>
      </c>
    </row>
    <row r="13734" spans="1:3" x14ac:dyDescent="0.15">
      <c r="A13734">
        <v>11270</v>
      </c>
      <c r="B13734" t="s">
        <v>27414</v>
      </c>
      <c r="C13734" t="s">
        <v>27415</v>
      </c>
    </row>
    <row r="13735" spans="1:3" x14ac:dyDescent="0.15">
      <c r="A13735">
        <v>11269</v>
      </c>
      <c r="B13735" t="s">
        <v>27416</v>
      </c>
      <c r="C13735" t="s">
        <v>27417</v>
      </c>
    </row>
    <row r="13736" spans="1:3" x14ac:dyDescent="0.15">
      <c r="A13736">
        <v>11268</v>
      </c>
      <c r="B13736" t="s">
        <v>27418</v>
      </c>
      <c r="C13736" t="s">
        <v>27419</v>
      </c>
    </row>
    <row r="13737" spans="1:3" x14ac:dyDescent="0.15">
      <c r="A13737">
        <v>11267</v>
      </c>
      <c r="B13737" t="s">
        <v>27420</v>
      </c>
      <c r="C13737" t="s">
        <v>27421</v>
      </c>
    </row>
    <row r="13738" spans="1:3" x14ac:dyDescent="0.15">
      <c r="A13738">
        <v>11266</v>
      </c>
      <c r="B13738" t="s">
        <v>27422</v>
      </c>
      <c r="C13738" t="s">
        <v>27423</v>
      </c>
    </row>
    <row r="13739" spans="1:3" x14ac:dyDescent="0.15">
      <c r="A13739">
        <v>11265</v>
      </c>
      <c r="B13739" t="s">
        <v>27424</v>
      </c>
      <c r="C13739" t="s">
        <v>27425</v>
      </c>
    </row>
    <row r="13740" spans="1:3" x14ac:dyDescent="0.15">
      <c r="A13740">
        <v>11264</v>
      </c>
      <c r="B13740" t="s">
        <v>27426</v>
      </c>
      <c r="C13740" t="s">
        <v>27427</v>
      </c>
    </row>
    <row r="13741" spans="1:3" x14ac:dyDescent="0.15">
      <c r="A13741">
        <v>11263</v>
      </c>
      <c r="B13741" t="s">
        <v>27428</v>
      </c>
      <c r="C13741" t="s">
        <v>27429</v>
      </c>
    </row>
    <row r="13742" spans="1:3" x14ac:dyDescent="0.15">
      <c r="A13742">
        <v>11262</v>
      </c>
      <c r="B13742" t="s">
        <v>27430</v>
      </c>
      <c r="C13742" t="s">
        <v>27431</v>
      </c>
    </row>
    <row r="13743" spans="1:3" x14ac:dyDescent="0.15">
      <c r="A13743">
        <v>11261</v>
      </c>
      <c r="B13743" t="s">
        <v>27432</v>
      </c>
      <c r="C13743" t="s">
        <v>27433</v>
      </c>
    </row>
    <row r="13744" spans="1:3" x14ac:dyDescent="0.15">
      <c r="A13744">
        <v>11260</v>
      </c>
      <c r="B13744" t="s">
        <v>27434</v>
      </c>
      <c r="C13744" t="s">
        <v>27435</v>
      </c>
    </row>
    <row r="13745" spans="1:3" x14ac:dyDescent="0.15">
      <c r="A13745">
        <v>11259</v>
      </c>
      <c r="B13745" t="s">
        <v>27436</v>
      </c>
      <c r="C13745" t="s">
        <v>27437</v>
      </c>
    </row>
    <row r="13746" spans="1:3" x14ac:dyDescent="0.15">
      <c r="A13746">
        <v>11258</v>
      </c>
      <c r="B13746" t="s">
        <v>27438</v>
      </c>
      <c r="C13746" t="s">
        <v>27439</v>
      </c>
    </row>
    <row r="13747" spans="1:3" x14ac:dyDescent="0.15">
      <c r="A13747">
        <v>11257</v>
      </c>
      <c r="B13747" t="s">
        <v>27440</v>
      </c>
      <c r="C13747" t="s">
        <v>27441</v>
      </c>
    </row>
    <row r="13748" spans="1:3" x14ac:dyDescent="0.15">
      <c r="A13748">
        <v>11256</v>
      </c>
      <c r="B13748" t="s">
        <v>27442</v>
      </c>
      <c r="C13748" t="s">
        <v>27443</v>
      </c>
    </row>
    <row r="13749" spans="1:3" x14ac:dyDescent="0.15">
      <c r="A13749">
        <v>11255</v>
      </c>
      <c r="B13749" t="s">
        <v>27444</v>
      </c>
      <c r="C13749" t="s">
        <v>27445</v>
      </c>
    </row>
    <row r="13750" spans="1:3" x14ac:dyDescent="0.15">
      <c r="A13750">
        <v>11254</v>
      </c>
      <c r="B13750" t="s">
        <v>27446</v>
      </c>
      <c r="C13750" t="s">
        <v>27447</v>
      </c>
    </row>
    <row r="13751" spans="1:3" x14ac:dyDescent="0.15">
      <c r="A13751">
        <v>11253</v>
      </c>
      <c r="B13751" t="s">
        <v>27448</v>
      </c>
      <c r="C13751" t="s">
        <v>27449</v>
      </c>
    </row>
    <row r="13752" spans="1:3" x14ac:dyDescent="0.15">
      <c r="A13752">
        <v>11252</v>
      </c>
      <c r="B13752" t="s">
        <v>27450</v>
      </c>
      <c r="C13752" t="s">
        <v>27451</v>
      </c>
    </row>
    <row r="13753" spans="1:3" x14ac:dyDescent="0.15">
      <c r="A13753">
        <v>11251</v>
      </c>
      <c r="B13753" t="s">
        <v>27452</v>
      </c>
      <c r="C13753" t="s">
        <v>27453</v>
      </c>
    </row>
    <row r="13754" spans="1:3" x14ac:dyDescent="0.15">
      <c r="A13754">
        <v>11250</v>
      </c>
      <c r="B13754" t="s">
        <v>27454</v>
      </c>
      <c r="C13754" t="s">
        <v>27455</v>
      </c>
    </row>
    <row r="13755" spans="1:3" x14ac:dyDescent="0.15">
      <c r="A13755">
        <v>11249</v>
      </c>
      <c r="B13755" t="s">
        <v>27456</v>
      </c>
      <c r="C13755" t="s">
        <v>27457</v>
      </c>
    </row>
    <row r="13756" spans="1:3" x14ac:dyDescent="0.15">
      <c r="A13756">
        <v>11248</v>
      </c>
      <c r="B13756" t="s">
        <v>27458</v>
      </c>
      <c r="C13756" t="s">
        <v>27459</v>
      </c>
    </row>
    <row r="13757" spans="1:3" x14ac:dyDescent="0.15">
      <c r="A13757">
        <v>11247</v>
      </c>
      <c r="B13757" t="s">
        <v>27460</v>
      </c>
      <c r="C13757" t="s">
        <v>27461</v>
      </c>
    </row>
    <row r="13758" spans="1:3" x14ac:dyDescent="0.15">
      <c r="A13758">
        <v>11246</v>
      </c>
      <c r="B13758" t="s">
        <v>27462</v>
      </c>
      <c r="C13758" t="s">
        <v>27463</v>
      </c>
    </row>
    <row r="13759" spans="1:3" x14ac:dyDescent="0.15">
      <c r="A13759">
        <v>11245</v>
      </c>
      <c r="B13759" t="s">
        <v>27464</v>
      </c>
      <c r="C13759" t="s">
        <v>27465</v>
      </c>
    </row>
    <row r="13760" spans="1:3" x14ac:dyDescent="0.15">
      <c r="A13760">
        <v>11244</v>
      </c>
      <c r="B13760" t="s">
        <v>27466</v>
      </c>
      <c r="C13760" t="s">
        <v>27467</v>
      </c>
    </row>
    <row r="13761" spans="1:3" x14ac:dyDescent="0.15">
      <c r="A13761">
        <v>11243</v>
      </c>
      <c r="B13761" t="s">
        <v>27468</v>
      </c>
      <c r="C13761" t="s">
        <v>27469</v>
      </c>
    </row>
    <row r="13762" spans="1:3" x14ac:dyDescent="0.15">
      <c r="A13762">
        <v>11242</v>
      </c>
      <c r="B13762" t="s">
        <v>27470</v>
      </c>
      <c r="C13762" t="s">
        <v>27471</v>
      </c>
    </row>
    <row r="13763" spans="1:3" x14ac:dyDescent="0.15">
      <c r="A13763">
        <v>11241</v>
      </c>
      <c r="B13763" t="s">
        <v>27472</v>
      </c>
      <c r="C13763" t="s">
        <v>27473</v>
      </c>
    </row>
    <row r="13764" spans="1:3" x14ac:dyDescent="0.15">
      <c r="A13764">
        <v>11240</v>
      </c>
      <c r="B13764" t="s">
        <v>27474</v>
      </c>
      <c r="C13764" t="s">
        <v>27475</v>
      </c>
    </row>
    <row r="13765" spans="1:3" x14ac:dyDescent="0.15">
      <c r="A13765">
        <v>11239</v>
      </c>
      <c r="B13765" t="s">
        <v>27476</v>
      </c>
      <c r="C13765" t="s">
        <v>27477</v>
      </c>
    </row>
    <row r="13766" spans="1:3" x14ac:dyDescent="0.15">
      <c r="A13766">
        <v>11238</v>
      </c>
      <c r="B13766" t="s">
        <v>27478</v>
      </c>
      <c r="C13766" t="s">
        <v>27479</v>
      </c>
    </row>
    <row r="13767" spans="1:3" x14ac:dyDescent="0.15">
      <c r="A13767">
        <v>11237</v>
      </c>
      <c r="B13767" t="s">
        <v>27480</v>
      </c>
      <c r="C13767" t="s">
        <v>27481</v>
      </c>
    </row>
    <row r="13768" spans="1:3" x14ac:dyDescent="0.15">
      <c r="A13768">
        <v>11236</v>
      </c>
      <c r="B13768" t="s">
        <v>27482</v>
      </c>
      <c r="C13768" t="s">
        <v>27483</v>
      </c>
    </row>
    <row r="13769" spans="1:3" x14ac:dyDescent="0.15">
      <c r="A13769">
        <v>11235</v>
      </c>
      <c r="B13769" t="s">
        <v>27484</v>
      </c>
      <c r="C13769" t="s">
        <v>27485</v>
      </c>
    </row>
    <row r="13770" spans="1:3" x14ac:dyDescent="0.15">
      <c r="A13770">
        <v>11234</v>
      </c>
      <c r="B13770" t="s">
        <v>27486</v>
      </c>
      <c r="C13770" t="s">
        <v>27487</v>
      </c>
    </row>
    <row r="13771" spans="1:3" x14ac:dyDescent="0.15">
      <c r="A13771">
        <v>11233</v>
      </c>
      <c r="B13771" t="s">
        <v>27488</v>
      </c>
      <c r="C13771" t="s">
        <v>27489</v>
      </c>
    </row>
    <row r="13772" spans="1:3" x14ac:dyDescent="0.15">
      <c r="A13772">
        <v>11232</v>
      </c>
      <c r="B13772" t="s">
        <v>27490</v>
      </c>
      <c r="C13772" t="s">
        <v>27491</v>
      </c>
    </row>
    <row r="13773" spans="1:3" x14ac:dyDescent="0.15">
      <c r="A13773">
        <v>11231</v>
      </c>
      <c r="B13773" t="s">
        <v>27492</v>
      </c>
      <c r="C13773" t="s">
        <v>27493</v>
      </c>
    </row>
    <row r="13774" spans="1:3" x14ac:dyDescent="0.15">
      <c r="A13774">
        <v>11230</v>
      </c>
      <c r="B13774" t="s">
        <v>27494</v>
      </c>
      <c r="C13774" t="s">
        <v>27495</v>
      </c>
    </row>
    <row r="13775" spans="1:3" x14ac:dyDescent="0.15">
      <c r="A13775">
        <v>11229</v>
      </c>
      <c r="B13775" t="s">
        <v>27496</v>
      </c>
      <c r="C13775" t="s">
        <v>27497</v>
      </c>
    </row>
    <row r="13776" spans="1:3" x14ac:dyDescent="0.15">
      <c r="A13776">
        <v>11228</v>
      </c>
      <c r="B13776" t="s">
        <v>27498</v>
      </c>
      <c r="C13776" t="s">
        <v>27499</v>
      </c>
    </row>
    <row r="13777" spans="1:3" x14ac:dyDescent="0.15">
      <c r="A13777">
        <v>11227</v>
      </c>
      <c r="B13777" t="s">
        <v>27500</v>
      </c>
      <c r="C13777" t="s">
        <v>27501</v>
      </c>
    </row>
    <row r="13778" spans="1:3" x14ac:dyDescent="0.15">
      <c r="A13778">
        <v>11226</v>
      </c>
      <c r="B13778" t="s">
        <v>27502</v>
      </c>
      <c r="C13778" t="s">
        <v>27503</v>
      </c>
    </row>
    <row r="13779" spans="1:3" x14ac:dyDescent="0.15">
      <c r="A13779">
        <v>11225</v>
      </c>
      <c r="B13779" t="s">
        <v>27504</v>
      </c>
      <c r="C13779" t="s">
        <v>27505</v>
      </c>
    </row>
    <row r="13780" spans="1:3" x14ac:dyDescent="0.15">
      <c r="A13780">
        <v>11224</v>
      </c>
      <c r="B13780" t="s">
        <v>27506</v>
      </c>
      <c r="C13780" t="s">
        <v>27507</v>
      </c>
    </row>
    <row r="13781" spans="1:3" x14ac:dyDescent="0.15">
      <c r="A13781">
        <v>11223</v>
      </c>
      <c r="B13781" t="s">
        <v>27508</v>
      </c>
      <c r="C13781" t="s">
        <v>27509</v>
      </c>
    </row>
    <row r="13782" spans="1:3" x14ac:dyDescent="0.15">
      <c r="A13782">
        <v>11222</v>
      </c>
      <c r="B13782" t="s">
        <v>27510</v>
      </c>
      <c r="C13782" t="s">
        <v>27511</v>
      </c>
    </row>
    <row r="13783" spans="1:3" x14ac:dyDescent="0.15">
      <c r="A13783">
        <v>11221</v>
      </c>
      <c r="B13783" t="s">
        <v>27512</v>
      </c>
      <c r="C13783" t="s">
        <v>27513</v>
      </c>
    </row>
    <row r="13784" spans="1:3" x14ac:dyDescent="0.15">
      <c r="A13784">
        <v>11220</v>
      </c>
      <c r="B13784" t="s">
        <v>27514</v>
      </c>
      <c r="C13784" t="s">
        <v>27515</v>
      </c>
    </row>
    <row r="13785" spans="1:3" x14ac:dyDescent="0.15">
      <c r="A13785">
        <v>11219</v>
      </c>
      <c r="B13785" t="s">
        <v>27516</v>
      </c>
      <c r="C13785" t="s">
        <v>27517</v>
      </c>
    </row>
    <row r="13786" spans="1:3" x14ac:dyDescent="0.15">
      <c r="A13786">
        <v>11218</v>
      </c>
      <c r="B13786" t="s">
        <v>27518</v>
      </c>
      <c r="C13786" t="s">
        <v>27519</v>
      </c>
    </row>
    <row r="13787" spans="1:3" x14ac:dyDescent="0.15">
      <c r="A13787">
        <v>11217</v>
      </c>
      <c r="B13787" t="s">
        <v>27520</v>
      </c>
      <c r="C13787" t="s">
        <v>27521</v>
      </c>
    </row>
    <row r="13788" spans="1:3" x14ac:dyDescent="0.15">
      <c r="A13788">
        <v>11216</v>
      </c>
      <c r="B13788" t="s">
        <v>27522</v>
      </c>
      <c r="C13788" t="s">
        <v>27523</v>
      </c>
    </row>
    <row r="13789" spans="1:3" x14ac:dyDescent="0.15">
      <c r="A13789">
        <v>11215</v>
      </c>
      <c r="B13789" t="s">
        <v>27524</v>
      </c>
      <c r="C13789" t="s">
        <v>27525</v>
      </c>
    </row>
    <row r="13790" spans="1:3" x14ac:dyDescent="0.15">
      <c r="A13790">
        <v>11214</v>
      </c>
      <c r="B13790" t="s">
        <v>27526</v>
      </c>
      <c r="C13790" t="s">
        <v>27527</v>
      </c>
    </row>
    <row r="13791" spans="1:3" x14ac:dyDescent="0.15">
      <c r="A13791">
        <v>11213</v>
      </c>
      <c r="B13791" t="s">
        <v>27528</v>
      </c>
      <c r="C13791" t="s">
        <v>27529</v>
      </c>
    </row>
    <row r="13792" spans="1:3" x14ac:dyDescent="0.15">
      <c r="A13792">
        <v>11212</v>
      </c>
      <c r="B13792" t="s">
        <v>27530</v>
      </c>
      <c r="C13792" t="s">
        <v>27531</v>
      </c>
    </row>
    <row r="13793" spans="1:3" x14ac:dyDescent="0.15">
      <c r="A13793">
        <v>11211</v>
      </c>
      <c r="B13793" t="s">
        <v>27532</v>
      </c>
      <c r="C13793" t="s">
        <v>27533</v>
      </c>
    </row>
    <row r="13794" spans="1:3" x14ac:dyDescent="0.15">
      <c r="A13794">
        <v>11210</v>
      </c>
      <c r="B13794" t="s">
        <v>27534</v>
      </c>
      <c r="C13794" t="s">
        <v>27535</v>
      </c>
    </row>
    <row r="13795" spans="1:3" x14ac:dyDescent="0.15">
      <c r="A13795">
        <v>11209</v>
      </c>
      <c r="B13795" t="s">
        <v>27536</v>
      </c>
      <c r="C13795" t="s">
        <v>27537</v>
      </c>
    </row>
    <row r="13796" spans="1:3" x14ac:dyDescent="0.15">
      <c r="A13796">
        <v>11208</v>
      </c>
      <c r="B13796" t="s">
        <v>27538</v>
      </c>
      <c r="C13796" t="s">
        <v>27539</v>
      </c>
    </row>
    <row r="13797" spans="1:3" x14ac:dyDescent="0.15">
      <c r="A13797">
        <v>11207</v>
      </c>
      <c r="B13797" t="s">
        <v>27540</v>
      </c>
      <c r="C13797" t="s">
        <v>27541</v>
      </c>
    </row>
    <row r="13798" spans="1:3" x14ac:dyDescent="0.15">
      <c r="A13798">
        <v>11206</v>
      </c>
      <c r="B13798" t="s">
        <v>27542</v>
      </c>
      <c r="C13798" t="s">
        <v>27543</v>
      </c>
    </row>
    <row r="13799" spans="1:3" x14ac:dyDescent="0.15">
      <c r="A13799">
        <v>11205</v>
      </c>
      <c r="B13799" t="s">
        <v>27544</v>
      </c>
      <c r="C13799" t="s">
        <v>27545</v>
      </c>
    </row>
    <row r="13800" spans="1:3" x14ac:dyDescent="0.15">
      <c r="A13800">
        <v>11204</v>
      </c>
      <c r="B13800" t="s">
        <v>27546</v>
      </c>
      <c r="C13800" t="s">
        <v>27547</v>
      </c>
    </row>
    <row r="13801" spans="1:3" x14ac:dyDescent="0.15">
      <c r="A13801">
        <v>11203</v>
      </c>
      <c r="B13801" t="s">
        <v>27548</v>
      </c>
      <c r="C13801" t="s">
        <v>27549</v>
      </c>
    </row>
    <row r="13802" spans="1:3" x14ac:dyDescent="0.15">
      <c r="A13802">
        <v>11202</v>
      </c>
      <c r="B13802" t="s">
        <v>27550</v>
      </c>
      <c r="C13802" t="s">
        <v>27551</v>
      </c>
    </row>
    <row r="13803" spans="1:3" x14ac:dyDescent="0.15">
      <c r="A13803">
        <v>11201</v>
      </c>
      <c r="B13803" t="s">
        <v>27552</v>
      </c>
      <c r="C13803" t="s">
        <v>27553</v>
      </c>
    </row>
    <row r="13804" spans="1:3" x14ac:dyDescent="0.15">
      <c r="A13804">
        <v>11200</v>
      </c>
      <c r="B13804" t="s">
        <v>27554</v>
      </c>
      <c r="C13804" t="s">
        <v>27555</v>
      </c>
    </row>
    <row r="13805" spans="1:3" x14ac:dyDescent="0.15">
      <c r="A13805">
        <v>11199</v>
      </c>
      <c r="B13805" t="s">
        <v>27556</v>
      </c>
      <c r="C13805" t="s">
        <v>27557</v>
      </c>
    </row>
    <row r="13806" spans="1:3" x14ac:dyDescent="0.15">
      <c r="A13806">
        <v>11198</v>
      </c>
      <c r="B13806" t="s">
        <v>27558</v>
      </c>
      <c r="C13806" t="s">
        <v>27559</v>
      </c>
    </row>
    <row r="13807" spans="1:3" x14ac:dyDescent="0.15">
      <c r="A13807">
        <v>11197</v>
      </c>
      <c r="B13807" t="s">
        <v>27560</v>
      </c>
      <c r="C13807" t="s">
        <v>27561</v>
      </c>
    </row>
    <row r="13808" spans="1:3" x14ac:dyDescent="0.15">
      <c r="A13808">
        <v>11196</v>
      </c>
      <c r="B13808" t="s">
        <v>27562</v>
      </c>
      <c r="C13808" t="s">
        <v>27563</v>
      </c>
    </row>
    <row r="13809" spans="1:3" x14ac:dyDescent="0.15">
      <c r="A13809">
        <v>11195</v>
      </c>
      <c r="B13809" t="s">
        <v>27564</v>
      </c>
      <c r="C13809" t="s">
        <v>27565</v>
      </c>
    </row>
    <row r="13810" spans="1:3" x14ac:dyDescent="0.15">
      <c r="A13810">
        <v>11194</v>
      </c>
      <c r="B13810" t="s">
        <v>27566</v>
      </c>
      <c r="C13810" t="s">
        <v>27567</v>
      </c>
    </row>
    <row r="13811" spans="1:3" x14ac:dyDescent="0.15">
      <c r="A13811">
        <v>11193</v>
      </c>
      <c r="B13811" t="s">
        <v>27568</v>
      </c>
      <c r="C13811" t="s">
        <v>27569</v>
      </c>
    </row>
    <row r="13812" spans="1:3" x14ac:dyDescent="0.15">
      <c r="A13812">
        <v>11192</v>
      </c>
      <c r="B13812" t="s">
        <v>27570</v>
      </c>
      <c r="C13812" t="s">
        <v>27571</v>
      </c>
    </row>
    <row r="13813" spans="1:3" x14ac:dyDescent="0.15">
      <c r="A13813">
        <v>11191</v>
      </c>
      <c r="B13813" t="s">
        <v>27572</v>
      </c>
      <c r="C13813" t="s">
        <v>27573</v>
      </c>
    </row>
    <row r="13814" spans="1:3" x14ac:dyDescent="0.15">
      <c r="A13814">
        <v>11190</v>
      </c>
      <c r="B13814" t="s">
        <v>27574</v>
      </c>
      <c r="C13814" t="s">
        <v>27575</v>
      </c>
    </row>
    <row r="13815" spans="1:3" x14ac:dyDescent="0.15">
      <c r="A13815">
        <v>11189</v>
      </c>
      <c r="B13815" t="s">
        <v>27576</v>
      </c>
      <c r="C13815" t="s">
        <v>27577</v>
      </c>
    </row>
    <row r="13816" spans="1:3" x14ac:dyDescent="0.15">
      <c r="A13816">
        <v>11188</v>
      </c>
      <c r="B13816" t="s">
        <v>27578</v>
      </c>
      <c r="C13816" t="s">
        <v>27579</v>
      </c>
    </row>
    <row r="13817" spans="1:3" x14ac:dyDescent="0.15">
      <c r="A13817">
        <v>11187</v>
      </c>
      <c r="B13817" t="s">
        <v>27580</v>
      </c>
      <c r="C13817" t="s">
        <v>27581</v>
      </c>
    </row>
    <row r="13818" spans="1:3" x14ac:dyDescent="0.15">
      <c r="A13818">
        <v>11186</v>
      </c>
      <c r="B13818" t="s">
        <v>27582</v>
      </c>
      <c r="C13818" t="s">
        <v>27583</v>
      </c>
    </row>
    <row r="13819" spans="1:3" x14ac:dyDescent="0.15">
      <c r="A13819">
        <v>11185</v>
      </c>
      <c r="B13819" t="s">
        <v>27584</v>
      </c>
      <c r="C13819" t="s">
        <v>27585</v>
      </c>
    </row>
    <row r="13820" spans="1:3" x14ac:dyDescent="0.15">
      <c r="A13820">
        <v>11184</v>
      </c>
      <c r="B13820" t="s">
        <v>27586</v>
      </c>
      <c r="C13820" t="s">
        <v>27587</v>
      </c>
    </row>
    <row r="13821" spans="1:3" x14ac:dyDescent="0.15">
      <c r="A13821">
        <v>11183</v>
      </c>
      <c r="B13821" t="s">
        <v>27588</v>
      </c>
      <c r="C13821" t="s">
        <v>27589</v>
      </c>
    </row>
    <row r="13822" spans="1:3" x14ac:dyDescent="0.15">
      <c r="A13822">
        <v>11182</v>
      </c>
      <c r="B13822" t="s">
        <v>27590</v>
      </c>
      <c r="C13822" t="s">
        <v>27591</v>
      </c>
    </row>
    <row r="13823" spans="1:3" x14ac:dyDescent="0.15">
      <c r="A13823">
        <v>11181</v>
      </c>
      <c r="B13823" t="s">
        <v>27592</v>
      </c>
      <c r="C13823" t="s">
        <v>27593</v>
      </c>
    </row>
    <row r="13824" spans="1:3" x14ac:dyDescent="0.15">
      <c r="A13824">
        <v>11180</v>
      </c>
      <c r="B13824" t="s">
        <v>27594</v>
      </c>
      <c r="C13824" t="s">
        <v>27595</v>
      </c>
    </row>
    <row r="13825" spans="1:3" x14ac:dyDescent="0.15">
      <c r="A13825">
        <v>11179</v>
      </c>
      <c r="B13825" t="s">
        <v>27596</v>
      </c>
      <c r="C13825" t="s">
        <v>27597</v>
      </c>
    </row>
    <row r="13826" spans="1:3" x14ac:dyDescent="0.15">
      <c r="A13826">
        <v>11178</v>
      </c>
      <c r="B13826" t="s">
        <v>27598</v>
      </c>
      <c r="C13826" t="s">
        <v>27599</v>
      </c>
    </row>
    <row r="13827" spans="1:3" x14ac:dyDescent="0.15">
      <c r="A13827">
        <v>11177</v>
      </c>
      <c r="B13827" t="s">
        <v>27600</v>
      </c>
      <c r="C13827" t="s">
        <v>27601</v>
      </c>
    </row>
    <row r="13828" spans="1:3" x14ac:dyDescent="0.15">
      <c r="A13828">
        <v>11176</v>
      </c>
      <c r="B13828" t="s">
        <v>27602</v>
      </c>
      <c r="C13828" t="s">
        <v>27603</v>
      </c>
    </row>
    <row r="13829" spans="1:3" x14ac:dyDescent="0.15">
      <c r="A13829">
        <v>11175</v>
      </c>
      <c r="B13829" t="s">
        <v>27604</v>
      </c>
      <c r="C13829" t="s">
        <v>27605</v>
      </c>
    </row>
    <row r="13830" spans="1:3" x14ac:dyDescent="0.15">
      <c r="A13830">
        <v>11174</v>
      </c>
      <c r="B13830" t="s">
        <v>27606</v>
      </c>
      <c r="C13830" t="s">
        <v>27607</v>
      </c>
    </row>
    <row r="13831" spans="1:3" x14ac:dyDescent="0.15">
      <c r="A13831">
        <v>11173</v>
      </c>
      <c r="B13831" t="s">
        <v>27608</v>
      </c>
      <c r="C13831" t="s">
        <v>27609</v>
      </c>
    </row>
    <row r="13832" spans="1:3" x14ac:dyDescent="0.15">
      <c r="A13832">
        <v>11172</v>
      </c>
      <c r="B13832" t="s">
        <v>27610</v>
      </c>
      <c r="C13832" t="s">
        <v>27611</v>
      </c>
    </row>
    <row r="13833" spans="1:3" x14ac:dyDescent="0.15">
      <c r="A13833">
        <v>11171</v>
      </c>
      <c r="B13833" t="s">
        <v>27612</v>
      </c>
      <c r="C13833" t="s">
        <v>27613</v>
      </c>
    </row>
    <row r="13834" spans="1:3" x14ac:dyDescent="0.15">
      <c r="A13834">
        <v>11170</v>
      </c>
      <c r="B13834" t="s">
        <v>27614</v>
      </c>
      <c r="C13834" t="s">
        <v>27615</v>
      </c>
    </row>
    <row r="13835" spans="1:3" x14ac:dyDescent="0.15">
      <c r="A13835">
        <v>11169</v>
      </c>
      <c r="B13835" t="s">
        <v>27616</v>
      </c>
      <c r="C13835" t="s">
        <v>27617</v>
      </c>
    </row>
    <row r="13836" spans="1:3" x14ac:dyDescent="0.15">
      <c r="A13836">
        <v>11168</v>
      </c>
      <c r="B13836" t="s">
        <v>27618</v>
      </c>
      <c r="C13836" t="s">
        <v>27619</v>
      </c>
    </row>
    <row r="13837" spans="1:3" x14ac:dyDescent="0.15">
      <c r="A13837">
        <v>11167</v>
      </c>
      <c r="B13837" t="s">
        <v>27620</v>
      </c>
      <c r="C13837" t="s">
        <v>27621</v>
      </c>
    </row>
    <row r="13838" spans="1:3" x14ac:dyDescent="0.15">
      <c r="A13838">
        <v>11166</v>
      </c>
      <c r="B13838" t="s">
        <v>27622</v>
      </c>
      <c r="C13838" t="s">
        <v>27623</v>
      </c>
    </row>
    <row r="13839" spans="1:3" x14ac:dyDescent="0.15">
      <c r="A13839">
        <v>11165</v>
      </c>
      <c r="B13839" t="s">
        <v>27624</v>
      </c>
      <c r="C13839" t="s">
        <v>27625</v>
      </c>
    </row>
    <row r="13840" spans="1:3" x14ac:dyDescent="0.15">
      <c r="A13840">
        <v>11164</v>
      </c>
      <c r="B13840" t="s">
        <v>27626</v>
      </c>
      <c r="C13840" t="s">
        <v>27627</v>
      </c>
    </row>
    <row r="13841" spans="1:3" x14ac:dyDescent="0.15">
      <c r="A13841">
        <v>11163</v>
      </c>
      <c r="B13841" t="s">
        <v>27628</v>
      </c>
      <c r="C13841" t="s">
        <v>27629</v>
      </c>
    </row>
    <row r="13842" spans="1:3" x14ac:dyDescent="0.15">
      <c r="A13842">
        <v>11162</v>
      </c>
      <c r="B13842" t="s">
        <v>27630</v>
      </c>
      <c r="C13842" t="s">
        <v>27631</v>
      </c>
    </row>
    <row r="13843" spans="1:3" x14ac:dyDescent="0.15">
      <c r="A13843">
        <v>11161</v>
      </c>
      <c r="B13843" t="s">
        <v>27632</v>
      </c>
      <c r="C13843" t="s">
        <v>27633</v>
      </c>
    </row>
    <row r="13844" spans="1:3" x14ac:dyDescent="0.15">
      <c r="A13844">
        <v>11160</v>
      </c>
      <c r="B13844" t="s">
        <v>27634</v>
      </c>
      <c r="C13844" t="s">
        <v>27635</v>
      </c>
    </row>
    <row r="13845" spans="1:3" x14ac:dyDescent="0.15">
      <c r="A13845">
        <v>11159</v>
      </c>
      <c r="B13845" t="s">
        <v>27636</v>
      </c>
      <c r="C13845" t="s">
        <v>27637</v>
      </c>
    </row>
    <row r="13846" spans="1:3" x14ac:dyDescent="0.15">
      <c r="A13846">
        <v>11158</v>
      </c>
      <c r="B13846" t="s">
        <v>27638</v>
      </c>
      <c r="C13846" t="s">
        <v>27639</v>
      </c>
    </row>
    <row r="13847" spans="1:3" x14ac:dyDescent="0.15">
      <c r="A13847">
        <v>11157</v>
      </c>
      <c r="B13847" t="s">
        <v>27640</v>
      </c>
      <c r="C13847" t="s">
        <v>27641</v>
      </c>
    </row>
    <row r="13848" spans="1:3" x14ac:dyDescent="0.15">
      <c r="A13848">
        <v>11156</v>
      </c>
      <c r="B13848" t="s">
        <v>27642</v>
      </c>
      <c r="C13848" t="s">
        <v>27643</v>
      </c>
    </row>
    <row r="13849" spans="1:3" x14ac:dyDescent="0.15">
      <c r="A13849">
        <v>11155</v>
      </c>
      <c r="B13849" t="s">
        <v>27644</v>
      </c>
      <c r="C13849" t="s">
        <v>27645</v>
      </c>
    </row>
    <row r="13850" spans="1:3" x14ac:dyDescent="0.15">
      <c r="A13850">
        <v>11154</v>
      </c>
      <c r="B13850" t="s">
        <v>27646</v>
      </c>
      <c r="C13850" t="s">
        <v>27647</v>
      </c>
    </row>
    <row r="13851" spans="1:3" x14ac:dyDescent="0.15">
      <c r="A13851">
        <v>11153</v>
      </c>
      <c r="B13851" t="s">
        <v>27648</v>
      </c>
      <c r="C13851" t="s">
        <v>27649</v>
      </c>
    </row>
    <row r="13852" spans="1:3" x14ac:dyDescent="0.15">
      <c r="A13852">
        <v>11152</v>
      </c>
      <c r="B13852" t="s">
        <v>27650</v>
      </c>
      <c r="C13852" t="s">
        <v>27651</v>
      </c>
    </row>
    <row r="13853" spans="1:3" x14ac:dyDescent="0.15">
      <c r="A13853">
        <v>11151</v>
      </c>
      <c r="B13853" t="s">
        <v>27652</v>
      </c>
      <c r="C13853" t="s">
        <v>27653</v>
      </c>
    </row>
    <row r="13854" spans="1:3" x14ac:dyDescent="0.15">
      <c r="A13854">
        <v>11150</v>
      </c>
      <c r="B13854" t="s">
        <v>27654</v>
      </c>
      <c r="C13854" t="s">
        <v>27655</v>
      </c>
    </row>
    <row r="13855" spans="1:3" x14ac:dyDescent="0.15">
      <c r="A13855">
        <v>11149</v>
      </c>
      <c r="B13855" t="s">
        <v>27656</v>
      </c>
      <c r="C13855" t="s">
        <v>27657</v>
      </c>
    </row>
    <row r="13856" spans="1:3" x14ac:dyDescent="0.15">
      <c r="A13856">
        <v>11148</v>
      </c>
      <c r="B13856" t="s">
        <v>27658</v>
      </c>
      <c r="C13856" t="s">
        <v>27659</v>
      </c>
    </row>
    <row r="13857" spans="1:3" x14ac:dyDescent="0.15">
      <c r="A13857">
        <v>11147</v>
      </c>
      <c r="B13857" t="s">
        <v>27660</v>
      </c>
      <c r="C13857" t="s">
        <v>27661</v>
      </c>
    </row>
    <row r="13858" spans="1:3" x14ac:dyDescent="0.15">
      <c r="A13858">
        <v>11146</v>
      </c>
      <c r="B13858" t="s">
        <v>27662</v>
      </c>
      <c r="C13858" t="s">
        <v>27663</v>
      </c>
    </row>
    <row r="13859" spans="1:3" x14ac:dyDescent="0.15">
      <c r="A13859">
        <v>11145</v>
      </c>
      <c r="B13859" t="s">
        <v>27664</v>
      </c>
      <c r="C13859" t="s">
        <v>27665</v>
      </c>
    </row>
    <row r="13860" spans="1:3" x14ac:dyDescent="0.15">
      <c r="A13860">
        <v>11144</v>
      </c>
      <c r="B13860" t="s">
        <v>27666</v>
      </c>
      <c r="C13860" t="s">
        <v>27667</v>
      </c>
    </row>
    <row r="13861" spans="1:3" x14ac:dyDescent="0.15">
      <c r="A13861">
        <v>11143</v>
      </c>
      <c r="B13861" t="s">
        <v>27668</v>
      </c>
      <c r="C13861" t="s">
        <v>27669</v>
      </c>
    </row>
    <row r="13862" spans="1:3" x14ac:dyDescent="0.15">
      <c r="A13862">
        <v>11142</v>
      </c>
      <c r="B13862" t="s">
        <v>27670</v>
      </c>
      <c r="C13862" t="s">
        <v>27671</v>
      </c>
    </row>
    <row r="13863" spans="1:3" x14ac:dyDescent="0.15">
      <c r="A13863">
        <v>11141</v>
      </c>
      <c r="B13863" t="s">
        <v>27672</v>
      </c>
      <c r="C13863" t="s">
        <v>27673</v>
      </c>
    </row>
    <row r="13864" spans="1:3" x14ac:dyDescent="0.15">
      <c r="A13864">
        <v>11140</v>
      </c>
      <c r="B13864" t="s">
        <v>27674</v>
      </c>
      <c r="C13864" t="s">
        <v>27675</v>
      </c>
    </row>
    <row r="13865" spans="1:3" x14ac:dyDescent="0.15">
      <c r="A13865">
        <v>11139</v>
      </c>
      <c r="B13865" t="s">
        <v>27676</v>
      </c>
      <c r="C13865" t="s">
        <v>27677</v>
      </c>
    </row>
    <row r="13866" spans="1:3" x14ac:dyDescent="0.15">
      <c r="A13866">
        <v>11138</v>
      </c>
      <c r="B13866" t="s">
        <v>27678</v>
      </c>
      <c r="C13866" t="s">
        <v>27679</v>
      </c>
    </row>
    <row r="13867" spans="1:3" x14ac:dyDescent="0.15">
      <c r="A13867">
        <v>11137</v>
      </c>
      <c r="B13867" t="s">
        <v>27680</v>
      </c>
      <c r="C13867" t="s">
        <v>27681</v>
      </c>
    </row>
    <row r="13868" spans="1:3" x14ac:dyDescent="0.15">
      <c r="A13868">
        <v>11136</v>
      </c>
      <c r="B13868" t="s">
        <v>27682</v>
      </c>
      <c r="C13868" t="s">
        <v>27683</v>
      </c>
    </row>
    <row r="13869" spans="1:3" x14ac:dyDescent="0.15">
      <c r="A13869">
        <v>11135</v>
      </c>
      <c r="B13869" t="s">
        <v>27684</v>
      </c>
      <c r="C13869" t="s">
        <v>27685</v>
      </c>
    </row>
    <row r="13870" spans="1:3" x14ac:dyDescent="0.15">
      <c r="A13870">
        <v>11134</v>
      </c>
      <c r="B13870" t="s">
        <v>27686</v>
      </c>
      <c r="C13870" t="s">
        <v>27687</v>
      </c>
    </row>
    <row r="13871" spans="1:3" x14ac:dyDescent="0.15">
      <c r="A13871">
        <v>11133</v>
      </c>
      <c r="B13871" t="s">
        <v>27688</v>
      </c>
      <c r="C13871" t="s">
        <v>27689</v>
      </c>
    </row>
    <row r="13872" spans="1:3" x14ac:dyDescent="0.15">
      <c r="A13872">
        <v>11132</v>
      </c>
      <c r="B13872" t="s">
        <v>27690</v>
      </c>
      <c r="C13872" t="s">
        <v>27691</v>
      </c>
    </row>
    <row r="13873" spans="1:3" x14ac:dyDescent="0.15">
      <c r="A13873">
        <v>11131</v>
      </c>
      <c r="B13873" t="s">
        <v>27692</v>
      </c>
      <c r="C13873" t="s">
        <v>27693</v>
      </c>
    </row>
    <row r="13874" spans="1:3" x14ac:dyDescent="0.15">
      <c r="A13874">
        <v>11130</v>
      </c>
      <c r="B13874" t="s">
        <v>27694</v>
      </c>
      <c r="C13874" t="s">
        <v>27695</v>
      </c>
    </row>
    <row r="13875" spans="1:3" x14ac:dyDescent="0.15">
      <c r="A13875">
        <v>11129</v>
      </c>
      <c r="B13875" t="s">
        <v>27696</v>
      </c>
      <c r="C13875" t="s">
        <v>27697</v>
      </c>
    </row>
    <row r="13876" spans="1:3" x14ac:dyDescent="0.15">
      <c r="A13876">
        <v>11128</v>
      </c>
      <c r="B13876" t="s">
        <v>27698</v>
      </c>
      <c r="C13876" t="s">
        <v>27699</v>
      </c>
    </row>
    <row r="13877" spans="1:3" x14ac:dyDescent="0.15">
      <c r="A13877">
        <v>11127</v>
      </c>
      <c r="B13877" t="s">
        <v>27700</v>
      </c>
      <c r="C13877" t="s">
        <v>27701</v>
      </c>
    </row>
    <row r="13878" spans="1:3" x14ac:dyDescent="0.15">
      <c r="A13878">
        <v>11126</v>
      </c>
      <c r="B13878" t="s">
        <v>27702</v>
      </c>
      <c r="C13878" t="s">
        <v>27703</v>
      </c>
    </row>
    <row r="13879" spans="1:3" x14ac:dyDescent="0.15">
      <c r="A13879">
        <v>11125</v>
      </c>
      <c r="B13879" t="s">
        <v>27704</v>
      </c>
      <c r="C13879" t="s">
        <v>27705</v>
      </c>
    </row>
    <row r="13880" spans="1:3" x14ac:dyDescent="0.15">
      <c r="A13880">
        <v>11124</v>
      </c>
      <c r="B13880" t="s">
        <v>27706</v>
      </c>
      <c r="C13880" t="s">
        <v>27707</v>
      </c>
    </row>
    <row r="13881" spans="1:3" x14ac:dyDescent="0.15">
      <c r="A13881">
        <v>11123</v>
      </c>
      <c r="B13881" t="s">
        <v>27708</v>
      </c>
      <c r="C13881" t="s">
        <v>27709</v>
      </c>
    </row>
    <row r="13882" spans="1:3" x14ac:dyDescent="0.15">
      <c r="A13882">
        <v>11122</v>
      </c>
      <c r="B13882" t="s">
        <v>27710</v>
      </c>
      <c r="C13882" t="s">
        <v>27711</v>
      </c>
    </row>
    <row r="13883" spans="1:3" x14ac:dyDescent="0.15">
      <c r="A13883">
        <v>11121</v>
      </c>
      <c r="B13883" t="s">
        <v>27712</v>
      </c>
      <c r="C13883" t="s">
        <v>27713</v>
      </c>
    </row>
    <row r="13884" spans="1:3" x14ac:dyDescent="0.15">
      <c r="A13884">
        <v>11120</v>
      </c>
      <c r="B13884" t="s">
        <v>27714</v>
      </c>
      <c r="C13884" t="s">
        <v>27715</v>
      </c>
    </row>
    <row r="13885" spans="1:3" x14ac:dyDescent="0.15">
      <c r="A13885">
        <v>11119</v>
      </c>
      <c r="B13885" t="s">
        <v>27716</v>
      </c>
      <c r="C13885" t="s">
        <v>27717</v>
      </c>
    </row>
    <row r="13886" spans="1:3" x14ac:dyDescent="0.15">
      <c r="A13886">
        <v>11118</v>
      </c>
      <c r="B13886" t="s">
        <v>27718</v>
      </c>
      <c r="C13886" t="s">
        <v>27719</v>
      </c>
    </row>
    <row r="13887" spans="1:3" x14ac:dyDescent="0.15">
      <c r="A13887">
        <v>11117</v>
      </c>
      <c r="B13887" t="s">
        <v>27720</v>
      </c>
      <c r="C13887" t="s">
        <v>27721</v>
      </c>
    </row>
    <row r="13888" spans="1:3" x14ac:dyDescent="0.15">
      <c r="A13888">
        <v>11116</v>
      </c>
      <c r="B13888" t="s">
        <v>27722</v>
      </c>
      <c r="C13888" t="s">
        <v>27723</v>
      </c>
    </row>
    <row r="13889" spans="1:3" x14ac:dyDescent="0.15">
      <c r="A13889">
        <v>11115</v>
      </c>
      <c r="B13889" t="s">
        <v>27724</v>
      </c>
      <c r="C13889" t="s">
        <v>27725</v>
      </c>
    </row>
    <row r="13890" spans="1:3" x14ac:dyDescent="0.15">
      <c r="A13890">
        <v>11114</v>
      </c>
      <c r="B13890" t="s">
        <v>27726</v>
      </c>
      <c r="C13890" t="s">
        <v>27727</v>
      </c>
    </row>
    <row r="13891" spans="1:3" x14ac:dyDescent="0.15">
      <c r="A13891">
        <v>11113</v>
      </c>
      <c r="B13891" t="s">
        <v>27728</v>
      </c>
      <c r="C13891" t="s">
        <v>27729</v>
      </c>
    </row>
    <row r="13892" spans="1:3" x14ac:dyDescent="0.15">
      <c r="A13892">
        <v>11112</v>
      </c>
      <c r="B13892" t="s">
        <v>27730</v>
      </c>
      <c r="C13892" t="s">
        <v>27731</v>
      </c>
    </row>
    <row r="13893" spans="1:3" x14ac:dyDescent="0.15">
      <c r="A13893">
        <v>11111</v>
      </c>
      <c r="B13893" t="s">
        <v>27732</v>
      </c>
      <c r="C13893" t="s">
        <v>27733</v>
      </c>
    </row>
    <row r="13894" spans="1:3" x14ac:dyDescent="0.15">
      <c r="A13894">
        <v>11110</v>
      </c>
      <c r="B13894" t="s">
        <v>27734</v>
      </c>
      <c r="C13894" t="s">
        <v>27735</v>
      </c>
    </row>
    <row r="13895" spans="1:3" x14ac:dyDescent="0.15">
      <c r="A13895">
        <v>11109</v>
      </c>
      <c r="B13895" t="s">
        <v>27736</v>
      </c>
      <c r="C13895" t="s">
        <v>27737</v>
      </c>
    </row>
    <row r="13896" spans="1:3" x14ac:dyDescent="0.15">
      <c r="A13896">
        <v>11108</v>
      </c>
      <c r="B13896" t="s">
        <v>27738</v>
      </c>
      <c r="C13896" t="s">
        <v>27739</v>
      </c>
    </row>
    <row r="13897" spans="1:3" x14ac:dyDescent="0.15">
      <c r="A13897">
        <v>11107</v>
      </c>
      <c r="B13897" t="s">
        <v>27740</v>
      </c>
      <c r="C13897" t="s">
        <v>27741</v>
      </c>
    </row>
    <row r="13898" spans="1:3" x14ac:dyDescent="0.15">
      <c r="A13898">
        <v>11106</v>
      </c>
      <c r="B13898" t="s">
        <v>27742</v>
      </c>
      <c r="C13898" t="s">
        <v>27743</v>
      </c>
    </row>
    <row r="13899" spans="1:3" x14ac:dyDescent="0.15">
      <c r="A13899">
        <v>11105</v>
      </c>
      <c r="B13899" t="s">
        <v>27744</v>
      </c>
      <c r="C13899" t="s">
        <v>27745</v>
      </c>
    </row>
    <row r="13900" spans="1:3" x14ac:dyDescent="0.15">
      <c r="A13900">
        <v>11104</v>
      </c>
      <c r="B13900" t="s">
        <v>27746</v>
      </c>
      <c r="C13900" t="s">
        <v>27747</v>
      </c>
    </row>
    <row r="13901" spans="1:3" x14ac:dyDescent="0.15">
      <c r="A13901">
        <v>11103</v>
      </c>
      <c r="B13901" t="s">
        <v>27748</v>
      </c>
      <c r="C13901" t="s">
        <v>27749</v>
      </c>
    </row>
    <row r="13902" spans="1:3" x14ac:dyDescent="0.15">
      <c r="A13902">
        <v>11102</v>
      </c>
      <c r="B13902" t="s">
        <v>27750</v>
      </c>
      <c r="C13902" t="s">
        <v>27751</v>
      </c>
    </row>
    <row r="13903" spans="1:3" x14ac:dyDescent="0.15">
      <c r="A13903">
        <v>11101</v>
      </c>
      <c r="B13903" t="s">
        <v>27752</v>
      </c>
      <c r="C13903" t="s">
        <v>27753</v>
      </c>
    </row>
    <row r="13904" spans="1:3" x14ac:dyDescent="0.15">
      <c r="A13904">
        <v>11100</v>
      </c>
      <c r="B13904" t="s">
        <v>27754</v>
      </c>
      <c r="C13904" t="s">
        <v>27755</v>
      </c>
    </row>
    <row r="13905" spans="1:3" x14ac:dyDescent="0.15">
      <c r="A13905">
        <v>11099</v>
      </c>
      <c r="B13905" t="s">
        <v>27756</v>
      </c>
      <c r="C13905" t="s">
        <v>27757</v>
      </c>
    </row>
    <row r="13906" spans="1:3" x14ac:dyDescent="0.15">
      <c r="A13906">
        <v>11098</v>
      </c>
      <c r="B13906" t="s">
        <v>27758</v>
      </c>
      <c r="C13906" t="s">
        <v>27759</v>
      </c>
    </row>
    <row r="13907" spans="1:3" x14ac:dyDescent="0.15">
      <c r="A13907">
        <v>11097</v>
      </c>
      <c r="B13907" t="s">
        <v>27760</v>
      </c>
      <c r="C13907" t="s">
        <v>27761</v>
      </c>
    </row>
    <row r="13908" spans="1:3" x14ac:dyDescent="0.15">
      <c r="A13908">
        <v>11096</v>
      </c>
      <c r="B13908" t="s">
        <v>27762</v>
      </c>
      <c r="C13908" t="s">
        <v>27763</v>
      </c>
    </row>
    <row r="13909" spans="1:3" x14ac:dyDescent="0.15">
      <c r="A13909">
        <v>11095</v>
      </c>
      <c r="B13909" t="s">
        <v>27764</v>
      </c>
      <c r="C13909" t="s">
        <v>27765</v>
      </c>
    </row>
    <row r="13910" spans="1:3" x14ac:dyDescent="0.15">
      <c r="A13910">
        <v>11094</v>
      </c>
      <c r="B13910" t="s">
        <v>27766</v>
      </c>
      <c r="C13910" t="s">
        <v>27767</v>
      </c>
    </row>
    <row r="13911" spans="1:3" x14ac:dyDescent="0.15">
      <c r="A13911">
        <v>11093</v>
      </c>
      <c r="B13911" t="s">
        <v>27768</v>
      </c>
      <c r="C13911" t="s">
        <v>27769</v>
      </c>
    </row>
    <row r="13912" spans="1:3" x14ac:dyDescent="0.15">
      <c r="A13912">
        <v>11092</v>
      </c>
      <c r="B13912" t="s">
        <v>27770</v>
      </c>
      <c r="C13912" t="s">
        <v>27771</v>
      </c>
    </row>
    <row r="13913" spans="1:3" x14ac:dyDescent="0.15">
      <c r="A13913">
        <v>11091</v>
      </c>
      <c r="B13913" t="s">
        <v>27772</v>
      </c>
      <c r="C13913" t="s">
        <v>27773</v>
      </c>
    </row>
    <row r="13914" spans="1:3" x14ac:dyDescent="0.15">
      <c r="A13914">
        <v>11090</v>
      </c>
      <c r="B13914" t="s">
        <v>27774</v>
      </c>
      <c r="C13914" t="s">
        <v>27775</v>
      </c>
    </row>
    <row r="13915" spans="1:3" x14ac:dyDescent="0.15">
      <c r="A13915">
        <v>11089</v>
      </c>
      <c r="B13915" t="s">
        <v>27776</v>
      </c>
      <c r="C13915" t="s">
        <v>27777</v>
      </c>
    </row>
    <row r="13916" spans="1:3" x14ac:dyDescent="0.15">
      <c r="A13916">
        <v>11088</v>
      </c>
      <c r="B13916" t="s">
        <v>27778</v>
      </c>
      <c r="C13916" t="s">
        <v>27779</v>
      </c>
    </row>
    <row r="13917" spans="1:3" x14ac:dyDescent="0.15">
      <c r="A13917">
        <v>11087</v>
      </c>
      <c r="B13917" t="s">
        <v>27780</v>
      </c>
      <c r="C13917" t="s">
        <v>27781</v>
      </c>
    </row>
    <row r="13918" spans="1:3" x14ac:dyDescent="0.15">
      <c r="A13918">
        <v>11086</v>
      </c>
      <c r="B13918" t="s">
        <v>27782</v>
      </c>
      <c r="C13918" t="s">
        <v>27783</v>
      </c>
    </row>
    <row r="13919" spans="1:3" x14ac:dyDescent="0.15">
      <c r="A13919">
        <v>11085</v>
      </c>
      <c r="B13919" t="s">
        <v>27784</v>
      </c>
      <c r="C13919" t="s">
        <v>27785</v>
      </c>
    </row>
    <row r="13920" spans="1:3" x14ac:dyDescent="0.15">
      <c r="A13920">
        <v>11084</v>
      </c>
      <c r="B13920" t="s">
        <v>27786</v>
      </c>
      <c r="C13920" t="s">
        <v>27787</v>
      </c>
    </row>
    <row r="13921" spans="1:3" x14ac:dyDescent="0.15">
      <c r="A13921">
        <v>11083</v>
      </c>
      <c r="B13921" t="s">
        <v>27788</v>
      </c>
      <c r="C13921" t="s">
        <v>27789</v>
      </c>
    </row>
    <row r="13922" spans="1:3" x14ac:dyDescent="0.15">
      <c r="A13922">
        <v>11082</v>
      </c>
      <c r="B13922" t="s">
        <v>27790</v>
      </c>
      <c r="C13922" t="s">
        <v>27791</v>
      </c>
    </row>
    <row r="13923" spans="1:3" x14ac:dyDescent="0.15">
      <c r="A13923">
        <v>11081</v>
      </c>
      <c r="B13923" t="s">
        <v>27792</v>
      </c>
      <c r="C13923" t="s">
        <v>27793</v>
      </c>
    </row>
    <row r="13924" spans="1:3" x14ac:dyDescent="0.15">
      <c r="A13924">
        <v>11080</v>
      </c>
      <c r="B13924" t="s">
        <v>27794</v>
      </c>
      <c r="C13924" t="s">
        <v>27795</v>
      </c>
    </row>
    <row r="13925" spans="1:3" x14ac:dyDescent="0.15">
      <c r="A13925">
        <v>11079</v>
      </c>
      <c r="B13925" t="s">
        <v>27796</v>
      </c>
      <c r="C13925" t="s">
        <v>27797</v>
      </c>
    </row>
    <row r="13926" spans="1:3" x14ac:dyDescent="0.15">
      <c r="A13926">
        <v>11078</v>
      </c>
      <c r="B13926" t="s">
        <v>27798</v>
      </c>
      <c r="C13926" t="s">
        <v>27799</v>
      </c>
    </row>
    <row r="13927" spans="1:3" x14ac:dyDescent="0.15">
      <c r="A13927">
        <v>11077</v>
      </c>
      <c r="B13927" t="s">
        <v>27800</v>
      </c>
      <c r="C13927" t="s">
        <v>27801</v>
      </c>
    </row>
    <row r="13928" spans="1:3" x14ac:dyDescent="0.15">
      <c r="A13928">
        <v>11076</v>
      </c>
      <c r="B13928" t="s">
        <v>27802</v>
      </c>
      <c r="C13928" t="s">
        <v>27803</v>
      </c>
    </row>
    <row r="13929" spans="1:3" x14ac:dyDescent="0.15">
      <c r="A13929">
        <v>11075</v>
      </c>
      <c r="B13929" t="s">
        <v>27804</v>
      </c>
      <c r="C13929" t="s">
        <v>27805</v>
      </c>
    </row>
    <row r="13930" spans="1:3" x14ac:dyDescent="0.15">
      <c r="A13930">
        <v>11074</v>
      </c>
      <c r="B13930" t="s">
        <v>27806</v>
      </c>
      <c r="C13930" t="s">
        <v>27807</v>
      </c>
    </row>
    <row r="13931" spans="1:3" x14ac:dyDescent="0.15">
      <c r="A13931">
        <v>11073</v>
      </c>
      <c r="B13931" t="s">
        <v>27808</v>
      </c>
      <c r="C13931" t="s">
        <v>27809</v>
      </c>
    </row>
    <row r="13932" spans="1:3" x14ac:dyDescent="0.15">
      <c r="A13932">
        <v>11072</v>
      </c>
      <c r="B13932" t="s">
        <v>27810</v>
      </c>
      <c r="C13932" t="s">
        <v>27811</v>
      </c>
    </row>
    <row r="13933" spans="1:3" x14ac:dyDescent="0.15">
      <c r="A13933">
        <v>11071</v>
      </c>
      <c r="B13933" t="s">
        <v>27812</v>
      </c>
      <c r="C13933" t="s">
        <v>27813</v>
      </c>
    </row>
    <row r="13934" spans="1:3" x14ac:dyDescent="0.15">
      <c r="A13934">
        <v>11070</v>
      </c>
      <c r="B13934" t="s">
        <v>27814</v>
      </c>
      <c r="C13934" t="s">
        <v>27815</v>
      </c>
    </row>
    <row r="13935" spans="1:3" x14ac:dyDescent="0.15">
      <c r="A13935">
        <v>11069</v>
      </c>
      <c r="B13935" t="s">
        <v>27816</v>
      </c>
      <c r="C13935" t="s">
        <v>27817</v>
      </c>
    </row>
    <row r="13936" spans="1:3" x14ac:dyDescent="0.15">
      <c r="A13936">
        <v>11068</v>
      </c>
      <c r="B13936" t="s">
        <v>27818</v>
      </c>
      <c r="C13936" t="s">
        <v>27819</v>
      </c>
    </row>
    <row r="13937" spans="1:3" x14ac:dyDescent="0.15">
      <c r="A13937">
        <v>11067</v>
      </c>
      <c r="B13937" t="s">
        <v>27820</v>
      </c>
      <c r="C13937" t="s">
        <v>27821</v>
      </c>
    </row>
    <row r="13938" spans="1:3" x14ac:dyDescent="0.15">
      <c r="A13938">
        <v>11066</v>
      </c>
      <c r="B13938" t="s">
        <v>27822</v>
      </c>
      <c r="C13938" t="s">
        <v>27823</v>
      </c>
    </row>
    <row r="13939" spans="1:3" x14ac:dyDescent="0.15">
      <c r="A13939">
        <v>11065</v>
      </c>
      <c r="B13939" t="s">
        <v>27824</v>
      </c>
      <c r="C13939" t="s">
        <v>27825</v>
      </c>
    </row>
    <row r="13940" spans="1:3" x14ac:dyDescent="0.15">
      <c r="A13940">
        <v>11064</v>
      </c>
      <c r="B13940" t="s">
        <v>27826</v>
      </c>
      <c r="C13940" t="s">
        <v>27827</v>
      </c>
    </row>
    <row r="13941" spans="1:3" x14ac:dyDescent="0.15">
      <c r="A13941">
        <v>11063</v>
      </c>
      <c r="B13941" t="s">
        <v>27828</v>
      </c>
      <c r="C13941" t="s">
        <v>27829</v>
      </c>
    </row>
    <row r="13942" spans="1:3" x14ac:dyDescent="0.15">
      <c r="A13942">
        <v>11062</v>
      </c>
      <c r="B13942" t="s">
        <v>27830</v>
      </c>
      <c r="C13942" t="s">
        <v>27831</v>
      </c>
    </row>
    <row r="13943" spans="1:3" x14ac:dyDescent="0.15">
      <c r="A13943">
        <v>11061</v>
      </c>
      <c r="B13943" t="s">
        <v>27832</v>
      </c>
      <c r="C13943" t="s">
        <v>27833</v>
      </c>
    </row>
    <row r="13944" spans="1:3" x14ac:dyDescent="0.15">
      <c r="A13944">
        <v>11060</v>
      </c>
      <c r="B13944" t="s">
        <v>27834</v>
      </c>
      <c r="C13944" t="s">
        <v>27835</v>
      </c>
    </row>
    <row r="13945" spans="1:3" x14ac:dyDescent="0.15">
      <c r="A13945">
        <v>11059</v>
      </c>
      <c r="B13945" t="s">
        <v>27836</v>
      </c>
      <c r="C13945" t="s">
        <v>27837</v>
      </c>
    </row>
    <row r="13946" spans="1:3" x14ac:dyDescent="0.15">
      <c r="A13946">
        <v>11058</v>
      </c>
      <c r="B13946" t="s">
        <v>27838</v>
      </c>
      <c r="C13946" t="s">
        <v>27839</v>
      </c>
    </row>
    <row r="13947" spans="1:3" x14ac:dyDescent="0.15">
      <c r="A13947">
        <v>11057</v>
      </c>
      <c r="B13947" t="s">
        <v>27840</v>
      </c>
      <c r="C13947" t="s">
        <v>27841</v>
      </c>
    </row>
    <row r="13948" spans="1:3" x14ac:dyDescent="0.15">
      <c r="A13948">
        <v>11056</v>
      </c>
      <c r="B13948" t="s">
        <v>27842</v>
      </c>
      <c r="C13948" t="s">
        <v>27843</v>
      </c>
    </row>
    <row r="13949" spans="1:3" x14ac:dyDescent="0.15">
      <c r="A13949">
        <v>11055</v>
      </c>
      <c r="B13949" t="s">
        <v>27844</v>
      </c>
      <c r="C13949" t="s">
        <v>27845</v>
      </c>
    </row>
    <row r="13950" spans="1:3" x14ac:dyDescent="0.15">
      <c r="A13950">
        <v>11054</v>
      </c>
      <c r="B13950" t="s">
        <v>27846</v>
      </c>
      <c r="C13950" t="s">
        <v>27847</v>
      </c>
    </row>
    <row r="13951" spans="1:3" x14ac:dyDescent="0.15">
      <c r="A13951">
        <v>11053</v>
      </c>
      <c r="B13951" t="s">
        <v>27848</v>
      </c>
      <c r="C13951" t="s">
        <v>27849</v>
      </c>
    </row>
    <row r="13952" spans="1:3" x14ac:dyDescent="0.15">
      <c r="A13952">
        <v>11052</v>
      </c>
      <c r="B13952" t="s">
        <v>27850</v>
      </c>
      <c r="C13952" t="s">
        <v>27851</v>
      </c>
    </row>
    <row r="13953" spans="1:3" x14ac:dyDescent="0.15">
      <c r="A13953">
        <v>11051</v>
      </c>
      <c r="B13953" t="s">
        <v>27852</v>
      </c>
      <c r="C13953" t="s">
        <v>27853</v>
      </c>
    </row>
    <row r="13954" spans="1:3" x14ac:dyDescent="0.15">
      <c r="A13954">
        <v>11050</v>
      </c>
      <c r="B13954" t="s">
        <v>27854</v>
      </c>
      <c r="C13954" t="s">
        <v>27855</v>
      </c>
    </row>
    <row r="13955" spans="1:3" x14ac:dyDescent="0.15">
      <c r="A13955">
        <v>11049</v>
      </c>
      <c r="B13955" t="s">
        <v>27856</v>
      </c>
      <c r="C13955" t="s">
        <v>27857</v>
      </c>
    </row>
    <row r="13956" spans="1:3" x14ac:dyDescent="0.15">
      <c r="A13956">
        <v>11048</v>
      </c>
      <c r="B13956" t="s">
        <v>27858</v>
      </c>
      <c r="C13956" t="s">
        <v>27859</v>
      </c>
    </row>
    <row r="13957" spans="1:3" x14ac:dyDescent="0.15">
      <c r="A13957">
        <v>11047</v>
      </c>
      <c r="B13957" t="s">
        <v>27860</v>
      </c>
      <c r="C13957" t="s">
        <v>27861</v>
      </c>
    </row>
    <row r="13958" spans="1:3" x14ac:dyDescent="0.15">
      <c r="A13958">
        <v>11046</v>
      </c>
      <c r="B13958" t="s">
        <v>27862</v>
      </c>
      <c r="C13958" t="s">
        <v>27863</v>
      </c>
    </row>
    <row r="13959" spans="1:3" x14ac:dyDescent="0.15">
      <c r="A13959">
        <v>11045</v>
      </c>
      <c r="B13959" t="s">
        <v>27864</v>
      </c>
      <c r="C13959" t="s">
        <v>27865</v>
      </c>
    </row>
    <row r="13960" spans="1:3" x14ac:dyDescent="0.15">
      <c r="A13960">
        <v>11044</v>
      </c>
      <c r="B13960" t="s">
        <v>27866</v>
      </c>
      <c r="C13960" t="s">
        <v>27867</v>
      </c>
    </row>
    <row r="13961" spans="1:3" x14ac:dyDescent="0.15">
      <c r="A13961">
        <v>11043</v>
      </c>
      <c r="B13961" t="s">
        <v>27868</v>
      </c>
      <c r="C13961" t="s">
        <v>27869</v>
      </c>
    </row>
    <row r="13962" spans="1:3" x14ac:dyDescent="0.15">
      <c r="A13962">
        <v>11042</v>
      </c>
      <c r="B13962" t="s">
        <v>27870</v>
      </c>
      <c r="C13962" t="s">
        <v>27871</v>
      </c>
    </row>
    <row r="13963" spans="1:3" x14ac:dyDescent="0.15">
      <c r="A13963">
        <v>11041</v>
      </c>
      <c r="B13963" t="s">
        <v>27872</v>
      </c>
      <c r="C13963" t="s">
        <v>27873</v>
      </c>
    </row>
    <row r="13964" spans="1:3" x14ac:dyDescent="0.15">
      <c r="A13964">
        <v>11040</v>
      </c>
      <c r="B13964" t="s">
        <v>27874</v>
      </c>
      <c r="C13964" t="s">
        <v>27875</v>
      </c>
    </row>
    <row r="13965" spans="1:3" x14ac:dyDescent="0.15">
      <c r="A13965">
        <v>11039</v>
      </c>
      <c r="B13965" t="s">
        <v>27876</v>
      </c>
      <c r="C13965" t="s">
        <v>27877</v>
      </c>
    </row>
    <row r="13966" spans="1:3" x14ac:dyDescent="0.15">
      <c r="A13966">
        <v>11038</v>
      </c>
      <c r="B13966" t="s">
        <v>27878</v>
      </c>
      <c r="C13966" t="s">
        <v>27879</v>
      </c>
    </row>
    <row r="13967" spans="1:3" x14ac:dyDescent="0.15">
      <c r="A13967">
        <v>11037</v>
      </c>
      <c r="B13967" t="s">
        <v>27880</v>
      </c>
      <c r="C13967" t="s">
        <v>27881</v>
      </c>
    </row>
    <row r="13968" spans="1:3" x14ac:dyDescent="0.15">
      <c r="A13968">
        <v>11036</v>
      </c>
      <c r="B13968" t="s">
        <v>27882</v>
      </c>
      <c r="C13968" t="s">
        <v>27883</v>
      </c>
    </row>
    <row r="13969" spans="1:3" x14ac:dyDescent="0.15">
      <c r="A13969">
        <v>11035</v>
      </c>
      <c r="B13969" t="s">
        <v>27884</v>
      </c>
      <c r="C13969" t="s">
        <v>27885</v>
      </c>
    </row>
    <row r="13970" spans="1:3" x14ac:dyDescent="0.15">
      <c r="A13970">
        <v>11034</v>
      </c>
      <c r="B13970" t="s">
        <v>27886</v>
      </c>
      <c r="C13970" t="s">
        <v>27887</v>
      </c>
    </row>
    <row r="13971" spans="1:3" x14ac:dyDescent="0.15">
      <c r="A13971">
        <v>11033</v>
      </c>
      <c r="B13971" t="s">
        <v>27888</v>
      </c>
      <c r="C13971" t="s">
        <v>27889</v>
      </c>
    </row>
    <row r="13972" spans="1:3" x14ac:dyDescent="0.15">
      <c r="A13972">
        <v>11032</v>
      </c>
      <c r="B13972" t="s">
        <v>27890</v>
      </c>
      <c r="C13972" t="s">
        <v>27891</v>
      </c>
    </row>
    <row r="13973" spans="1:3" x14ac:dyDescent="0.15">
      <c r="A13973">
        <v>11031</v>
      </c>
      <c r="B13973" t="s">
        <v>27892</v>
      </c>
      <c r="C13973" t="s">
        <v>27893</v>
      </c>
    </row>
    <row r="13974" spans="1:3" x14ac:dyDescent="0.15">
      <c r="A13974">
        <v>11030</v>
      </c>
      <c r="B13974" t="s">
        <v>27894</v>
      </c>
      <c r="C13974" t="s">
        <v>27895</v>
      </c>
    </row>
    <row r="13975" spans="1:3" x14ac:dyDescent="0.15">
      <c r="A13975">
        <v>11029</v>
      </c>
      <c r="B13975" t="s">
        <v>27896</v>
      </c>
      <c r="C13975" t="s">
        <v>27897</v>
      </c>
    </row>
    <row r="13976" spans="1:3" x14ac:dyDescent="0.15">
      <c r="A13976">
        <v>11028</v>
      </c>
      <c r="B13976" t="s">
        <v>27898</v>
      </c>
      <c r="C13976" t="s">
        <v>27899</v>
      </c>
    </row>
    <row r="13977" spans="1:3" x14ac:dyDescent="0.15">
      <c r="A13977">
        <v>11027</v>
      </c>
      <c r="B13977" t="s">
        <v>27900</v>
      </c>
      <c r="C13977" t="s">
        <v>27901</v>
      </c>
    </row>
    <row r="13978" spans="1:3" x14ac:dyDescent="0.15">
      <c r="A13978">
        <v>11026</v>
      </c>
      <c r="B13978" t="s">
        <v>27902</v>
      </c>
      <c r="C13978" t="s">
        <v>27903</v>
      </c>
    </row>
    <row r="13979" spans="1:3" x14ac:dyDescent="0.15">
      <c r="A13979">
        <v>11025</v>
      </c>
      <c r="B13979" t="s">
        <v>27904</v>
      </c>
      <c r="C13979" t="s">
        <v>27905</v>
      </c>
    </row>
    <row r="13980" spans="1:3" x14ac:dyDescent="0.15">
      <c r="A13980">
        <v>11024</v>
      </c>
      <c r="B13980" t="s">
        <v>27906</v>
      </c>
      <c r="C13980" t="s">
        <v>27907</v>
      </c>
    </row>
    <row r="13981" spans="1:3" x14ac:dyDescent="0.15">
      <c r="A13981">
        <v>11023</v>
      </c>
      <c r="B13981" t="s">
        <v>27908</v>
      </c>
      <c r="C13981" t="s">
        <v>27909</v>
      </c>
    </row>
    <row r="13982" spans="1:3" x14ac:dyDescent="0.15">
      <c r="A13982">
        <v>11022</v>
      </c>
      <c r="B13982" t="s">
        <v>27910</v>
      </c>
      <c r="C13982" t="s">
        <v>27911</v>
      </c>
    </row>
    <row r="13983" spans="1:3" x14ac:dyDescent="0.15">
      <c r="A13983">
        <v>11021</v>
      </c>
      <c r="B13983" t="s">
        <v>27912</v>
      </c>
      <c r="C13983" t="s">
        <v>27913</v>
      </c>
    </row>
    <row r="13984" spans="1:3" x14ac:dyDescent="0.15">
      <c r="A13984">
        <v>11020</v>
      </c>
      <c r="B13984" t="s">
        <v>27914</v>
      </c>
      <c r="C13984" t="s">
        <v>27915</v>
      </c>
    </row>
    <row r="13985" spans="1:3" x14ac:dyDescent="0.15">
      <c r="A13985">
        <v>11019</v>
      </c>
      <c r="B13985" t="s">
        <v>27916</v>
      </c>
      <c r="C13985" t="s">
        <v>27917</v>
      </c>
    </row>
    <row r="13986" spans="1:3" x14ac:dyDescent="0.15">
      <c r="A13986">
        <v>11018</v>
      </c>
      <c r="B13986" t="s">
        <v>27918</v>
      </c>
      <c r="C13986" t="s">
        <v>27919</v>
      </c>
    </row>
    <row r="13987" spans="1:3" x14ac:dyDescent="0.15">
      <c r="A13987">
        <v>11017</v>
      </c>
      <c r="B13987" t="s">
        <v>27920</v>
      </c>
      <c r="C13987" t="s">
        <v>27921</v>
      </c>
    </row>
    <row r="13988" spans="1:3" x14ac:dyDescent="0.15">
      <c r="A13988">
        <v>11016</v>
      </c>
      <c r="B13988" t="s">
        <v>27922</v>
      </c>
      <c r="C13988" t="s">
        <v>27923</v>
      </c>
    </row>
    <row r="13989" spans="1:3" x14ac:dyDescent="0.15">
      <c r="A13989">
        <v>11015</v>
      </c>
      <c r="B13989" t="s">
        <v>27924</v>
      </c>
      <c r="C13989" t="s">
        <v>27925</v>
      </c>
    </row>
    <row r="13990" spans="1:3" x14ac:dyDescent="0.15">
      <c r="A13990">
        <v>11014</v>
      </c>
      <c r="B13990" t="s">
        <v>27926</v>
      </c>
      <c r="C13990" t="s">
        <v>27927</v>
      </c>
    </row>
    <row r="13991" spans="1:3" x14ac:dyDescent="0.15">
      <c r="A13991">
        <v>11013</v>
      </c>
      <c r="B13991" t="s">
        <v>27928</v>
      </c>
      <c r="C13991" t="s">
        <v>27929</v>
      </c>
    </row>
    <row r="13992" spans="1:3" x14ac:dyDescent="0.15">
      <c r="A13992">
        <v>11012</v>
      </c>
      <c r="B13992" t="s">
        <v>27930</v>
      </c>
      <c r="C13992" t="s">
        <v>27931</v>
      </c>
    </row>
    <row r="13993" spans="1:3" x14ac:dyDescent="0.15">
      <c r="A13993">
        <v>11011</v>
      </c>
      <c r="B13993" t="s">
        <v>27932</v>
      </c>
      <c r="C13993" t="s">
        <v>27933</v>
      </c>
    </row>
    <row r="13994" spans="1:3" x14ac:dyDescent="0.15">
      <c r="A13994">
        <v>11010</v>
      </c>
      <c r="B13994" t="s">
        <v>27934</v>
      </c>
      <c r="C13994" t="s">
        <v>27935</v>
      </c>
    </row>
    <row r="13995" spans="1:3" x14ac:dyDescent="0.15">
      <c r="A13995">
        <v>11009</v>
      </c>
      <c r="B13995" t="s">
        <v>27936</v>
      </c>
      <c r="C13995" t="s">
        <v>27937</v>
      </c>
    </row>
    <row r="13996" spans="1:3" x14ac:dyDescent="0.15">
      <c r="A13996">
        <v>11008</v>
      </c>
      <c r="B13996" t="s">
        <v>27938</v>
      </c>
      <c r="C13996" t="s">
        <v>27939</v>
      </c>
    </row>
    <row r="13997" spans="1:3" x14ac:dyDescent="0.15">
      <c r="A13997">
        <v>11007</v>
      </c>
      <c r="B13997" t="s">
        <v>27940</v>
      </c>
      <c r="C13997" t="s">
        <v>27941</v>
      </c>
    </row>
    <row r="13998" spans="1:3" x14ac:dyDescent="0.15">
      <c r="A13998">
        <v>11006</v>
      </c>
      <c r="B13998" t="s">
        <v>27942</v>
      </c>
      <c r="C13998" t="s">
        <v>27943</v>
      </c>
    </row>
    <row r="13999" spans="1:3" x14ac:dyDescent="0.15">
      <c r="A13999">
        <v>11005</v>
      </c>
      <c r="B13999" t="s">
        <v>27944</v>
      </c>
      <c r="C13999" t="s">
        <v>27945</v>
      </c>
    </row>
    <row r="14000" spans="1:3" x14ac:dyDescent="0.15">
      <c r="A14000">
        <v>11004</v>
      </c>
      <c r="B14000" t="s">
        <v>27946</v>
      </c>
      <c r="C14000" t="s">
        <v>27947</v>
      </c>
    </row>
    <row r="14001" spans="1:3" x14ac:dyDescent="0.15">
      <c r="A14001">
        <v>11003</v>
      </c>
      <c r="B14001" t="s">
        <v>27948</v>
      </c>
      <c r="C14001" t="s">
        <v>27949</v>
      </c>
    </row>
    <row r="14002" spans="1:3" x14ac:dyDescent="0.15">
      <c r="A14002">
        <v>11002</v>
      </c>
      <c r="B14002" t="s">
        <v>27950</v>
      </c>
      <c r="C14002" t="s">
        <v>27951</v>
      </c>
    </row>
    <row r="14003" spans="1:3" x14ac:dyDescent="0.15">
      <c r="A14003">
        <v>11001</v>
      </c>
      <c r="B14003" t="s">
        <v>27952</v>
      </c>
      <c r="C14003" t="s">
        <v>27953</v>
      </c>
    </row>
    <row r="14004" spans="1:3" x14ac:dyDescent="0.15">
      <c r="A14004">
        <v>11000</v>
      </c>
      <c r="B14004" t="s">
        <v>27954</v>
      </c>
      <c r="C14004" t="s">
        <v>27955</v>
      </c>
    </row>
    <row r="14005" spans="1:3" x14ac:dyDescent="0.15">
      <c r="A14005">
        <v>10999</v>
      </c>
      <c r="B14005" t="s">
        <v>27956</v>
      </c>
      <c r="C14005" t="s">
        <v>27957</v>
      </c>
    </row>
    <row r="14006" spans="1:3" x14ac:dyDescent="0.15">
      <c r="A14006">
        <v>10998</v>
      </c>
      <c r="B14006" t="s">
        <v>27958</v>
      </c>
      <c r="C14006" t="s">
        <v>27959</v>
      </c>
    </row>
    <row r="14007" spans="1:3" x14ac:dyDescent="0.15">
      <c r="A14007">
        <v>10997</v>
      </c>
      <c r="B14007" t="s">
        <v>27960</v>
      </c>
      <c r="C14007" t="s">
        <v>27961</v>
      </c>
    </row>
    <row r="14008" spans="1:3" x14ac:dyDescent="0.15">
      <c r="A14008">
        <v>10996</v>
      </c>
      <c r="B14008" t="s">
        <v>27962</v>
      </c>
      <c r="C14008" t="s">
        <v>27963</v>
      </c>
    </row>
    <row r="14009" spans="1:3" x14ac:dyDescent="0.15">
      <c r="A14009">
        <v>10995</v>
      </c>
      <c r="B14009" t="s">
        <v>27964</v>
      </c>
      <c r="C14009" t="s">
        <v>27965</v>
      </c>
    </row>
    <row r="14010" spans="1:3" x14ac:dyDescent="0.15">
      <c r="A14010">
        <v>10994</v>
      </c>
      <c r="B14010" t="s">
        <v>27966</v>
      </c>
      <c r="C14010" t="s">
        <v>27967</v>
      </c>
    </row>
    <row r="14011" spans="1:3" x14ac:dyDescent="0.15">
      <c r="A14011">
        <v>10993</v>
      </c>
      <c r="B14011" t="s">
        <v>27968</v>
      </c>
      <c r="C14011" t="s">
        <v>27969</v>
      </c>
    </row>
    <row r="14012" spans="1:3" x14ac:dyDescent="0.15">
      <c r="A14012">
        <v>10992</v>
      </c>
      <c r="B14012" t="s">
        <v>27970</v>
      </c>
      <c r="C14012" t="s">
        <v>27971</v>
      </c>
    </row>
    <row r="14013" spans="1:3" x14ac:dyDescent="0.15">
      <c r="A14013">
        <v>10991</v>
      </c>
      <c r="B14013" t="s">
        <v>27972</v>
      </c>
      <c r="C14013" t="s">
        <v>27973</v>
      </c>
    </row>
    <row r="14014" spans="1:3" x14ac:dyDescent="0.15">
      <c r="A14014">
        <v>10990</v>
      </c>
      <c r="B14014" t="s">
        <v>27974</v>
      </c>
      <c r="C14014" t="s">
        <v>27975</v>
      </c>
    </row>
    <row r="14015" spans="1:3" x14ac:dyDescent="0.15">
      <c r="A14015">
        <v>10989</v>
      </c>
      <c r="B14015" t="s">
        <v>27976</v>
      </c>
      <c r="C14015" t="s">
        <v>27977</v>
      </c>
    </row>
    <row r="14016" spans="1:3" x14ac:dyDescent="0.15">
      <c r="A14016">
        <v>10988</v>
      </c>
      <c r="B14016" t="s">
        <v>27978</v>
      </c>
      <c r="C14016" t="e">
        <f>[1]!我的账号啊。天天注册,还是没有呢。。。</f>
        <v>#REF!</v>
      </c>
    </row>
    <row r="14017" spans="1:3" x14ac:dyDescent="0.15">
      <c r="A14017">
        <v>10987</v>
      </c>
      <c r="B14017" t="s">
        <v>27979</v>
      </c>
      <c r="C14017" t="s">
        <v>27980</v>
      </c>
    </row>
    <row r="14018" spans="1:3" x14ac:dyDescent="0.15">
      <c r="A14018">
        <v>10986</v>
      </c>
      <c r="B14018" t="s">
        <v>27981</v>
      </c>
      <c r="C14018" t="s">
        <v>27982</v>
      </c>
    </row>
    <row r="14019" spans="1:3" x14ac:dyDescent="0.15">
      <c r="A14019">
        <v>10985</v>
      </c>
      <c r="B14019" t="s">
        <v>27983</v>
      </c>
      <c r="C14019" t="s">
        <v>27984</v>
      </c>
    </row>
    <row r="14020" spans="1:3" x14ac:dyDescent="0.15">
      <c r="A14020">
        <v>10984</v>
      </c>
      <c r="B14020" t="s">
        <v>27985</v>
      </c>
      <c r="C14020" t="s">
        <v>27986</v>
      </c>
    </row>
    <row r="14021" spans="1:3" x14ac:dyDescent="0.15">
      <c r="A14021">
        <v>10983</v>
      </c>
      <c r="B14021" t="s">
        <v>27987</v>
      </c>
      <c r="C14021" t="s">
        <v>27988</v>
      </c>
    </row>
    <row r="14022" spans="1:3" x14ac:dyDescent="0.15">
      <c r="A14022">
        <v>10982</v>
      </c>
      <c r="B14022" t="s">
        <v>27989</v>
      </c>
      <c r="C14022" t="s">
        <v>27990</v>
      </c>
    </row>
    <row r="14023" spans="1:3" x14ac:dyDescent="0.15">
      <c r="A14023">
        <v>10981</v>
      </c>
      <c r="B14023" t="s">
        <v>27991</v>
      </c>
      <c r="C14023" t="s">
        <v>27992</v>
      </c>
    </row>
    <row r="14024" spans="1:3" x14ac:dyDescent="0.15">
      <c r="A14024">
        <v>10980</v>
      </c>
      <c r="B14024" t="s">
        <v>27993</v>
      </c>
      <c r="C14024" t="s">
        <v>27994</v>
      </c>
    </row>
    <row r="14025" spans="1:3" x14ac:dyDescent="0.15">
      <c r="A14025">
        <v>10979</v>
      </c>
      <c r="B14025" t="s">
        <v>27995</v>
      </c>
      <c r="C14025" t="s">
        <v>27996</v>
      </c>
    </row>
    <row r="14026" spans="1:3" x14ac:dyDescent="0.15">
      <c r="A14026">
        <v>10978</v>
      </c>
      <c r="B14026" t="s">
        <v>27997</v>
      </c>
      <c r="C14026" t="s">
        <v>27998</v>
      </c>
    </row>
    <row r="14027" spans="1:3" x14ac:dyDescent="0.15">
      <c r="A14027">
        <v>10977</v>
      </c>
      <c r="B14027" t="s">
        <v>27999</v>
      </c>
      <c r="C14027" t="s">
        <v>28000</v>
      </c>
    </row>
    <row r="14028" spans="1:3" x14ac:dyDescent="0.15">
      <c r="A14028">
        <v>10976</v>
      </c>
      <c r="B14028" t="s">
        <v>28001</v>
      </c>
      <c r="C14028" t="s">
        <v>28002</v>
      </c>
    </row>
    <row r="14029" spans="1:3" x14ac:dyDescent="0.15">
      <c r="A14029">
        <v>10975</v>
      </c>
      <c r="B14029" t="s">
        <v>28003</v>
      </c>
      <c r="C14029" t="s">
        <v>28004</v>
      </c>
    </row>
    <row r="14030" spans="1:3" x14ac:dyDescent="0.15">
      <c r="A14030">
        <v>10974</v>
      </c>
      <c r="B14030" t="s">
        <v>28005</v>
      </c>
      <c r="C14030" t="s">
        <v>28006</v>
      </c>
    </row>
    <row r="14031" spans="1:3" x14ac:dyDescent="0.15">
      <c r="A14031">
        <v>10973</v>
      </c>
      <c r="B14031" t="s">
        <v>28007</v>
      </c>
      <c r="C14031" t="s">
        <v>28008</v>
      </c>
    </row>
    <row r="14032" spans="1:3" x14ac:dyDescent="0.15">
      <c r="A14032">
        <v>10972</v>
      </c>
      <c r="B14032" t="s">
        <v>28009</v>
      </c>
      <c r="C14032" t="s">
        <v>28010</v>
      </c>
    </row>
    <row r="14033" spans="1:3" x14ac:dyDescent="0.15">
      <c r="A14033">
        <v>10971</v>
      </c>
      <c r="B14033" t="s">
        <v>28011</v>
      </c>
      <c r="C14033" t="s">
        <v>28012</v>
      </c>
    </row>
    <row r="14034" spans="1:3" x14ac:dyDescent="0.15">
      <c r="A14034">
        <v>10970</v>
      </c>
      <c r="B14034" t="s">
        <v>28013</v>
      </c>
      <c r="C14034" t="s">
        <v>28014</v>
      </c>
    </row>
    <row r="14035" spans="1:3" x14ac:dyDescent="0.15">
      <c r="A14035">
        <v>10969</v>
      </c>
      <c r="B14035" t="s">
        <v>28015</v>
      </c>
      <c r="C14035" t="s">
        <v>28016</v>
      </c>
    </row>
    <row r="14036" spans="1:3" x14ac:dyDescent="0.15">
      <c r="A14036">
        <v>10968</v>
      </c>
      <c r="B14036" t="s">
        <v>28017</v>
      </c>
      <c r="C14036" t="s">
        <v>28018</v>
      </c>
    </row>
    <row r="14037" spans="1:3" x14ac:dyDescent="0.15">
      <c r="A14037">
        <v>10967</v>
      </c>
      <c r="B14037" t="s">
        <v>28019</v>
      </c>
      <c r="C14037" t="s">
        <v>27851</v>
      </c>
    </row>
    <row r="14038" spans="1:3" x14ac:dyDescent="0.15">
      <c r="A14038">
        <v>10966</v>
      </c>
      <c r="B14038" t="s">
        <v>28020</v>
      </c>
      <c r="C14038" t="s">
        <v>28021</v>
      </c>
    </row>
    <row r="14039" spans="1:3" x14ac:dyDescent="0.15">
      <c r="A14039">
        <v>10965</v>
      </c>
      <c r="B14039" t="s">
        <v>28022</v>
      </c>
      <c r="C14039" t="s">
        <v>28023</v>
      </c>
    </row>
    <row r="14040" spans="1:3" x14ac:dyDescent="0.15">
      <c r="A14040">
        <v>10964</v>
      </c>
      <c r="B14040" t="s">
        <v>28024</v>
      </c>
      <c r="C14040" t="s">
        <v>28025</v>
      </c>
    </row>
    <row r="14041" spans="1:3" x14ac:dyDescent="0.15">
      <c r="A14041">
        <v>10963</v>
      </c>
      <c r="B14041" t="s">
        <v>28026</v>
      </c>
      <c r="C14041" t="s">
        <v>28027</v>
      </c>
    </row>
    <row r="14042" spans="1:3" x14ac:dyDescent="0.15">
      <c r="A14042">
        <v>10962</v>
      </c>
      <c r="B14042" t="s">
        <v>28028</v>
      </c>
      <c r="C14042" t="s">
        <v>28029</v>
      </c>
    </row>
    <row r="14043" spans="1:3" x14ac:dyDescent="0.15">
      <c r="A14043">
        <v>10961</v>
      </c>
      <c r="B14043" t="s">
        <v>28030</v>
      </c>
      <c r="C14043" t="s">
        <v>28031</v>
      </c>
    </row>
    <row r="14044" spans="1:3" x14ac:dyDescent="0.15">
      <c r="A14044">
        <v>10960</v>
      </c>
      <c r="B14044" t="s">
        <v>28032</v>
      </c>
      <c r="C14044" t="s">
        <v>28033</v>
      </c>
    </row>
    <row r="14045" spans="1:3" x14ac:dyDescent="0.15">
      <c r="A14045">
        <v>10959</v>
      </c>
      <c r="B14045" t="s">
        <v>28034</v>
      </c>
      <c r="C14045" t="s">
        <v>28035</v>
      </c>
    </row>
    <row r="14046" spans="1:3" x14ac:dyDescent="0.15">
      <c r="A14046">
        <v>10958</v>
      </c>
      <c r="B14046" t="s">
        <v>28036</v>
      </c>
      <c r="C14046" t="s">
        <v>28037</v>
      </c>
    </row>
    <row r="14047" spans="1:3" x14ac:dyDescent="0.15">
      <c r="A14047">
        <v>10957</v>
      </c>
      <c r="B14047" t="s">
        <v>28038</v>
      </c>
      <c r="C14047" t="s">
        <v>28039</v>
      </c>
    </row>
    <row r="14048" spans="1:3" x14ac:dyDescent="0.15">
      <c r="A14048">
        <v>10956</v>
      </c>
      <c r="B14048" t="s">
        <v>28040</v>
      </c>
      <c r="C14048" t="s">
        <v>28041</v>
      </c>
    </row>
    <row r="14049" spans="1:3" x14ac:dyDescent="0.15">
      <c r="A14049">
        <v>10955</v>
      </c>
      <c r="B14049" t="s">
        <v>28042</v>
      </c>
      <c r="C14049" t="s">
        <v>28043</v>
      </c>
    </row>
    <row r="14050" spans="1:3" x14ac:dyDescent="0.15">
      <c r="A14050">
        <v>10954</v>
      </c>
      <c r="B14050" t="s">
        <v>28044</v>
      </c>
      <c r="C14050" t="s">
        <v>28045</v>
      </c>
    </row>
    <row r="14051" spans="1:3" x14ac:dyDescent="0.15">
      <c r="A14051">
        <v>10953</v>
      </c>
      <c r="B14051" t="s">
        <v>28046</v>
      </c>
      <c r="C14051" t="s">
        <v>28047</v>
      </c>
    </row>
    <row r="14052" spans="1:3" x14ac:dyDescent="0.15">
      <c r="A14052">
        <v>10952</v>
      </c>
      <c r="B14052" t="s">
        <v>28048</v>
      </c>
      <c r="C14052" t="s">
        <v>28049</v>
      </c>
    </row>
    <row r="14053" spans="1:3" x14ac:dyDescent="0.15">
      <c r="A14053">
        <v>10951</v>
      </c>
      <c r="B14053" t="s">
        <v>28050</v>
      </c>
      <c r="C14053" t="s">
        <v>28051</v>
      </c>
    </row>
    <row r="14054" spans="1:3" x14ac:dyDescent="0.15">
      <c r="A14054">
        <v>10950</v>
      </c>
      <c r="B14054" t="s">
        <v>28052</v>
      </c>
      <c r="C14054" t="s">
        <v>28053</v>
      </c>
    </row>
    <row r="14055" spans="1:3" x14ac:dyDescent="0.15">
      <c r="A14055">
        <v>10949</v>
      </c>
      <c r="B14055" t="s">
        <v>28054</v>
      </c>
      <c r="C14055" t="s">
        <v>28055</v>
      </c>
    </row>
    <row r="14056" spans="1:3" x14ac:dyDescent="0.15">
      <c r="A14056">
        <v>10948</v>
      </c>
      <c r="B14056" t="s">
        <v>28056</v>
      </c>
      <c r="C14056" t="s">
        <v>28057</v>
      </c>
    </row>
    <row r="14057" spans="1:3" x14ac:dyDescent="0.15">
      <c r="A14057">
        <v>10947</v>
      </c>
      <c r="B14057" t="s">
        <v>28058</v>
      </c>
      <c r="C14057" t="s">
        <v>28059</v>
      </c>
    </row>
    <row r="14058" spans="1:3" x14ac:dyDescent="0.15">
      <c r="A14058">
        <v>10946</v>
      </c>
      <c r="B14058" t="s">
        <v>28060</v>
      </c>
      <c r="C14058" t="s">
        <v>28061</v>
      </c>
    </row>
    <row r="14059" spans="1:3" x14ac:dyDescent="0.15">
      <c r="A14059">
        <v>10945</v>
      </c>
      <c r="B14059" t="s">
        <v>28062</v>
      </c>
      <c r="C14059" t="s">
        <v>28063</v>
      </c>
    </row>
    <row r="14060" spans="1:3" x14ac:dyDescent="0.15">
      <c r="A14060">
        <v>10944</v>
      </c>
      <c r="B14060" t="s">
        <v>28064</v>
      </c>
      <c r="C14060" t="s">
        <v>28065</v>
      </c>
    </row>
    <row r="14061" spans="1:3" x14ac:dyDescent="0.15">
      <c r="A14061">
        <v>10943</v>
      </c>
      <c r="B14061" t="s">
        <v>28066</v>
      </c>
      <c r="C14061" t="s">
        <v>28067</v>
      </c>
    </row>
    <row r="14062" spans="1:3" x14ac:dyDescent="0.15">
      <c r="A14062">
        <v>10942</v>
      </c>
      <c r="B14062" t="s">
        <v>28068</v>
      </c>
      <c r="C14062" t="s">
        <v>28069</v>
      </c>
    </row>
    <row r="14063" spans="1:3" x14ac:dyDescent="0.15">
      <c r="A14063">
        <v>10941</v>
      </c>
      <c r="B14063" t="s">
        <v>28070</v>
      </c>
      <c r="C14063" t="s">
        <v>28071</v>
      </c>
    </row>
    <row r="14064" spans="1:3" x14ac:dyDescent="0.15">
      <c r="A14064">
        <v>10940</v>
      </c>
      <c r="B14064" t="s">
        <v>28072</v>
      </c>
      <c r="C14064" t="s">
        <v>28073</v>
      </c>
    </row>
    <row r="14065" spans="1:3" x14ac:dyDescent="0.15">
      <c r="A14065">
        <v>10939</v>
      </c>
      <c r="B14065" t="s">
        <v>28074</v>
      </c>
      <c r="C14065" t="s">
        <v>28075</v>
      </c>
    </row>
    <row r="14066" spans="1:3" x14ac:dyDescent="0.15">
      <c r="A14066">
        <v>10938</v>
      </c>
      <c r="B14066" t="s">
        <v>28076</v>
      </c>
      <c r="C14066" t="s">
        <v>28077</v>
      </c>
    </row>
    <row r="14067" spans="1:3" x14ac:dyDescent="0.15">
      <c r="A14067">
        <v>10937</v>
      </c>
      <c r="B14067" t="s">
        <v>28078</v>
      </c>
      <c r="C14067" t="s">
        <v>28079</v>
      </c>
    </row>
    <row r="14068" spans="1:3" x14ac:dyDescent="0.15">
      <c r="A14068">
        <v>10936</v>
      </c>
      <c r="B14068" t="s">
        <v>28080</v>
      </c>
      <c r="C14068" t="s">
        <v>28081</v>
      </c>
    </row>
    <row r="14069" spans="1:3" x14ac:dyDescent="0.15">
      <c r="A14069">
        <v>10935</v>
      </c>
      <c r="B14069" t="s">
        <v>28082</v>
      </c>
      <c r="C14069" t="s">
        <v>28083</v>
      </c>
    </row>
    <row r="14070" spans="1:3" x14ac:dyDescent="0.15">
      <c r="A14070">
        <v>10934</v>
      </c>
      <c r="B14070" t="s">
        <v>28084</v>
      </c>
      <c r="C14070" t="s">
        <v>28085</v>
      </c>
    </row>
    <row r="14071" spans="1:3" x14ac:dyDescent="0.15">
      <c r="A14071">
        <v>10933</v>
      </c>
      <c r="B14071" t="s">
        <v>28086</v>
      </c>
      <c r="C14071" t="s">
        <v>28087</v>
      </c>
    </row>
    <row r="14072" spans="1:3" x14ac:dyDescent="0.15">
      <c r="A14072">
        <v>10932</v>
      </c>
      <c r="B14072" t="s">
        <v>28088</v>
      </c>
      <c r="C14072" t="s">
        <v>28089</v>
      </c>
    </row>
    <row r="14073" spans="1:3" x14ac:dyDescent="0.15">
      <c r="A14073">
        <v>10931</v>
      </c>
      <c r="B14073" t="s">
        <v>28090</v>
      </c>
      <c r="C14073" t="s">
        <v>28091</v>
      </c>
    </row>
    <row r="14074" spans="1:3" x14ac:dyDescent="0.15">
      <c r="A14074">
        <v>10930</v>
      </c>
      <c r="B14074" t="s">
        <v>28092</v>
      </c>
      <c r="C14074" t="s">
        <v>28093</v>
      </c>
    </row>
    <row r="14075" spans="1:3" x14ac:dyDescent="0.15">
      <c r="A14075">
        <v>10929</v>
      </c>
      <c r="B14075" t="s">
        <v>28094</v>
      </c>
      <c r="C14075" t="s">
        <v>28095</v>
      </c>
    </row>
    <row r="14076" spans="1:3" x14ac:dyDescent="0.15">
      <c r="A14076">
        <v>10928</v>
      </c>
      <c r="B14076" t="s">
        <v>28096</v>
      </c>
      <c r="C14076" t="s">
        <v>28097</v>
      </c>
    </row>
    <row r="14077" spans="1:3" x14ac:dyDescent="0.15">
      <c r="A14077">
        <v>10927</v>
      </c>
      <c r="B14077" t="s">
        <v>28098</v>
      </c>
      <c r="C14077" t="s">
        <v>28099</v>
      </c>
    </row>
    <row r="14078" spans="1:3" x14ac:dyDescent="0.15">
      <c r="A14078">
        <v>10926</v>
      </c>
      <c r="B14078" t="s">
        <v>28100</v>
      </c>
      <c r="C14078" t="s">
        <v>28101</v>
      </c>
    </row>
    <row r="14079" spans="1:3" x14ac:dyDescent="0.15">
      <c r="A14079">
        <v>10925</v>
      </c>
      <c r="B14079" t="s">
        <v>28102</v>
      </c>
      <c r="C14079" t="s">
        <v>28103</v>
      </c>
    </row>
    <row r="14080" spans="1:3" x14ac:dyDescent="0.15">
      <c r="A14080">
        <v>10924</v>
      </c>
      <c r="B14080" t="s">
        <v>28104</v>
      </c>
      <c r="C14080" t="s">
        <v>28105</v>
      </c>
    </row>
    <row r="14081" spans="1:3" x14ac:dyDescent="0.15">
      <c r="A14081">
        <v>10923</v>
      </c>
      <c r="B14081" t="s">
        <v>28106</v>
      </c>
      <c r="C14081" t="s">
        <v>28107</v>
      </c>
    </row>
    <row r="14082" spans="1:3" x14ac:dyDescent="0.15">
      <c r="A14082">
        <v>10922</v>
      </c>
      <c r="B14082" t="s">
        <v>28108</v>
      </c>
      <c r="C14082" t="s">
        <v>28109</v>
      </c>
    </row>
    <row r="14083" spans="1:3" x14ac:dyDescent="0.15">
      <c r="A14083">
        <v>10921</v>
      </c>
      <c r="B14083" t="s">
        <v>28110</v>
      </c>
      <c r="C14083" t="s">
        <v>28111</v>
      </c>
    </row>
    <row r="14084" spans="1:3" x14ac:dyDescent="0.15">
      <c r="A14084">
        <v>10920</v>
      </c>
      <c r="B14084" t="s">
        <v>28112</v>
      </c>
      <c r="C14084" t="s">
        <v>28113</v>
      </c>
    </row>
    <row r="14085" spans="1:3" x14ac:dyDescent="0.15">
      <c r="A14085">
        <v>10919</v>
      </c>
      <c r="B14085" t="s">
        <v>28114</v>
      </c>
      <c r="C14085" t="s">
        <v>28115</v>
      </c>
    </row>
    <row r="14086" spans="1:3" x14ac:dyDescent="0.15">
      <c r="A14086">
        <v>10918</v>
      </c>
      <c r="B14086" t="s">
        <v>28116</v>
      </c>
      <c r="C14086" t="s">
        <v>28117</v>
      </c>
    </row>
    <row r="14087" spans="1:3" x14ac:dyDescent="0.15">
      <c r="A14087">
        <v>10917</v>
      </c>
      <c r="B14087" t="s">
        <v>28118</v>
      </c>
      <c r="C14087" t="s">
        <v>28119</v>
      </c>
    </row>
    <row r="14088" spans="1:3" x14ac:dyDescent="0.15">
      <c r="A14088">
        <v>10916</v>
      </c>
      <c r="B14088" t="s">
        <v>28120</v>
      </c>
      <c r="C14088" t="s">
        <v>28121</v>
      </c>
    </row>
    <row r="14089" spans="1:3" x14ac:dyDescent="0.15">
      <c r="A14089">
        <v>10915</v>
      </c>
      <c r="B14089" t="s">
        <v>28122</v>
      </c>
      <c r="C14089" t="s">
        <v>28123</v>
      </c>
    </row>
    <row r="14090" spans="1:3" x14ac:dyDescent="0.15">
      <c r="A14090">
        <v>10914</v>
      </c>
      <c r="B14090" t="s">
        <v>28124</v>
      </c>
      <c r="C14090" t="s">
        <v>28125</v>
      </c>
    </row>
    <row r="14091" spans="1:3" x14ac:dyDescent="0.15">
      <c r="A14091">
        <v>10913</v>
      </c>
      <c r="B14091" t="s">
        <v>28126</v>
      </c>
      <c r="C14091" t="s">
        <v>28127</v>
      </c>
    </row>
    <row r="14092" spans="1:3" x14ac:dyDescent="0.15">
      <c r="A14092">
        <v>10912</v>
      </c>
      <c r="B14092" t="s">
        <v>28128</v>
      </c>
      <c r="C14092" t="s">
        <v>28129</v>
      </c>
    </row>
    <row r="14093" spans="1:3" x14ac:dyDescent="0.15">
      <c r="A14093">
        <v>10911</v>
      </c>
      <c r="B14093" t="s">
        <v>28130</v>
      </c>
      <c r="C14093" t="s">
        <v>28131</v>
      </c>
    </row>
    <row r="14094" spans="1:3" x14ac:dyDescent="0.15">
      <c r="A14094">
        <v>10910</v>
      </c>
      <c r="B14094" t="s">
        <v>28132</v>
      </c>
      <c r="C14094" t="s">
        <v>28133</v>
      </c>
    </row>
    <row r="14095" spans="1:3" x14ac:dyDescent="0.15">
      <c r="A14095">
        <v>10909</v>
      </c>
      <c r="B14095" t="s">
        <v>28134</v>
      </c>
      <c r="C14095" t="s">
        <v>28135</v>
      </c>
    </row>
    <row r="14096" spans="1:3" x14ac:dyDescent="0.15">
      <c r="A14096">
        <v>10908</v>
      </c>
      <c r="B14096" t="s">
        <v>28136</v>
      </c>
      <c r="C14096" t="s">
        <v>28137</v>
      </c>
    </row>
    <row r="14097" spans="1:3" x14ac:dyDescent="0.15">
      <c r="A14097">
        <v>10907</v>
      </c>
      <c r="B14097" t="s">
        <v>28138</v>
      </c>
      <c r="C14097" t="s">
        <v>28139</v>
      </c>
    </row>
    <row r="14098" spans="1:3" x14ac:dyDescent="0.15">
      <c r="A14098">
        <v>10906</v>
      </c>
      <c r="B14098" t="s">
        <v>28140</v>
      </c>
      <c r="C14098" t="s">
        <v>28141</v>
      </c>
    </row>
    <row r="14099" spans="1:3" x14ac:dyDescent="0.15">
      <c r="A14099">
        <v>10905</v>
      </c>
      <c r="B14099" t="s">
        <v>28142</v>
      </c>
      <c r="C14099" t="s">
        <v>28143</v>
      </c>
    </row>
    <row r="14100" spans="1:3" x14ac:dyDescent="0.15">
      <c r="A14100">
        <v>10904</v>
      </c>
      <c r="B14100" t="s">
        <v>28144</v>
      </c>
      <c r="C14100" t="s">
        <v>28145</v>
      </c>
    </row>
    <row r="14101" spans="1:3" x14ac:dyDescent="0.15">
      <c r="A14101">
        <v>10903</v>
      </c>
      <c r="B14101" t="s">
        <v>28146</v>
      </c>
      <c r="C14101" t="s">
        <v>28147</v>
      </c>
    </row>
    <row r="14102" spans="1:3" x14ac:dyDescent="0.15">
      <c r="A14102">
        <v>10902</v>
      </c>
      <c r="B14102" t="s">
        <v>28148</v>
      </c>
      <c r="C14102" t="s">
        <v>28149</v>
      </c>
    </row>
    <row r="14103" spans="1:3" x14ac:dyDescent="0.15">
      <c r="A14103">
        <v>10901</v>
      </c>
      <c r="B14103" t="s">
        <v>28150</v>
      </c>
      <c r="C14103" t="s">
        <v>28151</v>
      </c>
    </row>
    <row r="14104" spans="1:3" x14ac:dyDescent="0.15">
      <c r="A14104">
        <v>10900</v>
      </c>
      <c r="B14104" t="s">
        <v>28152</v>
      </c>
      <c r="C14104" t="s">
        <v>28153</v>
      </c>
    </row>
    <row r="14105" spans="1:3" x14ac:dyDescent="0.15">
      <c r="A14105">
        <v>10899</v>
      </c>
      <c r="B14105" t="s">
        <v>28154</v>
      </c>
      <c r="C14105" t="s">
        <v>28155</v>
      </c>
    </row>
    <row r="14106" spans="1:3" x14ac:dyDescent="0.15">
      <c r="A14106">
        <v>10898</v>
      </c>
      <c r="B14106" t="s">
        <v>28156</v>
      </c>
      <c r="C14106" t="s">
        <v>28157</v>
      </c>
    </row>
    <row r="14107" spans="1:3" x14ac:dyDescent="0.15">
      <c r="A14107">
        <v>10897</v>
      </c>
      <c r="B14107" t="s">
        <v>28158</v>
      </c>
      <c r="C14107" t="s">
        <v>28159</v>
      </c>
    </row>
    <row r="14108" spans="1:3" x14ac:dyDescent="0.15">
      <c r="A14108">
        <v>10896</v>
      </c>
      <c r="B14108" t="s">
        <v>28160</v>
      </c>
      <c r="C14108" t="s">
        <v>28161</v>
      </c>
    </row>
    <row r="14109" spans="1:3" x14ac:dyDescent="0.15">
      <c r="A14109">
        <v>10895</v>
      </c>
      <c r="B14109" t="s">
        <v>28162</v>
      </c>
      <c r="C14109" t="s">
        <v>28163</v>
      </c>
    </row>
    <row r="14110" spans="1:3" x14ac:dyDescent="0.15">
      <c r="A14110">
        <v>10894</v>
      </c>
      <c r="B14110" t="s">
        <v>28164</v>
      </c>
      <c r="C14110" t="s">
        <v>28165</v>
      </c>
    </row>
    <row r="14111" spans="1:3" x14ac:dyDescent="0.15">
      <c r="A14111">
        <v>10893</v>
      </c>
      <c r="B14111" t="s">
        <v>28166</v>
      </c>
      <c r="C14111" t="s">
        <v>28167</v>
      </c>
    </row>
    <row r="14112" spans="1:3" x14ac:dyDescent="0.15">
      <c r="A14112">
        <v>10892</v>
      </c>
      <c r="B14112" t="s">
        <v>28168</v>
      </c>
      <c r="C14112" t="s">
        <v>28169</v>
      </c>
    </row>
    <row r="14113" spans="1:3" x14ac:dyDescent="0.15">
      <c r="A14113">
        <v>10891</v>
      </c>
      <c r="B14113" t="s">
        <v>28170</v>
      </c>
      <c r="C14113" t="s">
        <v>28171</v>
      </c>
    </row>
    <row r="14114" spans="1:3" x14ac:dyDescent="0.15">
      <c r="A14114">
        <v>10890</v>
      </c>
      <c r="B14114" t="s">
        <v>28172</v>
      </c>
      <c r="C14114" t="s">
        <v>28173</v>
      </c>
    </row>
    <row r="14115" spans="1:3" x14ac:dyDescent="0.15">
      <c r="A14115">
        <v>10889</v>
      </c>
      <c r="B14115" t="s">
        <v>28174</v>
      </c>
      <c r="C14115" t="s">
        <v>28175</v>
      </c>
    </row>
    <row r="14116" spans="1:3" x14ac:dyDescent="0.15">
      <c r="A14116">
        <v>10888</v>
      </c>
      <c r="B14116" t="s">
        <v>28176</v>
      </c>
      <c r="C14116" t="s">
        <v>28177</v>
      </c>
    </row>
    <row r="14117" spans="1:3" x14ac:dyDescent="0.15">
      <c r="A14117">
        <v>10887</v>
      </c>
      <c r="B14117" t="s">
        <v>28178</v>
      </c>
      <c r="C14117" t="s">
        <v>28179</v>
      </c>
    </row>
    <row r="14118" spans="1:3" x14ac:dyDescent="0.15">
      <c r="A14118">
        <v>10886</v>
      </c>
      <c r="B14118" t="s">
        <v>28180</v>
      </c>
      <c r="C14118" t="s">
        <v>28181</v>
      </c>
    </row>
    <row r="14119" spans="1:3" x14ac:dyDescent="0.15">
      <c r="A14119">
        <v>10885</v>
      </c>
      <c r="B14119" t="s">
        <v>28182</v>
      </c>
      <c r="C14119" t="s">
        <v>28183</v>
      </c>
    </row>
    <row r="14120" spans="1:3" x14ac:dyDescent="0.15">
      <c r="A14120">
        <v>10884</v>
      </c>
      <c r="B14120" t="s">
        <v>28184</v>
      </c>
      <c r="C14120" t="s">
        <v>28185</v>
      </c>
    </row>
    <row r="14121" spans="1:3" x14ac:dyDescent="0.15">
      <c r="A14121">
        <v>10883</v>
      </c>
      <c r="B14121" t="s">
        <v>28186</v>
      </c>
      <c r="C14121" t="s">
        <v>28187</v>
      </c>
    </row>
    <row r="14122" spans="1:3" x14ac:dyDescent="0.15">
      <c r="A14122">
        <v>10882</v>
      </c>
      <c r="B14122" t="s">
        <v>28188</v>
      </c>
      <c r="C14122" t="s">
        <v>28189</v>
      </c>
    </row>
    <row r="14123" spans="1:3" x14ac:dyDescent="0.15">
      <c r="A14123">
        <v>10881</v>
      </c>
      <c r="B14123" t="s">
        <v>28190</v>
      </c>
      <c r="C14123" t="s">
        <v>28191</v>
      </c>
    </row>
    <row r="14124" spans="1:3" x14ac:dyDescent="0.15">
      <c r="A14124">
        <v>10880</v>
      </c>
      <c r="B14124" t="s">
        <v>28192</v>
      </c>
      <c r="C14124" t="s">
        <v>28193</v>
      </c>
    </row>
    <row r="14125" spans="1:3" x14ac:dyDescent="0.15">
      <c r="A14125">
        <v>10879</v>
      </c>
      <c r="B14125" t="s">
        <v>28194</v>
      </c>
      <c r="C14125" t="s">
        <v>28195</v>
      </c>
    </row>
    <row r="14126" spans="1:3" x14ac:dyDescent="0.15">
      <c r="A14126">
        <v>10878</v>
      </c>
      <c r="B14126" t="s">
        <v>28196</v>
      </c>
      <c r="C14126" t="s">
        <v>28197</v>
      </c>
    </row>
    <row r="14127" spans="1:3" x14ac:dyDescent="0.15">
      <c r="A14127">
        <v>10877</v>
      </c>
      <c r="B14127" t="s">
        <v>28198</v>
      </c>
      <c r="C14127" t="s">
        <v>28199</v>
      </c>
    </row>
    <row r="14128" spans="1:3" x14ac:dyDescent="0.15">
      <c r="A14128">
        <v>10876</v>
      </c>
      <c r="B14128" t="s">
        <v>28200</v>
      </c>
      <c r="C14128" t="s">
        <v>28201</v>
      </c>
    </row>
    <row r="14129" spans="1:3" x14ac:dyDescent="0.15">
      <c r="A14129">
        <v>10875</v>
      </c>
      <c r="B14129" t="s">
        <v>28202</v>
      </c>
      <c r="C14129" t="s">
        <v>28203</v>
      </c>
    </row>
    <row r="14130" spans="1:3" x14ac:dyDescent="0.15">
      <c r="A14130">
        <v>10874</v>
      </c>
      <c r="B14130" t="s">
        <v>28204</v>
      </c>
      <c r="C14130" t="s">
        <v>28205</v>
      </c>
    </row>
    <row r="14131" spans="1:3" x14ac:dyDescent="0.15">
      <c r="A14131">
        <v>10873</v>
      </c>
      <c r="B14131" t="s">
        <v>28206</v>
      </c>
      <c r="C14131" t="s">
        <v>28207</v>
      </c>
    </row>
    <row r="14132" spans="1:3" x14ac:dyDescent="0.15">
      <c r="A14132">
        <v>10872</v>
      </c>
      <c r="B14132" t="s">
        <v>28208</v>
      </c>
      <c r="C14132" t="s">
        <v>28209</v>
      </c>
    </row>
    <row r="14133" spans="1:3" x14ac:dyDescent="0.15">
      <c r="A14133">
        <v>10871</v>
      </c>
      <c r="B14133" t="s">
        <v>28210</v>
      </c>
      <c r="C14133" t="s">
        <v>28211</v>
      </c>
    </row>
    <row r="14134" spans="1:3" x14ac:dyDescent="0.15">
      <c r="A14134">
        <v>10870</v>
      </c>
      <c r="B14134" t="s">
        <v>28212</v>
      </c>
      <c r="C14134" t="s">
        <v>28213</v>
      </c>
    </row>
    <row r="14135" spans="1:3" x14ac:dyDescent="0.15">
      <c r="A14135">
        <v>10869</v>
      </c>
      <c r="B14135" t="s">
        <v>28214</v>
      </c>
      <c r="C14135" t="s">
        <v>28215</v>
      </c>
    </row>
    <row r="14136" spans="1:3" x14ac:dyDescent="0.15">
      <c r="A14136">
        <v>10868</v>
      </c>
      <c r="B14136" t="s">
        <v>28216</v>
      </c>
      <c r="C14136" t="s">
        <v>28217</v>
      </c>
    </row>
    <row r="14137" spans="1:3" x14ac:dyDescent="0.15">
      <c r="A14137">
        <v>10867</v>
      </c>
      <c r="B14137" t="s">
        <v>28218</v>
      </c>
      <c r="C14137" t="s">
        <v>28219</v>
      </c>
    </row>
    <row r="14138" spans="1:3" x14ac:dyDescent="0.15">
      <c r="A14138">
        <v>10866</v>
      </c>
      <c r="B14138" t="s">
        <v>28220</v>
      </c>
      <c r="C14138" t="s">
        <v>28221</v>
      </c>
    </row>
    <row r="14139" spans="1:3" x14ac:dyDescent="0.15">
      <c r="A14139">
        <v>10865</v>
      </c>
      <c r="B14139" t="s">
        <v>28222</v>
      </c>
      <c r="C14139" t="s">
        <v>28223</v>
      </c>
    </row>
    <row r="14140" spans="1:3" x14ac:dyDescent="0.15">
      <c r="A14140">
        <v>10864</v>
      </c>
      <c r="B14140" t="s">
        <v>28224</v>
      </c>
      <c r="C14140" t="s">
        <v>28225</v>
      </c>
    </row>
    <row r="14141" spans="1:3" x14ac:dyDescent="0.15">
      <c r="A14141">
        <v>10863</v>
      </c>
      <c r="B14141" t="s">
        <v>28226</v>
      </c>
      <c r="C14141" t="s">
        <v>28227</v>
      </c>
    </row>
    <row r="14142" spans="1:3" x14ac:dyDescent="0.15">
      <c r="A14142">
        <v>10862</v>
      </c>
      <c r="B14142" t="s">
        <v>28228</v>
      </c>
      <c r="C14142" t="s">
        <v>28229</v>
      </c>
    </row>
    <row r="14143" spans="1:3" x14ac:dyDescent="0.15">
      <c r="A14143">
        <v>10861</v>
      </c>
      <c r="B14143" t="s">
        <v>28230</v>
      </c>
      <c r="C14143" t="s">
        <v>28231</v>
      </c>
    </row>
    <row r="14144" spans="1:3" x14ac:dyDescent="0.15">
      <c r="A14144">
        <v>10860</v>
      </c>
      <c r="B14144" t="s">
        <v>28232</v>
      </c>
      <c r="C14144" t="s">
        <v>28233</v>
      </c>
    </row>
    <row r="14145" spans="1:3" x14ac:dyDescent="0.15">
      <c r="A14145">
        <v>10859</v>
      </c>
      <c r="B14145" t="s">
        <v>28234</v>
      </c>
      <c r="C14145" t="s">
        <v>28235</v>
      </c>
    </row>
    <row r="14146" spans="1:3" x14ac:dyDescent="0.15">
      <c r="A14146">
        <v>10858</v>
      </c>
      <c r="B14146" t="s">
        <v>28236</v>
      </c>
      <c r="C14146" t="s">
        <v>28237</v>
      </c>
    </row>
    <row r="14147" spans="1:3" x14ac:dyDescent="0.15">
      <c r="A14147">
        <v>10857</v>
      </c>
      <c r="B14147" t="s">
        <v>28238</v>
      </c>
      <c r="C14147" t="s">
        <v>28239</v>
      </c>
    </row>
    <row r="14148" spans="1:3" x14ac:dyDescent="0.15">
      <c r="A14148">
        <v>10856</v>
      </c>
      <c r="B14148" t="s">
        <v>28240</v>
      </c>
      <c r="C14148" t="s">
        <v>28241</v>
      </c>
    </row>
    <row r="14149" spans="1:3" x14ac:dyDescent="0.15">
      <c r="A14149">
        <v>10855</v>
      </c>
      <c r="B14149" t="s">
        <v>28242</v>
      </c>
      <c r="C14149" t="s">
        <v>28243</v>
      </c>
    </row>
    <row r="14150" spans="1:3" x14ac:dyDescent="0.15">
      <c r="A14150">
        <v>10854</v>
      </c>
      <c r="B14150" t="s">
        <v>28244</v>
      </c>
      <c r="C14150" t="s">
        <v>28245</v>
      </c>
    </row>
    <row r="14151" spans="1:3" x14ac:dyDescent="0.15">
      <c r="A14151">
        <v>10853</v>
      </c>
      <c r="B14151" t="s">
        <v>28246</v>
      </c>
      <c r="C14151" t="s">
        <v>28247</v>
      </c>
    </row>
    <row r="14152" spans="1:3" x14ac:dyDescent="0.15">
      <c r="A14152">
        <v>10852</v>
      </c>
      <c r="B14152" t="s">
        <v>28248</v>
      </c>
      <c r="C14152" t="s">
        <v>28249</v>
      </c>
    </row>
    <row r="14153" spans="1:3" x14ac:dyDescent="0.15">
      <c r="A14153">
        <v>10851</v>
      </c>
      <c r="B14153" t="s">
        <v>28250</v>
      </c>
      <c r="C14153" t="s">
        <v>28251</v>
      </c>
    </row>
    <row r="14154" spans="1:3" x14ac:dyDescent="0.15">
      <c r="A14154">
        <v>10850</v>
      </c>
      <c r="B14154" t="s">
        <v>28252</v>
      </c>
      <c r="C14154" t="s">
        <v>28253</v>
      </c>
    </row>
    <row r="14155" spans="1:3" x14ac:dyDescent="0.15">
      <c r="A14155">
        <v>10849</v>
      </c>
      <c r="B14155" t="s">
        <v>28254</v>
      </c>
      <c r="C14155" t="s">
        <v>28255</v>
      </c>
    </row>
    <row r="14156" spans="1:3" x14ac:dyDescent="0.15">
      <c r="A14156">
        <v>10848</v>
      </c>
      <c r="B14156" t="s">
        <v>28256</v>
      </c>
      <c r="C14156" t="s">
        <v>28257</v>
      </c>
    </row>
    <row r="14157" spans="1:3" x14ac:dyDescent="0.15">
      <c r="A14157">
        <v>10847</v>
      </c>
      <c r="B14157" t="s">
        <v>28258</v>
      </c>
      <c r="C14157" t="s">
        <v>28259</v>
      </c>
    </row>
    <row r="14158" spans="1:3" x14ac:dyDescent="0.15">
      <c r="A14158">
        <v>10846</v>
      </c>
      <c r="B14158" t="s">
        <v>28260</v>
      </c>
      <c r="C14158" t="s">
        <v>28261</v>
      </c>
    </row>
    <row r="14159" spans="1:3" x14ac:dyDescent="0.15">
      <c r="A14159">
        <v>10845</v>
      </c>
      <c r="B14159" t="s">
        <v>28262</v>
      </c>
      <c r="C14159" t="s">
        <v>28263</v>
      </c>
    </row>
    <row r="14160" spans="1:3" x14ac:dyDescent="0.15">
      <c r="A14160">
        <v>10844</v>
      </c>
      <c r="B14160" t="s">
        <v>28264</v>
      </c>
      <c r="C14160" t="s">
        <v>28265</v>
      </c>
    </row>
    <row r="14161" spans="1:3" x14ac:dyDescent="0.15">
      <c r="A14161">
        <v>10843</v>
      </c>
      <c r="B14161" t="s">
        <v>28266</v>
      </c>
      <c r="C14161" t="s">
        <v>28267</v>
      </c>
    </row>
    <row r="14162" spans="1:3" x14ac:dyDescent="0.15">
      <c r="A14162">
        <v>10842</v>
      </c>
      <c r="B14162" t="s">
        <v>28268</v>
      </c>
      <c r="C14162" t="s">
        <v>28269</v>
      </c>
    </row>
    <row r="14163" spans="1:3" x14ac:dyDescent="0.15">
      <c r="A14163">
        <v>10841</v>
      </c>
      <c r="B14163" t="s">
        <v>28270</v>
      </c>
      <c r="C14163" t="s">
        <v>28271</v>
      </c>
    </row>
    <row r="14164" spans="1:3" x14ac:dyDescent="0.15">
      <c r="A14164">
        <v>10840</v>
      </c>
      <c r="B14164" t="s">
        <v>28272</v>
      </c>
      <c r="C14164" t="s">
        <v>28273</v>
      </c>
    </row>
    <row r="14165" spans="1:3" x14ac:dyDescent="0.15">
      <c r="A14165">
        <v>10839</v>
      </c>
      <c r="B14165" t="s">
        <v>28274</v>
      </c>
      <c r="C14165" t="s">
        <v>28275</v>
      </c>
    </row>
    <row r="14166" spans="1:3" x14ac:dyDescent="0.15">
      <c r="A14166">
        <v>10838</v>
      </c>
      <c r="B14166" t="s">
        <v>28276</v>
      </c>
      <c r="C14166" t="s">
        <v>28277</v>
      </c>
    </row>
    <row r="14167" spans="1:3" x14ac:dyDescent="0.15">
      <c r="A14167">
        <v>10837</v>
      </c>
      <c r="B14167" t="s">
        <v>28278</v>
      </c>
      <c r="C14167" t="s">
        <v>28279</v>
      </c>
    </row>
    <row r="14168" spans="1:3" x14ac:dyDescent="0.15">
      <c r="A14168">
        <v>10836</v>
      </c>
      <c r="B14168" t="s">
        <v>28280</v>
      </c>
      <c r="C14168" t="s">
        <v>28281</v>
      </c>
    </row>
    <row r="14169" spans="1:3" x14ac:dyDescent="0.15">
      <c r="A14169">
        <v>10835</v>
      </c>
      <c r="B14169" t="s">
        <v>28282</v>
      </c>
      <c r="C14169" t="s">
        <v>28283</v>
      </c>
    </row>
    <row r="14170" spans="1:3" x14ac:dyDescent="0.15">
      <c r="A14170">
        <v>10834</v>
      </c>
      <c r="B14170" t="s">
        <v>28284</v>
      </c>
      <c r="C14170" t="s">
        <v>28285</v>
      </c>
    </row>
    <row r="14171" spans="1:3" x14ac:dyDescent="0.15">
      <c r="A14171">
        <v>10833</v>
      </c>
      <c r="B14171" t="s">
        <v>28286</v>
      </c>
      <c r="C14171" t="s">
        <v>28287</v>
      </c>
    </row>
    <row r="14172" spans="1:3" x14ac:dyDescent="0.15">
      <c r="A14172">
        <v>10832</v>
      </c>
      <c r="B14172" t="s">
        <v>28288</v>
      </c>
      <c r="C14172" t="s">
        <v>28289</v>
      </c>
    </row>
    <row r="14173" spans="1:3" x14ac:dyDescent="0.15">
      <c r="A14173">
        <v>10831</v>
      </c>
      <c r="B14173" t="s">
        <v>28290</v>
      </c>
      <c r="C14173" t="s">
        <v>28291</v>
      </c>
    </row>
    <row r="14174" spans="1:3" x14ac:dyDescent="0.15">
      <c r="A14174">
        <v>10830</v>
      </c>
      <c r="B14174" t="s">
        <v>28292</v>
      </c>
      <c r="C14174" t="s">
        <v>28293</v>
      </c>
    </row>
    <row r="14175" spans="1:3" x14ac:dyDescent="0.15">
      <c r="A14175">
        <v>10829</v>
      </c>
      <c r="B14175" t="s">
        <v>28294</v>
      </c>
      <c r="C14175" t="s">
        <v>28295</v>
      </c>
    </row>
    <row r="14176" spans="1:3" x14ac:dyDescent="0.15">
      <c r="A14176">
        <v>10828</v>
      </c>
      <c r="B14176" t="s">
        <v>28296</v>
      </c>
      <c r="C14176" t="s">
        <v>28297</v>
      </c>
    </row>
    <row r="14177" spans="1:3" x14ac:dyDescent="0.15">
      <c r="A14177">
        <v>10827</v>
      </c>
      <c r="B14177" t="s">
        <v>28298</v>
      </c>
      <c r="C14177" t="s">
        <v>28299</v>
      </c>
    </row>
    <row r="14178" spans="1:3" x14ac:dyDescent="0.15">
      <c r="A14178">
        <v>10826</v>
      </c>
      <c r="B14178" t="s">
        <v>28300</v>
      </c>
      <c r="C14178" t="s">
        <v>28301</v>
      </c>
    </row>
    <row r="14179" spans="1:3" x14ac:dyDescent="0.15">
      <c r="A14179">
        <v>10825</v>
      </c>
      <c r="B14179" t="s">
        <v>28302</v>
      </c>
      <c r="C14179" t="s">
        <v>28303</v>
      </c>
    </row>
    <row r="14180" spans="1:3" x14ac:dyDescent="0.15">
      <c r="A14180">
        <v>10824</v>
      </c>
      <c r="B14180" t="s">
        <v>28304</v>
      </c>
      <c r="C14180" t="s">
        <v>28305</v>
      </c>
    </row>
    <row r="14181" spans="1:3" x14ac:dyDescent="0.15">
      <c r="A14181">
        <v>10823</v>
      </c>
      <c r="B14181" t="s">
        <v>28306</v>
      </c>
      <c r="C14181" t="s">
        <v>28307</v>
      </c>
    </row>
    <row r="14182" spans="1:3" x14ac:dyDescent="0.15">
      <c r="A14182">
        <v>10822</v>
      </c>
      <c r="B14182" t="s">
        <v>28308</v>
      </c>
      <c r="C14182" t="s">
        <v>28309</v>
      </c>
    </row>
    <row r="14183" spans="1:3" x14ac:dyDescent="0.15">
      <c r="A14183">
        <v>10821</v>
      </c>
      <c r="B14183" t="s">
        <v>28310</v>
      </c>
      <c r="C14183" t="s">
        <v>28311</v>
      </c>
    </row>
    <row r="14184" spans="1:3" x14ac:dyDescent="0.15">
      <c r="A14184">
        <v>10820</v>
      </c>
      <c r="B14184" t="s">
        <v>28312</v>
      </c>
      <c r="C14184" t="s">
        <v>28313</v>
      </c>
    </row>
    <row r="14185" spans="1:3" x14ac:dyDescent="0.15">
      <c r="A14185">
        <v>10819</v>
      </c>
      <c r="B14185" t="s">
        <v>28314</v>
      </c>
      <c r="C14185" t="s">
        <v>28315</v>
      </c>
    </row>
    <row r="14186" spans="1:3" x14ac:dyDescent="0.15">
      <c r="A14186">
        <v>10818</v>
      </c>
      <c r="B14186" t="s">
        <v>28316</v>
      </c>
      <c r="C14186" t="s">
        <v>28317</v>
      </c>
    </row>
    <row r="14187" spans="1:3" x14ac:dyDescent="0.15">
      <c r="A14187">
        <v>10817</v>
      </c>
      <c r="B14187" t="s">
        <v>28318</v>
      </c>
      <c r="C14187" t="s">
        <v>28319</v>
      </c>
    </row>
    <row r="14188" spans="1:3" x14ac:dyDescent="0.15">
      <c r="A14188">
        <v>10816</v>
      </c>
      <c r="B14188" t="s">
        <v>28320</v>
      </c>
      <c r="C14188" t="s">
        <v>28321</v>
      </c>
    </row>
    <row r="14189" spans="1:3" x14ac:dyDescent="0.15">
      <c r="A14189">
        <v>10815</v>
      </c>
      <c r="B14189" t="s">
        <v>28322</v>
      </c>
      <c r="C14189" t="s">
        <v>28323</v>
      </c>
    </row>
    <row r="14190" spans="1:3" x14ac:dyDescent="0.15">
      <c r="A14190">
        <v>10814</v>
      </c>
      <c r="B14190" t="s">
        <v>28324</v>
      </c>
      <c r="C14190" t="s">
        <v>28325</v>
      </c>
    </row>
    <row r="14191" spans="1:3" x14ac:dyDescent="0.15">
      <c r="A14191">
        <v>10813</v>
      </c>
      <c r="B14191" t="s">
        <v>28326</v>
      </c>
      <c r="C14191" t="s">
        <v>28327</v>
      </c>
    </row>
    <row r="14192" spans="1:3" x14ac:dyDescent="0.15">
      <c r="A14192">
        <v>10812</v>
      </c>
      <c r="B14192" t="s">
        <v>28328</v>
      </c>
      <c r="C14192" t="s">
        <v>28329</v>
      </c>
    </row>
    <row r="14193" spans="1:3" x14ac:dyDescent="0.15">
      <c r="A14193">
        <v>10811</v>
      </c>
      <c r="B14193" t="s">
        <v>28330</v>
      </c>
      <c r="C14193" t="s">
        <v>28331</v>
      </c>
    </row>
    <row r="14194" spans="1:3" x14ac:dyDescent="0.15">
      <c r="A14194">
        <v>10810</v>
      </c>
      <c r="B14194" t="s">
        <v>28332</v>
      </c>
      <c r="C14194" t="s">
        <v>28333</v>
      </c>
    </row>
    <row r="14195" spans="1:3" x14ac:dyDescent="0.15">
      <c r="A14195">
        <v>10809</v>
      </c>
      <c r="B14195" t="s">
        <v>28334</v>
      </c>
      <c r="C14195" t="s">
        <v>28335</v>
      </c>
    </row>
    <row r="14196" spans="1:3" x14ac:dyDescent="0.15">
      <c r="A14196">
        <v>10808</v>
      </c>
      <c r="B14196" t="s">
        <v>28336</v>
      </c>
      <c r="C14196" t="s">
        <v>28337</v>
      </c>
    </row>
    <row r="14197" spans="1:3" x14ac:dyDescent="0.15">
      <c r="A14197">
        <v>10807</v>
      </c>
      <c r="B14197" t="s">
        <v>28338</v>
      </c>
      <c r="C14197" t="s">
        <v>28339</v>
      </c>
    </row>
    <row r="14198" spans="1:3" x14ac:dyDescent="0.15">
      <c r="A14198">
        <v>10806</v>
      </c>
      <c r="B14198" t="s">
        <v>28340</v>
      </c>
      <c r="C14198" t="s">
        <v>28341</v>
      </c>
    </row>
    <row r="14199" spans="1:3" x14ac:dyDescent="0.15">
      <c r="A14199">
        <v>10805</v>
      </c>
      <c r="B14199" t="s">
        <v>28342</v>
      </c>
      <c r="C14199" t="s">
        <v>28343</v>
      </c>
    </row>
    <row r="14200" spans="1:3" x14ac:dyDescent="0.15">
      <c r="A14200">
        <v>10804</v>
      </c>
      <c r="B14200" t="s">
        <v>28344</v>
      </c>
      <c r="C14200" t="s">
        <v>28345</v>
      </c>
    </row>
    <row r="14201" spans="1:3" x14ac:dyDescent="0.15">
      <c r="A14201">
        <v>10803</v>
      </c>
      <c r="B14201" t="s">
        <v>28346</v>
      </c>
      <c r="C14201" t="s">
        <v>28347</v>
      </c>
    </row>
    <row r="14202" spans="1:3" x14ac:dyDescent="0.15">
      <c r="A14202">
        <v>10802</v>
      </c>
      <c r="B14202" t="s">
        <v>28348</v>
      </c>
      <c r="C14202" t="s">
        <v>28349</v>
      </c>
    </row>
    <row r="14203" spans="1:3" x14ac:dyDescent="0.15">
      <c r="A14203">
        <v>10801</v>
      </c>
      <c r="B14203" t="s">
        <v>28350</v>
      </c>
      <c r="C14203" t="s">
        <v>28351</v>
      </c>
    </row>
    <row r="14204" spans="1:3" x14ac:dyDescent="0.15">
      <c r="A14204">
        <v>10800</v>
      </c>
      <c r="B14204" t="s">
        <v>28352</v>
      </c>
      <c r="C14204" t="s">
        <v>28353</v>
      </c>
    </row>
    <row r="14205" spans="1:3" x14ac:dyDescent="0.15">
      <c r="A14205">
        <v>10799</v>
      </c>
      <c r="B14205" t="s">
        <v>28354</v>
      </c>
      <c r="C14205" t="s">
        <v>28355</v>
      </c>
    </row>
    <row r="14206" spans="1:3" x14ac:dyDescent="0.15">
      <c r="A14206">
        <v>10798</v>
      </c>
      <c r="B14206" t="s">
        <v>28356</v>
      </c>
      <c r="C14206" t="s">
        <v>28357</v>
      </c>
    </row>
    <row r="14207" spans="1:3" x14ac:dyDescent="0.15">
      <c r="A14207">
        <v>10797</v>
      </c>
      <c r="B14207" t="s">
        <v>28358</v>
      </c>
      <c r="C14207" t="s">
        <v>28359</v>
      </c>
    </row>
    <row r="14208" spans="1:3" x14ac:dyDescent="0.15">
      <c r="A14208">
        <v>10796</v>
      </c>
      <c r="B14208" t="s">
        <v>28360</v>
      </c>
      <c r="C14208" t="s">
        <v>28361</v>
      </c>
    </row>
    <row r="14209" spans="1:3" x14ac:dyDescent="0.15">
      <c r="A14209">
        <v>10795</v>
      </c>
      <c r="B14209" t="s">
        <v>28362</v>
      </c>
      <c r="C14209" t="s">
        <v>28363</v>
      </c>
    </row>
    <row r="14210" spans="1:3" x14ac:dyDescent="0.15">
      <c r="A14210">
        <v>10794</v>
      </c>
      <c r="B14210" t="s">
        <v>28364</v>
      </c>
      <c r="C14210" t="s">
        <v>28365</v>
      </c>
    </row>
    <row r="14211" spans="1:3" x14ac:dyDescent="0.15">
      <c r="A14211">
        <v>10793</v>
      </c>
      <c r="B14211" t="s">
        <v>28366</v>
      </c>
      <c r="C14211" t="s">
        <v>28367</v>
      </c>
    </row>
    <row r="14212" spans="1:3" x14ac:dyDescent="0.15">
      <c r="A14212">
        <v>10792</v>
      </c>
      <c r="B14212" t="s">
        <v>28368</v>
      </c>
      <c r="C14212" t="s">
        <v>28369</v>
      </c>
    </row>
    <row r="14213" spans="1:3" x14ac:dyDescent="0.15">
      <c r="A14213">
        <v>10791</v>
      </c>
      <c r="B14213" t="s">
        <v>28370</v>
      </c>
      <c r="C14213" t="s">
        <v>28371</v>
      </c>
    </row>
    <row r="14214" spans="1:3" x14ac:dyDescent="0.15">
      <c r="A14214">
        <v>10790</v>
      </c>
      <c r="B14214" t="s">
        <v>28372</v>
      </c>
      <c r="C14214" t="s">
        <v>28373</v>
      </c>
    </row>
    <row r="14215" spans="1:3" x14ac:dyDescent="0.15">
      <c r="A14215">
        <v>10789</v>
      </c>
      <c r="B14215" t="s">
        <v>28374</v>
      </c>
      <c r="C14215" t="s">
        <v>28375</v>
      </c>
    </row>
    <row r="14216" spans="1:3" x14ac:dyDescent="0.15">
      <c r="A14216">
        <v>10788</v>
      </c>
      <c r="B14216" t="s">
        <v>28376</v>
      </c>
      <c r="C14216" t="s">
        <v>28377</v>
      </c>
    </row>
    <row r="14217" spans="1:3" x14ac:dyDescent="0.15">
      <c r="A14217">
        <v>10787</v>
      </c>
      <c r="B14217" t="s">
        <v>28378</v>
      </c>
      <c r="C14217" t="s">
        <v>28379</v>
      </c>
    </row>
    <row r="14218" spans="1:3" x14ac:dyDescent="0.15">
      <c r="A14218">
        <v>10786</v>
      </c>
      <c r="B14218" t="s">
        <v>28380</v>
      </c>
      <c r="C14218" t="s">
        <v>28381</v>
      </c>
    </row>
    <row r="14219" spans="1:3" x14ac:dyDescent="0.15">
      <c r="A14219">
        <v>10785</v>
      </c>
      <c r="B14219" t="s">
        <v>28382</v>
      </c>
      <c r="C14219" t="s">
        <v>28383</v>
      </c>
    </row>
    <row r="14220" spans="1:3" x14ac:dyDescent="0.15">
      <c r="A14220">
        <v>10784</v>
      </c>
      <c r="B14220" t="s">
        <v>28384</v>
      </c>
      <c r="C14220" t="s">
        <v>28385</v>
      </c>
    </row>
    <row r="14221" spans="1:3" x14ac:dyDescent="0.15">
      <c r="A14221">
        <v>10783</v>
      </c>
      <c r="B14221" t="s">
        <v>28386</v>
      </c>
      <c r="C14221" t="s">
        <v>28387</v>
      </c>
    </row>
    <row r="14222" spans="1:3" x14ac:dyDescent="0.15">
      <c r="A14222">
        <v>10782</v>
      </c>
      <c r="B14222" t="s">
        <v>28388</v>
      </c>
      <c r="C14222" t="s">
        <v>28389</v>
      </c>
    </row>
    <row r="14223" spans="1:3" x14ac:dyDescent="0.15">
      <c r="A14223">
        <v>10781</v>
      </c>
      <c r="B14223" t="s">
        <v>28390</v>
      </c>
      <c r="C14223" t="s">
        <v>28391</v>
      </c>
    </row>
    <row r="14224" spans="1:3" x14ac:dyDescent="0.15">
      <c r="A14224">
        <v>10780</v>
      </c>
      <c r="B14224" t="s">
        <v>28392</v>
      </c>
      <c r="C14224" t="s">
        <v>28393</v>
      </c>
    </row>
    <row r="14225" spans="1:3" x14ac:dyDescent="0.15">
      <c r="A14225">
        <v>10779</v>
      </c>
      <c r="B14225" t="s">
        <v>28394</v>
      </c>
      <c r="C14225" t="s">
        <v>28395</v>
      </c>
    </row>
    <row r="14226" spans="1:3" x14ac:dyDescent="0.15">
      <c r="A14226">
        <v>10778</v>
      </c>
      <c r="B14226" t="s">
        <v>28396</v>
      </c>
      <c r="C14226" t="s">
        <v>28397</v>
      </c>
    </row>
    <row r="14227" spans="1:3" x14ac:dyDescent="0.15">
      <c r="A14227">
        <v>10777</v>
      </c>
      <c r="B14227" t="s">
        <v>28398</v>
      </c>
      <c r="C14227" t="s">
        <v>28399</v>
      </c>
    </row>
    <row r="14228" spans="1:3" x14ac:dyDescent="0.15">
      <c r="A14228">
        <v>10776</v>
      </c>
      <c r="B14228" t="s">
        <v>28400</v>
      </c>
      <c r="C14228" t="s">
        <v>28401</v>
      </c>
    </row>
    <row r="14229" spans="1:3" x14ac:dyDescent="0.15">
      <c r="A14229">
        <v>10775</v>
      </c>
      <c r="B14229" t="s">
        <v>28402</v>
      </c>
      <c r="C14229" t="s">
        <v>28403</v>
      </c>
    </row>
    <row r="14230" spans="1:3" x14ac:dyDescent="0.15">
      <c r="A14230">
        <v>10774</v>
      </c>
      <c r="B14230" t="s">
        <v>28404</v>
      </c>
      <c r="C14230" t="s">
        <v>28405</v>
      </c>
    </row>
    <row r="14231" spans="1:3" x14ac:dyDescent="0.15">
      <c r="A14231">
        <v>10773</v>
      </c>
      <c r="B14231" t="s">
        <v>28406</v>
      </c>
      <c r="C14231" t="s">
        <v>28407</v>
      </c>
    </row>
    <row r="14232" spans="1:3" x14ac:dyDescent="0.15">
      <c r="A14232">
        <v>10772</v>
      </c>
      <c r="B14232" t="s">
        <v>28408</v>
      </c>
      <c r="C14232" t="s">
        <v>28409</v>
      </c>
    </row>
    <row r="14233" spans="1:3" x14ac:dyDescent="0.15">
      <c r="A14233">
        <v>10771</v>
      </c>
      <c r="B14233" t="s">
        <v>28410</v>
      </c>
      <c r="C14233" t="s">
        <v>28411</v>
      </c>
    </row>
    <row r="14234" spans="1:3" x14ac:dyDescent="0.15">
      <c r="A14234">
        <v>10770</v>
      </c>
      <c r="B14234" t="s">
        <v>28412</v>
      </c>
      <c r="C14234" t="s">
        <v>28413</v>
      </c>
    </row>
    <row r="14235" spans="1:3" x14ac:dyDescent="0.15">
      <c r="A14235">
        <v>10769</v>
      </c>
      <c r="B14235" t="s">
        <v>28414</v>
      </c>
      <c r="C14235" t="s">
        <v>28415</v>
      </c>
    </row>
    <row r="14236" spans="1:3" x14ac:dyDescent="0.15">
      <c r="A14236">
        <v>10768</v>
      </c>
      <c r="B14236" t="s">
        <v>28416</v>
      </c>
      <c r="C14236" t="s">
        <v>28417</v>
      </c>
    </row>
    <row r="14237" spans="1:3" x14ac:dyDescent="0.15">
      <c r="A14237">
        <v>10767</v>
      </c>
      <c r="B14237" t="s">
        <v>28418</v>
      </c>
      <c r="C14237" t="s">
        <v>28419</v>
      </c>
    </row>
    <row r="14238" spans="1:3" x14ac:dyDescent="0.15">
      <c r="A14238">
        <v>10766</v>
      </c>
      <c r="B14238" t="s">
        <v>28420</v>
      </c>
      <c r="C14238" t="s">
        <v>28421</v>
      </c>
    </row>
    <row r="14239" spans="1:3" x14ac:dyDescent="0.15">
      <c r="A14239">
        <v>10765</v>
      </c>
      <c r="B14239" t="s">
        <v>28422</v>
      </c>
      <c r="C14239" t="s">
        <v>28423</v>
      </c>
    </row>
    <row r="14240" spans="1:3" x14ac:dyDescent="0.15">
      <c r="A14240">
        <v>10764</v>
      </c>
      <c r="B14240" t="s">
        <v>28424</v>
      </c>
      <c r="C14240" t="s">
        <v>28425</v>
      </c>
    </row>
    <row r="14241" spans="1:3" x14ac:dyDescent="0.15">
      <c r="A14241">
        <v>10763</v>
      </c>
      <c r="B14241" t="s">
        <v>28426</v>
      </c>
      <c r="C14241" t="s">
        <v>28427</v>
      </c>
    </row>
    <row r="14242" spans="1:3" x14ac:dyDescent="0.15">
      <c r="A14242">
        <v>10762</v>
      </c>
      <c r="B14242" t="s">
        <v>28428</v>
      </c>
      <c r="C14242" t="s">
        <v>28429</v>
      </c>
    </row>
    <row r="14243" spans="1:3" x14ac:dyDescent="0.15">
      <c r="A14243">
        <v>10761</v>
      </c>
      <c r="B14243" t="s">
        <v>28430</v>
      </c>
      <c r="C14243" t="s">
        <v>28431</v>
      </c>
    </row>
    <row r="14244" spans="1:3" x14ac:dyDescent="0.15">
      <c r="A14244">
        <v>10760</v>
      </c>
      <c r="B14244" t="s">
        <v>28432</v>
      </c>
      <c r="C14244" t="s">
        <v>28433</v>
      </c>
    </row>
    <row r="14245" spans="1:3" x14ac:dyDescent="0.15">
      <c r="A14245">
        <v>10759</v>
      </c>
      <c r="B14245" t="s">
        <v>28434</v>
      </c>
      <c r="C14245" t="s">
        <v>28435</v>
      </c>
    </row>
    <row r="14246" spans="1:3" x14ac:dyDescent="0.15">
      <c r="A14246">
        <v>10758</v>
      </c>
      <c r="B14246" t="s">
        <v>28436</v>
      </c>
      <c r="C14246" t="s">
        <v>28437</v>
      </c>
    </row>
    <row r="14247" spans="1:3" x14ac:dyDescent="0.15">
      <c r="A14247">
        <v>10757</v>
      </c>
      <c r="B14247" t="s">
        <v>28438</v>
      </c>
      <c r="C14247" t="s">
        <v>28439</v>
      </c>
    </row>
    <row r="14248" spans="1:3" x14ac:dyDescent="0.15">
      <c r="A14248">
        <v>10756</v>
      </c>
      <c r="B14248" t="s">
        <v>28440</v>
      </c>
      <c r="C14248" t="s">
        <v>28441</v>
      </c>
    </row>
    <row r="14249" spans="1:3" x14ac:dyDescent="0.15">
      <c r="A14249">
        <v>10755</v>
      </c>
      <c r="B14249" t="s">
        <v>28442</v>
      </c>
      <c r="C14249" t="s">
        <v>28443</v>
      </c>
    </row>
    <row r="14250" spans="1:3" x14ac:dyDescent="0.15">
      <c r="A14250">
        <v>10754</v>
      </c>
      <c r="B14250" t="s">
        <v>28444</v>
      </c>
      <c r="C14250" t="s">
        <v>28445</v>
      </c>
    </row>
    <row r="14251" spans="1:3" x14ac:dyDescent="0.15">
      <c r="A14251">
        <v>10753</v>
      </c>
      <c r="B14251" t="s">
        <v>28446</v>
      </c>
      <c r="C14251" t="s">
        <v>28447</v>
      </c>
    </row>
    <row r="14252" spans="1:3" x14ac:dyDescent="0.15">
      <c r="A14252">
        <v>10752</v>
      </c>
      <c r="B14252" t="s">
        <v>28448</v>
      </c>
      <c r="C14252" t="s">
        <v>28449</v>
      </c>
    </row>
    <row r="14253" spans="1:3" x14ac:dyDescent="0.15">
      <c r="A14253">
        <v>10751</v>
      </c>
      <c r="B14253" t="s">
        <v>28450</v>
      </c>
      <c r="C14253" t="s">
        <v>28451</v>
      </c>
    </row>
    <row r="14254" spans="1:3" x14ac:dyDescent="0.15">
      <c r="A14254">
        <v>10750</v>
      </c>
      <c r="B14254" t="s">
        <v>28452</v>
      </c>
      <c r="C14254" t="s">
        <v>28453</v>
      </c>
    </row>
    <row r="14255" spans="1:3" x14ac:dyDescent="0.15">
      <c r="A14255">
        <v>10749</v>
      </c>
      <c r="B14255" t="s">
        <v>28454</v>
      </c>
      <c r="C14255" t="s">
        <v>28455</v>
      </c>
    </row>
    <row r="14256" spans="1:3" x14ac:dyDescent="0.15">
      <c r="A14256">
        <v>10748</v>
      </c>
      <c r="B14256" t="s">
        <v>28456</v>
      </c>
      <c r="C14256" t="s">
        <v>28457</v>
      </c>
    </row>
    <row r="14257" spans="1:3" x14ac:dyDescent="0.15">
      <c r="A14257">
        <v>10747</v>
      </c>
      <c r="B14257" t="s">
        <v>28458</v>
      </c>
      <c r="C14257" t="s">
        <v>28459</v>
      </c>
    </row>
    <row r="14258" spans="1:3" x14ac:dyDescent="0.15">
      <c r="A14258">
        <v>10746</v>
      </c>
      <c r="B14258" t="s">
        <v>28460</v>
      </c>
      <c r="C14258" t="s">
        <v>28461</v>
      </c>
    </row>
    <row r="14259" spans="1:3" x14ac:dyDescent="0.15">
      <c r="A14259">
        <v>10745</v>
      </c>
      <c r="B14259" t="s">
        <v>28462</v>
      </c>
      <c r="C14259" t="s">
        <v>28463</v>
      </c>
    </row>
    <row r="14260" spans="1:3" x14ac:dyDescent="0.15">
      <c r="A14260">
        <v>10744</v>
      </c>
      <c r="B14260" t="s">
        <v>28464</v>
      </c>
      <c r="C14260" t="s">
        <v>28465</v>
      </c>
    </row>
    <row r="14261" spans="1:3" x14ac:dyDescent="0.15">
      <c r="A14261">
        <v>10743</v>
      </c>
      <c r="B14261" t="s">
        <v>28466</v>
      </c>
      <c r="C14261" t="s">
        <v>28467</v>
      </c>
    </row>
    <row r="14262" spans="1:3" x14ac:dyDescent="0.15">
      <c r="A14262">
        <v>10742</v>
      </c>
      <c r="B14262" t="s">
        <v>28468</v>
      </c>
      <c r="C14262" t="s">
        <v>28469</v>
      </c>
    </row>
    <row r="14263" spans="1:3" x14ac:dyDescent="0.15">
      <c r="A14263">
        <v>10741</v>
      </c>
      <c r="B14263" t="s">
        <v>28470</v>
      </c>
      <c r="C14263" t="s">
        <v>28471</v>
      </c>
    </row>
    <row r="14264" spans="1:3" x14ac:dyDescent="0.15">
      <c r="A14264">
        <v>10740</v>
      </c>
      <c r="B14264" t="s">
        <v>28472</v>
      </c>
      <c r="C14264" t="s">
        <v>28473</v>
      </c>
    </row>
    <row r="14265" spans="1:3" x14ac:dyDescent="0.15">
      <c r="A14265">
        <v>10739</v>
      </c>
      <c r="B14265" t="s">
        <v>28474</v>
      </c>
      <c r="C14265" t="s">
        <v>28475</v>
      </c>
    </row>
    <row r="14266" spans="1:3" x14ac:dyDescent="0.15">
      <c r="A14266">
        <v>10738</v>
      </c>
      <c r="B14266" t="s">
        <v>28476</v>
      </c>
      <c r="C14266" t="s">
        <v>28477</v>
      </c>
    </row>
    <row r="14267" spans="1:3" x14ac:dyDescent="0.15">
      <c r="A14267">
        <v>10737</v>
      </c>
      <c r="B14267" t="s">
        <v>28478</v>
      </c>
      <c r="C14267" t="s">
        <v>28479</v>
      </c>
    </row>
    <row r="14268" spans="1:3" x14ac:dyDescent="0.15">
      <c r="A14268">
        <v>10736</v>
      </c>
      <c r="B14268" t="s">
        <v>28480</v>
      </c>
      <c r="C14268" t="s">
        <v>28481</v>
      </c>
    </row>
    <row r="14269" spans="1:3" x14ac:dyDescent="0.15">
      <c r="A14269">
        <v>10735</v>
      </c>
      <c r="B14269" t="s">
        <v>28482</v>
      </c>
      <c r="C14269" t="s">
        <v>28483</v>
      </c>
    </row>
    <row r="14270" spans="1:3" x14ac:dyDescent="0.15">
      <c r="A14270">
        <v>10734</v>
      </c>
      <c r="B14270" t="s">
        <v>28484</v>
      </c>
      <c r="C14270" t="s">
        <v>28485</v>
      </c>
    </row>
    <row r="14271" spans="1:3" x14ac:dyDescent="0.15">
      <c r="A14271">
        <v>10733</v>
      </c>
      <c r="B14271" t="s">
        <v>28486</v>
      </c>
      <c r="C14271" t="s">
        <v>28487</v>
      </c>
    </row>
    <row r="14272" spans="1:3" x14ac:dyDescent="0.15">
      <c r="A14272">
        <v>10732</v>
      </c>
      <c r="B14272" t="s">
        <v>28488</v>
      </c>
      <c r="C14272" t="s">
        <v>28489</v>
      </c>
    </row>
    <row r="14273" spans="1:3" x14ac:dyDescent="0.15">
      <c r="A14273">
        <v>10731</v>
      </c>
      <c r="B14273" t="s">
        <v>28490</v>
      </c>
      <c r="C14273" t="s">
        <v>28491</v>
      </c>
    </row>
    <row r="14274" spans="1:3" x14ac:dyDescent="0.15">
      <c r="A14274">
        <v>10730</v>
      </c>
      <c r="B14274" t="s">
        <v>28492</v>
      </c>
      <c r="C14274" t="s">
        <v>28493</v>
      </c>
    </row>
    <row r="14275" spans="1:3" x14ac:dyDescent="0.15">
      <c r="A14275">
        <v>10729</v>
      </c>
      <c r="B14275" t="s">
        <v>28494</v>
      </c>
      <c r="C14275" t="s">
        <v>28495</v>
      </c>
    </row>
    <row r="14276" spans="1:3" x14ac:dyDescent="0.15">
      <c r="A14276">
        <v>10728</v>
      </c>
      <c r="B14276" t="s">
        <v>28496</v>
      </c>
      <c r="C14276" t="s">
        <v>28497</v>
      </c>
    </row>
    <row r="14277" spans="1:3" x14ac:dyDescent="0.15">
      <c r="A14277">
        <v>10727</v>
      </c>
      <c r="B14277" t="s">
        <v>28498</v>
      </c>
      <c r="C14277" t="s">
        <v>28499</v>
      </c>
    </row>
    <row r="14278" spans="1:3" x14ac:dyDescent="0.15">
      <c r="A14278">
        <v>10726</v>
      </c>
      <c r="B14278" t="s">
        <v>28500</v>
      </c>
      <c r="C14278" t="s">
        <v>28501</v>
      </c>
    </row>
    <row r="14279" spans="1:3" x14ac:dyDescent="0.15">
      <c r="A14279">
        <v>10725</v>
      </c>
      <c r="B14279" t="s">
        <v>28502</v>
      </c>
      <c r="C14279" t="s">
        <v>28503</v>
      </c>
    </row>
    <row r="14280" spans="1:3" x14ac:dyDescent="0.15">
      <c r="A14280">
        <v>10724</v>
      </c>
      <c r="B14280" t="s">
        <v>28504</v>
      </c>
      <c r="C14280" t="s">
        <v>28505</v>
      </c>
    </row>
    <row r="14281" spans="1:3" x14ac:dyDescent="0.15">
      <c r="A14281">
        <v>10723</v>
      </c>
      <c r="B14281" t="s">
        <v>28506</v>
      </c>
      <c r="C14281" t="s">
        <v>28507</v>
      </c>
    </row>
    <row r="14282" spans="1:3" x14ac:dyDescent="0.15">
      <c r="A14282">
        <v>10722</v>
      </c>
      <c r="B14282" t="s">
        <v>28508</v>
      </c>
      <c r="C14282" t="s">
        <v>28509</v>
      </c>
    </row>
    <row r="14283" spans="1:3" x14ac:dyDescent="0.15">
      <c r="A14283">
        <v>10721</v>
      </c>
      <c r="B14283" t="s">
        <v>28510</v>
      </c>
      <c r="C14283" t="s">
        <v>28511</v>
      </c>
    </row>
    <row r="14284" spans="1:3" x14ac:dyDescent="0.15">
      <c r="A14284">
        <v>10720</v>
      </c>
      <c r="B14284" t="s">
        <v>28512</v>
      </c>
      <c r="C14284" t="s">
        <v>28513</v>
      </c>
    </row>
    <row r="14285" spans="1:3" x14ac:dyDescent="0.15">
      <c r="A14285">
        <v>10719</v>
      </c>
      <c r="B14285" t="s">
        <v>28514</v>
      </c>
      <c r="C14285" t="s">
        <v>28515</v>
      </c>
    </row>
    <row r="14286" spans="1:3" x14ac:dyDescent="0.15">
      <c r="A14286">
        <v>10718</v>
      </c>
      <c r="B14286" t="s">
        <v>28516</v>
      </c>
      <c r="C14286" t="s">
        <v>28517</v>
      </c>
    </row>
    <row r="14287" spans="1:3" x14ac:dyDescent="0.15">
      <c r="A14287">
        <v>10717</v>
      </c>
      <c r="B14287" t="s">
        <v>28518</v>
      </c>
      <c r="C14287" t="s">
        <v>28519</v>
      </c>
    </row>
    <row r="14288" spans="1:3" x14ac:dyDescent="0.15">
      <c r="A14288">
        <v>10716</v>
      </c>
      <c r="B14288" t="s">
        <v>28520</v>
      </c>
      <c r="C14288" t="s">
        <v>28521</v>
      </c>
    </row>
    <row r="14289" spans="1:3" x14ac:dyDescent="0.15">
      <c r="A14289">
        <v>10715</v>
      </c>
      <c r="B14289" t="s">
        <v>28522</v>
      </c>
      <c r="C14289" t="s">
        <v>28523</v>
      </c>
    </row>
    <row r="14290" spans="1:3" x14ac:dyDescent="0.15">
      <c r="A14290">
        <v>10714</v>
      </c>
      <c r="B14290" t="s">
        <v>28524</v>
      </c>
      <c r="C14290" t="s">
        <v>28525</v>
      </c>
    </row>
    <row r="14291" spans="1:3" x14ac:dyDescent="0.15">
      <c r="A14291">
        <v>10713</v>
      </c>
      <c r="B14291" t="s">
        <v>28526</v>
      </c>
      <c r="C14291" t="s">
        <v>28527</v>
      </c>
    </row>
    <row r="14292" spans="1:3" x14ac:dyDescent="0.15">
      <c r="A14292">
        <v>10712</v>
      </c>
      <c r="B14292" t="s">
        <v>28528</v>
      </c>
      <c r="C14292" t="s">
        <v>28529</v>
      </c>
    </row>
    <row r="14293" spans="1:3" x14ac:dyDescent="0.15">
      <c r="A14293">
        <v>10711</v>
      </c>
      <c r="B14293" t="s">
        <v>28530</v>
      </c>
      <c r="C14293" t="s">
        <v>28531</v>
      </c>
    </row>
    <row r="14294" spans="1:3" x14ac:dyDescent="0.15">
      <c r="A14294">
        <v>10710</v>
      </c>
      <c r="B14294" t="s">
        <v>28532</v>
      </c>
      <c r="C14294" t="s">
        <v>28533</v>
      </c>
    </row>
    <row r="14295" spans="1:3" x14ac:dyDescent="0.15">
      <c r="A14295">
        <v>10709</v>
      </c>
      <c r="B14295" t="s">
        <v>28534</v>
      </c>
      <c r="C14295" t="s">
        <v>28535</v>
      </c>
    </row>
    <row r="14296" spans="1:3" x14ac:dyDescent="0.15">
      <c r="A14296">
        <v>10708</v>
      </c>
      <c r="B14296" t="s">
        <v>28536</v>
      </c>
      <c r="C14296" t="s">
        <v>28537</v>
      </c>
    </row>
    <row r="14297" spans="1:3" x14ac:dyDescent="0.15">
      <c r="A14297">
        <v>10707</v>
      </c>
      <c r="B14297" t="s">
        <v>28538</v>
      </c>
      <c r="C14297" t="s">
        <v>28539</v>
      </c>
    </row>
    <row r="14298" spans="1:3" x14ac:dyDescent="0.15">
      <c r="A14298">
        <v>10706</v>
      </c>
      <c r="B14298" t="s">
        <v>28540</v>
      </c>
      <c r="C14298" t="s">
        <v>28541</v>
      </c>
    </row>
    <row r="14299" spans="1:3" x14ac:dyDescent="0.15">
      <c r="A14299">
        <v>10705</v>
      </c>
      <c r="B14299" t="s">
        <v>28542</v>
      </c>
      <c r="C14299" t="s">
        <v>28543</v>
      </c>
    </row>
    <row r="14300" spans="1:3" x14ac:dyDescent="0.15">
      <c r="A14300">
        <v>10704</v>
      </c>
      <c r="B14300" t="s">
        <v>28544</v>
      </c>
      <c r="C14300" t="s">
        <v>28545</v>
      </c>
    </row>
    <row r="14301" spans="1:3" x14ac:dyDescent="0.15">
      <c r="A14301">
        <v>10703</v>
      </c>
      <c r="B14301" t="s">
        <v>28546</v>
      </c>
      <c r="C14301" t="s">
        <v>28547</v>
      </c>
    </row>
    <row r="14302" spans="1:3" x14ac:dyDescent="0.15">
      <c r="A14302">
        <v>10702</v>
      </c>
      <c r="B14302" t="s">
        <v>28548</v>
      </c>
      <c r="C14302" t="s">
        <v>28549</v>
      </c>
    </row>
    <row r="14303" spans="1:3" x14ac:dyDescent="0.15">
      <c r="A14303">
        <v>10701</v>
      </c>
      <c r="B14303" t="s">
        <v>28550</v>
      </c>
      <c r="C14303" t="s">
        <v>28551</v>
      </c>
    </row>
    <row r="14304" spans="1:3" x14ac:dyDescent="0.15">
      <c r="A14304">
        <v>10700</v>
      </c>
      <c r="B14304" t="s">
        <v>28552</v>
      </c>
      <c r="C14304" t="s">
        <v>28553</v>
      </c>
    </row>
    <row r="14305" spans="1:3" x14ac:dyDescent="0.15">
      <c r="A14305">
        <v>10699</v>
      </c>
      <c r="B14305" t="s">
        <v>28554</v>
      </c>
      <c r="C14305" t="s">
        <v>28555</v>
      </c>
    </row>
    <row r="14306" spans="1:3" x14ac:dyDescent="0.15">
      <c r="A14306">
        <v>10698</v>
      </c>
      <c r="B14306" t="s">
        <v>28556</v>
      </c>
      <c r="C14306" t="s">
        <v>28557</v>
      </c>
    </row>
    <row r="14307" spans="1:3" x14ac:dyDescent="0.15">
      <c r="A14307">
        <v>10697</v>
      </c>
      <c r="B14307" t="s">
        <v>28558</v>
      </c>
      <c r="C14307" t="s">
        <v>28559</v>
      </c>
    </row>
    <row r="14308" spans="1:3" x14ac:dyDescent="0.15">
      <c r="A14308">
        <v>10696</v>
      </c>
      <c r="B14308" t="s">
        <v>28560</v>
      </c>
      <c r="C14308" t="s">
        <v>28561</v>
      </c>
    </row>
    <row r="14309" spans="1:3" x14ac:dyDescent="0.15">
      <c r="A14309">
        <v>10695</v>
      </c>
      <c r="B14309" t="s">
        <v>28562</v>
      </c>
      <c r="C14309" t="s">
        <v>28563</v>
      </c>
    </row>
    <row r="14310" spans="1:3" x14ac:dyDescent="0.15">
      <c r="A14310">
        <v>10694</v>
      </c>
      <c r="B14310" t="s">
        <v>28564</v>
      </c>
      <c r="C14310" t="s">
        <v>28565</v>
      </c>
    </row>
    <row r="14311" spans="1:3" x14ac:dyDescent="0.15">
      <c r="A14311">
        <v>10693</v>
      </c>
      <c r="B14311" t="s">
        <v>28566</v>
      </c>
      <c r="C14311" t="s">
        <v>28567</v>
      </c>
    </row>
    <row r="14312" spans="1:3" x14ac:dyDescent="0.15">
      <c r="A14312">
        <v>10692</v>
      </c>
      <c r="B14312" t="s">
        <v>28568</v>
      </c>
      <c r="C14312" t="s">
        <v>28569</v>
      </c>
    </row>
    <row r="14313" spans="1:3" x14ac:dyDescent="0.15">
      <c r="A14313">
        <v>10691</v>
      </c>
      <c r="B14313" t="s">
        <v>28570</v>
      </c>
      <c r="C14313" t="s">
        <v>28571</v>
      </c>
    </row>
    <row r="14314" spans="1:3" x14ac:dyDescent="0.15">
      <c r="A14314">
        <v>10690</v>
      </c>
      <c r="B14314" t="s">
        <v>28572</v>
      </c>
      <c r="C14314" t="s">
        <v>28573</v>
      </c>
    </row>
    <row r="14315" spans="1:3" x14ac:dyDescent="0.15">
      <c r="A14315">
        <v>10689</v>
      </c>
      <c r="B14315" t="s">
        <v>28574</v>
      </c>
      <c r="C14315" t="s">
        <v>28575</v>
      </c>
    </row>
    <row r="14316" spans="1:3" x14ac:dyDescent="0.15">
      <c r="A14316">
        <v>10688</v>
      </c>
      <c r="B14316" t="s">
        <v>28576</v>
      </c>
      <c r="C14316" t="s">
        <v>28577</v>
      </c>
    </row>
    <row r="14317" spans="1:3" x14ac:dyDescent="0.15">
      <c r="A14317">
        <v>10687</v>
      </c>
      <c r="B14317" t="s">
        <v>28578</v>
      </c>
      <c r="C14317" t="s">
        <v>28579</v>
      </c>
    </row>
    <row r="14318" spans="1:3" x14ac:dyDescent="0.15">
      <c r="A14318">
        <v>10686</v>
      </c>
      <c r="B14318" t="s">
        <v>28580</v>
      </c>
      <c r="C14318" t="s">
        <v>28581</v>
      </c>
    </row>
    <row r="14319" spans="1:3" x14ac:dyDescent="0.15">
      <c r="A14319">
        <v>10685</v>
      </c>
      <c r="B14319" t="s">
        <v>28582</v>
      </c>
      <c r="C14319" t="s">
        <v>28583</v>
      </c>
    </row>
    <row r="14320" spans="1:3" x14ac:dyDescent="0.15">
      <c r="A14320">
        <v>10684</v>
      </c>
      <c r="B14320" t="s">
        <v>28584</v>
      </c>
      <c r="C14320" t="s">
        <v>28585</v>
      </c>
    </row>
    <row r="14321" spans="1:3" x14ac:dyDescent="0.15">
      <c r="A14321">
        <v>10683</v>
      </c>
      <c r="B14321" t="s">
        <v>28586</v>
      </c>
      <c r="C14321" t="s">
        <v>28587</v>
      </c>
    </row>
    <row r="14322" spans="1:3" x14ac:dyDescent="0.15">
      <c r="A14322">
        <v>10682</v>
      </c>
      <c r="B14322" t="s">
        <v>28588</v>
      </c>
      <c r="C14322" t="s">
        <v>28589</v>
      </c>
    </row>
    <row r="14323" spans="1:3" x14ac:dyDescent="0.15">
      <c r="A14323">
        <v>10681</v>
      </c>
      <c r="B14323" t="s">
        <v>28590</v>
      </c>
      <c r="C14323" t="s">
        <v>28591</v>
      </c>
    </row>
    <row r="14324" spans="1:3" x14ac:dyDescent="0.15">
      <c r="A14324">
        <v>10680</v>
      </c>
      <c r="B14324" t="s">
        <v>28592</v>
      </c>
      <c r="C14324" t="s">
        <v>28593</v>
      </c>
    </row>
    <row r="14325" spans="1:3" x14ac:dyDescent="0.15">
      <c r="A14325">
        <v>10679</v>
      </c>
      <c r="B14325" t="s">
        <v>28594</v>
      </c>
      <c r="C14325" t="s">
        <v>28595</v>
      </c>
    </row>
    <row r="14326" spans="1:3" x14ac:dyDescent="0.15">
      <c r="A14326">
        <v>10678</v>
      </c>
      <c r="B14326" t="s">
        <v>28596</v>
      </c>
      <c r="C14326" t="s">
        <v>28597</v>
      </c>
    </row>
    <row r="14327" spans="1:3" x14ac:dyDescent="0.15">
      <c r="A14327">
        <v>10677</v>
      </c>
      <c r="B14327" t="s">
        <v>28598</v>
      </c>
      <c r="C14327" t="s">
        <v>28599</v>
      </c>
    </row>
    <row r="14328" spans="1:3" x14ac:dyDescent="0.15">
      <c r="A14328">
        <v>10676</v>
      </c>
      <c r="B14328" t="s">
        <v>28600</v>
      </c>
      <c r="C14328" t="s">
        <v>28601</v>
      </c>
    </row>
    <row r="14329" spans="1:3" x14ac:dyDescent="0.15">
      <c r="A14329">
        <v>10675</v>
      </c>
      <c r="B14329" t="s">
        <v>28602</v>
      </c>
      <c r="C14329" t="s">
        <v>28603</v>
      </c>
    </row>
    <row r="14330" spans="1:3" x14ac:dyDescent="0.15">
      <c r="A14330">
        <v>10674</v>
      </c>
      <c r="B14330" t="s">
        <v>28604</v>
      </c>
      <c r="C14330" t="s">
        <v>28605</v>
      </c>
    </row>
    <row r="14331" spans="1:3" x14ac:dyDescent="0.15">
      <c r="A14331">
        <v>10673</v>
      </c>
      <c r="B14331" t="s">
        <v>28606</v>
      </c>
      <c r="C14331" t="s">
        <v>28607</v>
      </c>
    </row>
    <row r="14332" spans="1:3" x14ac:dyDescent="0.15">
      <c r="A14332">
        <v>10672</v>
      </c>
      <c r="B14332" t="s">
        <v>28608</v>
      </c>
      <c r="C14332" t="s">
        <v>28609</v>
      </c>
    </row>
    <row r="14333" spans="1:3" x14ac:dyDescent="0.15">
      <c r="A14333">
        <v>10671</v>
      </c>
      <c r="B14333" t="s">
        <v>28610</v>
      </c>
      <c r="C14333" t="s">
        <v>28611</v>
      </c>
    </row>
    <row r="14334" spans="1:3" x14ac:dyDescent="0.15">
      <c r="A14334">
        <v>10670</v>
      </c>
      <c r="B14334" t="s">
        <v>28612</v>
      </c>
      <c r="C14334" t="s">
        <v>28613</v>
      </c>
    </row>
    <row r="14335" spans="1:3" x14ac:dyDescent="0.15">
      <c r="A14335">
        <v>10669</v>
      </c>
      <c r="B14335" t="s">
        <v>28614</v>
      </c>
      <c r="C14335" t="s">
        <v>28615</v>
      </c>
    </row>
    <row r="14336" spans="1:3" x14ac:dyDescent="0.15">
      <c r="A14336">
        <v>10668</v>
      </c>
      <c r="B14336" t="s">
        <v>28616</v>
      </c>
      <c r="C14336" t="s">
        <v>28617</v>
      </c>
    </row>
    <row r="14337" spans="1:3" x14ac:dyDescent="0.15">
      <c r="A14337">
        <v>10667</v>
      </c>
      <c r="B14337" t="s">
        <v>28618</v>
      </c>
      <c r="C14337" t="s">
        <v>28619</v>
      </c>
    </row>
    <row r="14338" spans="1:3" x14ac:dyDescent="0.15">
      <c r="A14338">
        <v>10666</v>
      </c>
      <c r="B14338" t="s">
        <v>28620</v>
      </c>
      <c r="C14338" t="s">
        <v>28621</v>
      </c>
    </row>
    <row r="14339" spans="1:3" x14ac:dyDescent="0.15">
      <c r="A14339">
        <v>10665</v>
      </c>
      <c r="B14339" t="s">
        <v>28622</v>
      </c>
      <c r="C14339" t="s">
        <v>28623</v>
      </c>
    </row>
    <row r="14340" spans="1:3" x14ac:dyDescent="0.15">
      <c r="A14340">
        <v>10664</v>
      </c>
      <c r="B14340" t="s">
        <v>28624</v>
      </c>
      <c r="C14340" t="s">
        <v>28625</v>
      </c>
    </row>
    <row r="14341" spans="1:3" x14ac:dyDescent="0.15">
      <c r="A14341">
        <v>10663</v>
      </c>
      <c r="B14341" t="s">
        <v>28626</v>
      </c>
      <c r="C14341" t="s">
        <v>28627</v>
      </c>
    </row>
    <row r="14342" spans="1:3" x14ac:dyDescent="0.15">
      <c r="A14342">
        <v>10662</v>
      </c>
      <c r="B14342" t="s">
        <v>28628</v>
      </c>
      <c r="C14342" t="s">
        <v>28629</v>
      </c>
    </row>
    <row r="14343" spans="1:3" x14ac:dyDescent="0.15">
      <c r="A14343">
        <v>10661</v>
      </c>
      <c r="B14343" t="s">
        <v>28630</v>
      </c>
      <c r="C14343" t="s">
        <v>28631</v>
      </c>
    </row>
    <row r="14344" spans="1:3" x14ac:dyDescent="0.15">
      <c r="A14344">
        <v>10660</v>
      </c>
      <c r="B14344" t="s">
        <v>28632</v>
      </c>
      <c r="C14344" t="s">
        <v>28633</v>
      </c>
    </row>
    <row r="14345" spans="1:3" x14ac:dyDescent="0.15">
      <c r="A14345">
        <v>10659</v>
      </c>
      <c r="B14345" t="s">
        <v>28634</v>
      </c>
      <c r="C14345" t="s">
        <v>28635</v>
      </c>
    </row>
    <row r="14346" spans="1:3" x14ac:dyDescent="0.15">
      <c r="A14346">
        <v>10658</v>
      </c>
      <c r="B14346" t="s">
        <v>28636</v>
      </c>
      <c r="C14346" t="s">
        <v>28637</v>
      </c>
    </row>
    <row r="14347" spans="1:3" x14ac:dyDescent="0.15">
      <c r="A14347">
        <v>10657</v>
      </c>
      <c r="B14347" t="s">
        <v>28638</v>
      </c>
      <c r="C14347" t="s">
        <v>28639</v>
      </c>
    </row>
    <row r="14348" spans="1:3" x14ac:dyDescent="0.15">
      <c r="A14348">
        <v>10656</v>
      </c>
      <c r="B14348" t="s">
        <v>28640</v>
      </c>
      <c r="C14348" t="s">
        <v>28641</v>
      </c>
    </row>
    <row r="14349" spans="1:3" x14ac:dyDescent="0.15">
      <c r="A14349">
        <v>10655</v>
      </c>
      <c r="B14349" t="s">
        <v>28642</v>
      </c>
      <c r="C14349" t="s">
        <v>28643</v>
      </c>
    </row>
    <row r="14350" spans="1:3" x14ac:dyDescent="0.15">
      <c r="A14350">
        <v>10654</v>
      </c>
      <c r="B14350" t="s">
        <v>28644</v>
      </c>
      <c r="C14350" t="s">
        <v>28645</v>
      </c>
    </row>
    <row r="14351" spans="1:3" x14ac:dyDescent="0.15">
      <c r="A14351">
        <v>10653</v>
      </c>
      <c r="B14351" t="s">
        <v>28646</v>
      </c>
      <c r="C14351" t="s">
        <v>28647</v>
      </c>
    </row>
    <row r="14352" spans="1:3" x14ac:dyDescent="0.15">
      <c r="A14352">
        <v>10652</v>
      </c>
      <c r="B14352" t="s">
        <v>28648</v>
      </c>
      <c r="C14352" t="s">
        <v>28649</v>
      </c>
    </row>
    <row r="14353" spans="1:3" x14ac:dyDescent="0.15">
      <c r="A14353">
        <v>10651</v>
      </c>
      <c r="B14353" t="s">
        <v>28650</v>
      </c>
      <c r="C14353" t="s">
        <v>28651</v>
      </c>
    </row>
    <row r="14354" spans="1:3" x14ac:dyDescent="0.15">
      <c r="A14354">
        <v>10650</v>
      </c>
      <c r="B14354" t="s">
        <v>28652</v>
      </c>
      <c r="C14354" t="s">
        <v>28653</v>
      </c>
    </row>
    <row r="14355" spans="1:3" x14ac:dyDescent="0.15">
      <c r="A14355">
        <v>10649</v>
      </c>
      <c r="B14355" t="s">
        <v>28654</v>
      </c>
      <c r="C14355" t="s">
        <v>28655</v>
      </c>
    </row>
    <row r="14356" spans="1:3" x14ac:dyDescent="0.15">
      <c r="A14356">
        <v>10648</v>
      </c>
      <c r="B14356" t="s">
        <v>28656</v>
      </c>
      <c r="C14356" t="s">
        <v>28657</v>
      </c>
    </row>
    <row r="14357" spans="1:3" x14ac:dyDescent="0.15">
      <c r="A14357">
        <v>10647</v>
      </c>
      <c r="B14357" t="s">
        <v>28658</v>
      </c>
      <c r="C14357" t="s">
        <v>28659</v>
      </c>
    </row>
    <row r="14358" spans="1:3" x14ac:dyDescent="0.15">
      <c r="A14358">
        <v>10646</v>
      </c>
      <c r="B14358" t="s">
        <v>28660</v>
      </c>
      <c r="C14358" t="s">
        <v>28661</v>
      </c>
    </row>
    <row r="14359" spans="1:3" x14ac:dyDescent="0.15">
      <c r="A14359">
        <v>10645</v>
      </c>
      <c r="B14359" t="s">
        <v>28662</v>
      </c>
      <c r="C14359" t="s">
        <v>28663</v>
      </c>
    </row>
    <row r="14360" spans="1:3" x14ac:dyDescent="0.15">
      <c r="A14360">
        <v>10644</v>
      </c>
      <c r="B14360" t="s">
        <v>28664</v>
      </c>
      <c r="C14360" t="s">
        <v>28665</v>
      </c>
    </row>
    <row r="14361" spans="1:3" x14ac:dyDescent="0.15">
      <c r="A14361">
        <v>10643</v>
      </c>
      <c r="B14361" t="s">
        <v>28666</v>
      </c>
      <c r="C14361" t="s">
        <v>28667</v>
      </c>
    </row>
    <row r="14362" spans="1:3" x14ac:dyDescent="0.15">
      <c r="A14362">
        <v>10642</v>
      </c>
      <c r="B14362" t="s">
        <v>28668</v>
      </c>
      <c r="C14362" t="s">
        <v>28669</v>
      </c>
    </row>
    <row r="14363" spans="1:3" x14ac:dyDescent="0.15">
      <c r="A14363">
        <v>10641</v>
      </c>
      <c r="B14363" t="s">
        <v>28670</v>
      </c>
      <c r="C14363" t="s">
        <v>28671</v>
      </c>
    </row>
    <row r="14364" spans="1:3" x14ac:dyDescent="0.15">
      <c r="A14364">
        <v>10640</v>
      </c>
      <c r="B14364" t="s">
        <v>28672</v>
      </c>
      <c r="C14364" t="s">
        <v>28673</v>
      </c>
    </row>
    <row r="14365" spans="1:3" x14ac:dyDescent="0.15">
      <c r="A14365">
        <v>10639</v>
      </c>
      <c r="B14365" t="s">
        <v>28674</v>
      </c>
      <c r="C14365" t="s">
        <v>28675</v>
      </c>
    </row>
    <row r="14366" spans="1:3" x14ac:dyDescent="0.15">
      <c r="A14366">
        <v>10638</v>
      </c>
      <c r="B14366" t="s">
        <v>28676</v>
      </c>
      <c r="C14366" t="s">
        <v>28677</v>
      </c>
    </row>
    <row r="14367" spans="1:3" x14ac:dyDescent="0.15">
      <c r="A14367">
        <v>10637</v>
      </c>
      <c r="B14367" t="s">
        <v>28678</v>
      </c>
      <c r="C14367" t="s">
        <v>28679</v>
      </c>
    </row>
    <row r="14368" spans="1:3" x14ac:dyDescent="0.15">
      <c r="A14368">
        <v>10636</v>
      </c>
      <c r="B14368" t="s">
        <v>28680</v>
      </c>
      <c r="C14368" t="s">
        <v>28681</v>
      </c>
    </row>
    <row r="14369" spans="1:3" x14ac:dyDescent="0.15">
      <c r="A14369">
        <v>10635</v>
      </c>
      <c r="B14369" t="s">
        <v>28682</v>
      </c>
      <c r="C14369" t="s">
        <v>28683</v>
      </c>
    </row>
    <row r="14370" spans="1:3" x14ac:dyDescent="0.15">
      <c r="A14370">
        <v>10634</v>
      </c>
      <c r="B14370" t="s">
        <v>28684</v>
      </c>
      <c r="C14370" t="s">
        <v>28685</v>
      </c>
    </row>
    <row r="14371" spans="1:3" x14ac:dyDescent="0.15">
      <c r="A14371">
        <v>10633</v>
      </c>
      <c r="B14371" t="s">
        <v>28686</v>
      </c>
      <c r="C14371" t="s">
        <v>28687</v>
      </c>
    </row>
    <row r="14372" spans="1:3" x14ac:dyDescent="0.15">
      <c r="A14372">
        <v>10632</v>
      </c>
      <c r="B14372" t="s">
        <v>28688</v>
      </c>
      <c r="C14372" t="s">
        <v>28689</v>
      </c>
    </row>
    <row r="14373" spans="1:3" x14ac:dyDescent="0.15">
      <c r="A14373">
        <v>10631</v>
      </c>
      <c r="B14373" t="s">
        <v>28690</v>
      </c>
      <c r="C14373" t="s">
        <v>28691</v>
      </c>
    </row>
    <row r="14374" spans="1:3" x14ac:dyDescent="0.15">
      <c r="A14374">
        <v>10630</v>
      </c>
      <c r="B14374" t="s">
        <v>28692</v>
      </c>
      <c r="C14374" t="s">
        <v>28693</v>
      </c>
    </row>
    <row r="14375" spans="1:3" x14ac:dyDescent="0.15">
      <c r="A14375">
        <v>10629</v>
      </c>
      <c r="B14375" t="s">
        <v>28694</v>
      </c>
      <c r="C14375" t="s">
        <v>28695</v>
      </c>
    </row>
    <row r="14376" spans="1:3" x14ac:dyDescent="0.15">
      <c r="A14376">
        <v>10628</v>
      </c>
      <c r="B14376" t="s">
        <v>28696</v>
      </c>
      <c r="C14376" t="s">
        <v>28697</v>
      </c>
    </row>
    <row r="14377" spans="1:3" x14ac:dyDescent="0.15">
      <c r="A14377">
        <v>10627</v>
      </c>
      <c r="B14377" t="s">
        <v>28698</v>
      </c>
      <c r="C14377" t="s">
        <v>28699</v>
      </c>
    </row>
    <row r="14378" spans="1:3" x14ac:dyDescent="0.15">
      <c r="A14378">
        <v>10626</v>
      </c>
      <c r="B14378" t="s">
        <v>28700</v>
      </c>
      <c r="C14378" t="s">
        <v>28701</v>
      </c>
    </row>
    <row r="14379" spans="1:3" x14ac:dyDescent="0.15">
      <c r="A14379">
        <v>10625</v>
      </c>
      <c r="B14379" t="s">
        <v>28702</v>
      </c>
      <c r="C14379" t="s">
        <v>28703</v>
      </c>
    </row>
    <row r="14380" spans="1:3" x14ac:dyDescent="0.15">
      <c r="A14380">
        <v>10624</v>
      </c>
      <c r="B14380" t="s">
        <v>28704</v>
      </c>
      <c r="C14380" t="s">
        <v>28705</v>
      </c>
    </row>
    <row r="14381" spans="1:3" x14ac:dyDescent="0.15">
      <c r="A14381">
        <v>10623</v>
      </c>
      <c r="B14381" t="s">
        <v>28706</v>
      </c>
      <c r="C14381" t="s">
        <v>28707</v>
      </c>
    </row>
    <row r="14382" spans="1:3" x14ac:dyDescent="0.15">
      <c r="A14382">
        <v>10622</v>
      </c>
      <c r="B14382" t="s">
        <v>28708</v>
      </c>
      <c r="C14382" t="s">
        <v>28709</v>
      </c>
    </row>
    <row r="14383" spans="1:3" x14ac:dyDescent="0.15">
      <c r="A14383">
        <v>10621</v>
      </c>
      <c r="B14383" t="s">
        <v>28710</v>
      </c>
      <c r="C14383" t="s">
        <v>28711</v>
      </c>
    </row>
    <row r="14384" spans="1:3" x14ac:dyDescent="0.15">
      <c r="A14384">
        <v>10620</v>
      </c>
      <c r="B14384" t="s">
        <v>28712</v>
      </c>
      <c r="C14384" t="s">
        <v>28713</v>
      </c>
    </row>
    <row r="14385" spans="1:3" x14ac:dyDescent="0.15">
      <c r="A14385">
        <v>10619</v>
      </c>
      <c r="B14385" t="s">
        <v>28714</v>
      </c>
      <c r="C14385" t="s">
        <v>28715</v>
      </c>
    </row>
    <row r="14386" spans="1:3" x14ac:dyDescent="0.15">
      <c r="A14386">
        <v>10618</v>
      </c>
      <c r="B14386" t="s">
        <v>28716</v>
      </c>
      <c r="C14386" t="s">
        <v>28717</v>
      </c>
    </row>
    <row r="14387" spans="1:3" x14ac:dyDescent="0.15">
      <c r="A14387">
        <v>10617</v>
      </c>
      <c r="B14387" t="s">
        <v>28718</v>
      </c>
      <c r="C14387" t="s">
        <v>28719</v>
      </c>
    </row>
    <row r="14388" spans="1:3" x14ac:dyDescent="0.15">
      <c r="A14388">
        <v>10616</v>
      </c>
      <c r="B14388" t="s">
        <v>28720</v>
      </c>
      <c r="C14388" t="s">
        <v>28721</v>
      </c>
    </row>
    <row r="14389" spans="1:3" x14ac:dyDescent="0.15">
      <c r="A14389">
        <v>10615</v>
      </c>
      <c r="B14389" t="s">
        <v>28722</v>
      </c>
      <c r="C14389" t="s">
        <v>28723</v>
      </c>
    </row>
    <row r="14390" spans="1:3" x14ac:dyDescent="0.15">
      <c r="A14390">
        <v>10614</v>
      </c>
      <c r="B14390" t="s">
        <v>28724</v>
      </c>
      <c r="C14390" t="s">
        <v>28725</v>
      </c>
    </row>
    <row r="14391" spans="1:3" x14ac:dyDescent="0.15">
      <c r="A14391">
        <v>10613</v>
      </c>
      <c r="B14391" t="s">
        <v>28726</v>
      </c>
      <c r="C14391" t="s">
        <v>28727</v>
      </c>
    </row>
    <row r="14392" spans="1:3" x14ac:dyDescent="0.15">
      <c r="A14392">
        <v>10612</v>
      </c>
      <c r="B14392" t="s">
        <v>28728</v>
      </c>
      <c r="C14392" t="s">
        <v>28729</v>
      </c>
    </row>
    <row r="14393" spans="1:3" x14ac:dyDescent="0.15">
      <c r="A14393">
        <v>10611</v>
      </c>
      <c r="B14393" t="s">
        <v>28730</v>
      </c>
      <c r="C14393" t="s">
        <v>28731</v>
      </c>
    </row>
    <row r="14394" spans="1:3" x14ac:dyDescent="0.15">
      <c r="A14394">
        <v>10610</v>
      </c>
      <c r="B14394" t="s">
        <v>28732</v>
      </c>
      <c r="C14394" t="s">
        <v>28733</v>
      </c>
    </row>
    <row r="14395" spans="1:3" x14ac:dyDescent="0.15">
      <c r="A14395">
        <v>10609</v>
      </c>
      <c r="B14395" t="s">
        <v>28734</v>
      </c>
      <c r="C14395" t="s">
        <v>28735</v>
      </c>
    </row>
    <row r="14396" spans="1:3" x14ac:dyDescent="0.15">
      <c r="A14396">
        <v>10608</v>
      </c>
      <c r="B14396" t="s">
        <v>28736</v>
      </c>
      <c r="C14396" t="s">
        <v>28737</v>
      </c>
    </row>
    <row r="14397" spans="1:3" x14ac:dyDescent="0.15">
      <c r="A14397">
        <v>10607</v>
      </c>
      <c r="B14397" t="s">
        <v>28738</v>
      </c>
      <c r="C14397" t="s">
        <v>28739</v>
      </c>
    </row>
    <row r="14398" spans="1:3" x14ac:dyDescent="0.15">
      <c r="A14398">
        <v>10606</v>
      </c>
      <c r="B14398" t="s">
        <v>28740</v>
      </c>
      <c r="C14398" t="s">
        <v>28741</v>
      </c>
    </row>
    <row r="14399" spans="1:3" x14ac:dyDescent="0.15">
      <c r="A14399">
        <v>10605</v>
      </c>
      <c r="B14399" t="s">
        <v>28742</v>
      </c>
      <c r="C14399" t="s">
        <v>28743</v>
      </c>
    </row>
    <row r="14400" spans="1:3" x14ac:dyDescent="0.15">
      <c r="A14400">
        <v>10604</v>
      </c>
      <c r="B14400" t="s">
        <v>28744</v>
      </c>
      <c r="C14400" t="s">
        <v>28745</v>
      </c>
    </row>
    <row r="14401" spans="1:3" x14ac:dyDescent="0.15">
      <c r="A14401">
        <v>10603</v>
      </c>
      <c r="B14401" t="s">
        <v>28746</v>
      </c>
      <c r="C14401" t="s">
        <v>28747</v>
      </c>
    </row>
    <row r="14402" spans="1:3" x14ac:dyDescent="0.15">
      <c r="A14402">
        <v>10602</v>
      </c>
      <c r="B14402" t="s">
        <v>28748</v>
      </c>
      <c r="C14402" t="s">
        <v>28749</v>
      </c>
    </row>
    <row r="14403" spans="1:3" x14ac:dyDescent="0.15">
      <c r="A14403">
        <v>10601</v>
      </c>
      <c r="B14403" t="s">
        <v>28750</v>
      </c>
      <c r="C14403" t="s">
        <v>28751</v>
      </c>
    </row>
    <row r="14404" spans="1:3" x14ac:dyDescent="0.15">
      <c r="A14404">
        <v>10600</v>
      </c>
      <c r="B14404" t="s">
        <v>28752</v>
      </c>
      <c r="C14404" t="s">
        <v>28753</v>
      </c>
    </row>
    <row r="14405" spans="1:3" x14ac:dyDescent="0.15">
      <c r="A14405">
        <v>10599</v>
      </c>
      <c r="B14405" t="s">
        <v>28754</v>
      </c>
      <c r="C14405" t="s">
        <v>28755</v>
      </c>
    </row>
    <row r="14406" spans="1:3" x14ac:dyDescent="0.15">
      <c r="A14406">
        <v>10598</v>
      </c>
      <c r="B14406" t="s">
        <v>28756</v>
      </c>
      <c r="C14406" t="s">
        <v>28757</v>
      </c>
    </row>
    <row r="14407" spans="1:3" x14ac:dyDescent="0.15">
      <c r="A14407">
        <v>10597</v>
      </c>
      <c r="B14407" t="s">
        <v>28758</v>
      </c>
      <c r="C14407" t="s">
        <v>28759</v>
      </c>
    </row>
    <row r="14408" spans="1:3" x14ac:dyDescent="0.15">
      <c r="A14408">
        <v>10596</v>
      </c>
      <c r="B14408" t="s">
        <v>28760</v>
      </c>
      <c r="C14408" t="s">
        <v>28761</v>
      </c>
    </row>
    <row r="14409" spans="1:3" x14ac:dyDescent="0.15">
      <c r="A14409">
        <v>10595</v>
      </c>
      <c r="B14409" t="s">
        <v>28762</v>
      </c>
      <c r="C14409" t="s">
        <v>28763</v>
      </c>
    </row>
    <row r="14410" spans="1:3" x14ac:dyDescent="0.15">
      <c r="A14410">
        <v>10594</v>
      </c>
      <c r="B14410" t="s">
        <v>28764</v>
      </c>
      <c r="C14410" t="s">
        <v>28765</v>
      </c>
    </row>
    <row r="14411" spans="1:3" x14ac:dyDescent="0.15">
      <c r="A14411">
        <v>10593</v>
      </c>
      <c r="B14411" t="s">
        <v>28766</v>
      </c>
      <c r="C14411" t="s">
        <v>28767</v>
      </c>
    </row>
    <row r="14412" spans="1:3" x14ac:dyDescent="0.15">
      <c r="A14412">
        <v>10592</v>
      </c>
      <c r="B14412" t="s">
        <v>28768</v>
      </c>
      <c r="C14412" t="s">
        <v>28769</v>
      </c>
    </row>
    <row r="14413" spans="1:3" x14ac:dyDescent="0.15">
      <c r="A14413">
        <v>10591</v>
      </c>
      <c r="B14413" t="s">
        <v>28770</v>
      </c>
      <c r="C14413" t="s">
        <v>28771</v>
      </c>
    </row>
    <row r="14414" spans="1:3" x14ac:dyDescent="0.15">
      <c r="A14414">
        <v>10590</v>
      </c>
      <c r="B14414" t="s">
        <v>28772</v>
      </c>
      <c r="C14414" t="s">
        <v>28773</v>
      </c>
    </row>
    <row r="14415" spans="1:3" x14ac:dyDescent="0.15">
      <c r="A14415">
        <v>10589</v>
      </c>
      <c r="B14415" t="s">
        <v>28774</v>
      </c>
      <c r="C14415" t="s">
        <v>28775</v>
      </c>
    </row>
    <row r="14416" spans="1:3" x14ac:dyDescent="0.15">
      <c r="A14416">
        <v>10588</v>
      </c>
      <c r="B14416" t="s">
        <v>28776</v>
      </c>
      <c r="C14416" t="s">
        <v>28777</v>
      </c>
    </row>
    <row r="14417" spans="1:3" x14ac:dyDescent="0.15">
      <c r="A14417">
        <v>10587</v>
      </c>
      <c r="B14417" t="s">
        <v>28778</v>
      </c>
      <c r="C14417" t="s">
        <v>28779</v>
      </c>
    </row>
    <row r="14418" spans="1:3" x14ac:dyDescent="0.15">
      <c r="A14418">
        <v>10586</v>
      </c>
      <c r="B14418" t="s">
        <v>28780</v>
      </c>
      <c r="C14418" t="s">
        <v>28781</v>
      </c>
    </row>
    <row r="14419" spans="1:3" x14ac:dyDescent="0.15">
      <c r="A14419">
        <v>10585</v>
      </c>
      <c r="B14419" t="s">
        <v>28782</v>
      </c>
      <c r="C14419" t="s">
        <v>28783</v>
      </c>
    </row>
    <row r="14420" spans="1:3" x14ac:dyDescent="0.15">
      <c r="A14420">
        <v>10584</v>
      </c>
      <c r="B14420" t="s">
        <v>28784</v>
      </c>
      <c r="C14420" t="s">
        <v>28785</v>
      </c>
    </row>
    <row r="14421" spans="1:3" x14ac:dyDescent="0.15">
      <c r="A14421">
        <v>10583</v>
      </c>
      <c r="B14421" t="s">
        <v>28786</v>
      </c>
      <c r="C14421" t="s">
        <v>28787</v>
      </c>
    </row>
    <row r="14422" spans="1:3" x14ac:dyDescent="0.15">
      <c r="A14422">
        <v>10582</v>
      </c>
      <c r="B14422" t="s">
        <v>28788</v>
      </c>
      <c r="C14422" t="s">
        <v>28789</v>
      </c>
    </row>
    <row r="14423" spans="1:3" x14ac:dyDescent="0.15">
      <c r="A14423">
        <v>10581</v>
      </c>
      <c r="B14423" t="s">
        <v>28790</v>
      </c>
      <c r="C14423" t="s">
        <v>28791</v>
      </c>
    </row>
    <row r="14424" spans="1:3" x14ac:dyDescent="0.15">
      <c r="A14424">
        <v>10580</v>
      </c>
      <c r="B14424" t="s">
        <v>28792</v>
      </c>
      <c r="C14424" t="s">
        <v>28793</v>
      </c>
    </row>
    <row r="14425" spans="1:3" x14ac:dyDescent="0.15">
      <c r="A14425">
        <v>10579</v>
      </c>
      <c r="B14425" t="s">
        <v>28794</v>
      </c>
      <c r="C14425" t="s">
        <v>28795</v>
      </c>
    </row>
    <row r="14426" spans="1:3" x14ac:dyDescent="0.15">
      <c r="A14426">
        <v>10578</v>
      </c>
      <c r="B14426" t="s">
        <v>28796</v>
      </c>
      <c r="C14426" t="s">
        <v>28797</v>
      </c>
    </row>
    <row r="14427" spans="1:3" x14ac:dyDescent="0.15">
      <c r="A14427">
        <v>10577</v>
      </c>
      <c r="B14427" t="s">
        <v>28798</v>
      </c>
      <c r="C14427" t="s">
        <v>28799</v>
      </c>
    </row>
    <row r="14428" spans="1:3" x14ac:dyDescent="0.15">
      <c r="A14428">
        <v>10576</v>
      </c>
      <c r="B14428" t="s">
        <v>28800</v>
      </c>
      <c r="C14428" t="s">
        <v>28801</v>
      </c>
    </row>
    <row r="14429" spans="1:3" x14ac:dyDescent="0.15">
      <c r="A14429">
        <v>10575</v>
      </c>
      <c r="B14429" t="s">
        <v>28802</v>
      </c>
      <c r="C14429" t="s">
        <v>28803</v>
      </c>
    </row>
    <row r="14430" spans="1:3" x14ac:dyDescent="0.15">
      <c r="A14430">
        <v>10574</v>
      </c>
      <c r="B14430" t="s">
        <v>28804</v>
      </c>
      <c r="C14430" t="s">
        <v>28805</v>
      </c>
    </row>
    <row r="14431" spans="1:3" x14ac:dyDescent="0.15">
      <c r="A14431">
        <v>10573</v>
      </c>
      <c r="B14431" t="s">
        <v>28806</v>
      </c>
      <c r="C14431" t="s">
        <v>28807</v>
      </c>
    </row>
    <row r="14432" spans="1:3" x14ac:dyDescent="0.15">
      <c r="A14432">
        <v>10572</v>
      </c>
      <c r="B14432" t="s">
        <v>28808</v>
      </c>
      <c r="C14432" t="s">
        <v>28809</v>
      </c>
    </row>
    <row r="14433" spans="1:3" x14ac:dyDescent="0.15">
      <c r="A14433">
        <v>10571</v>
      </c>
      <c r="B14433" t="s">
        <v>28810</v>
      </c>
      <c r="C14433" t="s">
        <v>28811</v>
      </c>
    </row>
    <row r="14434" spans="1:3" x14ac:dyDescent="0.15">
      <c r="A14434">
        <v>10570</v>
      </c>
      <c r="B14434" t="s">
        <v>28812</v>
      </c>
      <c r="C14434" t="s">
        <v>28813</v>
      </c>
    </row>
    <row r="14435" spans="1:3" x14ac:dyDescent="0.15">
      <c r="A14435">
        <v>10569</v>
      </c>
      <c r="B14435" t="s">
        <v>28814</v>
      </c>
      <c r="C14435" t="s">
        <v>28815</v>
      </c>
    </row>
    <row r="14436" spans="1:3" x14ac:dyDescent="0.15">
      <c r="A14436">
        <v>10568</v>
      </c>
      <c r="B14436" t="s">
        <v>28816</v>
      </c>
      <c r="C14436" t="s">
        <v>28817</v>
      </c>
    </row>
    <row r="14437" spans="1:3" x14ac:dyDescent="0.15">
      <c r="A14437">
        <v>10567</v>
      </c>
      <c r="B14437" t="s">
        <v>28818</v>
      </c>
      <c r="C14437" t="s">
        <v>28819</v>
      </c>
    </row>
    <row r="14438" spans="1:3" x14ac:dyDescent="0.15">
      <c r="A14438">
        <v>10566</v>
      </c>
      <c r="B14438" t="s">
        <v>28820</v>
      </c>
      <c r="C14438" t="s">
        <v>28821</v>
      </c>
    </row>
    <row r="14439" spans="1:3" x14ac:dyDescent="0.15">
      <c r="A14439">
        <v>10565</v>
      </c>
      <c r="B14439" t="s">
        <v>28822</v>
      </c>
      <c r="C14439" t="s">
        <v>28823</v>
      </c>
    </row>
    <row r="14440" spans="1:3" x14ac:dyDescent="0.15">
      <c r="A14440">
        <v>10564</v>
      </c>
      <c r="B14440" t="s">
        <v>28824</v>
      </c>
      <c r="C14440" t="s">
        <v>28825</v>
      </c>
    </row>
    <row r="14441" spans="1:3" x14ac:dyDescent="0.15">
      <c r="A14441">
        <v>10563</v>
      </c>
      <c r="B14441" t="s">
        <v>28826</v>
      </c>
      <c r="C14441" t="s">
        <v>28827</v>
      </c>
    </row>
    <row r="14442" spans="1:3" x14ac:dyDescent="0.15">
      <c r="A14442">
        <v>10562</v>
      </c>
      <c r="B14442" t="s">
        <v>28828</v>
      </c>
      <c r="C14442" t="s">
        <v>28829</v>
      </c>
    </row>
    <row r="14443" spans="1:3" x14ac:dyDescent="0.15">
      <c r="A14443">
        <v>10561</v>
      </c>
      <c r="B14443" t="s">
        <v>28830</v>
      </c>
      <c r="C14443" t="s">
        <v>28831</v>
      </c>
    </row>
    <row r="14444" spans="1:3" x14ac:dyDescent="0.15">
      <c r="A14444">
        <v>10560</v>
      </c>
      <c r="B14444" t="s">
        <v>28832</v>
      </c>
      <c r="C14444" t="s">
        <v>28833</v>
      </c>
    </row>
    <row r="14445" spans="1:3" x14ac:dyDescent="0.15">
      <c r="A14445">
        <v>10559</v>
      </c>
      <c r="B14445" t="s">
        <v>28834</v>
      </c>
      <c r="C14445" t="s">
        <v>28835</v>
      </c>
    </row>
    <row r="14446" spans="1:3" x14ac:dyDescent="0.15">
      <c r="A14446">
        <v>10558</v>
      </c>
      <c r="B14446" t="s">
        <v>28836</v>
      </c>
      <c r="C14446" t="s">
        <v>28837</v>
      </c>
    </row>
    <row r="14447" spans="1:3" x14ac:dyDescent="0.15">
      <c r="A14447">
        <v>10557</v>
      </c>
      <c r="B14447" t="s">
        <v>28838</v>
      </c>
      <c r="C14447" t="s">
        <v>28839</v>
      </c>
    </row>
    <row r="14448" spans="1:3" x14ac:dyDescent="0.15">
      <c r="A14448">
        <v>10556</v>
      </c>
      <c r="B14448" t="s">
        <v>28840</v>
      </c>
      <c r="C14448" t="s">
        <v>28841</v>
      </c>
    </row>
    <row r="14449" spans="1:3" x14ac:dyDescent="0.15">
      <c r="A14449">
        <v>10555</v>
      </c>
      <c r="B14449" t="s">
        <v>28842</v>
      </c>
      <c r="C14449" t="s">
        <v>28843</v>
      </c>
    </row>
    <row r="14450" spans="1:3" x14ac:dyDescent="0.15">
      <c r="A14450">
        <v>10554</v>
      </c>
      <c r="B14450" t="s">
        <v>28844</v>
      </c>
      <c r="C14450" t="s">
        <v>28845</v>
      </c>
    </row>
    <row r="14451" spans="1:3" x14ac:dyDescent="0.15">
      <c r="A14451">
        <v>10553</v>
      </c>
      <c r="B14451" t="s">
        <v>28846</v>
      </c>
      <c r="C14451" t="s">
        <v>28847</v>
      </c>
    </row>
    <row r="14452" spans="1:3" x14ac:dyDescent="0.15">
      <c r="A14452">
        <v>10552</v>
      </c>
      <c r="B14452" t="s">
        <v>28848</v>
      </c>
      <c r="C14452" t="s">
        <v>28849</v>
      </c>
    </row>
    <row r="14453" spans="1:3" x14ac:dyDescent="0.15">
      <c r="A14453">
        <v>10551</v>
      </c>
      <c r="B14453" t="s">
        <v>28850</v>
      </c>
      <c r="C14453" t="s">
        <v>28851</v>
      </c>
    </row>
    <row r="14454" spans="1:3" x14ac:dyDescent="0.15">
      <c r="A14454">
        <v>10550</v>
      </c>
      <c r="B14454" t="s">
        <v>28852</v>
      </c>
      <c r="C14454" t="s">
        <v>28853</v>
      </c>
    </row>
    <row r="14455" spans="1:3" x14ac:dyDescent="0.15">
      <c r="A14455">
        <v>10549</v>
      </c>
      <c r="B14455" t="s">
        <v>28854</v>
      </c>
      <c r="C14455" t="s">
        <v>28855</v>
      </c>
    </row>
    <row r="14456" spans="1:3" x14ac:dyDescent="0.15">
      <c r="A14456">
        <v>10548</v>
      </c>
      <c r="B14456" t="s">
        <v>28856</v>
      </c>
      <c r="C14456" t="s">
        <v>28857</v>
      </c>
    </row>
    <row r="14457" spans="1:3" x14ac:dyDescent="0.15">
      <c r="A14457">
        <v>10547</v>
      </c>
      <c r="B14457" t="s">
        <v>28858</v>
      </c>
      <c r="C14457" t="s">
        <v>28859</v>
      </c>
    </row>
    <row r="14458" spans="1:3" x14ac:dyDescent="0.15">
      <c r="A14458">
        <v>10546</v>
      </c>
      <c r="B14458" t="s">
        <v>28860</v>
      </c>
      <c r="C14458" t="s">
        <v>28861</v>
      </c>
    </row>
    <row r="14459" spans="1:3" x14ac:dyDescent="0.15">
      <c r="A14459">
        <v>10545</v>
      </c>
      <c r="B14459" t="s">
        <v>28862</v>
      </c>
      <c r="C14459" t="s">
        <v>28863</v>
      </c>
    </row>
    <row r="14460" spans="1:3" x14ac:dyDescent="0.15">
      <c r="A14460">
        <v>10544</v>
      </c>
      <c r="B14460" t="s">
        <v>28864</v>
      </c>
      <c r="C14460" t="s">
        <v>28865</v>
      </c>
    </row>
    <row r="14461" spans="1:3" x14ac:dyDescent="0.15">
      <c r="A14461">
        <v>10543</v>
      </c>
      <c r="B14461" t="s">
        <v>28866</v>
      </c>
      <c r="C14461" t="s">
        <v>28867</v>
      </c>
    </row>
    <row r="14462" spans="1:3" x14ac:dyDescent="0.15">
      <c r="A14462">
        <v>10542</v>
      </c>
      <c r="B14462" t="s">
        <v>28868</v>
      </c>
      <c r="C14462" t="s">
        <v>28869</v>
      </c>
    </row>
    <row r="14463" spans="1:3" x14ac:dyDescent="0.15">
      <c r="A14463">
        <v>10541</v>
      </c>
      <c r="B14463" t="s">
        <v>28870</v>
      </c>
      <c r="C14463" t="s">
        <v>28871</v>
      </c>
    </row>
    <row r="14464" spans="1:3" x14ac:dyDescent="0.15">
      <c r="A14464">
        <v>10540</v>
      </c>
      <c r="B14464" t="s">
        <v>28872</v>
      </c>
      <c r="C14464" t="s">
        <v>28873</v>
      </c>
    </row>
    <row r="14465" spans="1:3" x14ac:dyDescent="0.15">
      <c r="A14465">
        <v>10539</v>
      </c>
      <c r="B14465" t="s">
        <v>28874</v>
      </c>
      <c r="C14465" t="s">
        <v>28875</v>
      </c>
    </row>
    <row r="14466" spans="1:3" x14ac:dyDescent="0.15">
      <c r="A14466">
        <v>10538</v>
      </c>
      <c r="B14466" t="s">
        <v>28876</v>
      </c>
      <c r="C14466" t="s">
        <v>28877</v>
      </c>
    </row>
    <row r="14467" spans="1:3" x14ac:dyDescent="0.15">
      <c r="A14467">
        <v>10537</v>
      </c>
      <c r="B14467" t="s">
        <v>28878</v>
      </c>
      <c r="C14467" t="s">
        <v>28879</v>
      </c>
    </row>
    <row r="14468" spans="1:3" x14ac:dyDescent="0.15">
      <c r="A14468">
        <v>10536</v>
      </c>
      <c r="B14468" t="s">
        <v>28880</v>
      </c>
      <c r="C14468" t="s">
        <v>28881</v>
      </c>
    </row>
    <row r="14469" spans="1:3" x14ac:dyDescent="0.15">
      <c r="A14469">
        <v>10535</v>
      </c>
      <c r="B14469" t="s">
        <v>28882</v>
      </c>
      <c r="C14469" t="s">
        <v>28883</v>
      </c>
    </row>
    <row r="14470" spans="1:3" x14ac:dyDescent="0.15">
      <c r="A14470">
        <v>10534</v>
      </c>
      <c r="B14470" t="s">
        <v>28884</v>
      </c>
      <c r="C14470" t="s">
        <v>28885</v>
      </c>
    </row>
    <row r="14471" spans="1:3" x14ac:dyDescent="0.15">
      <c r="A14471">
        <v>10533</v>
      </c>
      <c r="B14471" t="s">
        <v>28886</v>
      </c>
      <c r="C14471" t="s">
        <v>28887</v>
      </c>
    </row>
    <row r="14472" spans="1:3" x14ac:dyDescent="0.15">
      <c r="A14472">
        <v>10532</v>
      </c>
      <c r="B14472" t="s">
        <v>28888</v>
      </c>
      <c r="C14472" t="s">
        <v>28889</v>
      </c>
    </row>
    <row r="14473" spans="1:3" x14ac:dyDescent="0.15">
      <c r="A14473">
        <v>10531</v>
      </c>
      <c r="B14473" t="s">
        <v>28890</v>
      </c>
      <c r="C14473" t="s">
        <v>28891</v>
      </c>
    </row>
    <row r="14474" spans="1:3" x14ac:dyDescent="0.15">
      <c r="A14474">
        <v>10530</v>
      </c>
      <c r="B14474" t="s">
        <v>28892</v>
      </c>
      <c r="C14474" t="s">
        <v>28893</v>
      </c>
    </row>
    <row r="14475" spans="1:3" x14ac:dyDescent="0.15">
      <c r="A14475">
        <v>10529</v>
      </c>
      <c r="B14475" t="s">
        <v>28894</v>
      </c>
      <c r="C14475" t="s">
        <v>28895</v>
      </c>
    </row>
    <row r="14476" spans="1:3" x14ac:dyDescent="0.15">
      <c r="A14476">
        <v>10528</v>
      </c>
      <c r="B14476" t="s">
        <v>28896</v>
      </c>
      <c r="C14476" t="s">
        <v>28897</v>
      </c>
    </row>
    <row r="14477" spans="1:3" x14ac:dyDescent="0.15">
      <c r="A14477">
        <v>10527</v>
      </c>
      <c r="B14477" t="s">
        <v>28898</v>
      </c>
      <c r="C14477" t="s">
        <v>28899</v>
      </c>
    </row>
    <row r="14478" spans="1:3" x14ac:dyDescent="0.15">
      <c r="A14478">
        <v>10526</v>
      </c>
      <c r="B14478" t="s">
        <v>28900</v>
      </c>
      <c r="C14478" t="s">
        <v>28901</v>
      </c>
    </row>
    <row r="14479" spans="1:3" x14ac:dyDescent="0.15">
      <c r="A14479">
        <v>10525</v>
      </c>
      <c r="B14479" t="s">
        <v>28902</v>
      </c>
      <c r="C14479" t="s">
        <v>28903</v>
      </c>
    </row>
    <row r="14480" spans="1:3" x14ac:dyDescent="0.15">
      <c r="A14480">
        <v>10524</v>
      </c>
      <c r="B14480" t="s">
        <v>28904</v>
      </c>
      <c r="C14480" t="s">
        <v>28905</v>
      </c>
    </row>
    <row r="14481" spans="1:3" x14ac:dyDescent="0.15">
      <c r="A14481">
        <v>10523</v>
      </c>
      <c r="B14481" t="s">
        <v>28906</v>
      </c>
      <c r="C14481" t="s">
        <v>28907</v>
      </c>
    </row>
    <row r="14482" spans="1:3" x14ac:dyDescent="0.15">
      <c r="A14482">
        <v>10522</v>
      </c>
      <c r="B14482" t="s">
        <v>28908</v>
      </c>
      <c r="C14482" t="s">
        <v>28909</v>
      </c>
    </row>
    <row r="14483" spans="1:3" x14ac:dyDescent="0.15">
      <c r="A14483">
        <v>10521</v>
      </c>
      <c r="B14483" t="s">
        <v>28910</v>
      </c>
      <c r="C14483" t="s">
        <v>28911</v>
      </c>
    </row>
    <row r="14484" spans="1:3" x14ac:dyDescent="0.15">
      <c r="A14484">
        <v>10520</v>
      </c>
      <c r="B14484" t="s">
        <v>28912</v>
      </c>
      <c r="C14484" t="s">
        <v>28913</v>
      </c>
    </row>
    <row r="14485" spans="1:3" x14ac:dyDescent="0.15">
      <c r="A14485">
        <v>10519</v>
      </c>
      <c r="B14485" t="s">
        <v>28914</v>
      </c>
      <c r="C14485" t="s">
        <v>28915</v>
      </c>
    </row>
    <row r="14486" spans="1:3" x14ac:dyDescent="0.15">
      <c r="A14486">
        <v>10518</v>
      </c>
      <c r="B14486" t="s">
        <v>28916</v>
      </c>
      <c r="C14486" t="s">
        <v>28917</v>
      </c>
    </row>
    <row r="14487" spans="1:3" x14ac:dyDescent="0.15">
      <c r="A14487">
        <v>10517</v>
      </c>
      <c r="B14487" t="s">
        <v>28918</v>
      </c>
      <c r="C14487" t="s">
        <v>28919</v>
      </c>
    </row>
    <row r="14488" spans="1:3" x14ac:dyDescent="0.15">
      <c r="A14488">
        <v>10516</v>
      </c>
      <c r="B14488" t="s">
        <v>28920</v>
      </c>
      <c r="C14488" t="s">
        <v>28921</v>
      </c>
    </row>
    <row r="14489" spans="1:3" x14ac:dyDescent="0.15">
      <c r="A14489">
        <v>10515</v>
      </c>
      <c r="B14489" t="s">
        <v>28922</v>
      </c>
      <c r="C14489" t="s">
        <v>10801</v>
      </c>
    </row>
    <row r="14490" spans="1:3" x14ac:dyDescent="0.15">
      <c r="A14490">
        <v>10514</v>
      </c>
      <c r="B14490" t="s">
        <v>28923</v>
      </c>
      <c r="C14490" t="s">
        <v>28924</v>
      </c>
    </row>
    <row r="14491" spans="1:3" x14ac:dyDescent="0.15">
      <c r="A14491">
        <v>10513</v>
      </c>
      <c r="B14491" t="s">
        <v>28925</v>
      </c>
      <c r="C14491" t="s">
        <v>28926</v>
      </c>
    </row>
    <row r="14492" spans="1:3" x14ac:dyDescent="0.15">
      <c r="A14492">
        <v>10512</v>
      </c>
      <c r="B14492" t="s">
        <v>28927</v>
      </c>
      <c r="C14492" t="s">
        <v>28928</v>
      </c>
    </row>
    <row r="14493" spans="1:3" x14ac:dyDescent="0.15">
      <c r="A14493">
        <v>10511</v>
      </c>
      <c r="B14493" t="s">
        <v>28929</v>
      </c>
      <c r="C14493" t="s">
        <v>28930</v>
      </c>
    </row>
    <row r="14494" spans="1:3" x14ac:dyDescent="0.15">
      <c r="A14494">
        <v>10510</v>
      </c>
      <c r="B14494" t="s">
        <v>28931</v>
      </c>
      <c r="C14494" t="s">
        <v>28932</v>
      </c>
    </row>
    <row r="14495" spans="1:3" x14ac:dyDescent="0.15">
      <c r="A14495">
        <v>10509</v>
      </c>
      <c r="B14495" t="s">
        <v>28933</v>
      </c>
      <c r="C14495" t="s">
        <v>28934</v>
      </c>
    </row>
    <row r="14496" spans="1:3" x14ac:dyDescent="0.15">
      <c r="A14496">
        <v>10508</v>
      </c>
      <c r="B14496" t="s">
        <v>28935</v>
      </c>
      <c r="C14496" t="s">
        <v>28936</v>
      </c>
    </row>
    <row r="14497" spans="1:3" x14ac:dyDescent="0.15">
      <c r="A14497">
        <v>10507</v>
      </c>
      <c r="B14497" t="s">
        <v>28937</v>
      </c>
      <c r="C14497" t="s">
        <v>28938</v>
      </c>
    </row>
    <row r="14498" spans="1:3" x14ac:dyDescent="0.15">
      <c r="A14498">
        <v>10506</v>
      </c>
      <c r="B14498" t="s">
        <v>28939</v>
      </c>
      <c r="C14498" t="s">
        <v>28940</v>
      </c>
    </row>
    <row r="14499" spans="1:3" x14ac:dyDescent="0.15">
      <c r="A14499">
        <v>10505</v>
      </c>
      <c r="B14499" t="s">
        <v>28941</v>
      </c>
      <c r="C14499" t="s">
        <v>28942</v>
      </c>
    </row>
    <row r="14500" spans="1:3" x14ac:dyDescent="0.15">
      <c r="A14500">
        <v>10504</v>
      </c>
      <c r="B14500" t="s">
        <v>28943</v>
      </c>
      <c r="C14500" t="s">
        <v>28944</v>
      </c>
    </row>
    <row r="14501" spans="1:3" x14ac:dyDescent="0.15">
      <c r="A14501">
        <v>10503</v>
      </c>
      <c r="B14501" t="s">
        <v>28945</v>
      </c>
      <c r="C14501" t="s">
        <v>28946</v>
      </c>
    </row>
    <row r="14502" spans="1:3" x14ac:dyDescent="0.15">
      <c r="A14502">
        <v>10502</v>
      </c>
      <c r="B14502" t="s">
        <v>28947</v>
      </c>
      <c r="C14502" t="s">
        <v>28948</v>
      </c>
    </row>
    <row r="14503" spans="1:3" x14ac:dyDescent="0.15">
      <c r="A14503">
        <v>10501</v>
      </c>
      <c r="B14503" t="s">
        <v>28949</v>
      </c>
      <c r="C14503" t="s">
        <v>28950</v>
      </c>
    </row>
    <row r="14504" spans="1:3" x14ac:dyDescent="0.15">
      <c r="A14504">
        <v>10500</v>
      </c>
      <c r="B14504" t="s">
        <v>28951</v>
      </c>
      <c r="C14504" t="s">
        <v>28952</v>
      </c>
    </row>
    <row r="14505" spans="1:3" x14ac:dyDescent="0.15">
      <c r="A14505">
        <v>10499</v>
      </c>
      <c r="B14505" t="s">
        <v>28953</v>
      </c>
      <c r="C14505" t="s">
        <v>28954</v>
      </c>
    </row>
    <row r="14506" spans="1:3" x14ac:dyDescent="0.15">
      <c r="A14506">
        <v>10498</v>
      </c>
      <c r="B14506" t="s">
        <v>28955</v>
      </c>
      <c r="C14506" t="s">
        <v>28956</v>
      </c>
    </row>
    <row r="14507" spans="1:3" x14ac:dyDescent="0.15">
      <c r="A14507">
        <v>10497</v>
      </c>
      <c r="B14507" t="s">
        <v>28957</v>
      </c>
      <c r="C14507" t="s">
        <v>28958</v>
      </c>
    </row>
    <row r="14508" spans="1:3" x14ac:dyDescent="0.15">
      <c r="A14508">
        <v>10496</v>
      </c>
      <c r="B14508" t="s">
        <v>28959</v>
      </c>
      <c r="C14508" t="s">
        <v>28960</v>
      </c>
    </row>
    <row r="14509" spans="1:3" x14ac:dyDescent="0.15">
      <c r="A14509">
        <v>10495</v>
      </c>
      <c r="B14509" t="s">
        <v>28961</v>
      </c>
      <c r="C14509" t="s">
        <v>28962</v>
      </c>
    </row>
    <row r="14510" spans="1:3" x14ac:dyDescent="0.15">
      <c r="A14510">
        <v>10494</v>
      </c>
      <c r="B14510" t="s">
        <v>28963</v>
      </c>
      <c r="C14510" t="s">
        <v>28964</v>
      </c>
    </row>
    <row r="14511" spans="1:3" x14ac:dyDescent="0.15">
      <c r="A14511">
        <v>10493</v>
      </c>
      <c r="B14511" t="s">
        <v>28965</v>
      </c>
      <c r="C14511" t="s">
        <v>28966</v>
      </c>
    </row>
    <row r="14512" spans="1:3" x14ac:dyDescent="0.15">
      <c r="A14512">
        <v>10492</v>
      </c>
      <c r="B14512" t="s">
        <v>28967</v>
      </c>
      <c r="C14512" t="s">
        <v>28968</v>
      </c>
    </row>
    <row r="14513" spans="1:3" x14ac:dyDescent="0.15">
      <c r="A14513">
        <v>10491</v>
      </c>
      <c r="B14513" t="s">
        <v>28969</v>
      </c>
      <c r="C14513" t="s">
        <v>28970</v>
      </c>
    </row>
    <row r="14514" spans="1:3" x14ac:dyDescent="0.15">
      <c r="A14514">
        <v>10490</v>
      </c>
      <c r="B14514" t="s">
        <v>28971</v>
      </c>
      <c r="C14514" t="s">
        <v>28972</v>
      </c>
    </row>
    <row r="14515" spans="1:3" x14ac:dyDescent="0.15">
      <c r="A14515">
        <v>10489</v>
      </c>
      <c r="B14515" t="s">
        <v>28973</v>
      </c>
      <c r="C14515" t="s">
        <v>28974</v>
      </c>
    </row>
    <row r="14516" spans="1:3" x14ac:dyDescent="0.15">
      <c r="A14516">
        <v>10488</v>
      </c>
      <c r="B14516" t="s">
        <v>28975</v>
      </c>
      <c r="C14516" t="s">
        <v>28976</v>
      </c>
    </row>
    <row r="14517" spans="1:3" x14ac:dyDescent="0.15">
      <c r="A14517">
        <v>10487</v>
      </c>
      <c r="B14517" t="s">
        <v>28977</v>
      </c>
      <c r="C14517" t="s">
        <v>28978</v>
      </c>
    </row>
    <row r="14518" spans="1:3" x14ac:dyDescent="0.15">
      <c r="A14518">
        <v>10486</v>
      </c>
      <c r="B14518" t="s">
        <v>28979</v>
      </c>
      <c r="C14518" t="s">
        <v>28980</v>
      </c>
    </row>
    <row r="14519" spans="1:3" x14ac:dyDescent="0.15">
      <c r="A14519">
        <v>10485</v>
      </c>
      <c r="B14519" t="s">
        <v>28981</v>
      </c>
      <c r="C14519" t="s">
        <v>28982</v>
      </c>
    </row>
    <row r="14520" spans="1:3" x14ac:dyDescent="0.15">
      <c r="A14520">
        <v>10484</v>
      </c>
      <c r="B14520" t="s">
        <v>28983</v>
      </c>
      <c r="C14520" t="s">
        <v>28984</v>
      </c>
    </row>
    <row r="14521" spans="1:3" x14ac:dyDescent="0.15">
      <c r="A14521">
        <v>10483</v>
      </c>
      <c r="B14521" t="s">
        <v>28985</v>
      </c>
      <c r="C14521" t="s">
        <v>28986</v>
      </c>
    </row>
    <row r="14522" spans="1:3" x14ac:dyDescent="0.15">
      <c r="A14522">
        <v>10482</v>
      </c>
      <c r="B14522" t="s">
        <v>28987</v>
      </c>
      <c r="C14522" t="s">
        <v>28988</v>
      </c>
    </row>
    <row r="14523" spans="1:3" x14ac:dyDescent="0.15">
      <c r="A14523">
        <v>10481</v>
      </c>
      <c r="B14523" t="s">
        <v>28989</v>
      </c>
      <c r="C14523" t="s">
        <v>28990</v>
      </c>
    </row>
    <row r="14524" spans="1:3" x14ac:dyDescent="0.15">
      <c r="A14524">
        <v>10480</v>
      </c>
      <c r="B14524" t="s">
        <v>28991</v>
      </c>
      <c r="C14524" t="s">
        <v>28992</v>
      </c>
    </row>
    <row r="14525" spans="1:3" x14ac:dyDescent="0.15">
      <c r="A14525">
        <v>10479</v>
      </c>
      <c r="B14525" t="s">
        <v>28993</v>
      </c>
      <c r="C14525" t="s">
        <v>28994</v>
      </c>
    </row>
    <row r="14526" spans="1:3" x14ac:dyDescent="0.15">
      <c r="A14526">
        <v>10478</v>
      </c>
      <c r="B14526" t="s">
        <v>28995</v>
      </c>
      <c r="C14526" t="s">
        <v>28996</v>
      </c>
    </row>
    <row r="14527" spans="1:3" x14ac:dyDescent="0.15">
      <c r="A14527">
        <v>10477</v>
      </c>
      <c r="B14527" t="s">
        <v>28997</v>
      </c>
      <c r="C14527" t="s">
        <v>28998</v>
      </c>
    </row>
    <row r="14528" spans="1:3" x14ac:dyDescent="0.15">
      <c r="A14528">
        <v>10476</v>
      </c>
      <c r="B14528" t="s">
        <v>28999</v>
      </c>
      <c r="C14528" t="s">
        <v>29000</v>
      </c>
    </row>
    <row r="14529" spans="1:3" x14ac:dyDescent="0.15">
      <c r="A14529">
        <v>10475</v>
      </c>
      <c r="B14529" t="s">
        <v>29001</v>
      </c>
      <c r="C14529" t="s">
        <v>29002</v>
      </c>
    </row>
    <row r="14530" spans="1:3" x14ac:dyDescent="0.15">
      <c r="A14530">
        <v>10474</v>
      </c>
      <c r="B14530" t="s">
        <v>29003</v>
      </c>
      <c r="C14530" t="s">
        <v>29004</v>
      </c>
    </row>
    <row r="14531" spans="1:3" x14ac:dyDescent="0.15">
      <c r="A14531">
        <v>10473</v>
      </c>
      <c r="B14531" t="s">
        <v>29005</v>
      </c>
      <c r="C14531" t="s">
        <v>29006</v>
      </c>
    </row>
    <row r="14532" spans="1:3" x14ac:dyDescent="0.15">
      <c r="A14532">
        <v>10472</v>
      </c>
      <c r="B14532" t="s">
        <v>29007</v>
      </c>
      <c r="C14532" t="s">
        <v>29008</v>
      </c>
    </row>
    <row r="14533" spans="1:3" x14ac:dyDescent="0.15">
      <c r="A14533">
        <v>10471</v>
      </c>
      <c r="B14533" t="s">
        <v>29009</v>
      </c>
      <c r="C14533" t="s">
        <v>29010</v>
      </c>
    </row>
    <row r="14534" spans="1:3" x14ac:dyDescent="0.15">
      <c r="A14534">
        <v>10470</v>
      </c>
      <c r="B14534" t="s">
        <v>29011</v>
      </c>
      <c r="C14534" t="s">
        <v>29012</v>
      </c>
    </row>
    <row r="14535" spans="1:3" x14ac:dyDescent="0.15">
      <c r="A14535">
        <v>10469</v>
      </c>
      <c r="B14535" t="s">
        <v>29013</v>
      </c>
      <c r="C14535" t="s">
        <v>29014</v>
      </c>
    </row>
    <row r="14536" spans="1:3" x14ac:dyDescent="0.15">
      <c r="A14536">
        <v>10468</v>
      </c>
      <c r="B14536" t="s">
        <v>29015</v>
      </c>
      <c r="C14536" t="s">
        <v>29016</v>
      </c>
    </row>
    <row r="14537" spans="1:3" x14ac:dyDescent="0.15">
      <c r="A14537">
        <v>10467</v>
      </c>
      <c r="B14537" t="s">
        <v>29017</v>
      </c>
      <c r="C14537" t="s">
        <v>29018</v>
      </c>
    </row>
    <row r="14538" spans="1:3" x14ac:dyDescent="0.15">
      <c r="A14538">
        <v>10466</v>
      </c>
      <c r="B14538" t="s">
        <v>29019</v>
      </c>
      <c r="C14538" t="s">
        <v>29020</v>
      </c>
    </row>
    <row r="14539" spans="1:3" x14ac:dyDescent="0.15">
      <c r="A14539">
        <v>10465</v>
      </c>
      <c r="B14539" t="s">
        <v>29021</v>
      </c>
      <c r="C14539" t="s">
        <v>29022</v>
      </c>
    </row>
    <row r="14540" spans="1:3" x14ac:dyDescent="0.15">
      <c r="A14540">
        <v>10464</v>
      </c>
      <c r="B14540" t="s">
        <v>29023</v>
      </c>
      <c r="C14540" t="s">
        <v>29024</v>
      </c>
    </row>
    <row r="14541" spans="1:3" x14ac:dyDescent="0.15">
      <c r="A14541">
        <v>10463</v>
      </c>
      <c r="B14541" t="s">
        <v>29025</v>
      </c>
      <c r="C14541" t="s">
        <v>29026</v>
      </c>
    </row>
    <row r="14542" spans="1:3" x14ac:dyDescent="0.15">
      <c r="A14542">
        <v>10462</v>
      </c>
      <c r="B14542" t="s">
        <v>29027</v>
      </c>
      <c r="C14542" t="s">
        <v>29028</v>
      </c>
    </row>
    <row r="14543" spans="1:3" x14ac:dyDescent="0.15">
      <c r="A14543">
        <v>10461</v>
      </c>
      <c r="B14543" t="s">
        <v>29029</v>
      </c>
      <c r="C14543" t="s">
        <v>29030</v>
      </c>
    </row>
    <row r="14544" spans="1:3" x14ac:dyDescent="0.15">
      <c r="A14544">
        <v>10460</v>
      </c>
      <c r="B14544" t="s">
        <v>29031</v>
      </c>
      <c r="C14544" t="s">
        <v>29032</v>
      </c>
    </row>
    <row r="14545" spans="1:3" x14ac:dyDescent="0.15">
      <c r="A14545">
        <v>10459</v>
      </c>
      <c r="B14545" t="s">
        <v>29033</v>
      </c>
      <c r="C14545" t="s">
        <v>29034</v>
      </c>
    </row>
    <row r="14546" spans="1:3" x14ac:dyDescent="0.15">
      <c r="A14546">
        <v>10458</v>
      </c>
      <c r="B14546" t="s">
        <v>29035</v>
      </c>
      <c r="C14546" t="s">
        <v>29036</v>
      </c>
    </row>
    <row r="14547" spans="1:3" x14ac:dyDescent="0.15">
      <c r="A14547">
        <v>10457</v>
      </c>
      <c r="B14547" t="s">
        <v>29037</v>
      </c>
      <c r="C14547" t="s">
        <v>29038</v>
      </c>
    </row>
    <row r="14548" spans="1:3" x14ac:dyDescent="0.15">
      <c r="A14548">
        <v>10456</v>
      </c>
      <c r="B14548" t="s">
        <v>29039</v>
      </c>
      <c r="C14548" t="s">
        <v>29040</v>
      </c>
    </row>
    <row r="14549" spans="1:3" x14ac:dyDescent="0.15">
      <c r="A14549">
        <v>10455</v>
      </c>
      <c r="B14549" t="s">
        <v>29041</v>
      </c>
      <c r="C14549" t="s">
        <v>29042</v>
      </c>
    </row>
    <row r="14550" spans="1:3" x14ac:dyDescent="0.15">
      <c r="A14550">
        <v>10454</v>
      </c>
      <c r="B14550" t="s">
        <v>29043</v>
      </c>
      <c r="C14550" t="s">
        <v>29044</v>
      </c>
    </row>
    <row r="14551" spans="1:3" x14ac:dyDescent="0.15">
      <c r="A14551">
        <v>10453</v>
      </c>
      <c r="B14551" t="s">
        <v>29045</v>
      </c>
      <c r="C14551" t="s">
        <v>29046</v>
      </c>
    </row>
    <row r="14552" spans="1:3" x14ac:dyDescent="0.15">
      <c r="A14552">
        <v>10452</v>
      </c>
      <c r="B14552" t="s">
        <v>29047</v>
      </c>
      <c r="C14552" t="s">
        <v>29048</v>
      </c>
    </row>
    <row r="14553" spans="1:3" x14ac:dyDescent="0.15">
      <c r="A14553">
        <v>10451</v>
      </c>
      <c r="B14553" t="s">
        <v>29049</v>
      </c>
      <c r="C14553" t="s">
        <v>29050</v>
      </c>
    </row>
    <row r="14554" spans="1:3" x14ac:dyDescent="0.15">
      <c r="A14554">
        <v>10450</v>
      </c>
      <c r="B14554" t="s">
        <v>29051</v>
      </c>
      <c r="C14554" t="s">
        <v>29052</v>
      </c>
    </row>
    <row r="14555" spans="1:3" x14ac:dyDescent="0.15">
      <c r="A14555">
        <v>10449</v>
      </c>
      <c r="B14555" t="s">
        <v>29053</v>
      </c>
      <c r="C14555" t="s">
        <v>29054</v>
      </c>
    </row>
    <row r="14556" spans="1:3" x14ac:dyDescent="0.15">
      <c r="A14556">
        <v>10448</v>
      </c>
      <c r="B14556" t="s">
        <v>29055</v>
      </c>
      <c r="C14556" t="s">
        <v>29056</v>
      </c>
    </row>
    <row r="14557" spans="1:3" x14ac:dyDescent="0.15">
      <c r="A14557">
        <v>10447</v>
      </c>
      <c r="B14557" t="s">
        <v>29057</v>
      </c>
      <c r="C14557" t="s">
        <v>29058</v>
      </c>
    </row>
    <row r="14558" spans="1:3" x14ac:dyDescent="0.15">
      <c r="A14558">
        <v>10446</v>
      </c>
      <c r="B14558" t="s">
        <v>29059</v>
      </c>
      <c r="C14558" t="s">
        <v>29060</v>
      </c>
    </row>
    <row r="14559" spans="1:3" x14ac:dyDescent="0.15">
      <c r="A14559">
        <v>10445</v>
      </c>
      <c r="B14559" t="s">
        <v>29061</v>
      </c>
      <c r="C14559" t="s">
        <v>29062</v>
      </c>
    </row>
    <row r="14560" spans="1:3" x14ac:dyDescent="0.15">
      <c r="A14560">
        <v>10444</v>
      </c>
      <c r="B14560" t="s">
        <v>29063</v>
      </c>
      <c r="C14560" t="s">
        <v>29064</v>
      </c>
    </row>
    <row r="14561" spans="1:3" x14ac:dyDescent="0.15">
      <c r="A14561">
        <v>10443</v>
      </c>
      <c r="B14561" t="s">
        <v>29065</v>
      </c>
      <c r="C14561" t="s">
        <v>29066</v>
      </c>
    </row>
    <row r="14562" spans="1:3" x14ac:dyDescent="0.15">
      <c r="A14562">
        <v>10442</v>
      </c>
      <c r="B14562" t="s">
        <v>29067</v>
      </c>
      <c r="C14562" t="s">
        <v>29068</v>
      </c>
    </row>
    <row r="14563" spans="1:3" x14ac:dyDescent="0.15">
      <c r="A14563">
        <v>10441</v>
      </c>
      <c r="B14563" t="s">
        <v>29069</v>
      </c>
      <c r="C14563" t="s">
        <v>29070</v>
      </c>
    </row>
    <row r="14564" spans="1:3" x14ac:dyDescent="0.15">
      <c r="A14564">
        <v>10440</v>
      </c>
      <c r="B14564" t="s">
        <v>29071</v>
      </c>
      <c r="C14564" t="s">
        <v>29072</v>
      </c>
    </row>
    <row r="14565" spans="1:3" x14ac:dyDescent="0.15">
      <c r="A14565">
        <v>10439</v>
      </c>
      <c r="B14565" t="s">
        <v>29073</v>
      </c>
      <c r="C14565" t="s">
        <v>29074</v>
      </c>
    </row>
    <row r="14566" spans="1:3" x14ac:dyDescent="0.15">
      <c r="A14566">
        <v>10438</v>
      </c>
      <c r="B14566" t="s">
        <v>29075</v>
      </c>
      <c r="C14566" t="s">
        <v>29076</v>
      </c>
    </row>
    <row r="14567" spans="1:3" x14ac:dyDescent="0.15">
      <c r="A14567">
        <v>10437</v>
      </c>
      <c r="B14567" t="s">
        <v>29077</v>
      </c>
      <c r="C14567" t="s">
        <v>29078</v>
      </c>
    </row>
    <row r="14568" spans="1:3" x14ac:dyDescent="0.15">
      <c r="A14568">
        <v>10436</v>
      </c>
      <c r="B14568" t="s">
        <v>29079</v>
      </c>
      <c r="C14568" t="s">
        <v>29080</v>
      </c>
    </row>
    <row r="14569" spans="1:3" x14ac:dyDescent="0.15">
      <c r="A14569">
        <v>10435</v>
      </c>
      <c r="B14569" t="s">
        <v>29081</v>
      </c>
      <c r="C14569" t="s">
        <v>29082</v>
      </c>
    </row>
    <row r="14570" spans="1:3" x14ac:dyDescent="0.15">
      <c r="A14570">
        <v>10434</v>
      </c>
      <c r="B14570" t="s">
        <v>29083</v>
      </c>
      <c r="C14570" t="s">
        <v>29084</v>
      </c>
    </row>
    <row r="14571" spans="1:3" x14ac:dyDescent="0.15">
      <c r="A14571">
        <v>10433</v>
      </c>
      <c r="B14571" t="s">
        <v>29085</v>
      </c>
      <c r="C14571" t="s">
        <v>29086</v>
      </c>
    </row>
    <row r="14572" spans="1:3" x14ac:dyDescent="0.15">
      <c r="A14572">
        <v>10432</v>
      </c>
      <c r="B14572" t="s">
        <v>29087</v>
      </c>
      <c r="C14572" t="s">
        <v>29088</v>
      </c>
    </row>
    <row r="14573" spans="1:3" x14ac:dyDescent="0.15">
      <c r="A14573">
        <v>10431</v>
      </c>
      <c r="B14573" t="s">
        <v>29089</v>
      </c>
      <c r="C14573" t="s">
        <v>29090</v>
      </c>
    </row>
    <row r="14574" spans="1:3" x14ac:dyDescent="0.15">
      <c r="A14574">
        <v>10430</v>
      </c>
      <c r="B14574" t="s">
        <v>29091</v>
      </c>
      <c r="C14574" t="s">
        <v>29092</v>
      </c>
    </row>
    <row r="14575" spans="1:3" x14ac:dyDescent="0.15">
      <c r="A14575">
        <v>10429</v>
      </c>
      <c r="B14575" t="s">
        <v>29093</v>
      </c>
      <c r="C14575" t="s">
        <v>29094</v>
      </c>
    </row>
    <row r="14576" spans="1:3" x14ac:dyDescent="0.15">
      <c r="A14576">
        <v>10428</v>
      </c>
      <c r="B14576" t="s">
        <v>29095</v>
      </c>
      <c r="C14576" t="s">
        <v>29096</v>
      </c>
    </row>
    <row r="14577" spans="1:3" x14ac:dyDescent="0.15">
      <c r="A14577">
        <v>10427</v>
      </c>
      <c r="B14577" t="s">
        <v>29097</v>
      </c>
      <c r="C14577" t="s">
        <v>29098</v>
      </c>
    </row>
    <row r="14578" spans="1:3" x14ac:dyDescent="0.15">
      <c r="A14578">
        <v>10426</v>
      </c>
      <c r="B14578" t="s">
        <v>29099</v>
      </c>
      <c r="C14578" t="s">
        <v>29100</v>
      </c>
    </row>
    <row r="14579" spans="1:3" x14ac:dyDescent="0.15">
      <c r="A14579">
        <v>10425</v>
      </c>
      <c r="B14579" t="s">
        <v>29101</v>
      </c>
      <c r="C14579" t="s">
        <v>29102</v>
      </c>
    </row>
    <row r="14580" spans="1:3" x14ac:dyDescent="0.15">
      <c r="A14580">
        <v>10424</v>
      </c>
      <c r="B14580" t="s">
        <v>29103</v>
      </c>
      <c r="C14580" t="s">
        <v>29104</v>
      </c>
    </row>
    <row r="14581" spans="1:3" x14ac:dyDescent="0.15">
      <c r="A14581">
        <v>10423</v>
      </c>
      <c r="B14581" t="s">
        <v>29105</v>
      </c>
      <c r="C14581" t="s">
        <v>29106</v>
      </c>
    </row>
    <row r="14582" spans="1:3" x14ac:dyDescent="0.15">
      <c r="A14582">
        <v>10422</v>
      </c>
      <c r="B14582" t="s">
        <v>29107</v>
      </c>
      <c r="C14582" t="s">
        <v>29108</v>
      </c>
    </row>
    <row r="14583" spans="1:3" x14ac:dyDescent="0.15">
      <c r="A14583">
        <v>10421</v>
      </c>
      <c r="B14583" t="s">
        <v>29109</v>
      </c>
      <c r="C14583" t="s">
        <v>29110</v>
      </c>
    </row>
    <row r="14584" spans="1:3" x14ac:dyDescent="0.15">
      <c r="A14584">
        <v>10420</v>
      </c>
      <c r="B14584" t="s">
        <v>29111</v>
      </c>
      <c r="C14584" t="s">
        <v>29112</v>
      </c>
    </row>
    <row r="14585" spans="1:3" x14ac:dyDescent="0.15">
      <c r="A14585">
        <v>10419</v>
      </c>
      <c r="B14585" t="s">
        <v>29113</v>
      </c>
      <c r="C14585" t="s">
        <v>29114</v>
      </c>
    </row>
    <row r="14586" spans="1:3" x14ac:dyDescent="0.15">
      <c r="A14586">
        <v>10418</v>
      </c>
      <c r="B14586" t="s">
        <v>29115</v>
      </c>
      <c r="C14586" t="s">
        <v>29116</v>
      </c>
    </row>
    <row r="14587" spans="1:3" x14ac:dyDescent="0.15">
      <c r="A14587">
        <v>10417</v>
      </c>
      <c r="B14587" t="s">
        <v>29117</v>
      </c>
      <c r="C14587" t="s">
        <v>29118</v>
      </c>
    </row>
    <row r="14588" spans="1:3" x14ac:dyDescent="0.15">
      <c r="A14588">
        <v>10416</v>
      </c>
      <c r="B14588" t="s">
        <v>29119</v>
      </c>
      <c r="C14588" t="s">
        <v>29120</v>
      </c>
    </row>
    <row r="14589" spans="1:3" x14ac:dyDescent="0.15">
      <c r="A14589">
        <v>10415</v>
      </c>
      <c r="B14589" t="s">
        <v>29121</v>
      </c>
      <c r="C14589" t="s">
        <v>29122</v>
      </c>
    </row>
    <row r="14590" spans="1:3" x14ac:dyDescent="0.15">
      <c r="A14590">
        <v>10414</v>
      </c>
      <c r="B14590" t="s">
        <v>29123</v>
      </c>
      <c r="C14590" t="s">
        <v>29124</v>
      </c>
    </row>
    <row r="14591" spans="1:3" x14ac:dyDescent="0.15">
      <c r="A14591">
        <v>10413</v>
      </c>
      <c r="B14591" t="s">
        <v>29125</v>
      </c>
      <c r="C14591" t="s">
        <v>29126</v>
      </c>
    </row>
    <row r="14592" spans="1:3" x14ac:dyDescent="0.15">
      <c r="A14592">
        <v>10412</v>
      </c>
      <c r="B14592" t="s">
        <v>29127</v>
      </c>
      <c r="C14592" t="s">
        <v>29128</v>
      </c>
    </row>
    <row r="14593" spans="1:3" x14ac:dyDescent="0.15">
      <c r="A14593">
        <v>10411</v>
      </c>
      <c r="B14593" t="s">
        <v>29129</v>
      </c>
      <c r="C14593" t="s">
        <v>29130</v>
      </c>
    </row>
    <row r="14594" spans="1:3" x14ac:dyDescent="0.15">
      <c r="A14594">
        <v>10410</v>
      </c>
      <c r="B14594" t="s">
        <v>29131</v>
      </c>
      <c r="C14594" t="s">
        <v>29132</v>
      </c>
    </row>
    <row r="14595" spans="1:3" x14ac:dyDescent="0.15">
      <c r="A14595">
        <v>10409</v>
      </c>
      <c r="B14595" t="s">
        <v>29133</v>
      </c>
      <c r="C14595" t="s">
        <v>29134</v>
      </c>
    </row>
    <row r="14596" spans="1:3" x14ac:dyDescent="0.15">
      <c r="A14596">
        <v>10408</v>
      </c>
      <c r="B14596" t="s">
        <v>29135</v>
      </c>
      <c r="C14596" t="s">
        <v>29136</v>
      </c>
    </row>
    <row r="14597" spans="1:3" x14ac:dyDescent="0.15">
      <c r="A14597">
        <v>10407</v>
      </c>
      <c r="B14597" t="s">
        <v>29137</v>
      </c>
      <c r="C14597" t="s">
        <v>29138</v>
      </c>
    </row>
    <row r="14598" spans="1:3" x14ac:dyDescent="0.15">
      <c r="A14598">
        <v>10406</v>
      </c>
      <c r="B14598" t="s">
        <v>29139</v>
      </c>
      <c r="C14598" t="s">
        <v>29140</v>
      </c>
    </row>
    <row r="14599" spans="1:3" x14ac:dyDescent="0.15">
      <c r="A14599">
        <v>10405</v>
      </c>
      <c r="B14599" t="s">
        <v>29141</v>
      </c>
      <c r="C14599" t="s">
        <v>29142</v>
      </c>
    </row>
    <row r="14600" spans="1:3" x14ac:dyDescent="0.15">
      <c r="A14600">
        <v>10404</v>
      </c>
      <c r="B14600" t="s">
        <v>29143</v>
      </c>
      <c r="C14600" t="s">
        <v>29144</v>
      </c>
    </row>
    <row r="14601" spans="1:3" x14ac:dyDescent="0.15">
      <c r="A14601">
        <v>10403</v>
      </c>
      <c r="B14601" t="s">
        <v>29145</v>
      </c>
      <c r="C14601" t="s">
        <v>29146</v>
      </c>
    </row>
    <row r="14602" spans="1:3" x14ac:dyDescent="0.15">
      <c r="A14602">
        <v>10402</v>
      </c>
      <c r="B14602" t="s">
        <v>29147</v>
      </c>
      <c r="C14602" t="s">
        <v>29148</v>
      </c>
    </row>
    <row r="14603" spans="1:3" x14ac:dyDescent="0.15">
      <c r="A14603">
        <v>10401</v>
      </c>
      <c r="B14603" t="s">
        <v>29149</v>
      </c>
      <c r="C14603" t="s">
        <v>29150</v>
      </c>
    </row>
    <row r="14604" spans="1:3" x14ac:dyDescent="0.15">
      <c r="A14604">
        <v>10400</v>
      </c>
      <c r="B14604" t="s">
        <v>29151</v>
      </c>
      <c r="C14604" t="s">
        <v>29152</v>
      </c>
    </row>
    <row r="14605" spans="1:3" x14ac:dyDescent="0.15">
      <c r="A14605">
        <v>10399</v>
      </c>
      <c r="B14605" t="s">
        <v>29153</v>
      </c>
      <c r="C14605" t="s">
        <v>29154</v>
      </c>
    </row>
    <row r="14606" spans="1:3" x14ac:dyDescent="0.15">
      <c r="A14606">
        <v>10398</v>
      </c>
      <c r="B14606" t="s">
        <v>29155</v>
      </c>
      <c r="C14606" t="s">
        <v>29156</v>
      </c>
    </row>
    <row r="14607" spans="1:3" x14ac:dyDescent="0.15">
      <c r="A14607">
        <v>10397</v>
      </c>
      <c r="B14607" t="s">
        <v>29157</v>
      </c>
      <c r="C14607" t="s">
        <v>29158</v>
      </c>
    </row>
    <row r="14608" spans="1:3" x14ac:dyDescent="0.15">
      <c r="A14608">
        <v>10396</v>
      </c>
      <c r="B14608" t="s">
        <v>29159</v>
      </c>
      <c r="C14608" t="s">
        <v>29160</v>
      </c>
    </row>
    <row r="14609" spans="1:3" x14ac:dyDescent="0.15">
      <c r="A14609">
        <v>10395</v>
      </c>
      <c r="B14609" t="s">
        <v>29161</v>
      </c>
      <c r="C14609" t="s">
        <v>29162</v>
      </c>
    </row>
    <row r="14610" spans="1:3" x14ac:dyDescent="0.15">
      <c r="A14610">
        <v>10394</v>
      </c>
      <c r="B14610" t="s">
        <v>29163</v>
      </c>
      <c r="C14610" t="s">
        <v>29164</v>
      </c>
    </row>
    <row r="14611" spans="1:3" x14ac:dyDescent="0.15">
      <c r="A14611">
        <v>10393</v>
      </c>
      <c r="B14611" t="s">
        <v>29165</v>
      </c>
      <c r="C14611" t="s">
        <v>29166</v>
      </c>
    </row>
    <row r="14612" spans="1:3" x14ac:dyDescent="0.15">
      <c r="A14612">
        <v>10392</v>
      </c>
      <c r="B14612" t="s">
        <v>29167</v>
      </c>
      <c r="C14612" t="s">
        <v>29168</v>
      </c>
    </row>
    <row r="14613" spans="1:3" x14ac:dyDescent="0.15">
      <c r="A14613">
        <v>10391</v>
      </c>
      <c r="B14613" t="s">
        <v>29169</v>
      </c>
      <c r="C14613" t="s">
        <v>29170</v>
      </c>
    </row>
    <row r="14614" spans="1:3" x14ac:dyDescent="0.15">
      <c r="A14614">
        <v>10390</v>
      </c>
      <c r="B14614" t="s">
        <v>29171</v>
      </c>
      <c r="C14614" t="s">
        <v>29172</v>
      </c>
    </row>
    <row r="14615" spans="1:3" x14ac:dyDescent="0.15">
      <c r="A14615">
        <v>10389</v>
      </c>
      <c r="B14615" t="s">
        <v>29173</v>
      </c>
      <c r="C14615" t="s">
        <v>29174</v>
      </c>
    </row>
    <row r="14616" spans="1:3" x14ac:dyDescent="0.15">
      <c r="A14616">
        <v>10388</v>
      </c>
      <c r="B14616" t="s">
        <v>29175</v>
      </c>
      <c r="C14616" t="s">
        <v>29176</v>
      </c>
    </row>
    <row r="14617" spans="1:3" x14ac:dyDescent="0.15">
      <c r="A14617">
        <v>10387</v>
      </c>
      <c r="B14617" t="s">
        <v>29177</v>
      </c>
      <c r="C14617" t="s">
        <v>29178</v>
      </c>
    </row>
    <row r="14618" spans="1:3" x14ac:dyDescent="0.15">
      <c r="A14618">
        <v>10386</v>
      </c>
      <c r="B14618" t="s">
        <v>29179</v>
      </c>
      <c r="C14618" t="s">
        <v>29180</v>
      </c>
    </row>
    <row r="14619" spans="1:3" x14ac:dyDescent="0.15">
      <c r="A14619">
        <v>10385</v>
      </c>
      <c r="B14619" t="s">
        <v>29181</v>
      </c>
      <c r="C14619" t="s">
        <v>29182</v>
      </c>
    </row>
    <row r="14620" spans="1:3" x14ac:dyDescent="0.15">
      <c r="A14620">
        <v>10384</v>
      </c>
      <c r="B14620" t="s">
        <v>29183</v>
      </c>
      <c r="C14620" t="s">
        <v>29184</v>
      </c>
    </row>
    <row r="14621" spans="1:3" x14ac:dyDescent="0.15">
      <c r="A14621">
        <v>10383</v>
      </c>
      <c r="B14621" t="s">
        <v>29185</v>
      </c>
      <c r="C14621" t="s">
        <v>29186</v>
      </c>
    </row>
    <row r="14622" spans="1:3" x14ac:dyDescent="0.15">
      <c r="A14622">
        <v>10382</v>
      </c>
      <c r="B14622" t="s">
        <v>29187</v>
      </c>
      <c r="C14622" t="s">
        <v>29188</v>
      </c>
    </row>
    <row r="14623" spans="1:3" x14ac:dyDescent="0.15">
      <c r="A14623">
        <v>10381</v>
      </c>
      <c r="B14623" t="s">
        <v>29189</v>
      </c>
      <c r="C14623" t="s">
        <v>29190</v>
      </c>
    </row>
    <row r="14624" spans="1:3" x14ac:dyDescent="0.15">
      <c r="A14624">
        <v>10380</v>
      </c>
      <c r="B14624" t="s">
        <v>29191</v>
      </c>
      <c r="C14624" t="s">
        <v>29192</v>
      </c>
    </row>
    <row r="14625" spans="1:3" x14ac:dyDescent="0.15">
      <c r="A14625">
        <v>10379</v>
      </c>
      <c r="B14625" t="s">
        <v>29193</v>
      </c>
      <c r="C14625" t="s">
        <v>29194</v>
      </c>
    </row>
    <row r="14626" spans="1:3" x14ac:dyDescent="0.15">
      <c r="A14626">
        <v>10378</v>
      </c>
      <c r="B14626" t="s">
        <v>29195</v>
      </c>
      <c r="C14626" t="s">
        <v>29196</v>
      </c>
    </row>
    <row r="14627" spans="1:3" x14ac:dyDescent="0.15">
      <c r="A14627">
        <v>10377</v>
      </c>
      <c r="B14627" t="s">
        <v>29197</v>
      </c>
      <c r="C14627" t="s">
        <v>29198</v>
      </c>
    </row>
    <row r="14628" spans="1:3" x14ac:dyDescent="0.15">
      <c r="A14628">
        <v>10376</v>
      </c>
      <c r="B14628" t="s">
        <v>29199</v>
      </c>
      <c r="C14628" t="s">
        <v>29200</v>
      </c>
    </row>
    <row r="14629" spans="1:3" x14ac:dyDescent="0.15">
      <c r="A14629">
        <v>10375</v>
      </c>
      <c r="B14629" t="s">
        <v>29201</v>
      </c>
      <c r="C14629" t="s">
        <v>29202</v>
      </c>
    </row>
    <row r="14630" spans="1:3" x14ac:dyDescent="0.15">
      <c r="A14630">
        <v>10374</v>
      </c>
      <c r="B14630" t="s">
        <v>29203</v>
      </c>
      <c r="C14630" t="s">
        <v>29204</v>
      </c>
    </row>
    <row r="14631" spans="1:3" x14ac:dyDescent="0.15">
      <c r="A14631">
        <v>10373</v>
      </c>
      <c r="B14631" t="s">
        <v>29205</v>
      </c>
      <c r="C14631" t="s">
        <v>29206</v>
      </c>
    </row>
    <row r="14632" spans="1:3" x14ac:dyDescent="0.15">
      <c r="A14632">
        <v>10372</v>
      </c>
      <c r="B14632" t="s">
        <v>29207</v>
      </c>
      <c r="C14632" t="s">
        <v>29208</v>
      </c>
    </row>
    <row r="14633" spans="1:3" x14ac:dyDescent="0.15">
      <c r="A14633">
        <v>10371</v>
      </c>
      <c r="B14633" t="s">
        <v>29209</v>
      </c>
      <c r="C14633" t="s">
        <v>29210</v>
      </c>
    </row>
    <row r="14634" spans="1:3" x14ac:dyDescent="0.15">
      <c r="A14634">
        <v>10370</v>
      </c>
      <c r="B14634" t="s">
        <v>29211</v>
      </c>
      <c r="C14634" t="s">
        <v>29212</v>
      </c>
    </row>
    <row r="14635" spans="1:3" x14ac:dyDescent="0.15">
      <c r="A14635">
        <v>10369</v>
      </c>
      <c r="B14635" t="s">
        <v>29213</v>
      </c>
      <c r="C14635" t="s">
        <v>29214</v>
      </c>
    </row>
    <row r="14636" spans="1:3" x14ac:dyDescent="0.15">
      <c r="A14636">
        <v>10368</v>
      </c>
      <c r="B14636" t="s">
        <v>29215</v>
      </c>
      <c r="C14636" t="s">
        <v>29216</v>
      </c>
    </row>
    <row r="14637" spans="1:3" x14ac:dyDescent="0.15">
      <c r="A14637">
        <v>10367</v>
      </c>
      <c r="B14637" t="s">
        <v>29217</v>
      </c>
      <c r="C14637" t="s">
        <v>29218</v>
      </c>
    </row>
    <row r="14638" spans="1:3" x14ac:dyDescent="0.15">
      <c r="A14638">
        <v>10366</v>
      </c>
      <c r="B14638" t="s">
        <v>29219</v>
      </c>
      <c r="C14638" t="s">
        <v>29220</v>
      </c>
    </row>
    <row r="14639" spans="1:3" x14ac:dyDescent="0.15">
      <c r="A14639">
        <v>10365</v>
      </c>
      <c r="B14639" t="s">
        <v>29221</v>
      </c>
      <c r="C14639" t="s">
        <v>29222</v>
      </c>
    </row>
    <row r="14640" spans="1:3" x14ac:dyDescent="0.15">
      <c r="A14640">
        <v>10364</v>
      </c>
      <c r="B14640" t="s">
        <v>29223</v>
      </c>
      <c r="C14640" t="s">
        <v>29224</v>
      </c>
    </row>
    <row r="14641" spans="1:3" x14ac:dyDescent="0.15">
      <c r="A14641">
        <v>10363</v>
      </c>
      <c r="B14641" t="s">
        <v>29225</v>
      </c>
      <c r="C14641" t="s">
        <v>29226</v>
      </c>
    </row>
    <row r="14642" spans="1:3" x14ac:dyDescent="0.15">
      <c r="A14642">
        <v>10362</v>
      </c>
      <c r="B14642" t="s">
        <v>29227</v>
      </c>
      <c r="C14642" t="s">
        <v>29228</v>
      </c>
    </row>
    <row r="14643" spans="1:3" x14ac:dyDescent="0.15">
      <c r="A14643">
        <v>10361</v>
      </c>
      <c r="B14643" t="s">
        <v>29229</v>
      </c>
      <c r="C14643" t="s">
        <v>29230</v>
      </c>
    </row>
    <row r="14644" spans="1:3" x14ac:dyDescent="0.15">
      <c r="A14644">
        <v>10360</v>
      </c>
      <c r="B14644" t="s">
        <v>29231</v>
      </c>
      <c r="C14644" t="s">
        <v>29232</v>
      </c>
    </row>
    <row r="14645" spans="1:3" x14ac:dyDescent="0.15">
      <c r="A14645">
        <v>10359</v>
      </c>
      <c r="B14645" t="s">
        <v>29233</v>
      </c>
      <c r="C14645" t="s">
        <v>29234</v>
      </c>
    </row>
    <row r="14646" spans="1:3" x14ac:dyDescent="0.15">
      <c r="A14646">
        <v>10358</v>
      </c>
      <c r="B14646" t="s">
        <v>29235</v>
      </c>
      <c r="C14646" t="s">
        <v>29236</v>
      </c>
    </row>
    <row r="14647" spans="1:3" x14ac:dyDescent="0.15">
      <c r="A14647">
        <v>10357</v>
      </c>
      <c r="B14647" t="s">
        <v>29237</v>
      </c>
      <c r="C14647" t="s">
        <v>29238</v>
      </c>
    </row>
    <row r="14648" spans="1:3" x14ac:dyDescent="0.15">
      <c r="A14648">
        <v>10356</v>
      </c>
      <c r="B14648" t="s">
        <v>29239</v>
      </c>
      <c r="C14648" t="s">
        <v>29240</v>
      </c>
    </row>
    <row r="14649" spans="1:3" x14ac:dyDescent="0.15">
      <c r="A14649">
        <v>10355</v>
      </c>
      <c r="B14649" t="s">
        <v>29241</v>
      </c>
      <c r="C14649" t="s">
        <v>29242</v>
      </c>
    </row>
    <row r="14650" spans="1:3" x14ac:dyDescent="0.15">
      <c r="A14650">
        <v>10354</v>
      </c>
      <c r="B14650" t="s">
        <v>29243</v>
      </c>
      <c r="C14650" t="s">
        <v>29244</v>
      </c>
    </row>
    <row r="14651" spans="1:3" x14ac:dyDescent="0.15">
      <c r="A14651">
        <v>10353</v>
      </c>
      <c r="B14651" t="s">
        <v>29245</v>
      </c>
      <c r="C14651" t="s">
        <v>29246</v>
      </c>
    </row>
    <row r="14652" spans="1:3" x14ac:dyDescent="0.15">
      <c r="A14652">
        <v>10352</v>
      </c>
      <c r="B14652" t="s">
        <v>29247</v>
      </c>
      <c r="C14652" t="s">
        <v>29248</v>
      </c>
    </row>
    <row r="14653" spans="1:3" x14ac:dyDescent="0.15">
      <c r="A14653">
        <v>10351</v>
      </c>
      <c r="B14653" t="s">
        <v>29249</v>
      </c>
      <c r="C14653" t="s">
        <v>29250</v>
      </c>
    </row>
    <row r="14654" spans="1:3" x14ac:dyDescent="0.15">
      <c r="A14654">
        <v>10350</v>
      </c>
      <c r="B14654" t="s">
        <v>29251</v>
      </c>
      <c r="C14654" t="s">
        <v>29252</v>
      </c>
    </row>
    <row r="14655" spans="1:3" x14ac:dyDescent="0.15">
      <c r="A14655">
        <v>10349</v>
      </c>
      <c r="B14655" t="s">
        <v>29253</v>
      </c>
      <c r="C14655" t="s">
        <v>29254</v>
      </c>
    </row>
    <row r="14656" spans="1:3" x14ac:dyDescent="0.15">
      <c r="A14656">
        <v>10348</v>
      </c>
      <c r="B14656" t="s">
        <v>29255</v>
      </c>
      <c r="C14656" t="s">
        <v>29256</v>
      </c>
    </row>
    <row r="14657" spans="1:3" x14ac:dyDescent="0.15">
      <c r="A14657">
        <v>10347</v>
      </c>
      <c r="B14657" t="s">
        <v>29257</v>
      </c>
      <c r="C14657" t="s">
        <v>29258</v>
      </c>
    </row>
    <row r="14658" spans="1:3" x14ac:dyDescent="0.15">
      <c r="A14658">
        <v>10346</v>
      </c>
      <c r="B14658" t="s">
        <v>29259</v>
      </c>
      <c r="C14658" t="s">
        <v>29260</v>
      </c>
    </row>
    <row r="14659" spans="1:3" x14ac:dyDescent="0.15">
      <c r="A14659">
        <v>10345</v>
      </c>
      <c r="B14659" t="s">
        <v>29261</v>
      </c>
      <c r="C14659" t="s">
        <v>29262</v>
      </c>
    </row>
    <row r="14660" spans="1:3" x14ac:dyDescent="0.15">
      <c r="A14660">
        <v>10344</v>
      </c>
      <c r="B14660" t="s">
        <v>29263</v>
      </c>
      <c r="C14660" t="s">
        <v>29264</v>
      </c>
    </row>
    <row r="14661" spans="1:3" x14ac:dyDescent="0.15">
      <c r="A14661">
        <v>10343</v>
      </c>
      <c r="B14661" t="s">
        <v>29265</v>
      </c>
      <c r="C14661" t="s">
        <v>29266</v>
      </c>
    </row>
    <row r="14662" spans="1:3" x14ac:dyDescent="0.15">
      <c r="A14662">
        <v>10342</v>
      </c>
      <c r="B14662" t="s">
        <v>29267</v>
      </c>
      <c r="C14662" t="s">
        <v>29268</v>
      </c>
    </row>
    <row r="14663" spans="1:3" x14ac:dyDescent="0.15">
      <c r="A14663">
        <v>10341</v>
      </c>
      <c r="B14663" t="s">
        <v>29269</v>
      </c>
      <c r="C14663" t="s">
        <v>29270</v>
      </c>
    </row>
    <row r="14664" spans="1:3" x14ac:dyDescent="0.15">
      <c r="A14664">
        <v>10340</v>
      </c>
      <c r="B14664" t="s">
        <v>29271</v>
      </c>
      <c r="C14664" t="s">
        <v>29272</v>
      </c>
    </row>
    <row r="14665" spans="1:3" x14ac:dyDescent="0.15">
      <c r="A14665">
        <v>10339</v>
      </c>
      <c r="B14665" t="s">
        <v>29273</v>
      </c>
      <c r="C14665" t="s">
        <v>29274</v>
      </c>
    </row>
    <row r="14666" spans="1:3" x14ac:dyDescent="0.15">
      <c r="A14666">
        <v>10338</v>
      </c>
      <c r="B14666" t="s">
        <v>29275</v>
      </c>
      <c r="C14666" t="s">
        <v>29276</v>
      </c>
    </row>
    <row r="14667" spans="1:3" x14ac:dyDescent="0.15">
      <c r="A14667">
        <v>10337</v>
      </c>
      <c r="B14667" t="s">
        <v>29277</v>
      </c>
      <c r="C14667" t="s">
        <v>29278</v>
      </c>
    </row>
    <row r="14668" spans="1:3" x14ac:dyDescent="0.15">
      <c r="A14668">
        <v>10336</v>
      </c>
      <c r="B14668" t="s">
        <v>29279</v>
      </c>
      <c r="C14668" t="s">
        <v>29280</v>
      </c>
    </row>
    <row r="14669" spans="1:3" x14ac:dyDescent="0.15">
      <c r="A14669">
        <v>10335</v>
      </c>
      <c r="B14669" t="s">
        <v>29281</v>
      </c>
      <c r="C14669" t="s">
        <v>29282</v>
      </c>
    </row>
    <row r="14670" spans="1:3" x14ac:dyDescent="0.15">
      <c r="A14670">
        <v>10334</v>
      </c>
      <c r="B14670" t="s">
        <v>29283</v>
      </c>
      <c r="C14670" t="s">
        <v>29284</v>
      </c>
    </row>
    <row r="14671" spans="1:3" x14ac:dyDescent="0.15">
      <c r="A14671">
        <v>10333</v>
      </c>
      <c r="B14671" t="s">
        <v>29285</v>
      </c>
      <c r="C14671" t="s">
        <v>29286</v>
      </c>
    </row>
    <row r="14672" spans="1:3" x14ac:dyDescent="0.15">
      <c r="A14672">
        <v>10332</v>
      </c>
      <c r="B14672" t="s">
        <v>29287</v>
      </c>
      <c r="C14672" t="s">
        <v>29288</v>
      </c>
    </row>
    <row r="14673" spans="1:3" x14ac:dyDescent="0.15">
      <c r="A14673">
        <v>10331</v>
      </c>
      <c r="B14673" t="s">
        <v>29289</v>
      </c>
      <c r="C14673" t="s">
        <v>29290</v>
      </c>
    </row>
    <row r="14674" spans="1:3" x14ac:dyDescent="0.15">
      <c r="A14674">
        <v>10330</v>
      </c>
      <c r="B14674" t="s">
        <v>29291</v>
      </c>
      <c r="C14674" t="s">
        <v>29292</v>
      </c>
    </row>
    <row r="14675" spans="1:3" x14ac:dyDescent="0.15">
      <c r="A14675">
        <v>10329</v>
      </c>
      <c r="B14675" t="s">
        <v>29293</v>
      </c>
      <c r="C14675" t="s">
        <v>29294</v>
      </c>
    </row>
    <row r="14676" spans="1:3" x14ac:dyDescent="0.15">
      <c r="A14676">
        <v>10328</v>
      </c>
      <c r="B14676" t="s">
        <v>29295</v>
      </c>
      <c r="C14676" t="s">
        <v>29296</v>
      </c>
    </row>
    <row r="14677" spans="1:3" x14ac:dyDescent="0.15">
      <c r="A14677">
        <v>10327</v>
      </c>
      <c r="B14677" t="s">
        <v>29297</v>
      </c>
      <c r="C14677" t="s">
        <v>29298</v>
      </c>
    </row>
    <row r="14678" spans="1:3" x14ac:dyDescent="0.15">
      <c r="A14678">
        <v>10326</v>
      </c>
      <c r="B14678" t="s">
        <v>29299</v>
      </c>
      <c r="C14678" t="s">
        <v>29300</v>
      </c>
    </row>
    <row r="14679" spans="1:3" x14ac:dyDescent="0.15">
      <c r="A14679">
        <v>10325</v>
      </c>
      <c r="B14679" t="s">
        <v>29301</v>
      </c>
      <c r="C14679" t="s">
        <v>29302</v>
      </c>
    </row>
    <row r="14680" spans="1:3" x14ac:dyDescent="0.15">
      <c r="A14680">
        <v>10324</v>
      </c>
      <c r="B14680" t="s">
        <v>29303</v>
      </c>
      <c r="C14680" t="s">
        <v>29304</v>
      </c>
    </row>
    <row r="14681" spans="1:3" x14ac:dyDescent="0.15">
      <c r="A14681">
        <v>10323</v>
      </c>
      <c r="B14681" t="s">
        <v>29305</v>
      </c>
      <c r="C14681" t="s">
        <v>29306</v>
      </c>
    </row>
    <row r="14682" spans="1:3" x14ac:dyDescent="0.15">
      <c r="A14682">
        <v>10322</v>
      </c>
      <c r="B14682" t="s">
        <v>29307</v>
      </c>
      <c r="C14682" t="s">
        <v>29308</v>
      </c>
    </row>
    <row r="14683" spans="1:3" x14ac:dyDescent="0.15">
      <c r="A14683">
        <v>10321</v>
      </c>
      <c r="B14683" t="s">
        <v>29309</v>
      </c>
      <c r="C14683" t="s">
        <v>29310</v>
      </c>
    </row>
    <row r="14684" spans="1:3" x14ac:dyDescent="0.15">
      <c r="A14684">
        <v>10320</v>
      </c>
      <c r="B14684" t="s">
        <v>29311</v>
      </c>
      <c r="C14684" t="s">
        <v>29312</v>
      </c>
    </row>
    <row r="14685" spans="1:3" x14ac:dyDescent="0.15">
      <c r="A14685">
        <v>10319</v>
      </c>
      <c r="B14685" t="s">
        <v>29313</v>
      </c>
      <c r="C14685" t="s">
        <v>29314</v>
      </c>
    </row>
    <row r="14686" spans="1:3" x14ac:dyDescent="0.15">
      <c r="A14686">
        <v>10318</v>
      </c>
      <c r="B14686" t="s">
        <v>29315</v>
      </c>
      <c r="C14686" t="s">
        <v>29316</v>
      </c>
    </row>
    <row r="14687" spans="1:3" x14ac:dyDescent="0.15">
      <c r="A14687">
        <v>10317</v>
      </c>
      <c r="B14687" t="s">
        <v>29317</v>
      </c>
      <c r="C14687" t="s">
        <v>29318</v>
      </c>
    </row>
    <row r="14688" spans="1:3" x14ac:dyDescent="0.15">
      <c r="A14688">
        <v>10316</v>
      </c>
      <c r="B14688" t="s">
        <v>29319</v>
      </c>
      <c r="C14688" t="s">
        <v>29320</v>
      </c>
    </row>
    <row r="14689" spans="1:3" x14ac:dyDescent="0.15">
      <c r="A14689">
        <v>10315</v>
      </c>
      <c r="B14689" t="s">
        <v>29321</v>
      </c>
      <c r="C14689" t="s">
        <v>29322</v>
      </c>
    </row>
    <row r="14690" spans="1:3" x14ac:dyDescent="0.15">
      <c r="A14690">
        <v>10314</v>
      </c>
      <c r="B14690" t="s">
        <v>29323</v>
      </c>
      <c r="C14690" t="s">
        <v>29324</v>
      </c>
    </row>
    <row r="14691" spans="1:3" x14ac:dyDescent="0.15">
      <c r="A14691">
        <v>10313</v>
      </c>
      <c r="B14691" t="s">
        <v>29325</v>
      </c>
      <c r="C14691" t="s">
        <v>29326</v>
      </c>
    </row>
    <row r="14692" spans="1:3" x14ac:dyDescent="0.15">
      <c r="A14692">
        <v>10312</v>
      </c>
      <c r="B14692" t="s">
        <v>29327</v>
      </c>
      <c r="C14692" t="s">
        <v>29328</v>
      </c>
    </row>
    <row r="14693" spans="1:3" x14ac:dyDescent="0.15">
      <c r="A14693">
        <v>10311</v>
      </c>
      <c r="B14693" t="s">
        <v>29329</v>
      </c>
      <c r="C14693" t="s">
        <v>29330</v>
      </c>
    </row>
    <row r="14694" spans="1:3" x14ac:dyDescent="0.15">
      <c r="A14694">
        <v>10310</v>
      </c>
      <c r="B14694" t="s">
        <v>29331</v>
      </c>
      <c r="C14694" t="s">
        <v>29332</v>
      </c>
    </row>
    <row r="14695" spans="1:3" x14ac:dyDescent="0.15">
      <c r="A14695">
        <v>10309</v>
      </c>
      <c r="B14695" t="s">
        <v>29333</v>
      </c>
      <c r="C14695" t="s">
        <v>29334</v>
      </c>
    </row>
    <row r="14696" spans="1:3" x14ac:dyDescent="0.15">
      <c r="A14696">
        <v>10308</v>
      </c>
      <c r="B14696" t="s">
        <v>29335</v>
      </c>
      <c r="C14696" t="s">
        <v>29336</v>
      </c>
    </row>
    <row r="14697" spans="1:3" x14ac:dyDescent="0.15">
      <c r="A14697">
        <v>10307</v>
      </c>
      <c r="B14697" t="s">
        <v>29337</v>
      </c>
      <c r="C14697" t="s">
        <v>29338</v>
      </c>
    </row>
    <row r="14698" spans="1:3" x14ac:dyDescent="0.15">
      <c r="A14698">
        <v>10306</v>
      </c>
      <c r="B14698" t="s">
        <v>29339</v>
      </c>
      <c r="C14698" t="s">
        <v>29340</v>
      </c>
    </row>
    <row r="14699" spans="1:3" x14ac:dyDescent="0.15">
      <c r="A14699">
        <v>10305</v>
      </c>
      <c r="B14699" t="s">
        <v>29341</v>
      </c>
      <c r="C14699" t="s">
        <v>29342</v>
      </c>
    </row>
    <row r="14700" spans="1:3" x14ac:dyDescent="0.15">
      <c r="A14700">
        <v>10304</v>
      </c>
      <c r="B14700" t="s">
        <v>29343</v>
      </c>
      <c r="C14700" t="s">
        <v>29344</v>
      </c>
    </row>
    <row r="14701" spans="1:3" x14ac:dyDescent="0.15">
      <c r="A14701">
        <v>10303</v>
      </c>
      <c r="B14701" t="s">
        <v>29345</v>
      </c>
      <c r="C14701" t="s">
        <v>29346</v>
      </c>
    </row>
    <row r="14702" spans="1:3" x14ac:dyDescent="0.15">
      <c r="A14702">
        <v>10302</v>
      </c>
      <c r="B14702" t="s">
        <v>29347</v>
      </c>
      <c r="C14702" t="s">
        <v>29348</v>
      </c>
    </row>
    <row r="14703" spans="1:3" x14ac:dyDescent="0.15">
      <c r="A14703">
        <v>10301</v>
      </c>
      <c r="B14703" t="s">
        <v>29349</v>
      </c>
      <c r="C14703" t="s">
        <v>29350</v>
      </c>
    </row>
    <row r="14704" spans="1:3" x14ac:dyDescent="0.15">
      <c r="A14704">
        <v>10300</v>
      </c>
      <c r="B14704" t="s">
        <v>29351</v>
      </c>
      <c r="C14704" t="s">
        <v>29352</v>
      </c>
    </row>
    <row r="14705" spans="1:3" x14ac:dyDescent="0.15">
      <c r="A14705">
        <v>10299</v>
      </c>
      <c r="B14705" t="s">
        <v>29353</v>
      </c>
      <c r="C14705" t="s">
        <v>29354</v>
      </c>
    </row>
    <row r="14706" spans="1:3" x14ac:dyDescent="0.15">
      <c r="A14706">
        <v>10298</v>
      </c>
      <c r="B14706" t="s">
        <v>29355</v>
      </c>
      <c r="C14706" t="s">
        <v>29356</v>
      </c>
    </row>
    <row r="14707" spans="1:3" x14ac:dyDescent="0.15">
      <c r="A14707">
        <v>10297</v>
      </c>
      <c r="B14707" t="s">
        <v>29357</v>
      </c>
      <c r="C14707" t="s">
        <v>29358</v>
      </c>
    </row>
    <row r="14708" spans="1:3" x14ac:dyDescent="0.15">
      <c r="A14708">
        <v>10296</v>
      </c>
      <c r="B14708" t="s">
        <v>29359</v>
      </c>
      <c r="C14708" t="s">
        <v>29360</v>
      </c>
    </row>
    <row r="14709" spans="1:3" x14ac:dyDescent="0.15">
      <c r="A14709">
        <v>10295</v>
      </c>
      <c r="B14709" t="s">
        <v>29361</v>
      </c>
      <c r="C14709" t="s">
        <v>29362</v>
      </c>
    </row>
    <row r="14710" spans="1:3" x14ac:dyDescent="0.15">
      <c r="A14710">
        <v>10294</v>
      </c>
      <c r="B14710" t="s">
        <v>29363</v>
      </c>
      <c r="C14710" t="s">
        <v>29364</v>
      </c>
    </row>
    <row r="14711" spans="1:3" x14ac:dyDescent="0.15">
      <c r="A14711">
        <v>10293</v>
      </c>
      <c r="B14711" t="s">
        <v>29365</v>
      </c>
      <c r="C14711" t="s">
        <v>29366</v>
      </c>
    </row>
    <row r="14712" spans="1:3" x14ac:dyDescent="0.15">
      <c r="A14712">
        <v>10292</v>
      </c>
      <c r="B14712" t="s">
        <v>29367</v>
      </c>
      <c r="C14712" t="s">
        <v>29368</v>
      </c>
    </row>
    <row r="14713" spans="1:3" x14ac:dyDescent="0.15">
      <c r="A14713">
        <v>10291</v>
      </c>
      <c r="B14713" t="s">
        <v>29369</v>
      </c>
      <c r="C14713" t="s">
        <v>29370</v>
      </c>
    </row>
    <row r="14714" spans="1:3" x14ac:dyDescent="0.15">
      <c r="A14714">
        <v>10290</v>
      </c>
      <c r="B14714" t="s">
        <v>29371</v>
      </c>
      <c r="C14714" t="s">
        <v>29372</v>
      </c>
    </row>
    <row r="14715" spans="1:3" x14ac:dyDescent="0.15">
      <c r="A14715">
        <v>10289</v>
      </c>
      <c r="B14715" t="s">
        <v>29373</v>
      </c>
      <c r="C14715" t="s">
        <v>29374</v>
      </c>
    </row>
    <row r="14716" spans="1:3" x14ac:dyDescent="0.15">
      <c r="A14716">
        <v>10288</v>
      </c>
      <c r="B14716" t="s">
        <v>29375</v>
      </c>
      <c r="C14716" t="s">
        <v>29376</v>
      </c>
    </row>
    <row r="14717" spans="1:3" x14ac:dyDescent="0.15">
      <c r="A14717">
        <v>10287</v>
      </c>
      <c r="B14717" t="s">
        <v>29377</v>
      </c>
      <c r="C14717" t="s">
        <v>29378</v>
      </c>
    </row>
    <row r="14718" spans="1:3" x14ac:dyDescent="0.15">
      <c r="A14718">
        <v>10286</v>
      </c>
      <c r="B14718" t="s">
        <v>29379</v>
      </c>
      <c r="C14718" t="s">
        <v>29380</v>
      </c>
    </row>
    <row r="14719" spans="1:3" x14ac:dyDescent="0.15">
      <c r="A14719">
        <v>10285</v>
      </c>
      <c r="B14719" t="s">
        <v>29381</v>
      </c>
      <c r="C14719" t="s">
        <v>29382</v>
      </c>
    </row>
    <row r="14720" spans="1:3" x14ac:dyDescent="0.15">
      <c r="A14720">
        <v>10284</v>
      </c>
      <c r="B14720" t="s">
        <v>29383</v>
      </c>
      <c r="C14720" t="s">
        <v>29384</v>
      </c>
    </row>
    <row r="14721" spans="1:3" x14ac:dyDescent="0.15">
      <c r="A14721">
        <v>10283</v>
      </c>
      <c r="B14721" t="s">
        <v>29385</v>
      </c>
      <c r="C14721" t="s">
        <v>29386</v>
      </c>
    </row>
    <row r="14722" spans="1:3" x14ac:dyDescent="0.15">
      <c r="A14722">
        <v>10282</v>
      </c>
      <c r="B14722" t="s">
        <v>29387</v>
      </c>
      <c r="C14722" t="s">
        <v>29388</v>
      </c>
    </row>
    <row r="14723" spans="1:3" x14ac:dyDescent="0.15">
      <c r="A14723">
        <v>10281</v>
      </c>
      <c r="B14723" t="s">
        <v>29389</v>
      </c>
      <c r="C14723" t="s">
        <v>29390</v>
      </c>
    </row>
    <row r="14724" spans="1:3" x14ac:dyDescent="0.15">
      <c r="A14724">
        <v>10280</v>
      </c>
      <c r="B14724" t="s">
        <v>29391</v>
      </c>
      <c r="C14724" t="s">
        <v>29392</v>
      </c>
    </row>
    <row r="14725" spans="1:3" x14ac:dyDescent="0.15">
      <c r="A14725">
        <v>10279</v>
      </c>
      <c r="B14725" t="s">
        <v>29393</v>
      </c>
      <c r="C14725" t="s">
        <v>29394</v>
      </c>
    </row>
    <row r="14726" spans="1:3" x14ac:dyDescent="0.15">
      <c r="A14726">
        <v>10278</v>
      </c>
      <c r="B14726" t="s">
        <v>29395</v>
      </c>
      <c r="C14726" t="s">
        <v>29396</v>
      </c>
    </row>
    <row r="14727" spans="1:3" x14ac:dyDescent="0.15">
      <c r="A14727">
        <v>10277</v>
      </c>
      <c r="B14727" t="s">
        <v>29397</v>
      </c>
      <c r="C14727" t="s">
        <v>29398</v>
      </c>
    </row>
    <row r="14728" spans="1:3" x14ac:dyDescent="0.15">
      <c r="A14728">
        <v>10276</v>
      </c>
      <c r="B14728" t="s">
        <v>29399</v>
      </c>
      <c r="C14728" t="s">
        <v>29400</v>
      </c>
    </row>
    <row r="14729" spans="1:3" x14ac:dyDescent="0.15">
      <c r="A14729">
        <v>10275</v>
      </c>
      <c r="B14729" t="s">
        <v>29401</v>
      </c>
      <c r="C14729" t="s">
        <v>29402</v>
      </c>
    </row>
    <row r="14730" spans="1:3" x14ac:dyDescent="0.15">
      <c r="A14730">
        <v>10274</v>
      </c>
      <c r="B14730" t="s">
        <v>29403</v>
      </c>
      <c r="C14730" t="s">
        <v>29404</v>
      </c>
    </row>
    <row r="14731" spans="1:3" x14ac:dyDescent="0.15">
      <c r="A14731">
        <v>10273</v>
      </c>
      <c r="B14731" t="s">
        <v>29405</v>
      </c>
      <c r="C14731" t="s">
        <v>29406</v>
      </c>
    </row>
    <row r="14732" spans="1:3" x14ac:dyDescent="0.15">
      <c r="A14732">
        <v>10272</v>
      </c>
      <c r="B14732" t="s">
        <v>29407</v>
      </c>
      <c r="C14732" t="s">
        <v>29408</v>
      </c>
    </row>
    <row r="14733" spans="1:3" x14ac:dyDescent="0.15">
      <c r="A14733">
        <v>10271</v>
      </c>
      <c r="B14733" t="s">
        <v>29409</v>
      </c>
      <c r="C14733" t="s">
        <v>29410</v>
      </c>
    </row>
    <row r="14734" spans="1:3" x14ac:dyDescent="0.15">
      <c r="A14734">
        <v>10270</v>
      </c>
      <c r="B14734" t="s">
        <v>29411</v>
      </c>
      <c r="C14734" t="s">
        <v>29412</v>
      </c>
    </row>
    <row r="14735" spans="1:3" x14ac:dyDescent="0.15">
      <c r="A14735">
        <v>10269</v>
      </c>
      <c r="B14735" t="s">
        <v>29413</v>
      </c>
      <c r="C14735" t="s">
        <v>29414</v>
      </c>
    </row>
    <row r="14736" spans="1:3" x14ac:dyDescent="0.15">
      <c r="A14736">
        <v>10268</v>
      </c>
      <c r="B14736" t="s">
        <v>29415</v>
      </c>
      <c r="C14736" t="s">
        <v>29416</v>
      </c>
    </row>
    <row r="14737" spans="1:3" x14ac:dyDescent="0.15">
      <c r="A14737">
        <v>10267</v>
      </c>
      <c r="B14737" t="s">
        <v>29417</v>
      </c>
      <c r="C14737" t="s">
        <v>29418</v>
      </c>
    </row>
    <row r="14738" spans="1:3" x14ac:dyDescent="0.15">
      <c r="A14738">
        <v>10266</v>
      </c>
      <c r="B14738" t="s">
        <v>29419</v>
      </c>
      <c r="C14738" t="s">
        <v>29420</v>
      </c>
    </row>
    <row r="14739" spans="1:3" x14ac:dyDescent="0.15">
      <c r="A14739">
        <v>10265</v>
      </c>
      <c r="B14739" t="s">
        <v>29421</v>
      </c>
      <c r="C14739" t="s">
        <v>29422</v>
      </c>
    </row>
    <row r="14740" spans="1:3" x14ac:dyDescent="0.15">
      <c r="A14740">
        <v>10264</v>
      </c>
      <c r="B14740" t="s">
        <v>29423</v>
      </c>
      <c r="C14740" t="s">
        <v>29424</v>
      </c>
    </row>
    <row r="14741" spans="1:3" x14ac:dyDescent="0.15">
      <c r="A14741">
        <v>10263</v>
      </c>
      <c r="B14741" t="s">
        <v>29425</v>
      </c>
      <c r="C14741" t="s">
        <v>29426</v>
      </c>
    </row>
    <row r="14742" spans="1:3" x14ac:dyDescent="0.15">
      <c r="A14742">
        <v>10262</v>
      </c>
      <c r="B14742" t="s">
        <v>29427</v>
      </c>
      <c r="C14742" t="s">
        <v>29428</v>
      </c>
    </row>
    <row r="14743" spans="1:3" x14ac:dyDescent="0.15">
      <c r="A14743">
        <v>10261</v>
      </c>
      <c r="B14743" t="s">
        <v>29429</v>
      </c>
      <c r="C14743" t="s">
        <v>29430</v>
      </c>
    </row>
    <row r="14744" spans="1:3" x14ac:dyDescent="0.15">
      <c r="A14744">
        <v>10260</v>
      </c>
      <c r="B14744" t="s">
        <v>29431</v>
      </c>
      <c r="C14744" t="s">
        <v>29432</v>
      </c>
    </row>
    <row r="14745" spans="1:3" x14ac:dyDescent="0.15">
      <c r="A14745">
        <v>10259</v>
      </c>
      <c r="B14745" t="s">
        <v>29433</v>
      </c>
      <c r="C14745" t="s">
        <v>29434</v>
      </c>
    </row>
    <row r="14746" spans="1:3" x14ac:dyDescent="0.15">
      <c r="A14746">
        <v>10258</v>
      </c>
      <c r="B14746" t="s">
        <v>29435</v>
      </c>
      <c r="C14746" t="s">
        <v>29436</v>
      </c>
    </row>
    <row r="14747" spans="1:3" x14ac:dyDescent="0.15">
      <c r="A14747">
        <v>10257</v>
      </c>
      <c r="B14747" t="s">
        <v>29437</v>
      </c>
      <c r="C14747" t="s">
        <v>29438</v>
      </c>
    </row>
    <row r="14748" spans="1:3" x14ac:dyDescent="0.15">
      <c r="A14748">
        <v>10256</v>
      </c>
      <c r="B14748" t="s">
        <v>29439</v>
      </c>
      <c r="C14748" t="s">
        <v>29440</v>
      </c>
    </row>
    <row r="14749" spans="1:3" x14ac:dyDescent="0.15">
      <c r="A14749">
        <v>10255</v>
      </c>
      <c r="B14749" t="s">
        <v>29441</v>
      </c>
      <c r="C14749" t="s">
        <v>29442</v>
      </c>
    </row>
    <row r="14750" spans="1:3" x14ac:dyDescent="0.15">
      <c r="A14750">
        <v>10254</v>
      </c>
      <c r="B14750" t="s">
        <v>29443</v>
      </c>
      <c r="C14750" t="s">
        <v>29444</v>
      </c>
    </row>
    <row r="14751" spans="1:3" x14ac:dyDescent="0.15">
      <c r="A14751">
        <v>10253</v>
      </c>
      <c r="B14751" t="s">
        <v>29445</v>
      </c>
      <c r="C14751" t="s">
        <v>29446</v>
      </c>
    </row>
    <row r="14752" spans="1:3" x14ac:dyDescent="0.15">
      <c r="A14752">
        <v>10252</v>
      </c>
      <c r="B14752" t="s">
        <v>29447</v>
      </c>
      <c r="C14752" t="s">
        <v>29448</v>
      </c>
    </row>
    <row r="14753" spans="1:3" x14ac:dyDescent="0.15">
      <c r="A14753">
        <v>10251</v>
      </c>
      <c r="B14753" t="s">
        <v>29449</v>
      </c>
      <c r="C14753" t="s">
        <v>29450</v>
      </c>
    </row>
    <row r="14754" spans="1:3" x14ac:dyDescent="0.15">
      <c r="A14754">
        <v>10250</v>
      </c>
      <c r="B14754" t="s">
        <v>29451</v>
      </c>
      <c r="C14754" t="s">
        <v>29452</v>
      </c>
    </row>
    <row r="14755" spans="1:3" x14ac:dyDescent="0.15">
      <c r="A14755">
        <v>10249</v>
      </c>
      <c r="B14755" t="s">
        <v>29453</v>
      </c>
      <c r="C14755" t="s">
        <v>29454</v>
      </c>
    </row>
    <row r="14756" spans="1:3" x14ac:dyDescent="0.15">
      <c r="A14756">
        <v>10248</v>
      </c>
      <c r="B14756" t="s">
        <v>29455</v>
      </c>
      <c r="C14756" t="s">
        <v>29456</v>
      </c>
    </row>
    <row r="14757" spans="1:3" x14ac:dyDescent="0.15">
      <c r="A14757">
        <v>10247</v>
      </c>
      <c r="B14757" t="s">
        <v>29457</v>
      </c>
      <c r="C14757" t="s">
        <v>29458</v>
      </c>
    </row>
    <row r="14758" spans="1:3" x14ac:dyDescent="0.15">
      <c r="A14758">
        <v>10246</v>
      </c>
      <c r="B14758" t="s">
        <v>29459</v>
      </c>
      <c r="C14758" t="s">
        <v>29460</v>
      </c>
    </row>
    <row r="14759" spans="1:3" x14ac:dyDescent="0.15">
      <c r="A14759">
        <v>10245</v>
      </c>
      <c r="B14759" t="s">
        <v>29461</v>
      </c>
      <c r="C14759" t="s">
        <v>29462</v>
      </c>
    </row>
    <row r="14760" spans="1:3" x14ac:dyDescent="0.15">
      <c r="A14760">
        <v>10244</v>
      </c>
      <c r="B14760" t="s">
        <v>29463</v>
      </c>
      <c r="C14760" t="s">
        <v>29464</v>
      </c>
    </row>
    <row r="14761" spans="1:3" x14ac:dyDescent="0.15">
      <c r="A14761">
        <v>10243</v>
      </c>
      <c r="B14761" t="s">
        <v>29465</v>
      </c>
      <c r="C14761" t="s">
        <v>29466</v>
      </c>
    </row>
    <row r="14762" spans="1:3" x14ac:dyDescent="0.15">
      <c r="A14762">
        <v>10242</v>
      </c>
      <c r="B14762" t="s">
        <v>29467</v>
      </c>
      <c r="C14762" t="s">
        <v>29468</v>
      </c>
    </row>
    <row r="14763" spans="1:3" x14ac:dyDescent="0.15">
      <c r="A14763">
        <v>10241</v>
      </c>
      <c r="B14763" t="s">
        <v>29469</v>
      </c>
      <c r="C14763" t="s">
        <v>29470</v>
      </c>
    </row>
    <row r="14764" spans="1:3" x14ac:dyDescent="0.15">
      <c r="A14764">
        <v>10240</v>
      </c>
      <c r="B14764" t="s">
        <v>29471</v>
      </c>
      <c r="C14764" t="s">
        <v>29472</v>
      </c>
    </row>
    <row r="14765" spans="1:3" x14ac:dyDescent="0.15">
      <c r="A14765">
        <v>10239</v>
      </c>
      <c r="B14765" t="s">
        <v>29473</v>
      </c>
      <c r="C14765" t="s">
        <v>29474</v>
      </c>
    </row>
    <row r="14766" spans="1:3" x14ac:dyDescent="0.15">
      <c r="A14766">
        <v>10238</v>
      </c>
      <c r="B14766" t="s">
        <v>29475</v>
      </c>
      <c r="C14766" t="s">
        <v>29476</v>
      </c>
    </row>
    <row r="14767" spans="1:3" x14ac:dyDescent="0.15">
      <c r="A14767">
        <v>10237</v>
      </c>
      <c r="B14767" t="s">
        <v>29477</v>
      </c>
      <c r="C14767" t="s">
        <v>29478</v>
      </c>
    </row>
    <row r="14768" spans="1:3" x14ac:dyDescent="0.15">
      <c r="A14768">
        <v>10236</v>
      </c>
      <c r="B14768" t="s">
        <v>29479</v>
      </c>
      <c r="C14768" t="s">
        <v>29480</v>
      </c>
    </row>
    <row r="14769" spans="1:3" x14ac:dyDescent="0.15">
      <c r="A14769">
        <v>10235</v>
      </c>
      <c r="B14769" t="s">
        <v>29481</v>
      </c>
      <c r="C14769" t="s">
        <v>29482</v>
      </c>
    </row>
    <row r="14770" spans="1:3" x14ac:dyDescent="0.15">
      <c r="A14770">
        <v>10234</v>
      </c>
      <c r="B14770" t="s">
        <v>29483</v>
      </c>
      <c r="C14770" t="s">
        <v>29484</v>
      </c>
    </row>
    <row r="14771" spans="1:3" x14ac:dyDescent="0.15">
      <c r="A14771">
        <v>10233</v>
      </c>
      <c r="B14771" t="s">
        <v>29485</v>
      </c>
      <c r="C14771" t="s">
        <v>29486</v>
      </c>
    </row>
    <row r="14772" spans="1:3" x14ac:dyDescent="0.15">
      <c r="A14772">
        <v>10232</v>
      </c>
      <c r="B14772" t="s">
        <v>29487</v>
      </c>
      <c r="C14772" t="s">
        <v>29488</v>
      </c>
    </row>
    <row r="14773" spans="1:3" x14ac:dyDescent="0.15">
      <c r="A14773">
        <v>10231</v>
      </c>
      <c r="B14773" t="s">
        <v>29489</v>
      </c>
      <c r="C14773" t="s">
        <v>29490</v>
      </c>
    </row>
    <row r="14774" spans="1:3" x14ac:dyDescent="0.15">
      <c r="A14774">
        <v>10230</v>
      </c>
      <c r="B14774" t="s">
        <v>29491</v>
      </c>
      <c r="C14774" t="s">
        <v>29492</v>
      </c>
    </row>
    <row r="14775" spans="1:3" x14ac:dyDescent="0.15">
      <c r="A14775">
        <v>10229</v>
      </c>
      <c r="B14775" t="s">
        <v>29493</v>
      </c>
      <c r="C14775" t="s">
        <v>29494</v>
      </c>
    </row>
    <row r="14776" spans="1:3" x14ac:dyDescent="0.15">
      <c r="A14776">
        <v>10228</v>
      </c>
      <c r="B14776" t="s">
        <v>29495</v>
      </c>
      <c r="C14776" t="s">
        <v>29496</v>
      </c>
    </row>
    <row r="14777" spans="1:3" x14ac:dyDescent="0.15">
      <c r="A14777">
        <v>10227</v>
      </c>
      <c r="B14777" t="s">
        <v>29497</v>
      </c>
      <c r="C14777" t="s">
        <v>29498</v>
      </c>
    </row>
    <row r="14778" spans="1:3" x14ac:dyDescent="0.15">
      <c r="A14778">
        <v>10226</v>
      </c>
      <c r="B14778" t="s">
        <v>29499</v>
      </c>
      <c r="C14778" t="s">
        <v>29500</v>
      </c>
    </row>
    <row r="14779" spans="1:3" x14ac:dyDescent="0.15">
      <c r="A14779">
        <v>10225</v>
      </c>
      <c r="B14779" t="s">
        <v>29501</v>
      </c>
      <c r="C14779" t="s">
        <v>29502</v>
      </c>
    </row>
    <row r="14780" spans="1:3" x14ac:dyDescent="0.15">
      <c r="A14780">
        <v>10224</v>
      </c>
      <c r="B14780" t="s">
        <v>29503</v>
      </c>
      <c r="C14780" t="s">
        <v>29504</v>
      </c>
    </row>
    <row r="14781" spans="1:3" x14ac:dyDescent="0.15">
      <c r="A14781">
        <v>10223</v>
      </c>
      <c r="B14781" t="s">
        <v>29505</v>
      </c>
      <c r="C14781" t="s">
        <v>29506</v>
      </c>
    </row>
    <row r="14782" spans="1:3" x14ac:dyDescent="0.15">
      <c r="A14782">
        <v>10222</v>
      </c>
      <c r="B14782" t="s">
        <v>29507</v>
      </c>
      <c r="C14782" t="s">
        <v>29508</v>
      </c>
    </row>
    <row r="14783" spans="1:3" x14ac:dyDescent="0.15">
      <c r="A14783">
        <v>10221</v>
      </c>
      <c r="B14783" t="s">
        <v>29509</v>
      </c>
      <c r="C14783" t="s">
        <v>29510</v>
      </c>
    </row>
    <row r="14784" spans="1:3" x14ac:dyDescent="0.15">
      <c r="A14784">
        <v>10220</v>
      </c>
      <c r="B14784" t="s">
        <v>29511</v>
      </c>
      <c r="C14784" t="s">
        <v>29512</v>
      </c>
    </row>
    <row r="14785" spans="1:3" x14ac:dyDescent="0.15">
      <c r="A14785">
        <v>10219</v>
      </c>
      <c r="B14785" t="s">
        <v>29513</v>
      </c>
      <c r="C14785" t="s">
        <v>29514</v>
      </c>
    </row>
    <row r="14786" spans="1:3" x14ac:dyDescent="0.15">
      <c r="A14786">
        <v>10218</v>
      </c>
      <c r="B14786" t="s">
        <v>29515</v>
      </c>
      <c r="C14786" t="s">
        <v>29516</v>
      </c>
    </row>
    <row r="14787" spans="1:3" x14ac:dyDescent="0.15">
      <c r="A14787">
        <v>10217</v>
      </c>
      <c r="B14787" t="s">
        <v>29517</v>
      </c>
      <c r="C14787" t="s">
        <v>29518</v>
      </c>
    </row>
    <row r="14788" spans="1:3" x14ac:dyDescent="0.15">
      <c r="A14788">
        <v>10216</v>
      </c>
      <c r="B14788" t="s">
        <v>29519</v>
      </c>
      <c r="C14788" t="s">
        <v>29520</v>
      </c>
    </row>
    <row r="14789" spans="1:3" x14ac:dyDescent="0.15">
      <c r="A14789">
        <v>10215</v>
      </c>
      <c r="B14789" t="s">
        <v>29521</v>
      </c>
      <c r="C14789" t="s">
        <v>29522</v>
      </c>
    </row>
    <row r="14790" spans="1:3" x14ac:dyDescent="0.15">
      <c r="A14790">
        <v>10214</v>
      </c>
      <c r="B14790" t="s">
        <v>29523</v>
      </c>
      <c r="C14790" t="s">
        <v>29524</v>
      </c>
    </row>
    <row r="14791" spans="1:3" x14ac:dyDescent="0.15">
      <c r="A14791">
        <v>10213</v>
      </c>
      <c r="B14791" t="s">
        <v>29525</v>
      </c>
      <c r="C14791" t="s">
        <v>29526</v>
      </c>
    </row>
    <row r="14792" spans="1:3" x14ac:dyDescent="0.15">
      <c r="A14792">
        <v>10212</v>
      </c>
      <c r="B14792" t="s">
        <v>29527</v>
      </c>
      <c r="C14792" t="s">
        <v>29528</v>
      </c>
    </row>
    <row r="14793" spans="1:3" x14ac:dyDescent="0.15">
      <c r="A14793">
        <v>10211</v>
      </c>
      <c r="B14793" t="s">
        <v>29529</v>
      </c>
      <c r="C14793" t="s">
        <v>29530</v>
      </c>
    </row>
    <row r="14794" spans="1:3" x14ac:dyDescent="0.15">
      <c r="A14794">
        <v>10210</v>
      </c>
      <c r="B14794" t="s">
        <v>29531</v>
      </c>
      <c r="C14794" t="s">
        <v>29532</v>
      </c>
    </row>
    <row r="14795" spans="1:3" x14ac:dyDescent="0.15">
      <c r="A14795">
        <v>10209</v>
      </c>
      <c r="B14795" t="s">
        <v>29533</v>
      </c>
      <c r="C14795" t="s">
        <v>29534</v>
      </c>
    </row>
    <row r="14796" spans="1:3" x14ac:dyDescent="0.15">
      <c r="A14796">
        <v>10208</v>
      </c>
      <c r="B14796" t="s">
        <v>29535</v>
      </c>
      <c r="C14796" t="s">
        <v>29536</v>
      </c>
    </row>
    <row r="14797" spans="1:3" x14ac:dyDescent="0.15">
      <c r="A14797">
        <v>10207</v>
      </c>
      <c r="B14797" t="s">
        <v>29537</v>
      </c>
      <c r="C14797" t="s">
        <v>29538</v>
      </c>
    </row>
    <row r="14798" spans="1:3" x14ac:dyDescent="0.15">
      <c r="A14798">
        <v>10206</v>
      </c>
      <c r="B14798" t="s">
        <v>29539</v>
      </c>
      <c r="C14798" t="s">
        <v>29540</v>
      </c>
    </row>
    <row r="14799" spans="1:3" x14ac:dyDescent="0.15">
      <c r="A14799">
        <v>10205</v>
      </c>
      <c r="B14799" t="s">
        <v>29541</v>
      </c>
      <c r="C14799" t="s">
        <v>29542</v>
      </c>
    </row>
    <row r="14800" spans="1:3" x14ac:dyDescent="0.15">
      <c r="A14800">
        <v>10204</v>
      </c>
      <c r="B14800" t="s">
        <v>29543</v>
      </c>
      <c r="C14800" t="s">
        <v>29544</v>
      </c>
    </row>
    <row r="14801" spans="1:3" x14ac:dyDescent="0.15">
      <c r="A14801">
        <v>10203</v>
      </c>
      <c r="B14801" t="s">
        <v>29545</v>
      </c>
      <c r="C14801" t="s">
        <v>29546</v>
      </c>
    </row>
    <row r="14802" spans="1:3" x14ac:dyDescent="0.15">
      <c r="A14802">
        <v>10202</v>
      </c>
      <c r="B14802" t="s">
        <v>29547</v>
      </c>
      <c r="C14802" t="s">
        <v>29548</v>
      </c>
    </row>
    <row r="14803" spans="1:3" x14ac:dyDescent="0.15">
      <c r="A14803">
        <v>10201</v>
      </c>
      <c r="B14803" t="s">
        <v>29549</v>
      </c>
      <c r="C14803" t="s">
        <v>29550</v>
      </c>
    </row>
    <row r="14804" spans="1:3" x14ac:dyDescent="0.15">
      <c r="A14804">
        <v>10200</v>
      </c>
      <c r="B14804" t="s">
        <v>29551</v>
      </c>
      <c r="C14804" t="s">
        <v>29552</v>
      </c>
    </row>
    <row r="14805" spans="1:3" x14ac:dyDescent="0.15">
      <c r="A14805">
        <v>10199</v>
      </c>
      <c r="B14805" t="s">
        <v>29553</v>
      </c>
      <c r="C14805" t="s">
        <v>29554</v>
      </c>
    </row>
    <row r="14806" spans="1:3" x14ac:dyDescent="0.15">
      <c r="A14806">
        <v>10198</v>
      </c>
      <c r="B14806" t="s">
        <v>29555</v>
      </c>
      <c r="C14806" t="s">
        <v>29556</v>
      </c>
    </row>
    <row r="14807" spans="1:3" x14ac:dyDescent="0.15">
      <c r="A14807">
        <v>10197</v>
      </c>
      <c r="B14807" t="s">
        <v>29557</v>
      </c>
      <c r="C14807" t="s">
        <v>29558</v>
      </c>
    </row>
    <row r="14808" spans="1:3" x14ac:dyDescent="0.15">
      <c r="A14808">
        <v>10196</v>
      </c>
      <c r="B14808" t="s">
        <v>29559</v>
      </c>
      <c r="C14808" t="s">
        <v>29560</v>
      </c>
    </row>
    <row r="14809" spans="1:3" x14ac:dyDescent="0.15">
      <c r="A14809">
        <v>10195</v>
      </c>
      <c r="B14809" t="s">
        <v>29561</v>
      </c>
      <c r="C14809" t="s">
        <v>29562</v>
      </c>
    </row>
    <row r="14810" spans="1:3" x14ac:dyDescent="0.15">
      <c r="A14810">
        <v>10194</v>
      </c>
      <c r="B14810" t="s">
        <v>29563</v>
      </c>
      <c r="C14810" t="s">
        <v>29564</v>
      </c>
    </row>
    <row r="14811" spans="1:3" x14ac:dyDescent="0.15">
      <c r="A14811">
        <v>10193</v>
      </c>
      <c r="B14811" t="s">
        <v>29565</v>
      </c>
      <c r="C14811" t="s">
        <v>29566</v>
      </c>
    </row>
    <row r="14812" spans="1:3" x14ac:dyDescent="0.15">
      <c r="A14812">
        <v>10192</v>
      </c>
      <c r="B14812" t="s">
        <v>29567</v>
      </c>
      <c r="C14812" t="s">
        <v>29568</v>
      </c>
    </row>
    <row r="14813" spans="1:3" x14ac:dyDescent="0.15">
      <c r="A14813">
        <v>10191</v>
      </c>
      <c r="B14813" t="s">
        <v>29569</v>
      </c>
      <c r="C14813" t="s">
        <v>29570</v>
      </c>
    </row>
    <row r="14814" spans="1:3" x14ac:dyDescent="0.15">
      <c r="A14814">
        <v>10190</v>
      </c>
      <c r="B14814" t="s">
        <v>29571</v>
      </c>
      <c r="C14814" t="s">
        <v>29572</v>
      </c>
    </row>
    <row r="14815" spans="1:3" x14ac:dyDescent="0.15">
      <c r="A14815">
        <v>10189</v>
      </c>
      <c r="B14815" t="s">
        <v>29573</v>
      </c>
      <c r="C14815" t="s">
        <v>29574</v>
      </c>
    </row>
    <row r="14816" spans="1:3" x14ac:dyDescent="0.15">
      <c r="A14816">
        <v>10188</v>
      </c>
      <c r="B14816" t="s">
        <v>29575</v>
      </c>
      <c r="C14816" t="s">
        <v>29576</v>
      </c>
    </row>
    <row r="14817" spans="1:3" x14ac:dyDescent="0.15">
      <c r="A14817">
        <v>10187</v>
      </c>
      <c r="B14817" t="s">
        <v>29577</v>
      </c>
      <c r="C14817" t="s">
        <v>29578</v>
      </c>
    </row>
    <row r="14818" spans="1:3" x14ac:dyDescent="0.15">
      <c r="A14818">
        <v>10186</v>
      </c>
      <c r="B14818" t="s">
        <v>29579</v>
      </c>
      <c r="C14818" t="s">
        <v>29580</v>
      </c>
    </row>
    <row r="14819" spans="1:3" x14ac:dyDescent="0.15">
      <c r="A14819">
        <v>10185</v>
      </c>
      <c r="B14819" t="s">
        <v>29581</v>
      </c>
      <c r="C14819" t="s">
        <v>29582</v>
      </c>
    </row>
    <row r="14820" spans="1:3" x14ac:dyDescent="0.15">
      <c r="A14820">
        <v>10184</v>
      </c>
      <c r="B14820" t="s">
        <v>29583</v>
      </c>
      <c r="C14820" t="s">
        <v>29584</v>
      </c>
    </row>
    <row r="14821" spans="1:3" x14ac:dyDescent="0.15">
      <c r="A14821">
        <v>10183</v>
      </c>
      <c r="B14821" t="s">
        <v>29585</v>
      </c>
      <c r="C14821" t="s">
        <v>29586</v>
      </c>
    </row>
    <row r="14822" spans="1:3" x14ac:dyDescent="0.15">
      <c r="A14822">
        <v>10182</v>
      </c>
      <c r="B14822" t="s">
        <v>29587</v>
      </c>
      <c r="C14822" t="s">
        <v>29588</v>
      </c>
    </row>
    <row r="14823" spans="1:3" x14ac:dyDescent="0.15">
      <c r="A14823">
        <v>10181</v>
      </c>
      <c r="B14823" t="s">
        <v>29589</v>
      </c>
      <c r="C14823" t="s">
        <v>29590</v>
      </c>
    </row>
    <row r="14824" spans="1:3" x14ac:dyDescent="0.15">
      <c r="A14824">
        <v>10180</v>
      </c>
      <c r="B14824" t="s">
        <v>29591</v>
      </c>
      <c r="C14824" t="s">
        <v>29592</v>
      </c>
    </row>
    <row r="14825" spans="1:3" x14ac:dyDescent="0.15">
      <c r="A14825">
        <v>10179</v>
      </c>
      <c r="B14825" t="s">
        <v>29593</v>
      </c>
      <c r="C14825" t="s">
        <v>29594</v>
      </c>
    </row>
    <row r="14826" spans="1:3" x14ac:dyDescent="0.15">
      <c r="A14826">
        <v>10178</v>
      </c>
      <c r="B14826" t="s">
        <v>29595</v>
      </c>
      <c r="C14826" t="s">
        <v>29596</v>
      </c>
    </row>
    <row r="14827" spans="1:3" x14ac:dyDescent="0.15">
      <c r="A14827">
        <v>10177</v>
      </c>
      <c r="B14827" t="s">
        <v>29597</v>
      </c>
      <c r="C14827" t="s">
        <v>29598</v>
      </c>
    </row>
    <row r="14828" spans="1:3" x14ac:dyDescent="0.15">
      <c r="A14828">
        <v>10176</v>
      </c>
      <c r="B14828" t="s">
        <v>29599</v>
      </c>
      <c r="C14828" t="s">
        <v>29600</v>
      </c>
    </row>
    <row r="14829" spans="1:3" x14ac:dyDescent="0.15">
      <c r="A14829">
        <v>10175</v>
      </c>
      <c r="B14829" t="s">
        <v>29601</v>
      </c>
      <c r="C14829" t="s">
        <v>29602</v>
      </c>
    </row>
    <row r="14830" spans="1:3" x14ac:dyDescent="0.15">
      <c r="A14830">
        <v>10174</v>
      </c>
      <c r="B14830" t="s">
        <v>29603</v>
      </c>
      <c r="C14830" t="s">
        <v>29604</v>
      </c>
    </row>
    <row r="14831" spans="1:3" x14ac:dyDescent="0.15">
      <c r="A14831">
        <v>10173</v>
      </c>
      <c r="B14831" t="s">
        <v>29605</v>
      </c>
      <c r="C14831" t="s">
        <v>29606</v>
      </c>
    </row>
    <row r="14832" spans="1:3" x14ac:dyDescent="0.15">
      <c r="A14832">
        <v>10172</v>
      </c>
      <c r="B14832" t="s">
        <v>29607</v>
      </c>
      <c r="C14832" t="s">
        <v>29608</v>
      </c>
    </row>
    <row r="14833" spans="1:3" x14ac:dyDescent="0.15">
      <c r="A14833">
        <v>10171</v>
      </c>
      <c r="B14833" t="s">
        <v>29609</v>
      </c>
      <c r="C14833" t="s">
        <v>29610</v>
      </c>
    </row>
    <row r="14834" spans="1:3" x14ac:dyDescent="0.15">
      <c r="A14834">
        <v>10170</v>
      </c>
      <c r="B14834" t="s">
        <v>29611</v>
      </c>
      <c r="C14834" t="s">
        <v>29612</v>
      </c>
    </row>
    <row r="14835" spans="1:3" x14ac:dyDescent="0.15">
      <c r="A14835">
        <v>10169</v>
      </c>
      <c r="B14835" t="s">
        <v>29613</v>
      </c>
      <c r="C14835" t="s">
        <v>29614</v>
      </c>
    </row>
    <row r="14836" spans="1:3" x14ac:dyDescent="0.15">
      <c r="A14836">
        <v>10168</v>
      </c>
      <c r="B14836" t="s">
        <v>29615</v>
      </c>
      <c r="C14836" t="s">
        <v>29616</v>
      </c>
    </row>
    <row r="14837" spans="1:3" x14ac:dyDescent="0.15">
      <c r="A14837">
        <v>10167</v>
      </c>
      <c r="B14837" t="s">
        <v>29617</v>
      </c>
      <c r="C14837" t="s">
        <v>29618</v>
      </c>
    </row>
    <row r="14838" spans="1:3" x14ac:dyDescent="0.15">
      <c r="A14838">
        <v>10166</v>
      </c>
      <c r="B14838" t="s">
        <v>29619</v>
      </c>
      <c r="C14838" t="s">
        <v>29620</v>
      </c>
    </row>
    <row r="14839" spans="1:3" x14ac:dyDescent="0.15">
      <c r="A14839">
        <v>10165</v>
      </c>
      <c r="B14839" t="s">
        <v>29621</v>
      </c>
      <c r="C14839" t="s">
        <v>29622</v>
      </c>
    </row>
    <row r="14840" spans="1:3" x14ac:dyDescent="0.15">
      <c r="A14840">
        <v>10164</v>
      </c>
      <c r="B14840" t="s">
        <v>29623</v>
      </c>
      <c r="C14840" t="s">
        <v>29624</v>
      </c>
    </row>
    <row r="14841" spans="1:3" x14ac:dyDescent="0.15">
      <c r="A14841">
        <v>10163</v>
      </c>
      <c r="B14841" t="s">
        <v>29625</v>
      </c>
      <c r="C14841" t="s">
        <v>29626</v>
      </c>
    </row>
    <row r="14842" spans="1:3" x14ac:dyDescent="0.15">
      <c r="A14842">
        <v>10162</v>
      </c>
      <c r="B14842" t="s">
        <v>29627</v>
      </c>
      <c r="C14842" t="s">
        <v>29628</v>
      </c>
    </row>
    <row r="14843" spans="1:3" x14ac:dyDescent="0.15">
      <c r="A14843">
        <v>10161</v>
      </c>
      <c r="B14843" t="s">
        <v>29629</v>
      </c>
      <c r="C14843" t="s">
        <v>29630</v>
      </c>
    </row>
    <row r="14844" spans="1:3" x14ac:dyDescent="0.15">
      <c r="A14844">
        <v>10160</v>
      </c>
      <c r="B14844" t="s">
        <v>29631</v>
      </c>
      <c r="C14844" t="s">
        <v>29632</v>
      </c>
    </row>
    <row r="14845" spans="1:3" x14ac:dyDescent="0.15">
      <c r="A14845">
        <v>10159</v>
      </c>
      <c r="B14845" t="s">
        <v>29633</v>
      </c>
      <c r="C14845" t="s">
        <v>29634</v>
      </c>
    </row>
    <row r="14846" spans="1:3" x14ac:dyDescent="0.15">
      <c r="A14846">
        <v>10158</v>
      </c>
      <c r="B14846" t="s">
        <v>29635</v>
      </c>
      <c r="C14846" t="s">
        <v>29636</v>
      </c>
    </row>
    <row r="14847" spans="1:3" x14ac:dyDescent="0.15">
      <c r="A14847">
        <v>10157</v>
      </c>
      <c r="B14847" t="s">
        <v>29637</v>
      </c>
      <c r="C14847" t="s">
        <v>29638</v>
      </c>
    </row>
    <row r="14848" spans="1:3" x14ac:dyDescent="0.15">
      <c r="A14848">
        <v>10156</v>
      </c>
      <c r="B14848" t="s">
        <v>29639</v>
      </c>
      <c r="C14848" t="s">
        <v>29640</v>
      </c>
    </row>
    <row r="14849" spans="1:3" x14ac:dyDescent="0.15">
      <c r="A14849">
        <v>10155</v>
      </c>
      <c r="B14849" t="s">
        <v>29641</v>
      </c>
      <c r="C14849" t="s">
        <v>29642</v>
      </c>
    </row>
    <row r="14850" spans="1:3" x14ac:dyDescent="0.15">
      <c r="A14850">
        <v>10154</v>
      </c>
      <c r="B14850" t="s">
        <v>29643</v>
      </c>
      <c r="C14850" t="s">
        <v>29644</v>
      </c>
    </row>
    <row r="14851" spans="1:3" x14ac:dyDescent="0.15">
      <c r="A14851">
        <v>10153</v>
      </c>
      <c r="B14851" t="s">
        <v>29645</v>
      </c>
      <c r="C14851" t="s">
        <v>29646</v>
      </c>
    </row>
    <row r="14852" spans="1:3" x14ac:dyDescent="0.15">
      <c r="A14852">
        <v>10152</v>
      </c>
      <c r="B14852" t="s">
        <v>29647</v>
      </c>
      <c r="C14852" t="s">
        <v>29648</v>
      </c>
    </row>
    <row r="14853" spans="1:3" x14ac:dyDescent="0.15">
      <c r="A14853">
        <v>10151</v>
      </c>
      <c r="B14853" t="s">
        <v>29649</v>
      </c>
      <c r="C14853" t="s">
        <v>29650</v>
      </c>
    </row>
    <row r="14854" spans="1:3" x14ac:dyDescent="0.15">
      <c r="A14854">
        <v>10150</v>
      </c>
      <c r="B14854" t="s">
        <v>29651</v>
      </c>
      <c r="C14854" t="s">
        <v>29652</v>
      </c>
    </row>
    <row r="14855" spans="1:3" x14ac:dyDescent="0.15">
      <c r="A14855">
        <v>10149</v>
      </c>
      <c r="B14855" t="s">
        <v>29653</v>
      </c>
      <c r="C14855" t="s">
        <v>29654</v>
      </c>
    </row>
    <row r="14856" spans="1:3" x14ac:dyDescent="0.15">
      <c r="A14856">
        <v>10148</v>
      </c>
      <c r="B14856" t="s">
        <v>29655</v>
      </c>
      <c r="C14856" t="s">
        <v>29656</v>
      </c>
    </row>
    <row r="14857" spans="1:3" x14ac:dyDescent="0.15">
      <c r="A14857">
        <v>10147</v>
      </c>
      <c r="B14857" t="s">
        <v>29657</v>
      </c>
      <c r="C14857" t="s">
        <v>29658</v>
      </c>
    </row>
    <row r="14858" spans="1:3" x14ac:dyDescent="0.15">
      <c r="A14858">
        <v>10146</v>
      </c>
      <c r="B14858" t="s">
        <v>29659</v>
      </c>
      <c r="C14858" t="s">
        <v>29660</v>
      </c>
    </row>
    <row r="14859" spans="1:3" x14ac:dyDescent="0.15">
      <c r="A14859">
        <v>10145</v>
      </c>
      <c r="B14859" t="s">
        <v>29661</v>
      </c>
      <c r="C14859" t="s">
        <v>29662</v>
      </c>
    </row>
    <row r="14860" spans="1:3" x14ac:dyDescent="0.15">
      <c r="A14860">
        <v>10144</v>
      </c>
      <c r="B14860" t="s">
        <v>29663</v>
      </c>
      <c r="C14860" t="s">
        <v>29664</v>
      </c>
    </row>
    <row r="14861" spans="1:3" x14ac:dyDescent="0.15">
      <c r="A14861">
        <v>10143</v>
      </c>
      <c r="B14861" t="s">
        <v>29665</v>
      </c>
      <c r="C14861" t="s">
        <v>29666</v>
      </c>
    </row>
    <row r="14862" spans="1:3" x14ac:dyDescent="0.15">
      <c r="A14862">
        <v>10142</v>
      </c>
      <c r="B14862" t="s">
        <v>29667</v>
      </c>
      <c r="C14862" t="s">
        <v>29668</v>
      </c>
    </row>
    <row r="14863" spans="1:3" x14ac:dyDescent="0.15">
      <c r="A14863">
        <v>10141</v>
      </c>
      <c r="B14863" t="s">
        <v>29669</v>
      </c>
      <c r="C14863" t="s">
        <v>29670</v>
      </c>
    </row>
    <row r="14864" spans="1:3" x14ac:dyDescent="0.15">
      <c r="A14864">
        <v>10140</v>
      </c>
      <c r="B14864" t="s">
        <v>29671</v>
      </c>
      <c r="C14864" t="s">
        <v>29672</v>
      </c>
    </row>
    <row r="14865" spans="1:3" x14ac:dyDescent="0.15">
      <c r="A14865">
        <v>10139</v>
      </c>
      <c r="B14865" t="s">
        <v>29673</v>
      </c>
      <c r="C14865" t="s">
        <v>29674</v>
      </c>
    </row>
    <row r="14866" spans="1:3" x14ac:dyDescent="0.15">
      <c r="A14866">
        <v>10138</v>
      </c>
      <c r="B14866" t="s">
        <v>29675</v>
      </c>
      <c r="C14866" t="s">
        <v>29676</v>
      </c>
    </row>
    <row r="14867" spans="1:3" x14ac:dyDescent="0.15">
      <c r="A14867">
        <v>10137</v>
      </c>
      <c r="B14867" t="s">
        <v>29677</v>
      </c>
      <c r="C14867" t="s">
        <v>29678</v>
      </c>
    </row>
    <row r="14868" spans="1:3" x14ac:dyDescent="0.15">
      <c r="A14868">
        <v>10136</v>
      </c>
      <c r="B14868" t="s">
        <v>29679</v>
      </c>
      <c r="C14868" t="s">
        <v>29680</v>
      </c>
    </row>
    <row r="14869" spans="1:3" x14ac:dyDescent="0.15">
      <c r="A14869">
        <v>10135</v>
      </c>
      <c r="B14869" t="s">
        <v>29681</v>
      </c>
      <c r="C14869" t="s">
        <v>29682</v>
      </c>
    </row>
    <row r="14870" spans="1:3" x14ac:dyDescent="0.15">
      <c r="A14870">
        <v>10134</v>
      </c>
      <c r="B14870" t="s">
        <v>29683</v>
      </c>
      <c r="C14870" t="s">
        <v>29684</v>
      </c>
    </row>
    <row r="14871" spans="1:3" x14ac:dyDescent="0.15">
      <c r="A14871">
        <v>10133</v>
      </c>
      <c r="B14871" t="s">
        <v>29685</v>
      </c>
      <c r="C14871" t="s">
        <v>29686</v>
      </c>
    </row>
    <row r="14872" spans="1:3" x14ac:dyDescent="0.15">
      <c r="A14872">
        <v>10132</v>
      </c>
      <c r="B14872" t="s">
        <v>29687</v>
      </c>
      <c r="C14872" t="s">
        <v>29688</v>
      </c>
    </row>
    <row r="14873" spans="1:3" x14ac:dyDescent="0.15">
      <c r="A14873">
        <v>10131</v>
      </c>
      <c r="B14873" t="s">
        <v>29689</v>
      </c>
      <c r="C14873" t="s">
        <v>29690</v>
      </c>
    </row>
    <row r="14874" spans="1:3" x14ac:dyDescent="0.15">
      <c r="A14874">
        <v>10130</v>
      </c>
      <c r="B14874" t="s">
        <v>29691</v>
      </c>
      <c r="C14874" t="s">
        <v>29692</v>
      </c>
    </row>
    <row r="14875" spans="1:3" x14ac:dyDescent="0.15">
      <c r="A14875">
        <v>10129</v>
      </c>
      <c r="B14875" t="s">
        <v>29693</v>
      </c>
      <c r="C14875" t="s">
        <v>29694</v>
      </c>
    </row>
    <row r="14876" spans="1:3" x14ac:dyDescent="0.15">
      <c r="A14876">
        <v>10128</v>
      </c>
      <c r="B14876" t="s">
        <v>29695</v>
      </c>
      <c r="C14876" t="s">
        <v>29696</v>
      </c>
    </row>
    <row r="14877" spans="1:3" x14ac:dyDescent="0.15">
      <c r="A14877">
        <v>10127</v>
      </c>
      <c r="B14877" t="s">
        <v>29697</v>
      </c>
      <c r="C14877" t="s">
        <v>29698</v>
      </c>
    </row>
    <row r="14878" spans="1:3" x14ac:dyDescent="0.15">
      <c r="A14878">
        <v>10126</v>
      </c>
      <c r="B14878" t="s">
        <v>29699</v>
      </c>
      <c r="C14878" t="s">
        <v>29700</v>
      </c>
    </row>
    <row r="14879" spans="1:3" x14ac:dyDescent="0.15">
      <c r="A14879">
        <v>10125</v>
      </c>
      <c r="B14879" t="s">
        <v>29701</v>
      </c>
      <c r="C14879" t="s">
        <v>29702</v>
      </c>
    </row>
    <row r="14880" spans="1:3" x14ac:dyDescent="0.15">
      <c r="A14880">
        <v>10124</v>
      </c>
      <c r="B14880" t="s">
        <v>29703</v>
      </c>
      <c r="C14880" t="s">
        <v>29704</v>
      </c>
    </row>
    <row r="14881" spans="1:3" x14ac:dyDescent="0.15">
      <c r="A14881">
        <v>10123</v>
      </c>
      <c r="B14881" t="s">
        <v>29705</v>
      </c>
      <c r="C14881" t="s">
        <v>29706</v>
      </c>
    </row>
    <row r="14882" spans="1:3" x14ac:dyDescent="0.15">
      <c r="A14882">
        <v>10122</v>
      </c>
      <c r="B14882" t="s">
        <v>29707</v>
      </c>
      <c r="C14882" t="s">
        <v>29708</v>
      </c>
    </row>
    <row r="14883" spans="1:3" x14ac:dyDescent="0.15">
      <c r="A14883">
        <v>10121</v>
      </c>
      <c r="B14883" t="s">
        <v>29709</v>
      </c>
      <c r="C14883" t="s">
        <v>29710</v>
      </c>
    </row>
    <row r="14884" spans="1:3" x14ac:dyDescent="0.15">
      <c r="A14884">
        <v>10120</v>
      </c>
      <c r="B14884" t="s">
        <v>29711</v>
      </c>
      <c r="C14884" t="s">
        <v>29712</v>
      </c>
    </row>
    <row r="14885" spans="1:3" x14ac:dyDescent="0.15">
      <c r="A14885">
        <v>10119</v>
      </c>
      <c r="B14885" t="s">
        <v>29713</v>
      </c>
      <c r="C14885" t="s">
        <v>29714</v>
      </c>
    </row>
    <row r="14886" spans="1:3" x14ac:dyDescent="0.15">
      <c r="A14886">
        <v>10118</v>
      </c>
      <c r="B14886" t="s">
        <v>29715</v>
      </c>
      <c r="C14886" t="s">
        <v>29716</v>
      </c>
    </row>
    <row r="14887" spans="1:3" x14ac:dyDescent="0.15">
      <c r="A14887">
        <v>10117</v>
      </c>
      <c r="B14887" t="s">
        <v>29717</v>
      </c>
      <c r="C14887" t="s">
        <v>29718</v>
      </c>
    </row>
    <row r="14888" spans="1:3" x14ac:dyDescent="0.15">
      <c r="A14888">
        <v>10116</v>
      </c>
      <c r="B14888" t="s">
        <v>29719</v>
      </c>
      <c r="C14888" t="s">
        <v>29720</v>
      </c>
    </row>
    <row r="14889" spans="1:3" x14ac:dyDescent="0.15">
      <c r="A14889">
        <v>10115</v>
      </c>
      <c r="B14889" t="s">
        <v>29721</v>
      </c>
      <c r="C14889" t="s">
        <v>29722</v>
      </c>
    </row>
    <row r="14890" spans="1:3" x14ac:dyDescent="0.15">
      <c r="A14890">
        <v>10114</v>
      </c>
      <c r="B14890" t="s">
        <v>29723</v>
      </c>
      <c r="C14890" t="s">
        <v>29724</v>
      </c>
    </row>
    <row r="14891" spans="1:3" x14ac:dyDescent="0.15">
      <c r="A14891">
        <v>10113</v>
      </c>
      <c r="B14891" t="s">
        <v>29725</v>
      </c>
      <c r="C14891" t="s">
        <v>29726</v>
      </c>
    </row>
    <row r="14892" spans="1:3" x14ac:dyDescent="0.15">
      <c r="A14892">
        <v>10112</v>
      </c>
      <c r="B14892" t="s">
        <v>29727</v>
      </c>
      <c r="C14892" t="s">
        <v>29728</v>
      </c>
    </row>
    <row r="14893" spans="1:3" x14ac:dyDescent="0.15">
      <c r="A14893">
        <v>10111</v>
      </c>
      <c r="B14893" t="s">
        <v>29729</v>
      </c>
      <c r="C14893" t="s">
        <v>29730</v>
      </c>
    </row>
    <row r="14894" spans="1:3" x14ac:dyDescent="0.15">
      <c r="A14894">
        <v>10110</v>
      </c>
      <c r="B14894" t="s">
        <v>29731</v>
      </c>
      <c r="C14894" t="s">
        <v>29732</v>
      </c>
    </row>
    <row r="14895" spans="1:3" x14ac:dyDescent="0.15">
      <c r="A14895">
        <v>10109</v>
      </c>
      <c r="B14895" t="s">
        <v>29733</v>
      </c>
      <c r="C14895" t="s">
        <v>29734</v>
      </c>
    </row>
    <row r="14896" spans="1:3" x14ac:dyDescent="0.15">
      <c r="A14896">
        <v>10108</v>
      </c>
      <c r="B14896" t="s">
        <v>29735</v>
      </c>
      <c r="C14896" t="s">
        <v>29736</v>
      </c>
    </row>
    <row r="14897" spans="1:3" x14ac:dyDescent="0.15">
      <c r="A14897">
        <v>10107</v>
      </c>
      <c r="B14897" t="s">
        <v>29737</v>
      </c>
      <c r="C14897" t="s">
        <v>29738</v>
      </c>
    </row>
    <row r="14898" spans="1:3" x14ac:dyDescent="0.15">
      <c r="A14898">
        <v>10106</v>
      </c>
      <c r="B14898" t="s">
        <v>29739</v>
      </c>
      <c r="C14898" t="s">
        <v>29740</v>
      </c>
    </row>
    <row r="14899" spans="1:3" x14ac:dyDescent="0.15">
      <c r="A14899">
        <v>10105</v>
      </c>
      <c r="B14899" t="s">
        <v>29741</v>
      </c>
      <c r="C14899" t="s">
        <v>29742</v>
      </c>
    </row>
    <row r="14900" spans="1:3" x14ac:dyDescent="0.15">
      <c r="A14900">
        <v>10104</v>
      </c>
      <c r="B14900" t="s">
        <v>29743</v>
      </c>
      <c r="C14900" t="s">
        <v>29744</v>
      </c>
    </row>
    <row r="14901" spans="1:3" x14ac:dyDescent="0.15">
      <c r="A14901">
        <v>10103</v>
      </c>
      <c r="B14901" t="s">
        <v>29745</v>
      </c>
      <c r="C14901" t="s">
        <v>29746</v>
      </c>
    </row>
    <row r="14902" spans="1:3" x14ac:dyDescent="0.15">
      <c r="A14902">
        <v>10102</v>
      </c>
      <c r="B14902" t="s">
        <v>29747</v>
      </c>
      <c r="C14902" t="s">
        <v>29748</v>
      </c>
    </row>
    <row r="14903" spans="1:3" x14ac:dyDescent="0.15">
      <c r="A14903">
        <v>10101</v>
      </c>
      <c r="B14903" t="s">
        <v>29749</v>
      </c>
      <c r="C14903" t="s">
        <v>29750</v>
      </c>
    </row>
    <row r="14904" spans="1:3" x14ac:dyDescent="0.15">
      <c r="A14904">
        <v>10100</v>
      </c>
      <c r="B14904" t="s">
        <v>29751</v>
      </c>
      <c r="C14904" t="s">
        <v>29752</v>
      </c>
    </row>
    <row r="14905" spans="1:3" x14ac:dyDescent="0.15">
      <c r="A14905">
        <v>10099</v>
      </c>
      <c r="B14905" t="s">
        <v>29753</v>
      </c>
      <c r="C14905" t="s">
        <v>29754</v>
      </c>
    </row>
    <row r="14906" spans="1:3" x14ac:dyDescent="0.15">
      <c r="A14906">
        <v>10098</v>
      </c>
      <c r="B14906" t="s">
        <v>29755</v>
      </c>
      <c r="C14906" t="s">
        <v>29756</v>
      </c>
    </row>
    <row r="14907" spans="1:3" x14ac:dyDescent="0.15">
      <c r="A14907">
        <v>10097</v>
      </c>
      <c r="B14907" t="s">
        <v>29757</v>
      </c>
      <c r="C14907" t="s">
        <v>29758</v>
      </c>
    </row>
    <row r="14908" spans="1:3" x14ac:dyDescent="0.15">
      <c r="A14908">
        <v>10096</v>
      </c>
      <c r="B14908" t="s">
        <v>29759</v>
      </c>
      <c r="C14908" t="s">
        <v>29760</v>
      </c>
    </row>
    <row r="14909" spans="1:3" x14ac:dyDescent="0.15">
      <c r="A14909">
        <v>10095</v>
      </c>
      <c r="B14909" t="s">
        <v>29761</v>
      </c>
      <c r="C14909" t="s">
        <v>29762</v>
      </c>
    </row>
    <row r="14910" spans="1:3" x14ac:dyDescent="0.15">
      <c r="A14910">
        <v>10094</v>
      </c>
      <c r="B14910" t="s">
        <v>29763</v>
      </c>
      <c r="C14910" t="s">
        <v>29764</v>
      </c>
    </row>
    <row r="14911" spans="1:3" x14ac:dyDescent="0.15">
      <c r="A14911">
        <v>10093</v>
      </c>
      <c r="B14911" t="s">
        <v>29765</v>
      </c>
      <c r="C14911" t="s">
        <v>29766</v>
      </c>
    </row>
    <row r="14912" spans="1:3" x14ac:dyDescent="0.15">
      <c r="A14912">
        <v>10092</v>
      </c>
      <c r="B14912" t="s">
        <v>29767</v>
      </c>
      <c r="C14912" t="s">
        <v>29768</v>
      </c>
    </row>
    <row r="14913" spans="1:3" x14ac:dyDescent="0.15">
      <c r="A14913">
        <v>10091</v>
      </c>
      <c r="B14913" t="s">
        <v>29769</v>
      </c>
      <c r="C14913" t="s">
        <v>29770</v>
      </c>
    </row>
    <row r="14914" spans="1:3" x14ac:dyDescent="0.15">
      <c r="A14914">
        <v>10090</v>
      </c>
      <c r="B14914" t="s">
        <v>29771</v>
      </c>
      <c r="C14914" t="s">
        <v>29772</v>
      </c>
    </row>
    <row r="14915" spans="1:3" x14ac:dyDescent="0.15">
      <c r="A14915">
        <v>10089</v>
      </c>
      <c r="B14915" t="s">
        <v>29773</v>
      </c>
      <c r="C14915" t="s">
        <v>29774</v>
      </c>
    </row>
    <row r="14916" spans="1:3" x14ac:dyDescent="0.15">
      <c r="A14916">
        <v>10088</v>
      </c>
      <c r="B14916" t="s">
        <v>29775</v>
      </c>
      <c r="C14916" t="s">
        <v>29776</v>
      </c>
    </row>
    <row r="14917" spans="1:3" x14ac:dyDescent="0.15">
      <c r="A14917">
        <v>10087</v>
      </c>
      <c r="B14917" t="s">
        <v>29777</v>
      </c>
      <c r="C14917" t="s">
        <v>29778</v>
      </c>
    </row>
    <row r="14918" spans="1:3" x14ac:dyDescent="0.15">
      <c r="A14918">
        <v>10086</v>
      </c>
      <c r="B14918" t="s">
        <v>29779</v>
      </c>
      <c r="C14918" t="s">
        <v>29780</v>
      </c>
    </row>
    <row r="14919" spans="1:3" x14ac:dyDescent="0.15">
      <c r="A14919">
        <v>10085</v>
      </c>
      <c r="B14919" t="s">
        <v>29781</v>
      </c>
      <c r="C14919" t="s">
        <v>29782</v>
      </c>
    </row>
    <row r="14920" spans="1:3" x14ac:dyDescent="0.15">
      <c r="A14920">
        <v>10084</v>
      </c>
      <c r="B14920" t="s">
        <v>29783</v>
      </c>
      <c r="C14920" t="s">
        <v>29784</v>
      </c>
    </row>
    <row r="14921" spans="1:3" x14ac:dyDescent="0.15">
      <c r="A14921">
        <v>10083</v>
      </c>
      <c r="B14921" t="s">
        <v>29785</v>
      </c>
      <c r="C14921" t="s">
        <v>29786</v>
      </c>
    </row>
    <row r="14922" spans="1:3" x14ac:dyDescent="0.15">
      <c r="A14922">
        <v>10082</v>
      </c>
      <c r="B14922" t="s">
        <v>29787</v>
      </c>
      <c r="C14922" t="s">
        <v>29788</v>
      </c>
    </row>
    <row r="14923" spans="1:3" x14ac:dyDescent="0.15">
      <c r="A14923">
        <v>10081</v>
      </c>
      <c r="B14923" t="s">
        <v>29789</v>
      </c>
      <c r="C14923" t="s">
        <v>29790</v>
      </c>
    </row>
    <row r="14924" spans="1:3" x14ac:dyDescent="0.15">
      <c r="A14924">
        <v>10080</v>
      </c>
      <c r="B14924" t="s">
        <v>29791</v>
      </c>
      <c r="C14924" t="s">
        <v>29792</v>
      </c>
    </row>
    <row r="14925" spans="1:3" x14ac:dyDescent="0.15">
      <c r="A14925">
        <v>10079</v>
      </c>
      <c r="B14925" t="s">
        <v>29793</v>
      </c>
      <c r="C14925" t="s">
        <v>29794</v>
      </c>
    </row>
    <row r="14926" spans="1:3" x14ac:dyDescent="0.15">
      <c r="A14926">
        <v>10078</v>
      </c>
      <c r="B14926" t="s">
        <v>29795</v>
      </c>
      <c r="C14926" t="s">
        <v>29796</v>
      </c>
    </row>
    <row r="14927" spans="1:3" x14ac:dyDescent="0.15">
      <c r="A14927">
        <v>10077</v>
      </c>
      <c r="B14927" t="s">
        <v>29797</v>
      </c>
      <c r="C14927" t="s">
        <v>29798</v>
      </c>
    </row>
    <row r="14928" spans="1:3" x14ac:dyDescent="0.15">
      <c r="A14928">
        <v>10076</v>
      </c>
      <c r="B14928" t="s">
        <v>29799</v>
      </c>
      <c r="C14928" t="s">
        <v>29800</v>
      </c>
    </row>
    <row r="14929" spans="1:3" x14ac:dyDescent="0.15">
      <c r="A14929">
        <v>10075</v>
      </c>
      <c r="B14929" t="s">
        <v>29801</v>
      </c>
      <c r="C14929" t="s">
        <v>29802</v>
      </c>
    </row>
    <row r="14930" spans="1:3" x14ac:dyDescent="0.15">
      <c r="A14930">
        <v>10074</v>
      </c>
      <c r="B14930" t="s">
        <v>29803</v>
      </c>
      <c r="C14930" t="s">
        <v>29804</v>
      </c>
    </row>
    <row r="14931" spans="1:3" x14ac:dyDescent="0.15">
      <c r="A14931">
        <v>10073</v>
      </c>
      <c r="B14931" t="s">
        <v>29805</v>
      </c>
      <c r="C14931" t="s">
        <v>29806</v>
      </c>
    </row>
    <row r="14932" spans="1:3" x14ac:dyDescent="0.15">
      <c r="A14932">
        <v>10072</v>
      </c>
      <c r="B14932" t="s">
        <v>29807</v>
      </c>
      <c r="C14932" t="s">
        <v>29808</v>
      </c>
    </row>
    <row r="14933" spans="1:3" x14ac:dyDescent="0.15">
      <c r="A14933">
        <v>10071</v>
      </c>
      <c r="B14933" t="s">
        <v>29809</v>
      </c>
      <c r="C14933" t="s">
        <v>29810</v>
      </c>
    </row>
    <row r="14934" spans="1:3" x14ac:dyDescent="0.15">
      <c r="A14934">
        <v>10070</v>
      </c>
      <c r="B14934" t="s">
        <v>29811</v>
      </c>
      <c r="C14934" t="s">
        <v>29812</v>
      </c>
    </row>
    <row r="14935" spans="1:3" x14ac:dyDescent="0.15">
      <c r="A14935">
        <v>10069</v>
      </c>
      <c r="B14935" t="s">
        <v>29813</v>
      </c>
      <c r="C14935" t="s">
        <v>29814</v>
      </c>
    </row>
    <row r="14936" spans="1:3" x14ac:dyDescent="0.15">
      <c r="A14936">
        <v>10068</v>
      </c>
      <c r="B14936" t="s">
        <v>29815</v>
      </c>
      <c r="C14936" t="s">
        <v>29816</v>
      </c>
    </row>
    <row r="14937" spans="1:3" x14ac:dyDescent="0.15">
      <c r="A14937">
        <v>10067</v>
      </c>
      <c r="B14937" t="s">
        <v>29817</v>
      </c>
      <c r="C14937" t="s">
        <v>29818</v>
      </c>
    </row>
    <row r="14938" spans="1:3" x14ac:dyDescent="0.15">
      <c r="A14938">
        <v>10066</v>
      </c>
      <c r="B14938" t="s">
        <v>29819</v>
      </c>
      <c r="C14938" t="s">
        <v>29820</v>
      </c>
    </row>
    <row r="14939" spans="1:3" x14ac:dyDescent="0.15">
      <c r="A14939">
        <v>10065</v>
      </c>
      <c r="B14939" t="s">
        <v>29821</v>
      </c>
      <c r="C14939" t="s">
        <v>29822</v>
      </c>
    </row>
    <row r="14940" spans="1:3" x14ac:dyDescent="0.15">
      <c r="A14940">
        <v>10064</v>
      </c>
      <c r="B14940" t="s">
        <v>29823</v>
      </c>
      <c r="C14940" t="s">
        <v>29824</v>
      </c>
    </row>
    <row r="14941" spans="1:3" x14ac:dyDescent="0.15">
      <c r="A14941">
        <v>10063</v>
      </c>
      <c r="B14941" t="s">
        <v>29825</v>
      </c>
      <c r="C14941" t="s">
        <v>29826</v>
      </c>
    </row>
    <row r="14942" spans="1:3" x14ac:dyDescent="0.15">
      <c r="A14942">
        <v>10062</v>
      </c>
      <c r="B14942" t="s">
        <v>29827</v>
      </c>
      <c r="C14942" t="s">
        <v>29828</v>
      </c>
    </row>
    <row r="14943" spans="1:3" x14ac:dyDescent="0.15">
      <c r="A14943">
        <v>10061</v>
      </c>
      <c r="B14943" t="s">
        <v>29829</v>
      </c>
      <c r="C14943" t="s">
        <v>29830</v>
      </c>
    </row>
    <row r="14944" spans="1:3" x14ac:dyDescent="0.15">
      <c r="A14944">
        <v>10060</v>
      </c>
      <c r="B14944" t="s">
        <v>29831</v>
      </c>
      <c r="C14944" t="s">
        <v>29832</v>
      </c>
    </row>
    <row r="14945" spans="1:3" x14ac:dyDescent="0.15">
      <c r="A14945">
        <v>10059</v>
      </c>
      <c r="B14945" t="s">
        <v>29833</v>
      </c>
      <c r="C14945" t="s">
        <v>29834</v>
      </c>
    </row>
    <row r="14946" spans="1:3" x14ac:dyDescent="0.15">
      <c r="A14946">
        <v>10058</v>
      </c>
      <c r="B14946" t="s">
        <v>29835</v>
      </c>
      <c r="C14946" t="s">
        <v>29836</v>
      </c>
    </row>
    <row r="14947" spans="1:3" x14ac:dyDescent="0.15">
      <c r="A14947">
        <v>10057</v>
      </c>
      <c r="B14947" t="s">
        <v>29837</v>
      </c>
      <c r="C14947" t="s">
        <v>29838</v>
      </c>
    </row>
    <row r="14948" spans="1:3" x14ac:dyDescent="0.15">
      <c r="A14948">
        <v>10056</v>
      </c>
      <c r="B14948" t="s">
        <v>29839</v>
      </c>
      <c r="C14948" t="s">
        <v>29840</v>
      </c>
    </row>
    <row r="14949" spans="1:3" x14ac:dyDescent="0.15">
      <c r="A14949">
        <v>10055</v>
      </c>
      <c r="B14949" t="s">
        <v>29841</v>
      </c>
      <c r="C14949" t="s">
        <v>29842</v>
      </c>
    </row>
    <row r="14950" spans="1:3" x14ac:dyDescent="0.15">
      <c r="A14950">
        <v>10054</v>
      </c>
      <c r="B14950" t="s">
        <v>29843</v>
      </c>
      <c r="C14950" t="s">
        <v>29844</v>
      </c>
    </row>
    <row r="14951" spans="1:3" x14ac:dyDescent="0.15">
      <c r="A14951">
        <v>10053</v>
      </c>
      <c r="B14951" t="s">
        <v>29845</v>
      </c>
      <c r="C14951" t="s">
        <v>29846</v>
      </c>
    </row>
    <row r="14952" spans="1:3" x14ac:dyDescent="0.15">
      <c r="A14952">
        <v>10052</v>
      </c>
      <c r="B14952" t="s">
        <v>29847</v>
      </c>
      <c r="C14952" t="s">
        <v>29848</v>
      </c>
    </row>
    <row r="14953" spans="1:3" x14ac:dyDescent="0.15">
      <c r="A14953">
        <v>10051</v>
      </c>
      <c r="B14953" t="s">
        <v>29849</v>
      </c>
      <c r="C14953" t="s">
        <v>29850</v>
      </c>
    </row>
    <row r="14954" spans="1:3" x14ac:dyDescent="0.15">
      <c r="A14954">
        <v>10050</v>
      </c>
      <c r="B14954" t="s">
        <v>29851</v>
      </c>
      <c r="C14954" t="s">
        <v>29852</v>
      </c>
    </row>
    <row r="14955" spans="1:3" x14ac:dyDescent="0.15">
      <c r="A14955">
        <v>10049</v>
      </c>
      <c r="B14955" t="s">
        <v>29853</v>
      </c>
      <c r="C14955" t="s">
        <v>29854</v>
      </c>
    </row>
    <row r="14956" spans="1:3" x14ac:dyDescent="0.15">
      <c r="A14956">
        <v>10048</v>
      </c>
      <c r="B14956" t="s">
        <v>29855</v>
      </c>
      <c r="C14956" t="s">
        <v>29856</v>
      </c>
    </row>
    <row r="14957" spans="1:3" x14ac:dyDescent="0.15">
      <c r="A14957">
        <v>10047</v>
      </c>
      <c r="B14957" t="s">
        <v>29857</v>
      </c>
      <c r="C14957" t="s">
        <v>29858</v>
      </c>
    </row>
    <row r="14958" spans="1:3" x14ac:dyDescent="0.15">
      <c r="A14958">
        <v>10046</v>
      </c>
      <c r="B14958" t="s">
        <v>29859</v>
      </c>
      <c r="C14958" t="s">
        <v>29860</v>
      </c>
    </row>
    <row r="14959" spans="1:3" x14ac:dyDescent="0.15">
      <c r="A14959">
        <v>10045</v>
      </c>
      <c r="B14959" t="s">
        <v>29861</v>
      </c>
      <c r="C14959" t="s">
        <v>29862</v>
      </c>
    </row>
    <row r="14960" spans="1:3" x14ac:dyDescent="0.15">
      <c r="A14960">
        <v>10044</v>
      </c>
      <c r="B14960" t="s">
        <v>29863</v>
      </c>
      <c r="C14960" t="s">
        <v>29864</v>
      </c>
    </row>
    <row r="14961" spans="1:3" x14ac:dyDescent="0.15">
      <c r="A14961">
        <v>10043</v>
      </c>
      <c r="B14961" t="s">
        <v>29865</v>
      </c>
      <c r="C14961" t="s">
        <v>29866</v>
      </c>
    </row>
    <row r="14962" spans="1:3" x14ac:dyDescent="0.15">
      <c r="A14962">
        <v>10042</v>
      </c>
      <c r="B14962" t="s">
        <v>29867</v>
      </c>
      <c r="C14962" t="s">
        <v>29868</v>
      </c>
    </row>
    <row r="14963" spans="1:3" x14ac:dyDescent="0.15">
      <c r="A14963">
        <v>10041</v>
      </c>
      <c r="B14963" t="s">
        <v>29869</v>
      </c>
      <c r="C14963" t="s">
        <v>29870</v>
      </c>
    </row>
    <row r="14964" spans="1:3" x14ac:dyDescent="0.15">
      <c r="A14964">
        <v>10040</v>
      </c>
      <c r="B14964" t="s">
        <v>29871</v>
      </c>
      <c r="C14964" t="s">
        <v>29872</v>
      </c>
    </row>
    <row r="14965" spans="1:3" x14ac:dyDescent="0.15">
      <c r="A14965">
        <v>10039</v>
      </c>
      <c r="B14965" t="s">
        <v>29873</v>
      </c>
      <c r="C14965" t="s">
        <v>29874</v>
      </c>
    </row>
    <row r="14966" spans="1:3" x14ac:dyDescent="0.15">
      <c r="A14966">
        <v>10038</v>
      </c>
      <c r="B14966" t="s">
        <v>29875</v>
      </c>
      <c r="C14966" t="s">
        <v>29876</v>
      </c>
    </row>
    <row r="14967" spans="1:3" x14ac:dyDescent="0.15">
      <c r="A14967">
        <v>10037</v>
      </c>
      <c r="B14967" t="s">
        <v>29877</v>
      </c>
      <c r="C14967" t="s">
        <v>29878</v>
      </c>
    </row>
    <row r="14968" spans="1:3" x14ac:dyDescent="0.15">
      <c r="A14968">
        <v>10036</v>
      </c>
      <c r="B14968" t="s">
        <v>29879</v>
      </c>
      <c r="C14968" t="s">
        <v>29880</v>
      </c>
    </row>
    <row r="14969" spans="1:3" x14ac:dyDescent="0.15">
      <c r="A14969">
        <v>10035</v>
      </c>
      <c r="B14969" t="s">
        <v>29881</v>
      </c>
      <c r="C14969" t="s">
        <v>29882</v>
      </c>
    </row>
    <row r="14970" spans="1:3" x14ac:dyDescent="0.15">
      <c r="A14970">
        <v>10034</v>
      </c>
      <c r="B14970" t="s">
        <v>29883</v>
      </c>
      <c r="C14970" t="s">
        <v>29884</v>
      </c>
    </row>
    <row r="14971" spans="1:3" x14ac:dyDescent="0.15">
      <c r="A14971">
        <v>10033</v>
      </c>
      <c r="B14971" t="s">
        <v>29885</v>
      </c>
      <c r="C14971" t="s">
        <v>29886</v>
      </c>
    </row>
    <row r="14972" spans="1:3" x14ac:dyDescent="0.15">
      <c r="A14972">
        <v>10032</v>
      </c>
      <c r="B14972" t="s">
        <v>29887</v>
      </c>
      <c r="C14972" t="s">
        <v>29888</v>
      </c>
    </row>
    <row r="14973" spans="1:3" x14ac:dyDescent="0.15">
      <c r="A14973">
        <v>10031</v>
      </c>
      <c r="B14973" t="s">
        <v>29889</v>
      </c>
      <c r="C14973" t="s">
        <v>29890</v>
      </c>
    </row>
    <row r="14974" spans="1:3" x14ac:dyDescent="0.15">
      <c r="A14974">
        <v>10030</v>
      </c>
      <c r="B14974" t="s">
        <v>29891</v>
      </c>
      <c r="C14974" t="s">
        <v>29892</v>
      </c>
    </row>
    <row r="14975" spans="1:3" x14ac:dyDescent="0.15">
      <c r="A14975">
        <v>10029</v>
      </c>
      <c r="B14975" t="s">
        <v>29893</v>
      </c>
      <c r="C14975" t="s">
        <v>29894</v>
      </c>
    </row>
    <row r="14976" spans="1:3" x14ac:dyDescent="0.15">
      <c r="A14976">
        <v>10028</v>
      </c>
      <c r="B14976" t="s">
        <v>29895</v>
      </c>
      <c r="C14976" t="s">
        <v>29896</v>
      </c>
    </row>
    <row r="14977" spans="1:3" x14ac:dyDescent="0.15">
      <c r="A14977">
        <v>10027</v>
      </c>
      <c r="B14977" t="s">
        <v>29897</v>
      </c>
      <c r="C14977" t="s">
        <v>29898</v>
      </c>
    </row>
    <row r="14978" spans="1:3" x14ac:dyDescent="0.15">
      <c r="A14978">
        <v>10026</v>
      </c>
      <c r="B14978" t="s">
        <v>29899</v>
      </c>
      <c r="C14978" t="s">
        <v>29900</v>
      </c>
    </row>
    <row r="14979" spans="1:3" x14ac:dyDescent="0.15">
      <c r="A14979">
        <v>10025</v>
      </c>
      <c r="B14979" t="s">
        <v>29901</v>
      </c>
      <c r="C14979" t="s">
        <v>29902</v>
      </c>
    </row>
    <row r="14980" spans="1:3" x14ac:dyDescent="0.15">
      <c r="A14980">
        <v>10024</v>
      </c>
      <c r="B14980" t="s">
        <v>29903</v>
      </c>
      <c r="C14980" t="s">
        <v>29904</v>
      </c>
    </row>
    <row r="14981" spans="1:3" x14ac:dyDescent="0.15">
      <c r="A14981">
        <v>10023</v>
      </c>
      <c r="B14981" t="s">
        <v>29905</v>
      </c>
      <c r="C14981" t="s">
        <v>29906</v>
      </c>
    </row>
    <row r="14982" spans="1:3" x14ac:dyDescent="0.15">
      <c r="A14982">
        <v>10022</v>
      </c>
      <c r="B14982" t="s">
        <v>29907</v>
      </c>
      <c r="C14982" t="s">
        <v>29908</v>
      </c>
    </row>
    <row r="14983" spans="1:3" x14ac:dyDescent="0.15">
      <c r="A14983">
        <v>10021</v>
      </c>
      <c r="B14983" t="s">
        <v>29909</v>
      </c>
      <c r="C14983" t="s">
        <v>29910</v>
      </c>
    </row>
    <row r="14984" spans="1:3" x14ac:dyDescent="0.15">
      <c r="A14984">
        <v>10020</v>
      </c>
      <c r="B14984" t="s">
        <v>29911</v>
      </c>
      <c r="C14984" t="s">
        <v>29912</v>
      </c>
    </row>
    <row r="14985" spans="1:3" x14ac:dyDescent="0.15">
      <c r="A14985">
        <v>10019</v>
      </c>
      <c r="B14985" t="s">
        <v>29913</v>
      </c>
      <c r="C14985" t="s">
        <v>29914</v>
      </c>
    </row>
    <row r="14986" spans="1:3" x14ac:dyDescent="0.15">
      <c r="A14986">
        <v>10018</v>
      </c>
      <c r="B14986" t="s">
        <v>29915</v>
      </c>
      <c r="C14986" t="s">
        <v>29916</v>
      </c>
    </row>
    <row r="14987" spans="1:3" x14ac:dyDescent="0.15">
      <c r="A14987">
        <v>10017</v>
      </c>
      <c r="B14987" t="s">
        <v>29917</v>
      </c>
      <c r="C14987" t="s">
        <v>29918</v>
      </c>
    </row>
    <row r="14988" spans="1:3" x14ac:dyDescent="0.15">
      <c r="A14988">
        <v>10016</v>
      </c>
      <c r="B14988" t="s">
        <v>29919</v>
      </c>
      <c r="C14988" t="s">
        <v>29920</v>
      </c>
    </row>
    <row r="14989" spans="1:3" x14ac:dyDescent="0.15">
      <c r="A14989">
        <v>10015</v>
      </c>
      <c r="B14989" t="s">
        <v>29921</v>
      </c>
      <c r="C14989" t="s">
        <v>29922</v>
      </c>
    </row>
    <row r="14990" spans="1:3" x14ac:dyDescent="0.15">
      <c r="A14990">
        <v>10014</v>
      </c>
      <c r="B14990" t="s">
        <v>29923</v>
      </c>
      <c r="C14990" t="s">
        <v>29924</v>
      </c>
    </row>
    <row r="14991" spans="1:3" x14ac:dyDescent="0.15">
      <c r="A14991">
        <v>10013</v>
      </c>
      <c r="B14991" t="s">
        <v>29925</v>
      </c>
      <c r="C14991" t="s">
        <v>29926</v>
      </c>
    </row>
    <row r="14992" spans="1:3" x14ac:dyDescent="0.15">
      <c r="A14992">
        <v>10012</v>
      </c>
      <c r="B14992" t="s">
        <v>29927</v>
      </c>
      <c r="C14992" t="s">
        <v>29928</v>
      </c>
    </row>
    <row r="14993" spans="1:3" x14ac:dyDescent="0.15">
      <c r="A14993">
        <v>10011</v>
      </c>
      <c r="B14993" t="s">
        <v>29929</v>
      </c>
      <c r="C14993" t="s">
        <v>29930</v>
      </c>
    </row>
    <row r="14994" spans="1:3" x14ac:dyDescent="0.15">
      <c r="A14994">
        <v>10010</v>
      </c>
      <c r="B14994" t="s">
        <v>29931</v>
      </c>
      <c r="C14994" t="s">
        <v>29932</v>
      </c>
    </row>
    <row r="14995" spans="1:3" x14ac:dyDescent="0.15">
      <c r="A14995">
        <v>10009</v>
      </c>
      <c r="B14995" t="s">
        <v>29933</v>
      </c>
      <c r="C14995" t="s">
        <v>29934</v>
      </c>
    </row>
    <row r="14996" spans="1:3" x14ac:dyDescent="0.15">
      <c r="A14996">
        <v>10008</v>
      </c>
      <c r="B14996" t="s">
        <v>29935</v>
      </c>
      <c r="C14996" t="s">
        <v>29936</v>
      </c>
    </row>
    <row r="14997" spans="1:3" x14ac:dyDescent="0.15">
      <c r="A14997">
        <v>10007</v>
      </c>
      <c r="B14997" t="s">
        <v>29937</v>
      </c>
      <c r="C14997" t="s">
        <v>29938</v>
      </c>
    </row>
    <row r="14998" spans="1:3" x14ac:dyDescent="0.15">
      <c r="A14998">
        <v>10006</v>
      </c>
      <c r="B14998" t="s">
        <v>29939</v>
      </c>
      <c r="C14998" t="s">
        <v>29940</v>
      </c>
    </row>
    <row r="14999" spans="1:3" x14ac:dyDescent="0.15">
      <c r="A14999">
        <v>10005</v>
      </c>
      <c r="B14999" t="s">
        <v>29941</v>
      </c>
      <c r="C14999" t="s">
        <v>29942</v>
      </c>
    </row>
    <row r="15000" spans="1:3" x14ac:dyDescent="0.15">
      <c r="A15000">
        <v>10004</v>
      </c>
      <c r="B15000" t="s">
        <v>29943</v>
      </c>
      <c r="C15000" t="s">
        <v>29944</v>
      </c>
    </row>
    <row r="15001" spans="1:3" x14ac:dyDescent="0.15">
      <c r="A15001">
        <v>10003</v>
      </c>
      <c r="B15001" t="s">
        <v>29945</v>
      </c>
      <c r="C15001" t="s">
        <v>29946</v>
      </c>
    </row>
    <row r="15002" spans="1:3" x14ac:dyDescent="0.15">
      <c r="A15002">
        <v>10002</v>
      </c>
      <c r="B15002" t="s">
        <v>29947</v>
      </c>
      <c r="C15002" t="s">
        <v>29948</v>
      </c>
    </row>
    <row r="15003" spans="1:3" x14ac:dyDescent="0.15">
      <c r="A15003">
        <v>10001</v>
      </c>
      <c r="B15003" t="s">
        <v>29949</v>
      </c>
      <c r="C15003" t="s">
        <v>29950</v>
      </c>
    </row>
    <row r="15004" spans="1:3" x14ac:dyDescent="0.15">
      <c r="A15004">
        <v>10000</v>
      </c>
      <c r="B15004" t="s">
        <v>29951</v>
      </c>
      <c r="C15004" t="s">
        <v>29952</v>
      </c>
    </row>
    <row r="15005" spans="1:3" x14ac:dyDescent="0.15">
      <c r="A15005">
        <v>9999</v>
      </c>
      <c r="B15005" t="s">
        <v>29953</v>
      </c>
      <c r="C15005" t="s">
        <v>29954</v>
      </c>
    </row>
    <row r="15006" spans="1:3" x14ac:dyDescent="0.15">
      <c r="A15006">
        <v>9998</v>
      </c>
      <c r="B15006" t="s">
        <v>29955</v>
      </c>
      <c r="C15006" t="s">
        <v>29956</v>
      </c>
    </row>
    <row r="15007" spans="1:3" x14ac:dyDescent="0.15">
      <c r="A15007">
        <v>9997</v>
      </c>
      <c r="B15007" t="s">
        <v>29957</v>
      </c>
      <c r="C15007" t="s">
        <v>29958</v>
      </c>
    </row>
    <row r="15008" spans="1:3" x14ac:dyDescent="0.15">
      <c r="A15008">
        <v>9996</v>
      </c>
      <c r="B15008" t="s">
        <v>29959</v>
      </c>
      <c r="C15008" t="s">
        <v>29960</v>
      </c>
    </row>
    <row r="15009" spans="1:3" x14ac:dyDescent="0.15">
      <c r="A15009">
        <v>9995</v>
      </c>
      <c r="B15009" t="s">
        <v>29961</v>
      </c>
      <c r="C15009" t="s">
        <v>29962</v>
      </c>
    </row>
    <row r="15010" spans="1:3" x14ac:dyDescent="0.15">
      <c r="A15010">
        <v>9994</v>
      </c>
      <c r="B15010" t="s">
        <v>29963</v>
      </c>
      <c r="C15010" t="s">
        <v>29964</v>
      </c>
    </row>
    <row r="15011" spans="1:3" x14ac:dyDescent="0.15">
      <c r="A15011">
        <v>9993</v>
      </c>
      <c r="B15011" t="s">
        <v>29965</v>
      </c>
      <c r="C15011" t="s">
        <v>29966</v>
      </c>
    </row>
    <row r="15012" spans="1:3" x14ac:dyDescent="0.15">
      <c r="A15012">
        <v>9992</v>
      </c>
      <c r="B15012" t="s">
        <v>29967</v>
      </c>
      <c r="C15012" t="s">
        <v>29968</v>
      </c>
    </row>
    <row r="15013" spans="1:3" x14ac:dyDescent="0.15">
      <c r="A15013">
        <v>9991</v>
      </c>
      <c r="B15013" t="s">
        <v>29969</v>
      </c>
      <c r="C15013" t="s">
        <v>29970</v>
      </c>
    </row>
    <row r="15014" spans="1:3" x14ac:dyDescent="0.15">
      <c r="A15014">
        <v>9990</v>
      </c>
      <c r="B15014" t="s">
        <v>29971</v>
      </c>
      <c r="C15014" t="s">
        <v>29972</v>
      </c>
    </row>
    <row r="15015" spans="1:3" x14ac:dyDescent="0.15">
      <c r="A15015">
        <v>9989</v>
      </c>
      <c r="B15015" t="s">
        <v>29973</v>
      </c>
      <c r="C15015" t="s">
        <v>29974</v>
      </c>
    </row>
    <row r="15016" spans="1:3" x14ac:dyDescent="0.15">
      <c r="A15016">
        <v>9988</v>
      </c>
      <c r="B15016" t="s">
        <v>29975</v>
      </c>
      <c r="C15016" t="s">
        <v>29976</v>
      </c>
    </row>
    <row r="15017" spans="1:3" x14ac:dyDescent="0.15">
      <c r="A15017">
        <v>9987</v>
      </c>
      <c r="B15017" t="s">
        <v>29977</v>
      </c>
      <c r="C15017" t="s">
        <v>29978</v>
      </c>
    </row>
    <row r="15018" spans="1:3" x14ac:dyDescent="0.15">
      <c r="A15018">
        <v>9986</v>
      </c>
      <c r="B15018" t="s">
        <v>29979</v>
      </c>
      <c r="C15018" t="s">
        <v>29980</v>
      </c>
    </row>
    <row r="15019" spans="1:3" x14ac:dyDescent="0.15">
      <c r="A15019">
        <v>9985</v>
      </c>
      <c r="B15019" t="s">
        <v>29981</v>
      </c>
      <c r="C15019" t="s">
        <v>29982</v>
      </c>
    </row>
    <row r="15020" spans="1:3" x14ac:dyDescent="0.15">
      <c r="A15020">
        <v>9984</v>
      </c>
      <c r="B15020" t="s">
        <v>29983</v>
      </c>
      <c r="C15020" t="s">
        <v>29984</v>
      </c>
    </row>
    <row r="15021" spans="1:3" x14ac:dyDescent="0.15">
      <c r="A15021">
        <v>9983</v>
      </c>
      <c r="B15021" t="s">
        <v>29985</v>
      </c>
      <c r="C15021" t="s">
        <v>29986</v>
      </c>
    </row>
    <row r="15022" spans="1:3" x14ac:dyDescent="0.15">
      <c r="A15022">
        <v>9982</v>
      </c>
      <c r="B15022" t="s">
        <v>29987</v>
      </c>
      <c r="C15022" t="s">
        <v>29988</v>
      </c>
    </row>
    <row r="15023" spans="1:3" x14ac:dyDescent="0.15">
      <c r="A15023">
        <v>9981</v>
      </c>
      <c r="B15023" t="s">
        <v>29989</v>
      </c>
      <c r="C15023" t="s">
        <v>29990</v>
      </c>
    </row>
    <row r="15024" spans="1:3" x14ac:dyDescent="0.15">
      <c r="A15024">
        <v>9980</v>
      </c>
      <c r="B15024" t="s">
        <v>29991</v>
      </c>
      <c r="C15024" t="s">
        <v>29992</v>
      </c>
    </row>
    <row r="15025" spans="1:3" x14ac:dyDescent="0.15">
      <c r="A15025">
        <v>9979</v>
      </c>
      <c r="B15025" t="s">
        <v>29993</v>
      </c>
      <c r="C15025" t="s">
        <v>29994</v>
      </c>
    </row>
    <row r="15026" spans="1:3" x14ac:dyDescent="0.15">
      <c r="A15026">
        <v>9978</v>
      </c>
      <c r="B15026" t="s">
        <v>29995</v>
      </c>
      <c r="C15026" t="s">
        <v>29996</v>
      </c>
    </row>
    <row r="15027" spans="1:3" x14ac:dyDescent="0.15">
      <c r="A15027">
        <v>9977</v>
      </c>
      <c r="B15027" t="s">
        <v>29997</v>
      </c>
      <c r="C15027" t="s">
        <v>29998</v>
      </c>
    </row>
    <row r="15028" spans="1:3" x14ac:dyDescent="0.15">
      <c r="A15028">
        <v>9976</v>
      </c>
      <c r="B15028" t="s">
        <v>29999</v>
      </c>
      <c r="C15028" t="s">
        <v>30000</v>
      </c>
    </row>
    <row r="15029" spans="1:3" x14ac:dyDescent="0.15">
      <c r="A15029">
        <v>9975</v>
      </c>
      <c r="B15029" t="s">
        <v>30001</v>
      </c>
      <c r="C15029" t="s">
        <v>30002</v>
      </c>
    </row>
    <row r="15030" spans="1:3" x14ac:dyDescent="0.15">
      <c r="A15030">
        <v>9974</v>
      </c>
      <c r="B15030" t="s">
        <v>30003</v>
      </c>
      <c r="C15030" t="s">
        <v>30004</v>
      </c>
    </row>
    <row r="15031" spans="1:3" x14ac:dyDescent="0.15">
      <c r="A15031">
        <v>9973</v>
      </c>
      <c r="B15031" t="s">
        <v>30005</v>
      </c>
      <c r="C15031" t="s">
        <v>30006</v>
      </c>
    </row>
    <row r="15032" spans="1:3" x14ac:dyDescent="0.15">
      <c r="A15032">
        <v>9972</v>
      </c>
      <c r="B15032" t="s">
        <v>30007</v>
      </c>
      <c r="C15032" t="s">
        <v>30008</v>
      </c>
    </row>
    <row r="15033" spans="1:3" x14ac:dyDescent="0.15">
      <c r="A15033">
        <v>9971</v>
      </c>
      <c r="B15033" t="s">
        <v>30009</v>
      </c>
      <c r="C15033" t="s">
        <v>30010</v>
      </c>
    </row>
    <row r="15034" spans="1:3" x14ac:dyDescent="0.15">
      <c r="A15034">
        <v>9970</v>
      </c>
      <c r="B15034" t="s">
        <v>30011</v>
      </c>
      <c r="C15034" t="s">
        <v>30012</v>
      </c>
    </row>
    <row r="15035" spans="1:3" x14ac:dyDescent="0.15">
      <c r="A15035">
        <v>9969</v>
      </c>
      <c r="B15035" t="s">
        <v>30013</v>
      </c>
      <c r="C15035" t="s">
        <v>30014</v>
      </c>
    </row>
    <row r="15036" spans="1:3" x14ac:dyDescent="0.15">
      <c r="A15036">
        <v>9968</v>
      </c>
      <c r="B15036" t="s">
        <v>30015</v>
      </c>
      <c r="C15036" t="s">
        <v>30016</v>
      </c>
    </row>
    <row r="15037" spans="1:3" x14ac:dyDescent="0.15">
      <c r="A15037">
        <v>9967</v>
      </c>
      <c r="B15037" t="s">
        <v>30017</v>
      </c>
      <c r="C15037" t="s">
        <v>30018</v>
      </c>
    </row>
    <row r="15038" spans="1:3" x14ac:dyDescent="0.15">
      <c r="A15038">
        <v>9966</v>
      </c>
      <c r="B15038" t="s">
        <v>30019</v>
      </c>
      <c r="C15038" t="s">
        <v>30020</v>
      </c>
    </row>
    <row r="15039" spans="1:3" x14ac:dyDescent="0.15">
      <c r="A15039">
        <v>9965</v>
      </c>
      <c r="B15039" t="s">
        <v>30021</v>
      </c>
      <c r="C15039" t="s">
        <v>30022</v>
      </c>
    </row>
    <row r="15040" spans="1:3" x14ac:dyDescent="0.15">
      <c r="A15040">
        <v>9964</v>
      </c>
      <c r="B15040" t="s">
        <v>30023</v>
      </c>
      <c r="C15040" t="s">
        <v>30024</v>
      </c>
    </row>
    <row r="15041" spans="1:3" x14ac:dyDescent="0.15">
      <c r="A15041">
        <v>9963</v>
      </c>
      <c r="B15041" t="s">
        <v>30025</v>
      </c>
      <c r="C15041" t="s">
        <v>30026</v>
      </c>
    </row>
    <row r="15042" spans="1:3" x14ac:dyDescent="0.15">
      <c r="A15042">
        <v>9962</v>
      </c>
      <c r="B15042" t="s">
        <v>30027</v>
      </c>
      <c r="C15042" t="s">
        <v>30028</v>
      </c>
    </row>
    <row r="15043" spans="1:3" x14ac:dyDescent="0.15">
      <c r="A15043">
        <v>9961</v>
      </c>
      <c r="B15043" t="s">
        <v>30029</v>
      </c>
      <c r="C15043" t="s">
        <v>30030</v>
      </c>
    </row>
    <row r="15044" spans="1:3" x14ac:dyDescent="0.15">
      <c r="A15044">
        <v>9960</v>
      </c>
      <c r="B15044" t="s">
        <v>30031</v>
      </c>
      <c r="C15044" t="s">
        <v>30032</v>
      </c>
    </row>
    <row r="15045" spans="1:3" x14ac:dyDescent="0.15">
      <c r="A15045">
        <v>9959</v>
      </c>
      <c r="B15045" t="s">
        <v>30033</v>
      </c>
      <c r="C15045" t="s">
        <v>30034</v>
      </c>
    </row>
    <row r="15046" spans="1:3" x14ac:dyDescent="0.15">
      <c r="A15046">
        <v>9958</v>
      </c>
      <c r="B15046" t="s">
        <v>30035</v>
      </c>
      <c r="C15046" t="s">
        <v>30036</v>
      </c>
    </row>
    <row r="15047" spans="1:3" x14ac:dyDescent="0.15">
      <c r="A15047">
        <v>9957</v>
      </c>
      <c r="B15047" t="s">
        <v>30037</v>
      </c>
      <c r="C15047" t="s">
        <v>30038</v>
      </c>
    </row>
    <row r="15048" spans="1:3" x14ac:dyDescent="0.15">
      <c r="A15048">
        <v>9956</v>
      </c>
      <c r="B15048" t="s">
        <v>30039</v>
      </c>
      <c r="C15048" t="s">
        <v>30040</v>
      </c>
    </row>
    <row r="15049" spans="1:3" x14ac:dyDescent="0.15">
      <c r="A15049">
        <v>9955</v>
      </c>
      <c r="B15049" t="s">
        <v>30041</v>
      </c>
      <c r="C15049" t="s">
        <v>30042</v>
      </c>
    </row>
    <row r="15050" spans="1:3" x14ac:dyDescent="0.15">
      <c r="A15050">
        <v>9954</v>
      </c>
      <c r="B15050" t="s">
        <v>30043</v>
      </c>
      <c r="C15050" t="s">
        <v>30044</v>
      </c>
    </row>
    <row r="15051" spans="1:3" x14ac:dyDescent="0.15">
      <c r="A15051">
        <v>9953</v>
      </c>
      <c r="B15051" t="s">
        <v>30045</v>
      </c>
      <c r="C15051" t="s">
        <v>30046</v>
      </c>
    </row>
    <row r="15052" spans="1:3" x14ac:dyDescent="0.15">
      <c r="A15052">
        <v>9952</v>
      </c>
      <c r="B15052" t="s">
        <v>30047</v>
      </c>
      <c r="C15052" t="s">
        <v>30048</v>
      </c>
    </row>
    <row r="15053" spans="1:3" x14ac:dyDescent="0.15">
      <c r="A15053">
        <v>9951</v>
      </c>
      <c r="B15053" t="s">
        <v>30049</v>
      </c>
      <c r="C15053" t="s">
        <v>30050</v>
      </c>
    </row>
    <row r="15054" spans="1:3" x14ac:dyDescent="0.15">
      <c r="A15054">
        <v>9950</v>
      </c>
      <c r="B15054" t="s">
        <v>30051</v>
      </c>
      <c r="C15054" t="s">
        <v>30052</v>
      </c>
    </row>
    <row r="15055" spans="1:3" x14ac:dyDescent="0.15">
      <c r="A15055">
        <v>9949</v>
      </c>
      <c r="B15055" t="s">
        <v>30053</v>
      </c>
      <c r="C15055" t="s">
        <v>30054</v>
      </c>
    </row>
    <row r="15056" spans="1:3" x14ac:dyDescent="0.15">
      <c r="A15056">
        <v>9948</v>
      </c>
      <c r="B15056" t="s">
        <v>30055</v>
      </c>
      <c r="C15056" t="s">
        <v>30056</v>
      </c>
    </row>
    <row r="15057" spans="1:3" x14ac:dyDescent="0.15">
      <c r="A15057">
        <v>9947</v>
      </c>
      <c r="B15057" t="s">
        <v>30057</v>
      </c>
      <c r="C15057" t="s">
        <v>30058</v>
      </c>
    </row>
    <row r="15058" spans="1:3" x14ac:dyDescent="0.15">
      <c r="A15058">
        <v>9946</v>
      </c>
      <c r="B15058" t="s">
        <v>30059</v>
      </c>
      <c r="C15058" t="s">
        <v>30060</v>
      </c>
    </row>
    <row r="15059" spans="1:3" x14ac:dyDescent="0.15">
      <c r="A15059">
        <v>9945</v>
      </c>
      <c r="B15059" t="s">
        <v>30061</v>
      </c>
      <c r="C15059" t="s">
        <v>30062</v>
      </c>
    </row>
    <row r="15060" spans="1:3" x14ac:dyDescent="0.15">
      <c r="A15060">
        <v>9944</v>
      </c>
      <c r="B15060" t="s">
        <v>30063</v>
      </c>
      <c r="C15060" t="s">
        <v>30064</v>
      </c>
    </row>
    <row r="15061" spans="1:3" x14ac:dyDescent="0.15">
      <c r="A15061">
        <v>9943</v>
      </c>
      <c r="B15061" t="s">
        <v>30065</v>
      </c>
      <c r="C15061" t="s">
        <v>30066</v>
      </c>
    </row>
    <row r="15062" spans="1:3" x14ac:dyDescent="0.15">
      <c r="A15062">
        <v>9942</v>
      </c>
      <c r="B15062" t="s">
        <v>30067</v>
      </c>
      <c r="C15062" t="s">
        <v>30068</v>
      </c>
    </row>
    <row r="15063" spans="1:3" x14ac:dyDescent="0.15">
      <c r="A15063">
        <v>9941</v>
      </c>
      <c r="B15063" t="s">
        <v>30069</v>
      </c>
      <c r="C15063" t="s">
        <v>30070</v>
      </c>
    </row>
    <row r="15064" spans="1:3" x14ac:dyDescent="0.15">
      <c r="A15064">
        <v>9940</v>
      </c>
      <c r="B15064" t="s">
        <v>30071</v>
      </c>
      <c r="C15064" t="s">
        <v>30072</v>
      </c>
    </row>
    <row r="15065" spans="1:3" x14ac:dyDescent="0.15">
      <c r="A15065">
        <v>9939</v>
      </c>
      <c r="B15065" t="s">
        <v>30073</v>
      </c>
      <c r="C15065" t="s">
        <v>30074</v>
      </c>
    </row>
    <row r="15066" spans="1:3" x14ac:dyDescent="0.15">
      <c r="A15066">
        <v>9938</v>
      </c>
      <c r="B15066" t="s">
        <v>30075</v>
      </c>
      <c r="C15066" t="s">
        <v>30076</v>
      </c>
    </row>
    <row r="15067" spans="1:3" x14ac:dyDescent="0.15">
      <c r="A15067">
        <v>9937</v>
      </c>
      <c r="B15067" t="s">
        <v>30077</v>
      </c>
      <c r="C15067" t="s">
        <v>30078</v>
      </c>
    </row>
    <row r="15068" spans="1:3" x14ac:dyDescent="0.15">
      <c r="A15068">
        <v>9936</v>
      </c>
      <c r="B15068" t="s">
        <v>30079</v>
      </c>
      <c r="C15068" t="s">
        <v>30080</v>
      </c>
    </row>
    <row r="15069" spans="1:3" x14ac:dyDescent="0.15">
      <c r="A15069">
        <v>9935</v>
      </c>
      <c r="B15069" t="s">
        <v>30081</v>
      </c>
      <c r="C15069" t="s">
        <v>30082</v>
      </c>
    </row>
    <row r="15070" spans="1:3" x14ac:dyDescent="0.15">
      <c r="A15070">
        <v>9934</v>
      </c>
      <c r="B15070" t="s">
        <v>30083</v>
      </c>
      <c r="C15070" t="s">
        <v>30084</v>
      </c>
    </row>
    <row r="15071" spans="1:3" x14ac:dyDescent="0.15">
      <c r="A15071">
        <v>9933</v>
      </c>
      <c r="B15071" t="s">
        <v>30085</v>
      </c>
      <c r="C15071" t="s">
        <v>30086</v>
      </c>
    </row>
    <row r="15072" spans="1:3" x14ac:dyDescent="0.15">
      <c r="A15072">
        <v>9932</v>
      </c>
      <c r="B15072" t="s">
        <v>30087</v>
      </c>
      <c r="C15072" t="s">
        <v>30088</v>
      </c>
    </row>
    <row r="15073" spans="1:3" x14ac:dyDescent="0.15">
      <c r="A15073">
        <v>9931</v>
      </c>
      <c r="B15073" t="s">
        <v>30089</v>
      </c>
      <c r="C15073" t="s">
        <v>30090</v>
      </c>
    </row>
    <row r="15074" spans="1:3" x14ac:dyDescent="0.15">
      <c r="A15074">
        <v>9930</v>
      </c>
      <c r="B15074" t="s">
        <v>30091</v>
      </c>
      <c r="C15074" t="s">
        <v>30092</v>
      </c>
    </row>
    <row r="15075" spans="1:3" x14ac:dyDescent="0.15">
      <c r="A15075">
        <v>9929</v>
      </c>
      <c r="B15075" t="s">
        <v>30093</v>
      </c>
      <c r="C15075" t="s">
        <v>30094</v>
      </c>
    </row>
    <row r="15076" spans="1:3" x14ac:dyDescent="0.15">
      <c r="A15076">
        <v>9928</v>
      </c>
      <c r="B15076" t="s">
        <v>30095</v>
      </c>
      <c r="C15076" t="s">
        <v>30096</v>
      </c>
    </row>
    <row r="15077" spans="1:3" x14ac:dyDescent="0.15">
      <c r="A15077">
        <v>9927</v>
      </c>
      <c r="B15077" t="s">
        <v>30097</v>
      </c>
      <c r="C15077" t="s">
        <v>30098</v>
      </c>
    </row>
    <row r="15078" spans="1:3" x14ac:dyDescent="0.15">
      <c r="A15078">
        <v>9926</v>
      </c>
      <c r="B15078" t="s">
        <v>30099</v>
      </c>
      <c r="C15078" t="s">
        <v>30100</v>
      </c>
    </row>
    <row r="15079" spans="1:3" x14ac:dyDescent="0.15">
      <c r="A15079">
        <v>9925</v>
      </c>
      <c r="B15079" t="s">
        <v>30101</v>
      </c>
      <c r="C15079" t="s">
        <v>30102</v>
      </c>
    </row>
    <row r="15080" spans="1:3" x14ac:dyDescent="0.15">
      <c r="A15080">
        <v>9924</v>
      </c>
      <c r="B15080" t="s">
        <v>30103</v>
      </c>
      <c r="C15080" t="s">
        <v>30104</v>
      </c>
    </row>
    <row r="15081" spans="1:3" x14ac:dyDescent="0.15">
      <c r="A15081">
        <v>9923</v>
      </c>
      <c r="B15081" t="s">
        <v>30105</v>
      </c>
      <c r="C15081" t="s">
        <v>30106</v>
      </c>
    </row>
    <row r="15082" spans="1:3" x14ac:dyDescent="0.15">
      <c r="A15082">
        <v>9922</v>
      </c>
      <c r="B15082" t="s">
        <v>30107</v>
      </c>
      <c r="C15082" t="s">
        <v>30108</v>
      </c>
    </row>
    <row r="15083" spans="1:3" x14ac:dyDescent="0.15">
      <c r="A15083">
        <v>9921</v>
      </c>
      <c r="B15083" t="s">
        <v>30109</v>
      </c>
      <c r="C15083" t="s">
        <v>30110</v>
      </c>
    </row>
    <row r="15084" spans="1:3" x14ac:dyDescent="0.15">
      <c r="A15084">
        <v>9920</v>
      </c>
      <c r="B15084" t="s">
        <v>30111</v>
      </c>
      <c r="C15084" t="s">
        <v>30112</v>
      </c>
    </row>
    <row r="15085" spans="1:3" x14ac:dyDescent="0.15">
      <c r="A15085">
        <v>9919</v>
      </c>
      <c r="B15085" t="s">
        <v>30113</v>
      </c>
      <c r="C15085" t="s">
        <v>30114</v>
      </c>
    </row>
    <row r="15086" spans="1:3" x14ac:dyDescent="0.15">
      <c r="A15086">
        <v>9918</v>
      </c>
      <c r="B15086" t="s">
        <v>30115</v>
      </c>
      <c r="C15086" t="s">
        <v>30116</v>
      </c>
    </row>
    <row r="15087" spans="1:3" x14ac:dyDescent="0.15">
      <c r="A15087">
        <v>9917</v>
      </c>
      <c r="B15087" t="s">
        <v>30117</v>
      </c>
      <c r="C15087" t="s">
        <v>30118</v>
      </c>
    </row>
    <row r="15088" spans="1:3" x14ac:dyDescent="0.15">
      <c r="A15088">
        <v>9916</v>
      </c>
      <c r="B15088" t="s">
        <v>30119</v>
      </c>
      <c r="C15088" t="s">
        <v>30120</v>
      </c>
    </row>
    <row r="15089" spans="1:3" x14ac:dyDescent="0.15">
      <c r="A15089">
        <v>9915</v>
      </c>
      <c r="B15089" t="s">
        <v>30121</v>
      </c>
      <c r="C15089" t="s">
        <v>30122</v>
      </c>
    </row>
    <row r="15090" spans="1:3" x14ac:dyDescent="0.15">
      <c r="A15090">
        <v>9914</v>
      </c>
      <c r="B15090" t="s">
        <v>30123</v>
      </c>
      <c r="C15090" t="s">
        <v>30124</v>
      </c>
    </row>
    <row r="15091" spans="1:3" x14ac:dyDescent="0.15">
      <c r="A15091">
        <v>9913</v>
      </c>
      <c r="B15091" t="s">
        <v>30125</v>
      </c>
      <c r="C15091" t="s">
        <v>30126</v>
      </c>
    </row>
    <row r="15092" spans="1:3" x14ac:dyDescent="0.15">
      <c r="A15092">
        <v>9912</v>
      </c>
      <c r="B15092" t="s">
        <v>30127</v>
      </c>
      <c r="C15092" t="s">
        <v>30128</v>
      </c>
    </row>
    <row r="15093" spans="1:3" x14ac:dyDescent="0.15">
      <c r="A15093">
        <v>9911</v>
      </c>
      <c r="B15093" t="s">
        <v>30129</v>
      </c>
      <c r="C15093" t="s">
        <v>30130</v>
      </c>
    </row>
    <row r="15094" spans="1:3" x14ac:dyDescent="0.15">
      <c r="A15094">
        <v>9910</v>
      </c>
      <c r="B15094" t="s">
        <v>30131</v>
      </c>
      <c r="C15094" t="s">
        <v>30132</v>
      </c>
    </row>
    <row r="15095" spans="1:3" x14ac:dyDescent="0.15">
      <c r="A15095">
        <v>9909</v>
      </c>
      <c r="B15095" t="s">
        <v>30133</v>
      </c>
      <c r="C15095" t="s">
        <v>30134</v>
      </c>
    </row>
    <row r="15096" spans="1:3" x14ac:dyDescent="0.15">
      <c r="A15096">
        <v>9908</v>
      </c>
      <c r="B15096" t="s">
        <v>30135</v>
      </c>
      <c r="C15096" t="s">
        <v>30136</v>
      </c>
    </row>
    <row r="15097" spans="1:3" x14ac:dyDescent="0.15">
      <c r="A15097">
        <v>9907</v>
      </c>
      <c r="B15097" t="s">
        <v>30137</v>
      </c>
      <c r="C15097" t="s">
        <v>30138</v>
      </c>
    </row>
    <row r="15098" spans="1:3" x14ac:dyDescent="0.15">
      <c r="A15098">
        <v>9906</v>
      </c>
      <c r="B15098" t="s">
        <v>30139</v>
      </c>
      <c r="C15098" t="s">
        <v>30140</v>
      </c>
    </row>
    <row r="15099" spans="1:3" x14ac:dyDescent="0.15">
      <c r="A15099">
        <v>9905</v>
      </c>
      <c r="B15099" t="s">
        <v>30141</v>
      </c>
      <c r="C15099" t="s">
        <v>30142</v>
      </c>
    </row>
    <row r="15100" spans="1:3" x14ac:dyDescent="0.15">
      <c r="A15100">
        <v>9904</v>
      </c>
      <c r="B15100" t="s">
        <v>30143</v>
      </c>
      <c r="C15100" t="s">
        <v>30144</v>
      </c>
    </row>
    <row r="15101" spans="1:3" x14ac:dyDescent="0.15">
      <c r="A15101">
        <v>9903</v>
      </c>
      <c r="B15101" t="s">
        <v>30145</v>
      </c>
      <c r="C15101" t="s">
        <v>30146</v>
      </c>
    </row>
    <row r="15102" spans="1:3" x14ac:dyDescent="0.15">
      <c r="A15102">
        <v>9902</v>
      </c>
      <c r="B15102" t="s">
        <v>30147</v>
      </c>
      <c r="C15102" t="s">
        <v>30148</v>
      </c>
    </row>
    <row r="15103" spans="1:3" x14ac:dyDescent="0.15">
      <c r="A15103">
        <v>9901</v>
      </c>
      <c r="B15103" t="s">
        <v>30149</v>
      </c>
      <c r="C15103" t="s">
        <v>30150</v>
      </c>
    </row>
    <row r="15104" spans="1:3" x14ac:dyDescent="0.15">
      <c r="A15104">
        <v>9900</v>
      </c>
      <c r="B15104" t="s">
        <v>30151</v>
      </c>
      <c r="C15104" t="s">
        <v>30152</v>
      </c>
    </row>
    <row r="15105" spans="1:3" x14ac:dyDescent="0.15">
      <c r="A15105">
        <v>9899</v>
      </c>
      <c r="B15105" t="s">
        <v>30153</v>
      </c>
      <c r="C15105" t="s">
        <v>30154</v>
      </c>
    </row>
    <row r="15106" spans="1:3" x14ac:dyDescent="0.15">
      <c r="A15106">
        <v>9898</v>
      </c>
      <c r="B15106" t="s">
        <v>30155</v>
      </c>
      <c r="C15106" t="s">
        <v>30156</v>
      </c>
    </row>
    <row r="15107" spans="1:3" x14ac:dyDescent="0.15">
      <c r="A15107">
        <v>9897</v>
      </c>
      <c r="B15107" t="s">
        <v>30157</v>
      </c>
      <c r="C15107" t="s">
        <v>30158</v>
      </c>
    </row>
    <row r="15108" spans="1:3" x14ac:dyDescent="0.15">
      <c r="A15108">
        <v>9896</v>
      </c>
      <c r="B15108" t="s">
        <v>30159</v>
      </c>
      <c r="C15108" t="s">
        <v>30160</v>
      </c>
    </row>
    <row r="15109" spans="1:3" x14ac:dyDescent="0.15">
      <c r="A15109">
        <v>9895</v>
      </c>
      <c r="B15109" t="s">
        <v>30161</v>
      </c>
      <c r="C15109" t="s">
        <v>30162</v>
      </c>
    </row>
    <row r="15110" spans="1:3" x14ac:dyDescent="0.15">
      <c r="A15110">
        <v>9894</v>
      </c>
      <c r="B15110" t="s">
        <v>30163</v>
      </c>
      <c r="C15110" t="s">
        <v>30164</v>
      </c>
    </row>
    <row r="15111" spans="1:3" x14ac:dyDescent="0.15">
      <c r="A15111">
        <v>9893</v>
      </c>
      <c r="B15111" t="s">
        <v>30165</v>
      </c>
      <c r="C15111" t="s">
        <v>30166</v>
      </c>
    </row>
    <row r="15112" spans="1:3" x14ac:dyDescent="0.15">
      <c r="A15112">
        <v>9892</v>
      </c>
      <c r="B15112" t="s">
        <v>30167</v>
      </c>
      <c r="C15112" t="s">
        <v>30168</v>
      </c>
    </row>
    <row r="15113" spans="1:3" x14ac:dyDescent="0.15">
      <c r="A15113">
        <v>9891</v>
      </c>
      <c r="B15113" t="s">
        <v>30169</v>
      </c>
      <c r="C15113" t="s">
        <v>30170</v>
      </c>
    </row>
    <row r="15114" spans="1:3" x14ac:dyDescent="0.15">
      <c r="A15114">
        <v>9890</v>
      </c>
      <c r="B15114" t="s">
        <v>30171</v>
      </c>
      <c r="C15114" t="s">
        <v>30172</v>
      </c>
    </row>
    <row r="15115" spans="1:3" x14ac:dyDescent="0.15">
      <c r="A15115">
        <v>9889</v>
      </c>
      <c r="B15115" t="s">
        <v>30173</v>
      </c>
      <c r="C15115" t="s">
        <v>30174</v>
      </c>
    </row>
    <row r="15116" spans="1:3" x14ac:dyDescent="0.15">
      <c r="A15116">
        <v>9888</v>
      </c>
      <c r="B15116" t="s">
        <v>30175</v>
      </c>
      <c r="C15116" t="s">
        <v>30176</v>
      </c>
    </row>
    <row r="15117" spans="1:3" x14ac:dyDescent="0.15">
      <c r="A15117">
        <v>9887</v>
      </c>
      <c r="B15117" t="s">
        <v>30177</v>
      </c>
      <c r="C15117" t="s">
        <v>30178</v>
      </c>
    </row>
    <row r="15118" spans="1:3" x14ac:dyDescent="0.15">
      <c r="A15118">
        <v>9886</v>
      </c>
      <c r="B15118" t="s">
        <v>30179</v>
      </c>
      <c r="C15118" t="s">
        <v>30180</v>
      </c>
    </row>
    <row r="15119" spans="1:3" x14ac:dyDescent="0.15">
      <c r="A15119">
        <v>9885</v>
      </c>
      <c r="B15119" t="s">
        <v>30181</v>
      </c>
      <c r="C15119" t="s">
        <v>30182</v>
      </c>
    </row>
    <row r="15120" spans="1:3" x14ac:dyDescent="0.15">
      <c r="A15120">
        <v>9884</v>
      </c>
      <c r="B15120" t="s">
        <v>30183</v>
      </c>
      <c r="C15120" t="s">
        <v>30184</v>
      </c>
    </row>
    <row r="15121" spans="1:3" x14ac:dyDescent="0.15">
      <c r="A15121">
        <v>9883</v>
      </c>
      <c r="B15121" t="s">
        <v>30185</v>
      </c>
      <c r="C15121" t="s">
        <v>30186</v>
      </c>
    </row>
    <row r="15122" spans="1:3" x14ac:dyDescent="0.15">
      <c r="A15122">
        <v>9882</v>
      </c>
      <c r="B15122" t="s">
        <v>30187</v>
      </c>
      <c r="C15122" t="s">
        <v>30188</v>
      </c>
    </row>
    <row r="15123" spans="1:3" x14ac:dyDescent="0.15">
      <c r="A15123">
        <v>9881</v>
      </c>
      <c r="B15123" t="s">
        <v>30189</v>
      </c>
      <c r="C15123" t="s">
        <v>30190</v>
      </c>
    </row>
    <row r="15124" spans="1:3" x14ac:dyDescent="0.15">
      <c r="A15124">
        <v>9880</v>
      </c>
      <c r="B15124" t="s">
        <v>30191</v>
      </c>
      <c r="C15124" t="s">
        <v>30192</v>
      </c>
    </row>
    <row r="15125" spans="1:3" x14ac:dyDescent="0.15">
      <c r="A15125">
        <v>9879</v>
      </c>
      <c r="B15125" t="s">
        <v>30193</v>
      </c>
      <c r="C15125" t="s">
        <v>30194</v>
      </c>
    </row>
    <row r="15126" spans="1:3" x14ac:dyDescent="0.15">
      <c r="A15126">
        <v>9878</v>
      </c>
      <c r="B15126" t="s">
        <v>30195</v>
      </c>
      <c r="C15126" t="s">
        <v>30196</v>
      </c>
    </row>
    <row r="15127" spans="1:3" x14ac:dyDescent="0.15">
      <c r="A15127">
        <v>9877</v>
      </c>
      <c r="B15127" t="s">
        <v>30197</v>
      </c>
      <c r="C15127" t="s">
        <v>30198</v>
      </c>
    </row>
    <row r="15128" spans="1:3" x14ac:dyDescent="0.15">
      <c r="A15128">
        <v>9876</v>
      </c>
      <c r="B15128" t="s">
        <v>30199</v>
      </c>
      <c r="C15128" t="s">
        <v>30200</v>
      </c>
    </row>
    <row r="15129" spans="1:3" x14ac:dyDescent="0.15">
      <c r="A15129">
        <v>9875</v>
      </c>
      <c r="B15129" t="s">
        <v>30201</v>
      </c>
      <c r="C15129" t="s">
        <v>30202</v>
      </c>
    </row>
    <row r="15130" spans="1:3" x14ac:dyDescent="0.15">
      <c r="A15130">
        <v>9874</v>
      </c>
      <c r="B15130" t="s">
        <v>30203</v>
      </c>
      <c r="C15130" t="s">
        <v>30204</v>
      </c>
    </row>
    <row r="15131" spans="1:3" x14ac:dyDescent="0.15">
      <c r="A15131">
        <v>9873</v>
      </c>
      <c r="B15131" t="s">
        <v>30205</v>
      </c>
      <c r="C15131" t="s">
        <v>30206</v>
      </c>
    </row>
    <row r="15132" spans="1:3" x14ac:dyDescent="0.15">
      <c r="A15132">
        <v>9872</v>
      </c>
      <c r="B15132" t="s">
        <v>30207</v>
      </c>
      <c r="C15132" t="s">
        <v>30208</v>
      </c>
    </row>
    <row r="15133" spans="1:3" x14ac:dyDescent="0.15">
      <c r="A15133">
        <v>9871</v>
      </c>
      <c r="B15133" t="s">
        <v>30209</v>
      </c>
      <c r="C15133" t="s">
        <v>30210</v>
      </c>
    </row>
    <row r="15134" spans="1:3" x14ac:dyDescent="0.15">
      <c r="A15134">
        <v>9870</v>
      </c>
      <c r="B15134" t="s">
        <v>30211</v>
      </c>
      <c r="C15134" t="s">
        <v>30212</v>
      </c>
    </row>
    <row r="15135" spans="1:3" x14ac:dyDescent="0.15">
      <c r="A15135">
        <v>9869</v>
      </c>
      <c r="B15135" t="s">
        <v>30213</v>
      </c>
      <c r="C15135" t="s">
        <v>30214</v>
      </c>
    </row>
    <row r="15136" spans="1:3" x14ac:dyDescent="0.15">
      <c r="A15136">
        <v>9868</v>
      </c>
      <c r="B15136" t="s">
        <v>30215</v>
      </c>
      <c r="C15136" t="s">
        <v>30216</v>
      </c>
    </row>
    <row r="15137" spans="1:3" x14ac:dyDescent="0.15">
      <c r="A15137">
        <v>9867</v>
      </c>
      <c r="B15137" t="s">
        <v>30217</v>
      </c>
      <c r="C15137" t="s">
        <v>30218</v>
      </c>
    </row>
    <row r="15138" spans="1:3" x14ac:dyDescent="0.15">
      <c r="A15138">
        <v>9866</v>
      </c>
      <c r="B15138" t="s">
        <v>30219</v>
      </c>
      <c r="C15138" t="s">
        <v>30220</v>
      </c>
    </row>
    <row r="15139" spans="1:3" x14ac:dyDescent="0.15">
      <c r="A15139">
        <v>9865</v>
      </c>
      <c r="B15139" t="s">
        <v>30221</v>
      </c>
      <c r="C15139" t="s">
        <v>30222</v>
      </c>
    </row>
    <row r="15140" spans="1:3" x14ac:dyDescent="0.15">
      <c r="A15140">
        <v>9864</v>
      </c>
      <c r="B15140" t="s">
        <v>30223</v>
      </c>
      <c r="C15140" t="s">
        <v>30224</v>
      </c>
    </row>
    <row r="15141" spans="1:3" x14ac:dyDescent="0.15">
      <c r="A15141">
        <v>9863</v>
      </c>
      <c r="B15141" t="s">
        <v>30225</v>
      </c>
      <c r="C15141" t="s">
        <v>30226</v>
      </c>
    </row>
    <row r="15142" spans="1:3" x14ac:dyDescent="0.15">
      <c r="A15142">
        <v>9862</v>
      </c>
      <c r="B15142" t="s">
        <v>30227</v>
      </c>
      <c r="C15142" t="s">
        <v>30228</v>
      </c>
    </row>
    <row r="15143" spans="1:3" x14ac:dyDescent="0.15">
      <c r="A15143">
        <v>9861</v>
      </c>
      <c r="B15143" t="s">
        <v>30229</v>
      </c>
      <c r="C15143" t="s">
        <v>30230</v>
      </c>
    </row>
    <row r="15144" spans="1:3" x14ac:dyDescent="0.15">
      <c r="A15144">
        <v>9860</v>
      </c>
      <c r="B15144" t="s">
        <v>30231</v>
      </c>
      <c r="C15144" t="s">
        <v>30232</v>
      </c>
    </row>
    <row r="15145" spans="1:3" x14ac:dyDescent="0.15">
      <c r="A15145">
        <v>9859</v>
      </c>
      <c r="B15145" t="s">
        <v>30233</v>
      </c>
      <c r="C15145" t="s">
        <v>30234</v>
      </c>
    </row>
    <row r="15146" spans="1:3" x14ac:dyDescent="0.15">
      <c r="A15146">
        <v>9858</v>
      </c>
      <c r="B15146" t="s">
        <v>30235</v>
      </c>
      <c r="C15146" t="s">
        <v>30236</v>
      </c>
    </row>
    <row r="15147" spans="1:3" x14ac:dyDescent="0.15">
      <c r="A15147">
        <v>9857</v>
      </c>
      <c r="B15147" t="s">
        <v>30237</v>
      </c>
      <c r="C15147" t="s">
        <v>30238</v>
      </c>
    </row>
    <row r="15148" spans="1:3" x14ac:dyDescent="0.15">
      <c r="A15148">
        <v>9856</v>
      </c>
      <c r="B15148" t="s">
        <v>30239</v>
      </c>
      <c r="C15148" t="s">
        <v>30240</v>
      </c>
    </row>
    <row r="15149" spans="1:3" x14ac:dyDescent="0.15">
      <c r="A15149">
        <v>9855</v>
      </c>
      <c r="B15149" t="s">
        <v>30241</v>
      </c>
      <c r="C15149" t="s">
        <v>30242</v>
      </c>
    </row>
    <row r="15150" spans="1:3" x14ac:dyDescent="0.15">
      <c r="A15150">
        <v>9854</v>
      </c>
      <c r="B15150" t="s">
        <v>30243</v>
      </c>
      <c r="C15150" t="s">
        <v>30244</v>
      </c>
    </row>
    <row r="15151" spans="1:3" x14ac:dyDescent="0.15">
      <c r="A15151">
        <v>9853</v>
      </c>
      <c r="B15151" t="s">
        <v>30245</v>
      </c>
      <c r="C15151" t="s">
        <v>30246</v>
      </c>
    </row>
    <row r="15152" spans="1:3" x14ac:dyDescent="0.15">
      <c r="A15152">
        <v>9852</v>
      </c>
      <c r="B15152" t="s">
        <v>30247</v>
      </c>
      <c r="C15152" t="s">
        <v>30248</v>
      </c>
    </row>
    <row r="15153" spans="1:3" x14ac:dyDescent="0.15">
      <c r="A15153">
        <v>9851</v>
      </c>
      <c r="B15153" t="s">
        <v>30249</v>
      </c>
      <c r="C15153" t="s">
        <v>30250</v>
      </c>
    </row>
    <row r="15154" spans="1:3" x14ac:dyDescent="0.15">
      <c r="A15154">
        <v>9850</v>
      </c>
      <c r="B15154" t="s">
        <v>30251</v>
      </c>
      <c r="C15154" t="s">
        <v>30252</v>
      </c>
    </row>
    <row r="15155" spans="1:3" x14ac:dyDescent="0.15">
      <c r="A15155">
        <v>9849</v>
      </c>
      <c r="B15155" t="s">
        <v>30253</v>
      </c>
      <c r="C15155" t="s">
        <v>30254</v>
      </c>
    </row>
    <row r="15156" spans="1:3" x14ac:dyDescent="0.15">
      <c r="A15156">
        <v>9848</v>
      </c>
      <c r="B15156" t="s">
        <v>30255</v>
      </c>
      <c r="C15156" t="s">
        <v>30256</v>
      </c>
    </row>
    <row r="15157" spans="1:3" x14ac:dyDescent="0.15">
      <c r="A15157">
        <v>9847</v>
      </c>
      <c r="B15157" t="s">
        <v>30257</v>
      </c>
      <c r="C15157" t="s">
        <v>30258</v>
      </c>
    </row>
    <row r="15158" spans="1:3" x14ac:dyDescent="0.15">
      <c r="A15158">
        <v>9846</v>
      </c>
      <c r="B15158" t="s">
        <v>30259</v>
      </c>
      <c r="C15158" t="s">
        <v>30260</v>
      </c>
    </row>
    <row r="15159" spans="1:3" x14ac:dyDescent="0.15">
      <c r="A15159">
        <v>9845</v>
      </c>
      <c r="B15159" t="s">
        <v>30261</v>
      </c>
      <c r="C15159" t="s">
        <v>30262</v>
      </c>
    </row>
    <row r="15160" spans="1:3" x14ac:dyDescent="0.15">
      <c r="A15160">
        <v>9844</v>
      </c>
      <c r="B15160" t="s">
        <v>30263</v>
      </c>
      <c r="C15160" t="s">
        <v>30264</v>
      </c>
    </row>
    <row r="15161" spans="1:3" x14ac:dyDescent="0.15">
      <c r="A15161">
        <v>9843</v>
      </c>
      <c r="B15161" t="s">
        <v>30265</v>
      </c>
      <c r="C15161" t="s">
        <v>30266</v>
      </c>
    </row>
    <row r="15162" spans="1:3" x14ac:dyDescent="0.15">
      <c r="A15162">
        <v>9842</v>
      </c>
      <c r="B15162" t="s">
        <v>30267</v>
      </c>
      <c r="C15162" t="s">
        <v>30268</v>
      </c>
    </row>
    <row r="15163" spans="1:3" x14ac:dyDescent="0.15">
      <c r="A15163">
        <v>9841</v>
      </c>
      <c r="B15163" t="s">
        <v>30269</v>
      </c>
      <c r="C15163" t="s">
        <v>30270</v>
      </c>
    </row>
    <row r="15164" spans="1:3" x14ac:dyDescent="0.15">
      <c r="A15164">
        <v>9840</v>
      </c>
      <c r="B15164" t="s">
        <v>30271</v>
      </c>
      <c r="C15164" t="s">
        <v>30272</v>
      </c>
    </row>
    <row r="15165" spans="1:3" x14ac:dyDescent="0.15">
      <c r="A15165">
        <v>9839</v>
      </c>
      <c r="B15165" t="s">
        <v>30273</v>
      </c>
      <c r="C15165" t="s">
        <v>30274</v>
      </c>
    </row>
    <row r="15166" spans="1:3" x14ac:dyDescent="0.15">
      <c r="A15166">
        <v>9838</v>
      </c>
      <c r="B15166" t="s">
        <v>30275</v>
      </c>
      <c r="C15166" t="s">
        <v>30276</v>
      </c>
    </row>
    <row r="15167" spans="1:3" x14ac:dyDescent="0.15">
      <c r="A15167">
        <v>9837</v>
      </c>
      <c r="B15167" t="s">
        <v>30277</v>
      </c>
      <c r="C15167" t="s">
        <v>30278</v>
      </c>
    </row>
    <row r="15168" spans="1:3" x14ac:dyDescent="0.15">
      <c r="A15168">
        <v>9836</v>
      </c>
      <c r="B15168" t="s">
        <v>30279</v>
      </c>
      <c r="C15168" t="s">
        <v>30280</v>
      </c>
    </row>
    <row r="15169" spans="1:3" x14ac:dyDescent="0.15">
      <c r="A15169">
        <v>9835</v>
      </c>
      <c r="B15169" t="s">
        <v>30281</v>
      </c>
      <c r="C15169" t="s">
        <v>30282</v>
      </c>
    </row>
    <row r="15170" spans="1:3" x14ac:dyDescent="0.15">
      <c r="A15170">
        <v>9834</v>
      </c>
      <c r="B15170" t="s">
        <v>30283</v>
      </c>
      <c r="C15170" t="s">
        <v>491</v>
      </c>
    </row>
    <row r="15171" spans="1:3" x14ac:dyDescent="0.15">
      <c r="A15171">
        <v>9833</v>
      </c>
      <c r="B15171" t="s">
        <v>30284</v>
      </c>
      <c r="C15171" t="s">
        <v>30285</v>
      </c>
    </row>
    <row r="15172" spans="1:3" x14ac:dyDescent="0.15">
      <c r="A15172">
        <v>9832</v>
      </c>
      <c r="B15172" t="s">
        <v>30286</v>
      </c>
      <c r="C15172" t="s">
        <v>30287</v>
      </c>
    </row>
    <row r="15173" spans="1:3" x14ac:dyDescent="0.15">
      <c r="A15173">
        <v>9831</v>
      </c>
      <c r="B15173" t="s">
        <v>30288</v>
      </c>
      <c r="C15173" t="s">
        <v>30289</v>
      </c>
    </row>
    <row r="15174" spans="1:3" x14ac:dyDescent="0.15">
      <c r="A15174">
        <v>9830</v>
      </c>
      <c r="B15174" t="s">
        <v>30290</v>
      </c>
      <c r="C15174" t="s">
        <v>30291</v>
      </c>
    </row>
    <row r="15175" spans="1:3" x14ac:dyDescent="0.15">
      <c r="A15175">
        <v>9829</v>
      </c>
      <c r="B15175" t="s">
        <v>30292</v>
      </c>
      <c r="C15175" t="s">
        <v>30293</v>
      </c>
    </row>
    <row r="15176" spans="1:3" x14ac:dyDescent="0.15">
      <c r="A15176">
        <v>9828</v>
      </c>
      <c r="B15176" t="s">
        <v>30294</v>
      </c>
      <c r="C15176" t="s">
        <v>30295</v>
      </c>
    </row>
    <row r="15177" spans="1:3" x14ac:dyDescent="0.15">
      <c r="A15177">
        <v>9827</v>
      </c>
      <c r="B15177" t="s">
        <v>30296</v>
      </c>
      <c r="C15177" t="s">
        <v>30297</v>
      </c>
    </row>
    <row r="15178" spans="1:3" x14ac:dyDescent="0.15">
      <c r="A15178">
        <v>9826</v>
      </c>
      <c r="B15178" t="s">
        <v>30298</v>
      </c>
      <c r="C15178" t="s">
        <v>30299</v>
      </c>
    </row>
    <row r="15179" spans="1:3" x14ac:dyDescent="0.15">
      <c r="A15179">
        <v>9825</v>
      </c>
      <c r="B15179" t="s">
        <v>30300</v>
      </c>
      <c r="C15179" t="s">
        <v>30301</v>
      </c>
    </row>
    <row r="15180" spans="1:3" x14ac:dyDescent="0.15">
      <c r="A15180">
        <v>9824</v>
      </c>
      <c r="B15180" t="s">
        <v>30302</v>
      </c>
      <c r="C15180" t="s">
        <v>30303</v>
      </c>
    </row>
    <row r="15181" spans="1:3" x14ac:dyDescent="0.15">
      <c r="A15181">
        <v>9823</v>
      </c>
      <c r="B15181" t="s">
        <v>30304</v>
      </c>
      <c r="C15181" t="s">
        <v>30305</v>
      </c>
    </row>
    <row r="15182" spans="1:3" x14ac:dyDescent="0.15">
      <c r="A15182">
        <v>9822</v>
      </c>
      <c r="B15182" t="s">
        <v>30306</v>
      </c>
      <c r="C15182" t="s">
        <v>30307</v>
      </c>
    </row>
    <row r="15183" spans="1:3" x14ac:dyDescent="0.15">
      <c r="A15183">
        <v>9821</v>
      </c>
      <c r="B15183" t="s">
        <v>30308</v>
      </c>
      <c r="C15183" t="s">
        <v>30309</v>
      </c>
    </row>
    <row r="15184" spans="1:3" x14ac:dyDescent="0.15">
      <c r="A15184">
        <v>9820</v>
      </c>
      <c r="B15184" t="s">
        <v>30310</v>
      </c>
      <c r="C15184" t="s">
        <v>30311</v>
      </c>
    </row>
    <row r="15185" spans="1:3" x14ac:dyDescent="0.15">
      <c r="A15185">
        <v>9819</v>
      </c>
      <c r="B15185" t="s">
        <v>30312</v>
      </c>
      <c r="C15185" t="s">
        <v>30313</v>
      </c>
    </row>
    <row r="15186" spans="1:3" x14ac:dyDescent="0.15">
      <c r="A15186">
        <v>9818</v>
      </c>
      <c r="B15186" t="s">
        <v>30314</v>
      </c>
      <c r="C15186" t="s">
        <v>30315</v>
      </c>
    </row>
    <row r="15187" spans="1:3" x14ac:dyDescent="0.15">
      <c r="A15187">
        <v>9817</v>
      </c>
      <c r="B15187" t="s">
        <v>30316</v>
      </c>
      <c r="C15187" t="s">
        <v>4725</v>
      </c>
    </row>
    <row r="15188" spans="1:3" x14ac:dyDescent="0.15">
      <c r="A15188">
        <v>9816</v>
      </c>
      <c r="B15188" t="s">
        <v>30317</v>
      </c>
      <c r="C15188" t="s">
        <v>30318</v>
      </c>
    </row>
    <row r="15189" spans="1:3" x14ac:dyDescent="0.15">
      <c r="A15189">
        <v>9815</v>
      </c>
      <c r="B15189" t="s">
        <v>30319</v>
      </c>
      <c r="C15189" t="s">
        <v>30320</v>
      </c>
    </row>
    <row r="15190" spans="1:3" x14ac:dyDescent="0.15">
      <c r="A15190">
        <v>9814</v>
      </c>
      <c r="B15190" t="s">
        <v>30321</v>
      </c>
      <c r="C15190" t="s">
        <v>30322</v>
      </c>
    </row>
    <row r="15191" spans="1:3" x14ac:dyDescent="0.15">
      <c r="A15191">
        <v>9813</v>
      </c>
      <c r="B15191" t="s">
        <v>30323</v>
      </c>
      <c r="C15191" t="s">
        <v>30324</v>
      </c>
    </row>
    <row r="15192" spans="1:3" x14ac:dyDescent="0.15">
      <c r="A15192">
        <v>9812</v>
      </c>
      <c r="B15192" t="s">
        <v>30325</v>
      </c>
      <c r="C15192" t="s">
        <v>30326</v>
      </c>
    </row>
    <row r="15193" spans="1:3" x14ac:dyDescent="0.15">
      <c r="A15193">
        <v>9811</v>
      </c>
      <c r="B15193" t="s">
        <v>30327</v>
      </c>
      <c r="C15193" t="s">
        <v>30328</v>
      </c>
    </row>
    <row r="15194" spans="1:3" x14ac:dyDescent="0.15">
      <c r="A15194">
        <v>9810</v>
      </c>
      <c r="B15194" t="s">
        <v>30329</v>
      </c>
      <c r="C15194" t="s">
        <v>30330</v>
      </c>
    </row>
    <row r="15195" spans="1:3" x14ac:dyDescent="0.15">
      <c r="A15195">
        <v>9809</v>
      </c>
      <c r="B15195" t="s">
        <v>30331</v>
      </c>
      <c r="C15195" t="s">
        <v>30332</v>
      </c>
    </row>
    <row r="15196" spans="1:3" x14ac:dyDescent="0.15">
      <c r="A15196">
        <v>9808</v>
      </c>
      <c r="B15196" t="s">
        <v>30333</v>
      </c>
      <c r="C15196" t="s">
        <v>30334</v>
      </c>
    </row>
    <row r="15197" spans="1:3" x14ac:dyDescent="0.15">
      <c r="A15197">
        <v>9807</v>
      </c>
      <c r="B15197" t="s">
        <v>30335</v>
      </c>
      <c r="C15197" t="s">
        <v>30336</v>
      </c>
    </row>
    <row r="15198" spans="1:3" x14ac:dyDescent="0.15">
      <c r="A15198">
        <v>9806</v>
      </c>
      <c r="B15198" t="s">
        <v>30337</v>
      </c>
      <c r="C15198" t="s">
        <v>30338</v>
      </c>
    </row>
    <row r="15199" spans="1:3" x14ac:dyDescent="0.15">
      <c r="A15199">
        <v>9805</v>
      </c>
      <c r="B15199" t="s">
        <v>30339</v>
      </c>
      <c r="C15199" t="s">
        <v>30340</v>
      </c>
    </row>
    <row r="15200" spans="1:3" x14ac:dyDescent="0.15">
      <c r="A15200">
        <v>9804</v>
      </c>
      <c r="B15200" t="s">
        <v>30341</v>
      </c>
      <c r="C15200" t="s">
        <v>30342</v>
      </c>
    </row>
    <row r="15201" spans="1:3" x14ac:dyDescent="0.15">
      <c r="A15201">
        <v>9803</v>
      </c>
      <c r="B15201" t="s">
        <v>30343</v>
      </c>
      <c r="C15201" t="s">
        <v>30344</v>
      </c>
    </row>
    <row r="15202" spans="1:3" x14ac:dyDescent="0.15">
      <c r="A15202">
        <v>9802</v>
      </c>
      <c r="B15202" t="s">
        <v>30345</v>
      </c>
      <c r="C15202" t="s">
        <v>30346</v>
      </c>
    </row>
    <row r="15203" spans="1:3" x14ac:dyDescent="0.15">
      <c r="A15203">
        <v>9801</v>
      </c>
      <c r="B15203" t="s">
        <v>30347</v>
      </c>
      <c r="C15203" t="s">
        <v>30348</v>
      </c>
    </row>
    <row r="15204" spans="1:3" x14ac:dyDescent="0.15">
      <c r="A15204">
        <v>9800</v>
      </c>
      <c r="B15204" t="s">
        <v>30349</v>
      </c>
      <c r="C15204" t="s">
        <v>30350</v>
      </c>
    </row>
    <row r="15205" spans="1:3" x14ac:dyDescent="0.15">
      <c r="A15205">
        <v>9799</v>
      </c>
      <c r="B15205" t="s">
        <v>30351</v>
      </c>
      <c r="C15205" t="s">
        <v>30352</v>
      </c>
    </row>
    <row r="15206" spans="1:3" x14ac:dyDescent="0.15">
      <c r="A15206">
        <v>9798</v>
      </c>
      <c r="B15206" t="s">
        <v>30353</v>
      </c>
      <c r="C15206" t="s">
        <v>30354</v>
      </c>
    </row>
    <row r="15207" spans="1:3" x14ac:dyDescent="0.15">
      <c r="A15207">
        <v>9797</v>
      </c>
      <c r="B15207" t="s">
        <v>30355</v>
      </c>
      <c r="C15207" t="s">
        <v>30356</v>
      </c>
    </row>
    <row r="15208" spans="1:3" x14ac:dyDescent="0.15">
      <c r="A15208">
        <v>9796</v>
      </c>
      <c r="B15208" t="s">
        <v>30357</v>
      </c>
      <c r="C15208" t="s">
        <v>30358</v>
      </c>
    </row>
    <row r="15209" spans="1:3" x14ac:dyDescent="0.15">
      <c r="A15209">
        <v>9795</v>
      </c>
      <c r="B15209" t="s">
        <v>30359</v>
      </c>
      <c r="C15209" t="s">
        <v>30360</v>
      </c>
    </row>
    <row r="15210" spans="1:3" x14ac:dyDescent="0.15">
      <c r="A15210">
        <v>9794</v>
      </c>
      <c r="B15210" t="s">
        <v>30361</v>
      </c>
      <c r="C15210" t="s">
        <v>30362</v>
      </c>
    </row>
    <row r="15211" spans="1:3" x14ac:dyDescent="0.15">
      <c r="A15211">
        <v>9793</v>
      </c>
      <c r="B15211" t="s">
        <v>30363</v>
      </c>
      <c r="C15211" t="s">
        <v>30364</v>
      </c>
    </row>
    <row r="15212" spans="1:3" x14ac:dyDescent="0.15">
      <c r="A15212">
        <v>9792</v>
      </c>
      <c r="B15212" t="s">
        <v>30365</v>
      </c>
      <c r="C15212" t="s">
        <v>30366</v>
      </c>
    </row>
    <row r="15213" spans="1:3" x14ac:dyDescent="0.15">
      <c r="A15213">
        <v>9791</v>
      </c>
      <c r="B15213" t="s">
        <v>30367</v>
      </c>
      <c r="C15213" t="s">
        <v>30368</v>
      </c>
    </row>
    <row r="15214" spans="1:3" x14ac:dyDescent="0.15">
      <c r="A15214">
        <v>9790</v>
      </c>
      <c r="B15214" t="s">
        <v>30369</v>
      </c>
      <c r="C15214" t="s">
        <v>30370</v>
      </c>
    </row>
    <row r="15215" spans="1:3" x14ac:dyDescent="0.15">
      <c r="A15215">
        <v>9789</v>
      </c>
      <c r="B15215" t="s">
        <v>30371</v>
      </c>
      <c r="C15215" t="s">
        <v>30372</v>
      </c>
    </row>
    <row r="15216" spans="1:3" x14ac:dyDescent="0.15">
      <c r="A15216">
        <v>9788</v>
      </c>
      <c r="B15216" t="s">
        <v>30373</v>
      </c>
      <c r="C15216" t="s">
        <v>30374</v>
      </c>
    </row>
    <row r="15217" spans="1:3" x14ac:dyDescent="0.15">
      <c r="A15217">
        <v>9787</v>
      </c>
      <c r="B15217" t="s">
        <v>30375</v>
      </c>
      <c r="C15217" t="s">
        <v>30376</v>
      </c>
    </row>
    <row r="15218" spans="1:3" x14ac:dyDescent="0.15">
      <c r="A15218">
        <v>9786</v>
      </c>
      <c r="B15218" t="s">
        <v>30377</v>
      </c>
      <c r="C15218" t="s">
        <v>30378</v>
      </c>
    </row>
    <row r="15219" spans="1:3" x14ac:dyDescent="0.15">
      <c r="A15219">
        <v>9785</v>
      </c>
      <c r="B15219" t="s">
        <v>30379</v>
      </c>
      <c r="C15219" t="s">
        <v>30380</v>
      </c>
    </row>
    <row r="15220" spans="1:3" x14ac:dyDescent="0.15">
      <c r="A15220">
        <v>9784</v>
      </c>
      <c r="B15220" t="s">
        <v>30381</v>
      </c>
      <c r="C15220" t="s">
        <v>30382</v>
      </c>
    </row>
    <row r="15221" spans="1:3" x14ac:dyDescent="0.15">
      <c r="A15221">
        <v>9783</v>
      </c>
      <c r="B15221" t="s">
        <v>30383</v>
      </c>
      <c r="C15221" t="s">
        <v>30384</v>
      </c>
    </row>
    <row r="15222" spans="1:3" x14ac:dyDescent="0.15">
      <c r="A15222">
        <v>9782</v>
      </c>
      <c r="B15222" t="s">
        <v>30385</v>
      </c>
      <c r="C15222" t="s">
        <v>30386</v>
      </c>
    </row>
    <row r="15223" spans="1:3" x14ac:dyDescent="0.15">
      <c r="A15223">
        <v>9781</v>
      </c>
      <c r="B15223" t="s">
        <v>30387</v>
      </c>
      <c r="C15223" t="s">
        <v>30388</v>
      </c>
    </row>
    <row r="15224" spans="1:3" x14ac:dyDescent="0.15">
      <c r="A15224">
        <v>9780</v>
      </c>
      <c r="B15224" t="s">
        <v>30389</v>
      </c>
      <c r="C15224" t="s">
        <v>30390</v>
      </c>
    </row>
    <row r="15225" spans="1:3" x14ac:dyDescent="0.15">
      <c r="A15225">
        <v>9779</v>
      </c>
      <c r="B15225" t="s">
        <v>30391</v>
      </c>
      <c r="C15225" t="s">
        <v>30392</v>
      </c>
    </row>
    <row r="15226" spans="1:3" x14ac:dyDescent="0.15">
      <c r="A15226">
        <v>9778</v>
      </c>
      <c r="B15226" t="s">
        <v>30393</v>
      </c>
      <c r="C15226" t="s">
        <v>30394</v>
      </c>
    </row>
    <row r="15227" spans="1:3" x14ac:dyDescent="0.15">
      <c r="A15227">
        <v>9777</v>
      </c>
      <c r="B15227" t="s">
        <v>30395</v>
      </c>
      <c r="C15227" t="s">
        <v>30396</v>
      </c>
    </row>
    <row r="15228" spans="1:3" x14ac:dyDescent="0.15">
      <c r="A15228">
        <v>9776</v>
      </c>
      <c r="B15228" t="s">
        <v>30397</v>
      </c>
      <c r="C15228" t="s">
        <v>30398</v>
      </c>
    </row>
    <row r="15229" spans="1:3" x14ac:dyDescent="0.15">
      <c r="A15229">
        <v>9775</v>
      </c>
      <c r="B15229" t="s">
        <v>30399</v>
      </c>
      <c r="C15229" t="s">
        <v>30400</v>
      </c>
    </row>
    <row r="15230" spans="1:3" x14ac:dyDescent="0.15">
      <c r="A15230">
        <v>9774</v>
      </c>
      <c r="B15230" t="s">
        <v>30401</v>
      </c>
      <c r="C15230" t="s">
        <v>30402</v>
      </c>
    </row>
    <row r="15231" spans="1:3" x14ac:dyDescent="0.15">
      <c r="A15231">
        <v>9773</v>
      </c>
      <c r="B15231" t="s">
        <v>30403</v>
      </c>
      <c r="C15231" t="s">
        <v>30404</v>
      </c>
    </row>
    <row r="15232" spans="1:3" x14ac:dyDescent="0.15">
      <c r="A15232">
        <v>9772</v>
      </c>
      <c r="B15232" t="s">
        <v>30405</v>
      </c>
      <c r="C15232" t="s">
        <v>30406</v>
      </c>
    </row>
    <row r="15233" spans="1:3" x14ac:dyDescent="0.15">
      <c r="A15233">
        <v>9771</v>
      </c>
      <c r="B15233" t="s">
        <v>30407</v>
      </c>
      <c r="C15233" t="s">
        <v>30408</v>
      </c>
    </row>
    <row r="15234" spans="1:3" x14ac:dyDescent="0.15">
      <c r="A15234">
        <v>9770</v>
      </c>
      <c r="B15234" t="s">
        <v>30409</v>
      </c>
      <c r="C15234" t="s">
        <v>30410</v>
      </c>
    </row>
    <row r="15235" spans="1:3" x14ac:dyDescent="0.15">
      <c r="A15235">
        <v>9769</v>
      </c>
      <c r="B15235" t="s">
        <v>30411</v>
      </c>
      <c r="C15235" t="s">
        <v>30412</v>
      </c>
    </row>
    <row r="15236" spans="1:3" x14ac:dyDescent="0.15">
      <c r="A15236">
        <v>9768</v>
      </c>
      <c r="B15236" t="s">
        <v>30413</v>
      </c>
      <c r="C15236" t="s">
        <v>30414</v>
      </c>
    </row>
    <row r="15237" spans="1:3" x14ac:dyDescent="0.15">
      <c r="A15237">
        <v>9767</v>
      </c>
      <c r="B15237" t="s">
        <v>30415</v>
      </c>
      <c r="C15237" t="s">
        <v>30416</v>
      </c>
    </row>
    <row r="15238" spans="1:3" x14ac:dyDescent="0.15">
      <c r="A15238">
        <v>9766</v>
      </c>
      <c r="B15238" t="s">
        <v>30417</v>
      </c>
      <c r="C15238" t="s">
        <v>30418</v>
      </c>
    </row>
    <row r="15239" spans="1:3" x14ac:dyDescent="0.15">
      <c r="A15239">
        <v>9765</v>
      </c>
      <c r="B15239" t="s">
        <v>30419</v>
      </c>
      <c r="C15239" t="s">
        <v>30420</v>
      </c>
    </row>
    <row r="15240" spans="1:3" x14ac:dyDescent="0.15">
      <c r="A15240">
        <v>9764</v>
      </c>
      <c r="B15240" t="s">
        <v>30421</v>
      </c>
      <c r="C15240" t="s">
        <v>30422</v>
      </c>
    </row>
    <row r="15241" spans="1:3" x14ac:dyDescent="0.15">
      <c r="A15241">
        <v>9763</v>
      </c>
      <c r="B15241" t="s">
        <v>30423</v>
      </c>
      <c r="C15241" t="s">
        <v>30424</v>
      </c>
    </row>
    <row r="15242" spans="1:3" x14ac:dyDescent="0.15">
      <c r="A15242">
        <v>9762</v>
      </c>
      <c r="B15242" t="s">
        <v>30425</v>
      </c>
      <c r="C15242" t="s">
        <v>30426</v>
      </c>
    </row>
    <row r="15243" spans="1:3" x14ac:dyDescent="0.15">
      <c r="A15243">
        <v>9761</v>
      </c>
      <c r="B15243" t="s">
        <v>30427</v>
      </c>
      <c r="C15243" t="s">
        <v>30428</v>
      </c>
    </row>
    <row r="15244" spans="1:3" x14ac:dyDescent="0.15">
      <c r="A15244">
        <v>9760</v>
      </c>
      <c r="B15244" t="s">
        <v>30429</v>
      </c>
      <c r="C15244" t="s">
        <v>30430</v>
      </c>
    </row>
    <row r="15245" spans="1:3" x14ac:dyDescent="0.15">
      <c r="A15245">
        <v>9759</v>
      </c>
      <c r="B15245" t="s">
        <v>30431</v>
      </c>
      <c r="C15245" t="s">
        <v>30432</v>
      </c>
    </row>
    <row r="15246" spans="1:3" x14ac:dyDescent="0.15">
      <c r="A15246">
        <v>9758</v>
      </c>
      <c r="B15246" t="s">
        <v>30433</v>
      </c>
      <c r="C15246" t="s">
        <v>30434</v>
      </c>
    </row>
    <row r="15247" spans="1:3" x14ac:dyDescent="0.15">
      <c r="A15247">
        <v>9757</v>
      </c>
      <c r="B15247" t="s">
        <v>30435</v>
      </c>
      <c r="C15247" t="s">
        <v>30436</v>
      </c>
    </row>
    <row r="15248" spans="1:3" x14ac:dyDescent="0.15">
      <c r="A15248">
        <v>9756</v>
      </c>
      <c r="B15248" t="s">
        <v>30437</v>
      </c>
      <c r="C15248" t="s">
        <v>30438</v>
      </c>
    </row>
    <row r="15249" spans="1:3" x14ac:dyDescent="0.15">
      <c r="A15249">
        <v>9755</v>
      </c>
      <c r="B15249" t="s">
        <v>30439</v>
      </c>
      <c r="C15249" t="s">
        <v>30440</v>
      </c>
    </row>
    <row r="15250" spans="1:3" x14ac:dyDescent="0.15">
      <c r="A15250">
        <v>9754</v>
      </c>
      <c r="B15250" t="s">
        <v>30441</v>
      </c>
      <c r="C15250" t="s">
        <v>30442</v>
      </c>
    </row>
    <row r="15251" spans="1:3" x14ac:dyDescent="0.15">
      <c r="A15251">
        <v>9753</v>
      </c>
      <c r="B15251" t="s">
        <v>30443</v>
      </c>
      <c r="C15251" t="s">
        <v>30444</v>
      </c>
    </row>
    <row r="15252" spans="1:3" x14ac:dyDescent="0.15">
      <c r="A15252">
        <v>9752</v>
      </c>
      <c r="B15252" t="s">
        <v>30445</v>
      </c>
      <c r="C15252" t="s">
        <v>30446</v>
      </c>
    </row>
    <row r="15253" spans="1:3" x14ac:dyDescent="0.15">
      <c r="A15253">
        <v>9751</v>
      </c>
      <c r="B15253" t="s">
        <v>30447</v>
      </c>
      <c r="C15253" t="s">
        <v>30448</v>
      </c>
    </row>
    <row r="15254" spans="1:3" x14ac:dyDescent="0.15">
      <c r="A15254">
        <v>9750</v>
      </c>
      <c r="B15254" t="s">
        <v>30449</v>
      </c>
      <c r="C15254" t="s">
        <v>30450</v>
      </c>
    </row>
    <row r="15255" spans="1:3" x14ac:dyDescent="0.15">
      <c r="A15255">
        <v>9749</v>
      </c>
      <c r="B15255" t="s">
        <v>30451</v>
      </c>
      <c r="C15255" t="s">
        <v>30452</v>
      </c>
    </row>
    <row r="15256" spans="1:3" x14ac:dyDescent="0.15">
      <c r="A15256">
        <v>9748</v>
      </c>
      <c r="B15256" t="s">
        <v>30453</v>
      </c>
      <c r="C15256" t="s">
        <v>30454</v>
      </c>
    </row>
    <row r="15257" spans="1:3" x14ac:dyDescent="0.15">
      <c r="A15257">
        <v>9747</v>
      </c>
      <c r="B15257" t="s">
        <v>30455</v>
      </c>
      <c r="C15257" t="s">
        <v>30456</v>
      </c>
    </row>
    <row r="15258" spans="1:3" x14ac:dyDescent="0.15">
      <c r="A15258">
        <v>9746</v>
      </c>
      <c r="B15258" t="s">
        <v>30457</v>
      </c>
      <c r="C15258" t="s">
        <v>18984</v>
      </c>
    </row>
    <row r="15259" spans="1:3" x14ac:dyDescent="0.15">
      <c r="A15259">
        <v>9745</v>
      </c>
      <c r="B15259" t="s">
        <v>30458</v>
      </c>
      <c r="C15259" t="s">
        <v>30459</v>
      </c>
    </row>
    <row r="15260" spans="1:3" x14ac:dyDescent="0.15">
      <c r="A15260">
        <v>9744</v>
      </c>
      <c r="B15260" t="s">
        <v>30460</v>
      </c>
      <c r="C15260" t="s">
        <v>30461</v>
      </c>
    </row>
    <row r="15261" spans="1:3" x14ac:dyDescent="0.15">
      <c r="A15261">
        <v>9743</v>
      </c>
      <c r="B15261" t="s">
        <v>30462</v>
      </c>
      <c r="C15261" t="s">
        <v>30463</v>
      </c>
    </row>
    <row r="15262" spans="1:3" x14ac:dyDescent="0.15">
      <c r="A15262">
        <v>9742</v>
      </c>
      <c r="B15262" t="s">
        <v>30464</v>
      </c>
      <c r="C15262" t="s">
        <v>30465</v>
      </c>
    </row>
    <row r="15263" spans="1:3" x14ac:dyDescent="0.15">
      <c r="A15263">
        <v>9741</v>
      </c>
      <c r="B15263" t="s">
        <v>30466</v>
      </c>
      <c r="C15263" t="s">
        <v>30467</v>
      </c>
    </row>
    <row r="15264" spans="1:3" x14ac:dyDescent="0.15">
      <c r="A15264">
        <v>9740</v>
      </c>
      <c r="B15264" t="s">
        <v>30468</v>
      </c>
      <c r="C15264" t="s">
        <v>30469</v>
      </c>
    </row>
    <row r="15265" spans="1:3" x14ac:dyDescent="0.15">
      <c r="A15265">
        <v>9739</v>
      </c>
      <c r="B15265" t="s">
        <v>30470</v>
      </c>
      <c r="C15265" t="s">
        <v>30471</v>
      </c>
    </row>
    <row r="15266" spans="1:3" x14ac:dyDescent="0.15">
      <c r="A15266">
        <v>9738</v>
      </c>
      <c r="B15266" t="s">
        <v>30472</v>
      </c>
      <c r="C15266" t="s">
        <v>30473</v>
      </c>
    </row>
    <row r="15267" spans="1:3" x14ac:dyDescent="0.15">
      <c r="A15267">
        <v>9737</v>
      </c>
      <c r="B15267" t="s">
        <v>30474</v>
      </c>
      <c r="C15267" t="s">
        <v>30475</v>
      </c>
    </row>
    <row r="15268" spans="1:3" x14ac:dyDescent="0.15">
      <c r="A15268">
        <v>9736</v>
      </c>
      <c r="B15268" t="s">
        <v>30476</v>
      </c>
      <c r="C15268" t="s">
        <v>30477</v>
      </c>
    </row>
    <row r="15269" spans="1:3" x14ac:dyDescent="0.15">
      <c r="A15269">
        <v>9735</v>
      </c>
      <c r="B15269" t="s">
        <v>30478</v>
      </c>
      <c r="C15269" t="s">
        <v>30479</v>
      </c>
    </row>
    <row r="15270" spans="1:3" x14ac:dyDescent="0.15">
      <c r="A15270">
        <v>9734</v>
      </c>
      <c r="B15270" t="s">
        <v>30480</v>
      </c>
      <c r="C15270" t="s">
        <v>30481</v>
      </c>
    </row>
    <row r="15271" spans="1:3" x14ac:dyDescent="0.15">
      <c r="A15271">
        <v>9733</v>
      </c>
      <c r="B15271" t="s">
        <v>30482</v>
      </c>
      <c r="C15271" t="s">
        <v>30483</v>
      </c>
    </row>
    <row r="15272" spans="1:3" x14ac:dyDescent="0.15">
      <c r="A15272">
        <v>9732</v>
      </c>
      <c r="B15272" t="s">
        <v>30484</v>
      </c>
      <c r="C15272" t="s">
        <v>30485</v>
      </c>
    </row>
    <row r="15273" spans="1:3" x14ac:dyDescent="0.15">
      <c r="A15273">
        <v>9731</v>
      </c>
      <c r="B15273" t="s">
        <v>30486</v>
      </c>
      <c r="C15273" t="s">
        <v>30487</v>
      </c>
    </row>
    <row r="15274" spans="1:3" x14ac:dyDescent="0.15">
      <c r="A15274">
        <v>9730</v>
      </c>
      <c r="B15274" t="s">
        <v>30488</v>
      </c>
      <c r="C15274" t="s">
        <v>30489</v>
      </c>
    </row>
    <row r="15275" spans="1:3" x14ac:dyDescent="0.15">
      <c r="A15275">
        <v>9729</v>
      </c>
      <c r="B15275" t="s">
        <v>30490</v>
      </c>
      <c r="C15275" t="s">
        <v>30491</v>
      </c>
    </row>
    <row r="15276" spans="1:3" x14ac:dyDescent="0.15">
      <c r="A15276">
        <v>9728</v>
      </c>
      <c r="B15276" t="s">
        <v>30492</v>
      </c>
      <c r="C15276" t="s">
        <v>30493</v>
      </c>
    </row>
    <row r="15277" spans="1:3" x14ac:dyDescent="0.15">
      <c r="A15277">
        <v>9727</v>
      </c>
      <c r="B15277" t="s">
        <v>30494</v>
      </c>
      <c r="C15277" t="s">
        <v>30495</v>
      </c>
    </row>
    <row r="15278" spans="1:3" x14ac:dyDescent="0.15">
      <c r="A15278">
        <v>9726</v>
      </c>
      <c r="B15278" t="s">
        <v>30496</v>
      </c>
      <c r="C15278" t="s">
        <v>30497</v>
      </c>
    </row>
    <row r="15279" spans="1:3" x14ac:dyDescent="0.15">
      <c r="A15279">
        <v>9725</v>
      </c>
      <c r="B15279" t="s">
        <v>30498</v>
      </c>
      <c r="C15279" t="s">
        <v>30499</v>
      </c>
    </row>
    <row r="15280" spans="1:3" x14ac:dyDescent="0.15">
      <c r="A15280">
        <v>9724</v>
      </c>
      <c r="B15280" t="s">
        <v>30500</v>
      </c>
      <c r="C15280" t="s">
        <v>30501</v>
      </c>
    </row>
    <row r="15281" spans="1:3" x14ac:dyDescent="0.15">
      <c r="A15281">
        <v>9723</v>
      </c>
      <c r="B15281" t="s">
        <v>30502</v>
      </c>
      <c r="C15281" t="s">
        <v>30503</v>
      </c>
    </row>
    <row r="15282" spans="1:3" x14ac:dyDescent="0.15">
      <c r="A15282">
        <v>9722</v>
      </c>
      <c r="B15282" t="s">
        <v>30504</v>
      </c>
      <c r="C15282" t="s">
        <v>30505</v>
      </c>
    </row>
    <row r="15283" spans="1:3" x14ac:dyDescent="0.15">
      <c r="A15283">
        <v>9721</v>
      </c>
      <c r="B15283" t="s">
        <v>30506</v>
      </c>
      <c r="C15283" t="s">
        <v>30507</v>
      </c>
    </row>
    <row r="15284" spans="1:3" x14ac:dyDescent="0.15">
      <c r="A15284">
        <v>9720</v>
      </c>
      <c r="B15284" t="s">
        <v>30508</v>
      </c>
      <c r="C15284" t="s">
        <v>30509</v>
      </c>
    </row>
    <row r="15285" spans="1:3" x14ac:dyDescent="0.15">
      <c r="A15285">
        <v>9719</v>
      </c>
      <c r="B15285" t="s">
        <v>30510</v>
      </c>
      <c r="C15285" t="s">
        <v>30511</v>
      </c>
    </row>
    <row r="15286" spans="1:3" x14ac:dyDescent="0.15">
      <c r="A15286">
        <v>9718</v>
      </c>
      <c r="B15286" t="s">
        <v>30512</v>
      </c>
      <c r="C15286" t="s">
        <v>30513</v>
      </c>
    </row>
    <row r="15287" spans="1:3" x14ac:dyDescent="0.15">
      <c r="A15287">
        <v>9717</v>
      </c>
      <c r="B15287" t="s">
        <v>30514</v>
      </c>
      <c r="C15287" t="s">
        <v>30515</v>
      </c>
    </row>
    <row r="15288" spans="1:3" x14ac:dyDescent="0.15">
      <c r="A15288">
        <v>9716</v>
      </c>
      <c r="B15288" t="s">
        <v>30516</v>
      </c>
      <c r="C15288" t="s">
        <v>30517</v>
      </c>
    </row>
    <row r="15289" spans="1:3" x14ac:dyDescent="0.15">
      <c r="A15289">
        <v>9715</v>
      </c>
      <c r="B15289" t="s">
        <v>30518</v>
      </c>
      <c r="C15289" t="s">
        <v>30519</v>
      </c>
    </row>
    <row r="15290" spans="1:3" x14ac:dyDescent="0.15">
      <c r="A15290">
        <v>9714</v>
      </c>
      <c r="B15290" t="s">
        <v>30520</v>
      </c>
      <c r="C15290" t="s">
        <v>30521</v>
      </c>
    </row>
    <row r="15291" spans="1:3" x14ac:dyDescent="0.15">
      <c r="A15291">
        <v>9713</v>
      </c>
      <c r="B15291" t="s">
        <v>30522</v>
      </c>
      <c r="C15291" t="s">
        <v>30523</v>
      </c>
    </row>
    <row r="15292" spans="1:3" x14ac:dyDescent="0.15">
      <c r="A15292">
        <v>9712</v>
      </c>
      <c r="B15292" t="s">
        <v>30524</v>
      </c>
      <c r="C15292" t="s">
        <v>30525</v>
      </c>
    </row>
    <row r="15293" spans="1:3" x14ac:dyDescent="0.15">
      <c r="A15293">
        <v>9711</v>
      </c>
      <c r="B15293" t="s">
        <v>30526</v>
      </c>
      <c r="C15293" t="s">
        <v>30527</v>
      </c>
    </row>
    <row r="15294" spans="1:3" x14ac:dyDescent="0.15">
      <c r="A15294">
        <v>9710</v>
      </c>
      <c r="B15294" t="s">
        <v>30528</v>
      </c>
      <c r="C15294" t="s">
        <v>30529</v>
      </c>
    </row>
    <row r="15295" spans="1:3" x14ac:dyDescent="0.15">
      <c r="A15295">
        <v>9709</v>
      </c>
      <c r="B15295" t="s">
        <v>30530</v>
      </c>
      <c r="C15295" t="s">
        <v>30531</v>
      </c>
    </row>
    <row r="15296" spans="1:3" x14ac:dyDescent="0.15">
      <c r="A15296">
        <v>9708</v>
      </c>
      <c r="B15296" t="s">
        <v>30532</v>
      </c>
      <c r="C15296" t="s">
        <v>30533</v>
      </c>
    </row>
    <row r="15297" spans="1:3" x14ac:dyDescent="0.15">
      <c r="A15297">
        <v>9707</v>
      </c>
      <c r="B15297" t="s">
        <v>30534</v>
      </c>
      <c r="C15297" t="s">
        <v>30535</v>
      </c>
    </row>
    <row r="15298" spans="1:3" x14ac:dyDescent="0.15">
      <c r="A15298">
        <v>9706</v>
      </c>
      <c r="B15298" t="s">
        <v>30536</v>
      </c>
      <c r="C15298" t="s">
        <v>30537</v>
      </c>
    </row>
    <row r="15299" spans="1:3" x14ac:dyDescent="0.15">
      <c r="A15299">
        <v>9705</v>
      </c>
      <c r="B15299" t="s">
        <v>30538</v>
      </c>
      <c r="C15299" t="s">
        <v>30539</v>
      </c>
    </row>
    <row r="15300" spans="1:3" x14ac:dyDescent="0.15">
      <c r="A15300">
        <v>9704</v>
      </c>
      <c r="B15300" t="s">
        <v>30540</v>
      </c>
      <c r="C15300" t="s">
        <v>30541</v>
      </c>
    </row>
    <row r="15301" spans="1:3" x14ac:dyDescent="0.15">
      <c r="A15301">
        <v>9703</v>
      </c>
      <c r="B15301" t="s">
        <v>30542</v>
      </c>
      <c r="C15301" t="s">
        <v>30543</v>
      </c>
    </row>
    <row r="15302" spans="1:3" x14ac:dyDescent="0.15">
      <c r="A15302">
        <v>9702</v>
      </c>
      <c r="B15302" t="s">
        <v>30544</v>
      </c>
      <c r="C15302" t="s">
        <v>30545</v>
      </c>
    </row>
    <row r="15303" spans="1:3" x14ac:dyDescent="0.15">
      <c r="A15303">
        <v>9701</v>
      </c>
      <c r="B15303" t="s">
        <v>30546</v>
      </c>
      <c r="C15303" t="s">
        <v>30547</v>
      </c>
    </row>
    <row r="15304" spans="1:3" x14ac:dyDescent="0.15">
      <c r="A15304">
        <v>9700</v>
      </c>
      <c r="B15304" t="s">
        <v>30548</v>
      </c>
      <c r="C15304" t="s">
        <v>30549</v>
      </c>
    </row>
    <row r="15305" spans="1:3" x14ac:dyDescent="0.15">
      <c r="A15305">
        <v>9699</v>
      </c>
      <c r="B15305" t="s">
        <v>30550</v>
      </c>
      <c r="C15305" t="s">
        <v>30551</v>
      </c>
    </row>
    <row r="15306" spans="1:3" x14ac:dyDescent="0.15">
      <c r="A15306">
        <v>9698</v>
      </c>
      <c r="B15306" t="s">
        <v>30552</v>
      </c>
      <c r="C15306" t="s">
        <v>30553</v>
      </c>
    </row>
    <row r="15307" spans="1:3" x14ac:dyDescent="0.15">
      <c r="A15307">
        <v>9697</v>
      </c>
      <c r="B15307" t="s">
        <v>30554</v>
      </c>
      <c r="C15307" t="s">
        <v>30555</v>
      </c>
    </row>
    <row r="15308" spans="1:3" x14ac:dyDescent="0.15">
      <c r="A15308">
        <v>9696</v>
      </c>
      <c r="B15308" t="s">
        <v>30556</v>
      </c>
      <c r="C15308" t="s">
        <v>30557</v>
      </c>
    </row>
    <row r="15309" spans="1:3" x14ac:dyDescent="0.15">
      <c r="A15309">
        <v>9695</v>
      </c>
      <c r="B15309" t="s">
        <v>30558</v>
      </c>
      <c r="C15309" t="s">
        <v>30559</v>
      </c>
    </row>
    <row r="15310" spans="1:3" x14ac:dyDescent="0.15">
      <c r="A15310">
        <v>9694</v>
      </c>
      <c r="B15310" t="s">
        <v>30560</v>
      </c>
      <c r="C15310" t="s">
        <v>30561</v>
      </c>
    </row>
    <row r="15311" spans="1:3" x14ac:dyDescent="0.15">
      <c r="A15311">
        <v>9693</v>
      </c>
      <c r="B15311" t="s">
        <v>30562</v>
      </c>
      <c r="C15311" t="s">
        <v>30563</v>
      </c>
    </row>
    <row r="15312" spans="1:3" x14ac:dyDescent="0.15">
      <c r="A15312">
        <v>9692</v>
      </c>
      <c r="B15312" t="s">
        <v>30564</v>
      </c>
      <c r="C15312" t="s">
        <v>30565</v>
      </c>
    </row>
    <row r="15313" spans="1:3" x14ac:dyDescent="0.15">
      <c r="A15313">
        <v>9691</v>
      </c>
      <c r="B15313" t="s">
        <v>30566</v>
      </c>
      <c r="C15313" t="s">
        <v>30567</v>
      </c>
    </row>
    <row r="15314" spans="1:3" x14ac:dyDescent="0.15">
      <c r="A15314">
        <v>9690</v>
      </c>
      <c r="B15314" t="s">
        <v>30568</v>
      </c>
      <c r="C15314" t="s">
        <v>30569</v>
      </c>
    </row>
    <row r="15315" spans="1:3" x14ac:dyDescent="0.15">
      <c r="A15315">
        <v>9689</v>
      </c>
      <c r="B15315" t="s">
        <v>30570</v>
      </c>
      <c r="C15315" t="s">
        <v>30571</v>
      </c>
    </row>
    <row r="15316" spans="1:3" x14ac:dyDescent="0.15">
      <c r="A15316">
        <v>9688</v>
      </c>
      <c r="B15316" t="s">
        <v>30572</v>
      </c>
      <c r="C15316" t="s">
        <v>30573</v>
      </c>
    </row>
    <row r="15317" spans="1:3" x14ac:dyDescent="0.15">
      <c r="A15317">
        <v>9687</v>
      </c>
      <c r="B15317" t="s">
        <v>30574</v>
      </c>
      <c r="C15317" t="s">
        <v>30575</v>
      </c>
    </row>
    <row r="15318" spans="1:3" x14ac:dyDescent="0.15">
      <c r="A15318">
        <v>9686</v>
      </c>
      <c r="B15318" t="s">
        <v>30576</v>
      </c>
      <c r="C15318" t="s">
        <v>30577</v>
      </c>
    </row>
    <row r="15319" spans="1:3" x14ac:dyDescent="0.15">
      <c r="A15319">
        <v>9685</v>
      </c>
      <c r="B15319" t="s">
        <v>30578</v>
      </c>
      <c r="C15319" t="s">
        <v>30579</v>
      </c>
    </row>
    <row r="15320" spans="1:3" x14ac:dyDescent="0.15">
      <c r="A15320">
        <v>9684</v>
      </c>
      <c r="B15320" t="s">
        <v>30580</v>
      </c>
      <c r="C15320" t="s">
        <v>30581</v>
      </c>
    </row>
    <row r="15321" spans="1:3" x14ac:dyDescent="0.15">
      <c r="A15321">
        <v>9683</v>
      </c>
      <c r="B15321" t="s">
        <v>30582</v>
      </c>
      <c r="C15321" t="s">
        <v>30583</v>
      </c>
    </row>
    <row r="15322" spans="1:3" x14ac:dyDescent="0.15">
      <c r="A15322">
        <v>9682</v>
      </c>
      <c r="B15322" t="s">
        <v>30584</v>
      </c>
      <c r="C15322" t="s">
        <v>30585</v>
      </c>
    </row>
    <row r="15323" spans="1:3" x14ac:dyDescent="0.15">
      <c r="A15323">
        <v>9681</v>
      </c>
      <c r="B15323" t="s">
        <v>30586</v>
      </c>
      <c r="C15323" t="s">
        <v>30587</v>
      </c>
    </row>
    <row r="15324" spans="1:3" x14ac:dyDescent="0.15">
      <c r="A15324">
        <v>9680</v>
      </c>
      <c r="B15324" t="s">
        <v>30588</v>
      </c>
      <c r="C15324" t="s">
        <v>30589</v>
      </c>
    </row>
    <row r="15325" spans="1:3" x14ac:dyDescent="0.15">
      <c r="A15325">
        <v>9679</v>
      </c>
      <c r="B15325" t="s">
        <v>30590</v>
      </c>
      <c r="C15325" t="s">
        <v>30591</v>
      </c>
    </row>
    <row r="15326" spans="1:3" x14ac:dyDescent="0.15">
      <c r="A15326">
        <v>9678</v>
      </c>
      <c r="B15326" t="s">
        <v>30592</v>
      </c>
      <c r="C15326" t="s">
        <v>30593</v>
      </c>
    </row>
    <row r="15327" spans="1:3" x14ac:dyDescent="0.15">
      <c r="A15327">
        <v>9677</v>
      </c>
      <c r="B15327" t="s">
        <v>30594</v>
      </c>
      <c r="C15327" t="s">
        <v>30595</v>
      </c>
    </row>
    <row r="15328" spans="1:3" x14ac:dyDescent="0.15">
      <c r="A15328">
        <v>9676</v>
      </c>
      <c r="B15328" t="s">
        <v>30596</v>
      </c>
      <c r="C15328" t="s">
        <v>30597</v>
      </c>
    </row>
    <row r="15329" spans="1:3" x14ac:dyDescent="0.15">
      <c r="A15329">
        <v>9674</v>
      </c>
      <c r="B15329" t="s">
        <v>30598</v>
      </c>
      <c r="C15329" t="s">
        <v>30599</v>
      </c>
    </row>
    <row r="15330" spans="1:3" x14ac:dyDescent="0.15">
      <c r="A15330">
        <v>9673</v>
      </c>
      <c r="B15330" t="s">
        <v>30600</v>
      </c>
      <c r="C15330" t="s">
        <v>30601</v>
      </c>
    </row>
    <row r="15331" spans="1:3" x14ac:dyDescent="0.15">
      <c r="A15331">
        <v>9672</v>
      </c>
      <c r="B15331" t="s">
        <v>30602</v>
      </c>
      <c r="C15331" t="s">
        <v>30603</v>
      </c>
    </row>
    <row r="15332" spans="1:3" x14ac:dyDescent="0.15">
      <c r="A15332">
        <v>9671</v>
      </c>
      <c r="B15332" t="s">
        <v>30604</v>
      </c>
      <c r="C15332" t="s">
        <v>30605</v>
      </c>
    </row>
    <row r="15333" spans="1:3" x14ac:dyDescent="0.15">
      <c r="A15333">
        <v>9670</v>
      </c>
      <c r="B15333" t="s">
        <v>30606</v>
      </c>
      <c r="C15333" t="s">
        <v>30607</v>
      </c>
    </row>
    <row r="15334" spans="1:3" x14ac:dyDescent="0.15">
      <c r="A15334">
        <v>9669</v>
      </c>
      <c r="B15334" t="s">
        <v>30608</v>
      </c>
      <c r="C15334" t="s">
        <v>30609</v>
      </c>
    </row>
    <row r="15335" spans="1:3" x14ac:dyDescent="0.15">
      <c r="A15335">
        <v>9668</v>
      </c>
      <c r="B15335" t="s">
        <v>30610</v>
      </c>
      <c r="C15335" t="s">
        <v>30611</v>
      </c>
    </row>
    <row r="15336" spans="1:3" x14ac:dyDescent="0.15">
      <c r="A15336">
        <v>9667</v>
      </c>
      <c r="B15336" t="s">
        <v>30612</v>
      </c>
      <c r="C15336" t="s">
        <v>30613</v>
      </c>
    </row>
    <row r="15337" spans="1:3" x14ac:dyDescent="0.15">
      <c r="A15337">
        <v>9666</v>
      </c>
      <c r="B15337" t="s">
        <v>30614</v>
      </c>
      <c r="C15337" t="s">
        <v>30615</v>
      </c>
    </row>
    <row r="15338" spans="1:3" x14ac:dyDescent="0.15">
      <c r="A15338">
        <v>9665</v>
      </c>
      <c r="B15338" t="s">
        <v>30616</v>
      </c>
      <c r="C15338" t="s">
        <v>30617</v>
      </c>
    </row>
    <row r="15339" spans="1:3" x14ac:dyDescent="0.15">
      <c r="A15339">
        <v>9664</v>
      </c>
      <c r="B15339" t="s">
        <v>30618</v>
      </c>
      <c r="C15339" t="s">
        <v>30619</v>
      </c>
    </row>
    <row r="15340" spans="1:3" x14ac:dyDescent="0.15">
      <c r="A15340">
        <v>9663</v>
      </c>
      <c r="B15340" t="s">
        <v>30620</v>
      </c>
      <c r="C15340" t="s">
        <v>30621</v>
      </c>
    </row>
    <row r="15341" spans="1:3" x14ac:dyDescent="0.15">
      <c r="A15341">
        <v>9662</v>
      </c>
      <c r="B15341" t="s">
        <v>30622</v>
      </c>
      <c r="C15341" t="s">
        <v>30623</v>
      </c>
    </row>
    <row r="15342" spans="1:3" x14ac:dyDescent="0.15">
      <c r="A15342">
        <v>9661</v>
      </c>
      <c r="B15342" t="s">
        <v>30624</v>
      </c>
      <c r="C15342" t="s">
        <v>30625</v>
      </c>
    </row>
    <row r="15343" spans="1:3" x14ac:dyDescent="0.15">
      <c r="A15343">
        <v>9660</v>
      </c>
      <c r="B15343" t="s">
        <v>30626</v>
      </c>
      <c r="C15343" t="s">
        <v>30627</v>
      </c>
    </row>
    <row r="15344" spans="1:3" x14ac:dyDescent="0.15">
      <c r="A15344">
        <v>9659</v>
      </c>
      <c r="B15344" t="s">
        <v>30628</v>
      </c>
      <c r="C15344" t="s">
        <v>30629</v>
      </c>
    </row>
    <row r="15345" spans="1:3" x14ac:dyDescent="0.15">
      <c r="A15345">
        <v>9658</v>
      </c>
      <c r="B15345" t="s">
        <v>30630</v>
      </c>
      <c r="C15345" t="s">
        <v>30631</v>
      </c>
    </row>
    <row r="15346" spans="1:3" x14ac:dyDescent="0.15">
      <c r="A15346">
        <v>9657</v>
      </c>
      <c r="B15346" t="s">
        <v>30632</v>
      </c>
      <c r="C15346" t="s">
        <v>30633</v>
      </c>
    </row>
    <row r="15347" spans="1:3" x14ac:dyDescent="0.15">
      <c r="A15347">
        <v>9656</v>
      </c>
      <c r="B15347" t="s">
        <v>30634</v>
      </c>
      <c r="C15347" t="s">
        <v>30635</v>
      </c>
    </row>
    <row r="15348" spans="1:3" x14ac:dyDescent="0.15">
      <c r="A15348">
        <v>9655</v>
      </c>
      <c r="B15348" t="s">
        <v>30636</v>
      </c>
      <c r="C15348" t="s">
        <v>30637</v>
      </c>
    </row>
    <row r="15349" spans="1:3" x14ac:dyDescent="0.15">
      <c r="A15349">
        <v>9654</v>
      </c>
      <c r="B15349" t="s">
        <v>30638</v>
      </c>
      <c r="C15349" t="s">
        <v>30639</v>
      </c>
    </row>
    <row r="15350" spans="1:3" x14ac:dyDescent="0.15">
      <c r="A15350">
        <v>9653</v>
      </c>
      <c r="B15350" t="s">
        <v>30640</v>
      </c>
      <c r="C15350" t="s">
        <v>491</v>
      </c>
    </row>
    <row r="15351" spans="1:3" x14ac:dyDescent="0.15">
      <c r="A15351">
        <v>9652</v>
      </c>
      <c r="B15351" t="s">
        <v>30641</v>
      </c>
      <c r="C15351" t="s">
        <v>30642</v>
      </c>
    </row>
    <row r="15352" spans="1:3" x14ac:dyDescent="0.15">
      <c r="A15352">
        <v>9651</v>
      </c>
      <c r="B15352" t="s">
        <v>30643</v>
      </c>
      <c r="C15352" t="s">
        <v>30644</v>
      </c>
    </row>
    <row r="15353" spans="1:3" x14ac:dyDescent="0.15">
      <c r="A15353">
        <v>9650</v>
      </c>
      <c r="B15353" t="s">
        <v>30645</v>
      </c>
      <c r="C15353" t="s">
        <v>30646</v>
      </c>
    </row>
    <row r="15354" spans="1:3" x14ac:dyDescent="0.15">
      <c r="A15354">
        <v>9649</v>
      </c>
      <c r="B15354" t="s">
        <v>30647</v>
      </c>
      <c r="C15354" t="s">
        <v>30648</v>
      </c>
    </row>
    <row r="15355" spans="1:3" x14ac:dyDescent="0.15">
      <c r="A15355">
        <v>9648</v>
      </c>
      <c r="B15355" t="s">
        <v>30649</v>
      </c>
      <c r="C15355" t="s">
        <v>30650</v>
      </c>
    </row>
    <row r="15356" spans="1:3" x14ac:dyDescent="0.15">
      <c r="A15356">
        <v>9647</v>
      </c>
      <c r="B15356" t="s">
        <v>30651</v>
      </c>
      <c r="C15356" t="s">
        <v>30652</v>
      </c>
    </row>
    <row r="15357" spans="1:3" x14ac:dyDescent="0.15">
      <c r="A15357">
        <v>9646</v>
      </c>
      <c r="B15357" t="s">
        <v>30653</v>
      </c>
      <c r="C15357" t="s">
        <v>30654</v>
      </c>
    </row>
    <row r="15358" spans="1:3" x14ac:dyDescent="0.15">
      <c r="A15358">
        <v>9645</v>
      </c>
      <c r="B15358" t="s">
        <v>30655</v>
      </c>
      <c r="C15358" t="s">
        <v>30656</v>
      </c>
    </row>
    <row r="15359" spans="1:3" x14ac:dyDescent="0.15">
      <c r="A15359">
        <v>9644</v>
      </c>
      <c r="B15359" t="s">
        <v>30657</v>
      </c>
      <c r="C15359" t="s">
        <v>30658</v>
      </c>
    </row>
    <row r="15360" spans="1:3" x14ac:dyDescent="0.15">
      <c r="A15360">
        <v>9643</v>
      </c>
      <c r="B15360" t="s">
        <v>30659</v>
      </c>
      <c r="C15360" t="s">
        <v>30660</v>
      </c>
    </row>
    <row r="15361" spans="1:3" x14ac:dyDescent="0.15">
      <c r="A15361">
        <v>9642</v>
      </c>
      <c r="B15361" t="s">
        <v>30661</v>
      </c>
      <c r="C15361" t="s">
        <v>30662</v>
      </c>
    </row>
    <row r="15362" spans="1:3" x14ac:dyDescent="0.15">
      <c r="A15362">
        <v>9641</v>
      </c>
      <c r="B15362" t="s">
        <v>30663</v>
      </c>
      <c r="C15362" t="s">
        <v>30664</v>
      </c>
    </row>
    <row r="15363" spans="1:3" x14ac:dyDescent="0.15">
      <c r="A15363">
        <v>9640</v>
      </c>
      <c r="B15363" t="s">
        <v>30665</v>
      </c>
      <c r="C15363" t="s">
        <v>30666</v>
      </c>
    </row>
    <row r="15364" spans="1:3" x14ac:dyDescent="0.15">
      <c r="A15364">
        <v>9639</v>
      </c>
      <c r="B15364" t="s">
        <v>30667</v>
      </c>
      <c r="C15364" t="s">
        <v>30668</v>
      </c>
    </row>
    <row r="15365" spans="1:3" x14ac:dyDescent="0.15">
      <c r="A15365">
        <v>9638</v>
      </c>
      <c r="B15365" t="s">
        <v>30669</v>
      </c>
      <c r="C15365" t="s">
        <v>30670</v>
      </c>
    </row>
    <row r="15366" spans="1:3" x14ac:dyDescent="0.15">
      <c r="A15366">
        <v>9637</v>
      </c>
      <c r="B15366" t="s">
        <v>30671</v>
      </c>
      <c r="C15366" t="s">
        <v>30672</v>
      </c>
    </row>
    <row r="15367" spans="1:3" x14ac:dyDescent="0.15">
      <c r="A15367">
        <v>9636</v>
      </c>
      <c r="B15367" t="s">
        <v>30673</v>
      </c>
      <c r="C15367" t="s">
        <v>30674</v>
      </c>
    </row>
    <row r="15368" spans="1:3" x14ac:dyDescent="0.15">
      <c r="A15368">
        <v>9635</v>
      </c>
      <c r="B15368" t="s">
        <v>30675</v>
      </c>
      <c r="C15368" t="s">
        <v>30676</v>
      </c>
    </row>
    <row r="15369" spans="1:3" x14ac:dyDescent="0.15">
      <c r="A15369">
        <v>9634</v>
      </c>
      <c r="B15369" t="s">
        <v>30677</v>
      </c>
      <c r="C15369" t="s">
        <v>30678</v>
      </c>
    </row>
    <row r="15370" spans="1:3" x14ac:dyDescent="0.15">
      <c r="A15370">
        <v>9633</v>
      </c>
      <c r="B15370" t="s">
        <v>30679</v>
      </c>
      <c r="C15370" t="s">
        <v>30680</v>
      </c>
    </row>
    <row r="15371" spans="1:3" x14ac:dyDescent="0.15">
      <c r="A15371">
        <v>9632</v>
      </c>
      <c r="B15371" t="s">
        <v>30681</v>
      </c>
      <c r="C15371" t="s">
        <v>30682</v>
      </c>
    </row>
    <row r="15372" spans="1:3" x14ac:dyDescent="0.15">
      <c r="A15372">
        <v>9631</v>
      </c>
      <c r="B15372" t="s">
        <v>30683</v>
      </c>
      <c r="C15372" t="s">
        <v>30684</v>
      </c>
    </row>
    <row r="15373" spans="1:3" x14ac:dyDescent="0.15">
      <c r="A15373">
        <v>9630</v>
      </c>
      <c r="B15373" t="s">
        <v>30685</v>
      </c>
      <c r="C15373" t="s">
        <v>30686</v>
      </c>
    </row>
    <row r="15374" spans="1:3" x14ac:dyDescent="0.15">
      <c r="A15374">
        <v>9629</v>
      </c>
      <c r="B15374" t="s">
        <v>30687</v>
      </c>
      <c r="C15374" t="s">
        <v>30688</v>
      </c>
    </row>
    <row r="15375" spans="1:3" x14ac:dyDescent="0.15">
      <c r="A15375">
        <v>9628</v>
      </c>
      <c r="B15375" t="s">
        <v>30689</v>
      </c>
      <c r="C15375" t="s">
        <v>30690</v>
      </c>
    </row>
    <row r="15376" spans="1:3" x14ac:dyDescent="0.15">
      <c r="A15376">
        <v>9627</v>
      </c>
      <c r="B15376" t="s">
        <v>30691</v>
      </c>
      <c r="C15376" t="s">
        <v>30692</v>
      </c>
    </row>
    <row r="15377" spans="1:3" x14ac:dyDescent="0.15">
      <c r="A15377">
        <v>9626</v>
      </c>
      <c r="B15377" t="s">
        <v>30693</v>
      </c>
      <c r="C15377" t="s">
        <v>30694</v>
      </c>
    </row>
    <row r="15378" spans="1:3" x14ac:dyDescent="0.15">
      <c r="A15378">
        <v>9625</v>
      </c>
      <c r="B15378" t="s">
        <v>30695</v>
      </c>
      <c r="C15378" t="s">
        <v>30696</v>
      </c>
    </row>
    <row r="15379" spans="1:3" x14ac:dyDescent="0.15">
      <c r="A15379">
        <v>9624</v>
      </c>
      <c r="B15379" t="s">
        <v>30697</v>
      </c>
      <c r="C15379" t="s">
        <v>30698</v>
      </c>
    </row>
    <row r="15380" spans="1:3" x14ac:dyDescent="0.15">
      <c r="A15380">
        <v>9623</v>
      </c>
      <c r="B15380" t="s">
        <v>30699</v>
      </c>
      <c r="C15380" t="s">
        <v>30700</v>
      </c>
    </row>
    <row r="15381" spans="1:3" x14ac:dyDescent="0.15">
      <c r="A15381">
        <v>9622</v>
      </c>
      <c r="B15381" t="s">
        <v>30701</v>
      </c>
      <c r="C15381" t="s">
        <v>30702</v>
      </c>
    </row>
    <row r="15382" spans="1:3" x14ac:dyDescent="0.15">
      <c r="A15382">
        <v>9621</v>
      </c>
      <c r="B15382" t="s">
        <v>30703</v>
      </c>
      <c r="C15382" t="s">
        <v>30704</v>
      </c>
    </row>
    <row r="15383" spans="1:3" x14ac:dyDescent="0.15">
      <c r="A15383">
        <v>9620</v>
      </c>
      <c r="B15383" t="s">
        <v>30705</v>
      </c>
      <c r="C15383" t="s">
        <v>30706</v>
      </c>
    </row>
    <row r="15384" spans="1:3" x14ac:dyDescent="0.15">
      <c r="A15384">
        <v>9619</v>
      </c>
      <c r="B15384" t="s">
        <v>30707</v>
      </c>
      <c r="C15384" t="s">
        <v>30708</v>
      </c>
    </row>
    <row r="15385" spans="1:3" x14ac:dyDescent="0.15">
      <c r="A15385">
        <v>9618</v>
      </c>
      <c r="B15385" t="s">
        <v>30709</v>
      </c>
      <c r="C15385" t="s">
        <v>30710</v>
      </c>
    </row>
    <row r="15386" spans="1:3" x14ac:dyDescent="0.15">
      <c r="A15386">
        <v>9617</v>
      </c>
      <c r="B15386" t="s">
        <v>30711</v>
      </c>
      <c r="C15386" t="s">
        <v>30712</v>
      </c>
    </row>
    <row r="15387" spans="1:3" x14ac:dyDescent="0.15">
      <c r="A15387">
        <v>9616</v>
      </c>
      <c r="B15387" t="s">
        <v>30713</v>
      </c>
      <c r="C15387" t="s">
        <v>30714</v>
      </c>
    </row>
    <row r="15388" spans="1:3" x14ac:dyDescent="0.15">
      <c r="A15388">
        <v>9615</v>
      </c>
      <c r="B15388" t="s">
        <v>30715</v>
      </c>
      <c r="C15388" t="s">
        <v>30716</v>
      </c>
    </row>
    <row r="15389" spans="1:3" x14ac:dyDescent="0.15">
      <c r="A15389">
        <v>9614</v>
      </c>
      <c r="B15389" t="s">
        <v>30717</v>
      </c>
      <c r="C15389" t="s">
        <v>30718</v>
      </c>
    </row>
    <row r="15390" spans="1:3" x14ac:dyDescent="0.15">
      <c r="A15390">
        <v>9613</v>
      </c>
      <c r="B15390" t="s">
        <v>30719</v>
      </c>
      <c r="C15390" t="s">
        <v>30720</v>
      </c>
    </row>
    <row r="15391" spans="1:3" x14ac:dyDescent="0.15">
      <c r="A15391">
        <v>9612</v>
      </c>
      <c r="B15391" t="s">
        <v>30721</v>
      </c>
      <c r="C15391" t="s">
        <v>30722</v>
      </c>
    </row>
    <row r="15392" spans="1:3" x14ac:dyDescent="0.15">
      <c r="A15392">
        <v>9611</v>
      </c>
      <c r="B15392" t="s">
        <v>30723</v>
      </c>
      <c r="C15392" t="s">
        <v>30724</v>
      </c>
    </row>
    <row r="15393" spans="1:3" x14ac:dyDescent="0.15">
      <c r="A15393">
        <v>9610</v>
      </c>
      <c r="B15393" t="s">
        <v>30725</v>
      </c>
      <c r="C15393" t="s">
        <v>30726</v>
      </c>
    </row>
    <row r="15394" spans="1:3" x14ac:dyDescent="0.15">
      <c r="A15394">
        <v>9609</v>
      </c>
      <c r="B15394" t="s">
        <v>30727</v>
      </c>
      <c r="C15394" t="s">
        <v>30728</v>
      </c>
    </row>
    <row r="15395" spans="1:3" x14ac:dyDescent="0.15">
      <c r="A15395">
        <v>9608</v>
      </c>
      <c r="B15395" t="s">
        <v>30729</v>
      </c>
      <c r="C15395" t="s">
        <v>30730</v>
      </c>
    </row>
    <row r="15396" spans="1:3" x14ac:dyDescent="0.15">
      <c r="A15396">
        <v>9607</v>
      </c>
      <c r="B15396" t="s">
        <v>30731</v>
      </c>
      <c r="C15396" t="s">
        <v>30732</v>
      </c>
    </row>
    <row r="15397" spans="1:3" x14ac:dyDescent="0.15">
      <c r="A15397">
        <v>9606</v>
      </c>
      <c r="B15397" t="s">
        <v>30733</v>
      </c>
      <c r="C15397" t="s">
        <v>30734</v>
      </c>
    </row>
    <row r="15398" spans="1:3" x14ac:dyDescent="0.15">
      <c r="A15398">
        <v>9605</v>
      </c>
      <c r="B15398" t="s">
        <v>30735</v>
      </c>
      <c r="C15398" t="s">
        <v>30736</v>
      </c>
    </row>
    <row r="15399" spans="1:3" x14ac:dyDescent="0.15">
      <c r="A15399">
        <v>9604</v>
      </c>
      <c r="B15399" t="s">
        <v>30737</v>
      </c>
      <c r="C15399" t="s">
        <v>30738</v>
      </c>
    </row>
    <row r="15400" spans="1:3" x14ac:dyDescent="0.15">
      <c r="A15400">
        <v>9603</v>
      </c>
      <c r="B15400" t="s">
        <v>30739</v>
      </c>
      <c r="C15400" t="s">
        <v>30740</v>
      </c>
    </row>
    <row r="15401" spans="1:3" x14ac:dyDescent="0.15">
      <c r="A15401">
        <v>9602</v>
      </c>
      <c r="B15401" t="s">
        <v>30741</v>
      </c>
      <c r="C15401" t="s">
        <v>30742</v>
      </c>
    </row>
    <row r="15402" spans="1:3" x14ac:dyDescent="0.15">
      <c r="A15402">
        <v>9601</v>
      </c>
      <c r="B15402" t="s">
        <v>30743</v>
      </c>
      <c r="C15402" t="s">
        <v>30744</v>
      </c>
    </row>
    <row r="15403" spans="1:3" x14ac:dyDescent="0.15">
      <c r="A15403">
        <v>9600</v>
      </c>
      <c r="B15403" t="s">
        <v>30745</v>
      </c>
      <c r="C15403" t="s">
        <v>30746</v>
      </c>
    </row>
    <row r="15404" spans="1:3" x14ac:dyDescent="0.15">
      <c r="A15404">
        <v>9599</v>
      </c>
      <c r="B15404" t="s">
        <v>30747</v>
      </c>
      <c r="C15404" t="s">
        <v>30748</v>
      </c>
    </row>
    <row r="15405" spans="1:3" x14ac:dyDescent="0.15">
      <c r="A15405">
        <v>9598</v>
      </c>
      <c r="B15405" t="s">
        <v>30749</v>
      </c>
      <c r="C15405" t="s">
        <v>30750</v>
      </c>
    </row>
    <row r="15406" spans="1:3" x14ac:dyDescent="0.15">
      <c r="A15406">
        <v>9597</v>
      </c>
      <c r="B15406" t="s">
        <v>30751</v>
      </c>
      <c r="C15406" t="s">
        <v>30752</v>
      </c>
    </row>
    <row r="15407" spans="1:3" x14ac:dyDescent="0.15">
      <c r="A15407">
        <v>9596</v>
      </c>
      <c r="B15407" t="s">
        <v>30753</v>
      </c>
      <c r="C15407" t="s">
        <v>30754</v>
      </c>
    </row>
    <row r="15408" spans="1:3" x14ac:dyDescent="0.15">
      <c r="A15408">
        <v>9595</v>
      </c>
      <c r="B15408" t="s">
        <v>30755</v>
      </c>
      <c r="C15408" t="s">
        <v>30756</v>
      </c>
    </row>
    <row r="15409" spans="1:3" x14ac:dyDescent="0.15">
      <c r="A15409">
        <v>9594</v>
      </c>
      <c r="B15409" t="s">
        <v>30757</v>
      </c>
      <c r="C15409" t="s">
        <v>30758</v>
      </c>
    </row>
    <row r="15410" spans="1:3" x14ac:dyDescent="0.15">
      <c r="A15410">
        <v>9593</v>
      </c>
      <c r="B15410" t="s">
        <v>30759</v>
      </c>
      <c r="C15410" t="s">
        <v>30760</v>
      </c>
    </row>
    <row r="15411" spans="1:3" x14ac:dyDescent="0.15">
      <c r="A15411">
        <v>9592</v>
      </c>
      <c r="B15411" t="s">
        <v>30761</v>
      </c>
      <c r="C15411" t="s">
        <v>30762</v>
      </c>
    </row>
    <row r="15412" spans="1:3" x14ac:dyDescent="0.15">
      <c r="A15412">
        <v>9591</v>
      </c>
      <c r="B15412" t="s">
        <v>30763</v>
      </c>
      <c r="C15412" t="s">
        <v>30764</v>
      </c>
    </row>
    <row r="15413" spans="1:3" x14ac:dyDescent="0.15">
      <c r="A15413">
        <v>9590</v>
      </c>
      <c r="B15413" t="s">
        <v>30765</v>
      </c>
      <c r="C15413" t="s">
        <v>30766</v>
      </c>
    </row>
    <row r="15414" spans="1:3" x14ac:dyDescent="0.15">
      <c r="A15414">
        <v>9589</v>
      </c>
      <c r="B15414" t="s">
        <v>30767</v>
      </c>
      <c r="C15414" t="s">
        <v>30768</v>
      </c>
    </row>
    <row r="15415" spans="1:3" x14ac:dyDescent="0.15">
      <c r="A15415">
        <v>9588</v>
      </c>
      <c r="B15415" t="s">
        <v>30769</v>
      </c>
      <c r="C15415" t="s">
        <v>30770</v>
      </c>
    </row>
    <row r="15416" spans="1:3" x14ac:dyDescent="0.15">
      <c r="A15416">
        <v>9587</v>
      </c>
      <c r="B15416" t="s">
        <v>30771</v>
      </c>
      <c r="C15416" t="s">
        <v>30772</v>
      </c>
    </row>
    <row r="15417" spans="1:3" x14ac:dyDescent="0.15">
      <c r="A15417">
        <v>9586</v>
      </c>
      <c r="B15417" t="s">
        <v>30773</v>
      </c>
      <c r="C15417" t="s">
        <v>30774</v>
      </c>
    </row>
    <row r="15418" spans="1:3" x14ac:dyDescent="0.15">
      <c r="A15418">
        <v>9585</v>
      </c>
      <c r="B15418" t="s">
        <v>30775</v>
      </c>
      <c r="C15418" t="s">
        <v>30776</v>
      </c>
    </row>
    <row r="15419" spans="1:3" x14ac:dyDescent="0.15">
      <c r="A15419">
        <v>9584</v>
      </c>
      <c r="B15419" t="s">
        <v>30777</v>
      </c>
      <c r="C15419" t="s">
        <v>30778</v>
      </c>
    </row>
    <row r="15420" spans="1:3" x14ac:dyDescent="0.15">
      <c r="A15420">
        <v>9583</v>
      </c>
      <c r="B15420" t="s">
        <v>30779</v>
      </c>
      <c r="C15420" t="s">
        <v>30780</v>
      </c>
    </row>
    <row r="15421" spans="1:3" x14ac:dyDescent="0.15">
      <c r="A15421">
        <v>9582</v>
      </c>
      <c r="B15421" t="s">
        <v>30781</v>
      </c>
      <c r="C15421" t="s">
        <v>30782</v>
      </c>
    </row>
    <row r="15422" spans="1:3" x14ac:dyDescent="0.15">
      <c r="A15422">
        <v>9581</v>
      </c>
      <c r="B15422" t="s">
        <v>30783</v>
      </c>
      <c r="C15422" t="s">
        <v>30784</v>
      </c>
    </row>
    <row r="15423" spans="1:3" x14ac:dyDescent="0.15">
      <c r="A15423">
        <v>9580</v>
      </c>
      <c r="B15423" t="s">
        <v>30785</v>
      </c>
      <c r="C15423" t="s">
        <v>30786</v>
      </c>
    </row>
    <row r="15424" spans="1:3" x14ac:dyDescent="0.15">
      <c r="A15424">
        <v>9579</v>
      </c>
      <c r="B15424" t="s">
        <v>30787</v>
      </c>
      <c r="C15424" t="s">
        <v>30788</v>
      </c>
    </row>
    <row r="15425" spans="1:3" x14ac:dyDescent="0.15">
      <c r="A15425">
        <v>9578</v>
      </c>
      <c r="B15425" t="s">
        <v>30789</v>
      </c>
      <c r="C15425" t="s">
        <v>30790</v>
      </c>
    </row>
    <row r="15426" spans="1:3" x14ac:dyDescent="0.15">
      <c r="A15426">
        <v>9577</v>
      </c>
      <c r="B15426" t="s">
        <v>30791</v>
      </c>
      <c r="C15426" t="s">
        <v>30792</v>
      </c>
    </row>
    <row r="15427" spans="1:3" x14ac:dyDescent="0.15">
      <c r="A15427">
        <v>9576</v>
      </c>
      <c r="B15427" t="s">
        <v>30793</v>
      </c>
      <c r="C15427" t="s">
        <v>30794</v>
      </c>
    </row>
    <row r="15428" spans="1:3" x14ac:dyDescent="0.15">
      <c r="A15428">
        <v>9575</v>
      </c>
      <c r="B15428" t="s">
        <v>30795</v>
      </c>
      <c r="C15428" t="s">
        <v>30796</v>
      </c>
    </row>
    <row r="15429" spans="1:3" x14ac:dyDescent="0.15">
      <c r="A15429">
        <v>9574</v>
      </c>
      <c r="B15429" t="s">
        <v>30797</v>
      </c>
      <c r="C15429" t="s">
        <v>30798</v>
      </c>
    </row>
    <row r="15430" spans="1:3" x14ac:dyDescent="0.15">
      <c r="A15430">
        <v>9573</v>
      </c>
      <c r="B15430" t="s">
        <v>30799</v>
      </c>
      <c r="C15430" t="s">
        <v>30800</v>
      </c>
    </row>
    <row r="15431" spans="1:3" x14ac:dyDescent="0.15">
      <c r="A15431">
        <v>9572</v>
      </c>
      <c r="B15431" t="s">
        <v>30801</v>
      </c>
      <c r="C15431" t="s">
        <v>30802</v>
      </c>
    </row>
    <row r="15432" spans="1:3" x14ac:dyDescent="0.15">
      <c r="A15432">
        <v>9571</v>
      </c>
      <c r="B15432" t="s">
        <v>30803</v>
      </c>
      <c r="C15432" t="s">
        <v>30804</v>
      </c>
    </row>
    <row r="15433" spans="1:3" x14ac:dyDescent="0.15">
      <c r="A15433">
        <v>9570</v>
      </c>
      <c r="B15433" t="s">
        <v>30805</v>
      </c>
      <c r="C15433" t="s">
        <v>30806</v>
      </c>
    </row>
    <row r="15434" spans="1:3" x14ac:dyDescent="0.15">
      <c r="A15434">
        <v>9569</v>
      </c>
      <c r="B15434" t="s">
        <v>30807</v>
      </c>
      <c r="C15434" t="s">
        <v>30808</v>
      </c>
    </row>
    <row r="15435" spans="1:3" x14ac:dyDescent="0.15">
      <c r="A15435">
        <v>9568</v>
      </c>
      <c r="B15435" t="s">
        <v>30809</v>
      </c>
      <c r="C15435" t="s">
        <v>30810</v>
      </c>
    </row>
    <row r="15436" spans="1:3" x14ac:dyDescent="0.15">
      <c r="A15436">
        <v>9567</v>
      </c>
      <c r="B15436" t="s">
        <v>30811</v>
      </c>
      <c r="C15436" t="s">
        <v>30812</v>
      </c>
    </row>
    <row r="15437" spans="1:3" x14ac:dyDescent="0.15">
      <c r="A15437">
        <v>9566</v>
      </c>
      <c r="B15437" t="s">
        <v>30813</v>
      </c>
      <c r="C15437" t="s">
        <v>30814</v>
      </c>
    </row>
    <row r="15438" spans="1:3" x14ac:dyDescent="0.15">
      <c r="A15438">
        <v>9565</v>
      </c>
      <c r="B15438" t="s">
        <v>30815</v>
      </c>
      <c r="C15438" t="s">
        <v>30816</v>
      </c>
    </row>
    <row r="15439" spans="1:3" x14ac:dyDescent="0.15">
      <c r="A15439">
        <v>9564</v>
      </c>
      <c r="B15439" t="s">
        <v>30817</v>
      </c>
      <c r="C15439" t="s">
        <v>30818</v>
      </c>
    </row>
    <row r="15440" spans="1:3" x14ac:dyDescent="0.15">
      <c r="A15440">
        <v>9563</v>
      </c>
      <c r="B15440" t="s">
        <v>30819</v>
      </c>
      <c r="C15440" t="s">
        <v>30820</v>
      </c>
    </row>
    <row r="15441" spans="1:3" x14ac:dyDescent="0.15">
      <c r="A15441">
        <v>9562</v>
      </c>
      <c r="B15441" t="s">
        <v>30821</v>
      </c>
      <c r="C15441" t="s">
        <v>30822</v>
      </c>
    </row>
    <row r="15442" spans="1:3" x14ac:dyDescent="0.15">
      <c r="A15442">
        <v>9561</v>
      </c>
      <c r="B15442" t="s">
        <v>30823</v>
      </c>
      <c r="C15442" t="s">
        <v>30824</v>
      </c>
    </row>
    <row r="15443" spans="1:3" x14ac:dyDescent="0.15">
      <c r="A15443">
        <v>9560</v>
      </c>
      <c r="B15443" t="s">
        <v>30825</v>
      </c>
      <c r="C15443" t="s">
        <v>30826</v>
      </c>
    </row>
    <row r="15444" spans="1:3" x14ac:dyDescent="0.15">
      <c r="A15444">
        <v>9559</v>
      </c>
      <c r="B15444" t="s">
        <v>30827</v>
      </c>
      <c r="C15444" t="s">
        <v>30828</v>
      </c>
    </row>
    <row r="15445" spans="1:3" x14ac:dyDescent="0.15">
      <c r="A15445">
        <v>9558</v>
      </c>
      <c r="B15445" t="s">
        <v>30829</v>
      </c>
      <c r="C15445" t="s">
        <v>30830</v>
      </c>
    </row>
    <row r="15446" spans="1:3" x14ac:dyDescent="0.15">
      <c r="A15446">
        <v>9557</v>
      </c>
      <c r="B15446" t="s">
        <v>30831</v>
      </c>
      <c r="C15446" t="s">
        <v>30832</v>
      </c>
    </row>
    <row r="15447" spans="1:3" x14ac:dyDescent="0.15">
      <c r="A15447">
        <v>9556</v>
      </c>
      <c r="B15447" t="s">
        <v>30833</v>
      </c>
      <c r="C15447" t="s">
        <v>30834</v>
      </c>
    </row>
    <row r="15448" spans="1:3" x14ac:dyDescent="0.15">
      <c r="A15448">
        <v>9555</v>
      </c>
      <c r="B15448" t="s">
        <v>30835</v>
      </c>
      <c r="C15448" t="s">
        <v>30836</v>
      </c>
    </row>
    <row r="15449" spans="1:3" x14ac:dyDescent="0.15">
      <c r="A15449">
        <v>9554</v>
      </c>
      <c r="B15449" t="s">
        <v>30837</v>
      </c>
      <c r="C15449" t="s">
        <v>30838</v>
      </c>
    </row>
    <row r="15450" spans="1:3" x14ac:dyDescent="0.15">
      <c r="A15450">
        <v>9553</v>
      </c>
      <c r="B15450" t="s">
        <v>30839</v>
      </c>
      <c r="C15450" t="s">
        <v>30840</v>
      </c>
    </row>
    <row r="15451" spans="1:3" x14ac:dyDescent="0.15">
      <c r="A15451">
        <v>9552</v>
      </c>
      <c r="B15451" t="s">
        <v>30841</v>
      </c>
      <c r="C15451" t="s">
        <v>30842</v>
      </c>
    </row>
    <row r="15452" spans="1:3" x14ac:dyDescent="0.15">
      <c r="A15452">
        <v>9551</v>
      </c>
      <c r="B15452" t="s">
        <v>30843</v>
      </c>
      <c r="C15452" t="s">
        <v>30844</v>
      </c>
    </row>
    <row r="15453" spans="1:3" x14ac:dyDescent="0.15">
      <c r="A15453">
        <v>9550</v>
      </c>
      <c r="B15453" t="s">
        <v>30845</v>
      </c>
      <c r="C15453" t="s">
        <v>30846</v>
      </c>
    </row>
    <row r="15454" spans="1:3" x14ac:dyDescent="0.15">
      <c r="A15454">
        <v>9549</v>
      </c>
      <c r="B15454" t="s">
        <v>30847</v>
      </c>
      <c r="C15454" t="s">
        <v>30848</v>
      </c>
    </row>
    <row r="15455" spans="1:3" x14ac:dyDescent="0.15">
      <c r="A15455">
        <v>9548</v>
      </c>
      <c r="B15455" t="s">
        <v>30849</v>
      </c>
      <c r="C15455" t="s">
        <v>30850</v>
      </c>
    </row>
    <row r="15456" spans="1:3" x14ac:dyDescent="0.15">
      <c r="A15456">
        <v>9547</v>
      </c>
      <c r="B15456" t="s">
        <v>30851</v>
      </c>
      <c r="C15456" t="s">
        <v>30852</v>
      </c>
    </row>
    <row r="15457" spans="1:3" x14ac:dyDescent="0.15">
      <c r="A15457">
        <v>9546</v>
      </c>
      <c r="B15457" t="s">
        <v>30853</v>
      </c>
      <c r="C15457" t="s">
        <v>30854</v>
      </c>
    </row>
    <row r="15458" spans="1:3" x14ac:dyDescent="0.15">
      <c r="A15458">
        <v>9545</v>
      </c>
      <c r="B15458" t="s">
        <v>30855</v>
      </c>
      <c r="C15458" t="s">
        <v>30856</v>
      </c>
    </row>
    <row r="15459" spans="1:3" x14ac:dyDescent="0.15">
      <c r="A15459">
        <v>9544</v>
      </c>
      <c r="B15459" t="s">
        <v>30857</v>
      </c>
      <c r="C15459" t="s">
        <v>30858</v>
      </c>
    </row>
    <row r="15460" spans="1:3" x14ac:dyDescent="0.15">
      <c r="A15460">
        <v>9543</v>
      </c>
      <c r="B15460" t="s">
        <v>30859</v>
      </c>
      <c r="C15460" t="s">
        <v>30860</v>
      </c>
    </row>
    <row r="15461" spans="1:3" x14ac:dyDescent="0.15">
      <c r="A15461">
        <v>9542</v>
      </c>
      <c r="B15461" t="s">
        <v>30861</v>
      </c>
      <c r="C15461" t="s">
        <v>30862</v>
      </c>
    </row>
    <row r="15462" spans="1:3" x14ac:dyDescent="0.15">
      <c r="A15462">
        <v>9541</v>
      </c>
      <c r="B15462" t="s">
        <v>30863</v>
      </c>
      <c r="C15462" t="s">
        <v>30864</v>
      </c>
    </row>
    <row r="15463" spans="1:3" x14ac:dyDescent="0.15">
      <c r="A15463">
        <v>9540</v>
      </c>
      <c r="B15463" t="s">
        <v>30865</v>
      </c>
      <c r="C15463" t="s">
        <v>30866</v>
      </c>
    </row>
    <row r="15464" spans="1:3" x14ac:dyDescent="0.15">
      <c r="A15464">
        <v>9539</v>
      </c>
      <c r="B15464" t="s">
        <v>30867</v>
      </c>
      <c r="C15464" t="s">
        <v>30868</v>
      </c>
    </row>
    <row r="15465" spans="1:3" x14ac:dyDescent="0.15">
      <c r="A15465">
        <v>9538</v>
      </c>
      <c r="B15465" t="s">
        <v>30869</v>
      </c>
      <c r="C15465" t="s">
        <v>30870</v>
      </c>
    </row>
    <row r="15466" spans="1:3" x14ac:dyDescent="0.15">
      <c r="A15466">
        <v>9537</v>
      </c>
      <c r="B15466" t="s">
        <v>30871</v>
      </c>
      <c r="C15466" t="s">
        <v>30872</v>
      </c>
    </row>
    <row r="15467" spans="1:3" x14ac:dyDescent="0.15">
      <c r="A15467">
        <v>9536</v>
      </c>
      <c r="B15467" t="s">
        <v>30873</v>
      </c>
      <c r="C15467" t="s">
        <v>30874</v>
      </c>
    </row>
    <row r="15468" spans="1:3" x14ac:dyDescent="0.15">
      <c r="A15468">
        <v>9535</v>
      </c>
      <c r="B15468" t="s">
        <v>30875</v>
      </c>
      <c r="C15468" t="s">
        <v>30876</v>
      </c>
    </row>
    <row r="15469" spans="1:3" x14ac:dyDescent="0.15">
      <c r="A15469">
        <v>9534</v>
      </c>
      <c r="B15469" t="s">
        <v>30877</v>
      </c>
      <c r="C15469" t="s">
        <v>30878</v>
      </c>
    </row>
    <row r="15470" spans="1:3" x14ac:dyDescent="0.15">
      <c r="A15470">
        <v>9533</v>
      </c>
      <c r="B15470" t="s">
        <v>30879</v>
      </c>
      <c r="C15470" t="s">
        <v>30880</v>
      </c>
    </row>
    <row r="15471" spans="1:3" x14ac:dyDescent="0.15">
      <c r="A15471">
        <v>9532</v>
      </c>
      <c r="B15471" t="s">
        <v>30881</v>
      </c>
      <c r="C15471" t="s">
        <v>30882</v>
      </c>
    </row>
    <row r="15472" spans="1:3" x14ac:dyDescent="0.15">
      <c r="A15472">
        <v>9531</v>
      </c>
      <c r="B15472" t="s">
        <v>30883</v>
      </c>
      <c r="C15472" t="s">
        <v>30884</v>
      </c>
    </row>
    <row r="15473" spans="1:3" x14ac:dyDescent="0.15">
      <c r="A15473">
        <v>9530</v>
      </c>
      <c r="B15473" t="s">
        <v>30885</v>
      </c>
      <c r="C15473" t="s">
        <v>30886</v>
      </c>
    </row>
    <row r="15474" spans="1:3" x14ac:dyDescent="0.15">
      <c r="A15474">
        <v>9529</v>
      </c>
      <c r="B15474" t="s">
        <v>30887</v>
      </c>
      <c r="C15474" t="s">
        <v>30888</v>
      </c>
    </row>
    <row r="15475" spans="1:3" x14ac:dyDescent="0.15">
      <c r="A15475">
        <v>9528</v>
      </c>
      <c r="B15475" t="s">
        <v>30889</v>
      </c>
      <c r="C15475" t="s">
        <v>30890</v>
      </c>
    </row>
    <row r="15476" spans="1:3" x14ac:dyDescent="0.15">
      <c r="A15476">
        <v>9527</v>
      </c>
      <c r="B15476" t="s">
        <v>30891</v>
      </c>
      <c r="C15476" t="s">
        <v>30892</v>
      </c>
    </row>
    <row r="15477" spans="1:3" x14ac:dyDescent="0.15">
      <c r="A15477">
        <v>9526</v>
      </c>
      <c r="B15477" t="s">
        <v>30893</v>
      </c>
      <c r="C15477" t="s">
        <v>30894</v>
      </c>
    </row>
    <row r="15478" spans="1:3" x14ac:dyDescent="0.15">
      <c r="A15478">
        <v>9525</v>
      </c>
      <c r="B15478" t="s">
        <v>30895</v>
      </c>
      <c r="C15478" t="s">
        <v>30896</v>
      </c>
    </row>
    <row r="15479" spans="1:3" x14ac:dyDescent="0.15">
      <c r="A15479">
        <v>9524</v>
      </c>
      <c r="B15479" t="s">
        <v>30897</v>
      </c>
      <c r="C15479" t="s">
        <v>30898</v>
      </c>
    </row>
    <row r="15480" spans="1:3" x14ac:dyDescent="0.15">
      <c r="A15480">
        <v>9523</v>
      </c>
      <c r="B15480" t="s">
        <v>30899</v>
      </c>
      <c r="C15480" t="s">
        <v>30900</v>
      </c>
    </row>
    <row r="15481" spans="1:3" x14ac:dyDescent="0.15">
      <c r="A15481">
        <v>9522</v>
      </c>
      <c r="B15481" t="s">
        <v>30901</v>
      </c>
      <c r="C15481" t="s">
        <v>30902</v>
      </c>
    </row>
    <row r="15482" spans="1:3" x14ac:dyDescent="0.15">
      <c r="A15482">
        <v>9521</v>
      </c>
      <c r="B15482" t="s">
        <v>30903</v>
      </c>
      <c r="C15482" t="s">
        <v>30904</v>
      </c>
    </row>
    <row r="15483" spans="1:3" x14ac:dyDescent="0.15">
      <c r="A15483">
        <v>9520</v>
      </c>
      <c r="B15483" t="s">
        <v>30905</v>
      </c>
      <c r="C15483" t="s">
        <v>30906</v>
      </c>
    </row>
    <row r="15484" spans="1:3" x14ac:dyDescent="0.15">
      <c r="A15484">
        <v>9519</v>
      </c>
      <c r="B15484" t="s">
        <v>30907</v>
      </c>
      <c r="C15484" t="s">
        <v>30908</v>
      </c>
    </row>
    <row r="15485" spans="1:3" x14ac:dyDescent="0.15">
      <c r="A15485">
        <v>9518</v>
      </c>
      <c r="B15485" t="s">
        <v>30909</v>
      </c>
      <c r="C15485" t="s">
        <v>30910</v>
      </c>
    </row>
    <row r="15486" spans="1:3" x14ac:dyDescent="0.15">
      <c r="A15486">
        <v>9517</v>
      </c>
      <c r="B15486" t="s">
        <v>30911</v>
      </c>
      <c r="C15486" t="s">
        <v>30912</v>
      </c>
    </row>
    <row r="15487" spans="1:3" x14ac:dyDescent="0.15">
      <c r="A15487">
        <v>9516</v>
      </c>
      <c r="B15487" t="s">
        <v>30913</v>
      </c>
      <c r="C15487" t="s">
        <v>30914</v>
      </c>
    </row>
    <row r="15488" spans="1:3" x14ac:dyDescent="0.15">
      <c r="A15488">
        <v>9515</v>
      </c>
      <c r="B15488" t="s">
        <v>30915</v>
      </c>
      <c r="C15488" t="s">
        <v>30916</v>
      </c>
    </row>
    <row r="15489" spans="1:3" x14ac:dyDescent="0.15">
      <c r="A15489">
        <v>9514</v>
      </c>
      <c r="B15489" t="s">
        <v>30917</v>
      </c>
      <c r="C15489" t="s">
        <v>30918</v>
      </c>
    </row>
    <row r="15490" spans="1:3" x14ac:dyDescent="0.15">
      <c r="A15490">
        <v>9513</v>
      </c>
      <c r="B15490" t="s">
        <v>30919</v>
      </c>
      <c r="C15490" t="s">
        <v>30920</v>
      </c>
    </row>
    <row r="15491" spans="1:3" x14ac:dyDescent="0.15">
      <c r="A15491">
        <v>9512</v>
      </c>
      <c r="B15491" t="s">
        <v>30921</v>
      </c>
      <c r="C15491" t="s">
        <v>30922</v>
      </c>
    </row>
    <row r="15492" spans="1:3" x14ac:dyDescent="0.15">
      <c r="A15492">
        <v>9511</v>
      </c>
      <c r="B15492" t="s">
        <v>30923</v>
      </c>
      <c r="C15492" t="s">
        <v>30924</v>
      </c>
    </row>
    <row r="15493" spans="1:3" x14ac:dyDescent="0.15">
      <c r="A15493">
        <v>9510</v>
      </c>
      <c r="B15493" t="s">
        <v>30925</v>
      </c>
      <c r="C15493" t="s">
        <v>30926</v>
      </c>
    </row>
    <row r="15494" spans="1:3" x14ac:dyDescent="0.15">
      <c r="A15494">
        <v>9509</v>
      </c>
      <c r="B15494" t="s">
        <v>30927</v>
      </c>
      <c r="C15494" t="s">
        <v>30928</v>
      </c>
    </row>
    <row r="15495" spans="1:3" x14ac:dyDescent="0.15">
      <c r="A15495">
        <v>9508</v>
      </c>
      <c r="B15495" t="s">
        <v>30929</v>
      </c>
      <c r="C15495" t="s">
        <v>30930</v>
      </c>
    </row>
    <row r="15496" spans="1:3" x14ac:dyDescent="0.15">
      <c r="A15496">
        <v>9507</v>
      </c>
      <c r="B15496" t="s">
        <v>30931</v>
      </c>
      <c r="C15496" t="s">
        <v>30932</v>
      </c>
    </row>
    <row r="15497" spans="1:3" x14ac:dyDescent="0.15">
      <c r="A15497">
        <v>9506</v>
      </c>
      <c r="B15497" t="s">
        <v>30933</v>
      </c>
      <c r="C15497" t="s">
        <v>30934</v>
      </c>
    </row>
    <row r="15498" spans="1:3" x14ac:dyDescent="0.15">
      <c r="A15498">
        <v>9505</v>
      </c>
      <c r="B15498" t="s">
        <v>30935</v>
      </c>
      <c r="C15498" t="s">
        <v>30936</v>
      </c>
    </row>
    <row r="15499" spans="1:3" x14ac:dyDescent="0.15">
      <c r="A15499">
        <v>9504</v>
      </c>
      <c r="B15499" t="s">
        <v>30937</v>
      </c>
      <c r="C15499" t="s">
        <v>30938</v>
      </c>
    </row>
    <row r="15500" spans="1:3" x14ac:dyDescent="0.15">
      <c r="A15500">
        <v>9503</v>
      </c>
      <c r="B15500" t="s">
        <v>30939</v>
      </c>
      <c r="C15500" t="s">
        <v>30940</v>
      </c>
    </row>
    <row r="15501" spans="1:3" x14ac:dyDescent="0.15">
      <c r="A15501">
        <v>9502</v>
      </c>
      <c r="B15501" t="s">
        <v>30941</v>
      </c>
      <c r="C15501" t="s">
        <v>30942</v>
      </c>
    </row>
    <row r="15502" spans="1:3" x14ac:dyDescent="0.15">
      <c r="A15502">
        <v>9501</v>
      </c>
      <c r="B15502" t="s">
        <v>30943</v>
      </c>
      <c r="C15502" t="s">
        <v>30944</v>
      </c>
    </row>
    <row r="15503" spans="1:3" x14ac:dyDescent="0.15">
      <c r="A15503">
        <v>9500</v>
      </c>
      <c r="B15503" t="s">
        <v>30945</v>
      </c>
      <c r="C15503" t="s">
        <v>30946</v>
      </c>
    </row>
    <row r="15504" spans="1:3" x14ac:dyDescent="0.15">
      <c r="A15504">
        <v>9499</v>
      </c>
      <c r="B15504" t="s">
        <v>30947</v>
      </c>
      <c r="C15504" t="s">
        <v>30948</v>
      </c>
    </row>
    <row r="15505" spans="1:3" x14ac:dyDescent="0.15">
      <c r="A15505">
        <v>9498</v>
      </c>
      <c r="B15505" t="s">
        <v>30949</v>
      </c>
      <c r="C15505" t="s">
        <v>30950</v>
      </c>
    </row>
    <row r="15506" spans="1:3" x14ac:dyDescent="0.15">
      <c r="A15506">
        <v>9497</v>
      </c>
      <c r="B15506" t="s">
        <v>30951</v>
      </c>
      <c r="C15506" t="s">
        <v>30952</v>
      </c>
    </row>
    <row r="15507" spans="1:3" x14ac:dyDescent="0.15">
      <c r="A15507">
        <v>9496</v>
      </c>
      <c r="B15507" t="s">
        <v>30953</v>
      </c>
      <c r="C15507" t="s">
        <v>30954</v>
      </c>
    </row>
    <row r="15508" spans="1:3" x14ac:dyDescent="0.15">
      <c r="A15508">
        <v>9495</v>
      </c>
      <c r="B15508" t="s">
        <v>30955</v>
      </c>
      <c r="C15508" t="s">
        <v>30956</v>
      </c>
    </row>
    <row r="15509" spans="1:3" x14ac:dyDescent="0.15">
      <c r="A15509">
        <v>9494</v>
      </c>
      <c r="B15509" t="s">
        <v>30957</v>
      </c>
      <c r="C15509" t="s">
        <v>30958</v>
      </c>
    </row>
    <row r="15510" spans="1:3" x14ac:dyDescent="0.15">
      <c r="A15510">
        <v>9493</v>
      </c>
      <c r="B15510" t="s">
        <v>30959</v>
      </c>
      <c r="C15510" t="s">
        <v>30960</v>
      </c>
    </row>
    <row r="15511" spans="1:3" x14ac:dyDescent="0.15">
      <c r="A15511">
        <v>9492</v>
      </c>
      <c r="B15511" t="s">
        <v>30961</v>
      </c>
      <c r="C15511" t="s">
        <v>30962</v>
      </c>
    </row>
    <row r="15512" spans="1:3" x14ac:dyDescent="0.15">
      <c r="A15512">
        <v>9491</v>
      </c>
      <c r="B15512" t="s">
        <v>30963</v>
      </c>
      <c r="C15512" t="s">
        <v>30964</v>
      </c>
    </row>
    <row r="15513" spans="1:3" x14ac:dyDescent="0.15">
      <c r="A15513">
        <v>9490</v>
      </c>
      <c r="B15513" t="s">
        <v>30965</v>
      </c>
      <c r="C15513" t="s">
        <v>30966</v>
      </c>
    </row>
    <row r="15514" spans="1:3" x14ac:dyDescent="0.15">
      <c r="A15514">
        <v>9489</v>
      </c>
      <c r="B15514" t="s">
        <v>30967</v>
      </c>
      <c r="C15514" t="s">
        <v>30968</v>
      </c>
    </row>
    <row r="15515" spans="1:3" x14ac:dyDescent="0.15">
      <c r="A15515">
        <v>9488</v>
      </c>
      <c r="B15515" t="s">
        <v>30969</v>
      </c>
      <c r="C15515" t="s">
        <v>30970</v>
      </c>
    </row>
    <row r="15516" spans="1:3" x14ac:dyDescent="0.15">
      <c r="A15516">
        <v>9487</v>
      </c>
      <c r="B15516" t="s">
        <v>30971</v>
      </c>
      <c r="C15516" t="s">
        <v>30972</v>
      </c>
    </row>
    <row r="15517" spans="1:3" x14ac:dyDescent="0.15">
      <c r="A15517">
        <v>9486</v>
      </c>
      <c r="B15517" t="s">
        <v>30973</v>
      </c>
      <c r="C15517" t="s">
        <v>30974</v>
      </c>
    </row>
    <row r="15518" spans="1:3" x14ac:dyDescent="0.15">
      <c r="A15518">
        <v>9485</v>
      </c>
      <c r="B15518" t="s">
        <v>30975</v>
      </c>
      <c r="C15518" t="s">
        <v>30976</v>
      </c>
    </row>
    <row r="15519" spans="1:3" x14ac:dyDescent="0.15">
      <c r="A15519">
        <v>9484</v>
      </c>
      <c r="B15519" t="s">
        <v>30977</v>
      </c>
      <c r="C15519" t="s">
        <v>30978</v>
      </c>
    </row>
    <row r="15520" spans="1:3" x14ac:dyDescent="0.15">
      <c r="A15520">
        <v>9483</v>
      </c>
      <c r="B15520" t="s">
        <v>30979</v>
      </c>
      <c r="C15520" t="s">
        <v>30980</v>
      </c>
    </row>
    <row r="15521" spans="1:3" x14ac:dyDescent="0.15">
      <c r="A15521">
        <v>9482</v>
      </c>
      <c r="B15521" t="s">
        <v>30981</v>
      </c>
      <c r="C15521" t="s">
        <v>30982</v>
      </c>
    </row>
    <row r="15522" spans="1:3" x14ac:dyDescent="0.15">
      <c r="A15522">
        <v>9481</v>
      </c>
      <c r="B15522" t="s">
        <v>30983</v>
      </c>
      <c r="C15522" t="s">
        <v>30984</v>
      </c>
    </row>
    <row r="15523" spans="1:3" x14ac:dyDescent="0.15">
      <c r="A15523">
        <v>9480</v>
      </c>
      <c r="B15523" t="s">
        <v>30985</v>
      </c>
      <c r="C15523" t="s">
        <v>30986</v>
      </c>
    </row>
    <row r="15524" spans="1:3" x14ac:dyDescent="0.15">
      <c r="A15524">
        <v>9479</v>
      </c>
      <c r="B15524" t="s">
        <v>30987</v>
      </c>
      <c r="C15524" t="s">
        <v>30988</v>
      </c>
    </row>
    <row r="15525" spans="1:3" x14ac:dyDescent="0.15">
      <c r="A15525">
        <v>9478</v>
      </c>
      <c r="B15525" t="s">
        <v>30989</v>
      </c>
      <c r="C15525" t="s">
        <v>30990</v>
      </c>
    </row>
    <row r="15526" spans="1:3" x14ac:dyDescent="0.15">
      <c r="A15526">
        <v>9477</v>
      </c>
      <c r="B15526" t="s">
        <v>30991</v>
      </c>
      <c r="C15526" t="s">
        <v>30992</v>
      </c>
    </row>
    <row r="15527" spans="1:3" x14ac:dyDescent="0.15">
      <c r="A15527">
        <v>9476</v>
      </c>
      <c r="B15527" t="s">
        <v>30993</v>
      </c>
      <c r="C15527" t="s">
        <v>30994</v>
      </c>
    </row>
    <row r="15528" spans="1:3" x14ac:dyDescent="0.15">
      <c r="A15528">
        <v>9475</v>
      </c>
      <c r="B15528" t="s">
        <v>30995</v>
      </c>
      <c r="C15528" t="s">
        <v>30996</v>
      </c>
    </row>
    <row r="15529" spans="1:3" x14ac:dyDescent="0.15">
      <c r="A15529">
        <v>9474</v>
      </c>
      <c r="B15529" t="s">
        <v>30997</v>
      </c>
      <c r="C15529" t="s">
        <v>30998</v>
      </c>
    </row>
    <row r="15530" spans="1:3" x14ac:dyDescent="0.15">
      <c r="A15530">
        <v>9473</v>
      </c>
      <c r="B15530" t="s">
        <v>30999</v>
      </c>
      <c r="C15530" t="s">
        <v>31000</v>
      </c>
    </row>
    <row r="15531" spans="1:3" x14ac:dyDescent="0.15">
      <c r="A15531">
        <v>9472</v>
      </c>
      <c r="B15531" t="s">
        <v>31001</v>
      </c>
      <c r="C15531" t="s">
        <v>31002</v>
      </c>
    </row>
    <row r="15532" spans="1:3" x14ac:dyDescent="0.15">
      <c r="A15532">
        <v>9471</v>
      </c>
      <c r="B15532" t="s">
        <v>31003</v>
      </c>
      <c r="C15532" t="s">
        <v>31004</v>
      </c>
    </row>
    <row r="15533" spans="1:3" x14ac:dyDescent="0.15">
      <c r="A15533">
        <v>9470</v>
      </c>
      <c r="B15533" t="s">
        <v>31005</v>
      </c>
      <c r="C15533" t="s">
        <v>31006</v>
      </c>
    </row>
    <row r="15534" spans="1:3" x14ac:dyDescent="0.15">
      <c r="A15534">
        <v>9469</v>
      </c>
      <c r="B15534" t="s">
        <v>31007</v>
      </c>
      <c r="C15534" t="s">
        <v>31008</v>
      </c>
    </row>
    <row r="15535" spans="1:3" x14ac:dyDescent="0.15">
      <c r="A15535">
        <v>9468</v>
      </c>
      <c r="B15535" t="s">
        <v>31009</v>
      </c>
      <c r="C15535" t="s">
        <v>31010</v>
      </c>
    </row>
    <row r="15536" spans="1:3" x14ac:dyDescent="0.15">
      <c r="A15536">
        <v>9467</v>
      </c>
      <c r="B15536" t="s">
        <v>31011</v>
      </c>
      <c r="C15536" t="s">
        <v>31012</v>
      </c>
    </row>
    <row r="15537" spans="1:3" x14ac:dyDescent="0.15">
      <c r="A15537">
        <v>9466</v>
      </c>
      <c r="B15537" t="s">
        <v>31013</v>
      </c>
      <c r="C15537" t="s">
        <v>31014</v>
      </c>
    </row>
    <row r="15538" spans="1:3" x14ac:dyDescent="0.15">
      <c r="A15538">
        <v>9465</v>
      </c>
      <c r="B15538" t="s">
        <v>31015</v>
      </c>
      <c r="C15538" t="s">
        <v>31016</v>
      </c>
    </row>
    <row r="15539" spans="1:3" x14ac:dyDescent="0.15">
      <c r="A15539">
        <v>9464</v>
      </c>
      <c r="B15539" t="s">
        <v>31017</v>
      </c>
      <c r="C15539" t="s">
        <v>24790</v>
      </c>
    </row>
    <row r="15540" spans="1:3" x14ac:dyDescent="0.15">
      <c r="A15540">
        <v>9463</v>
      </c>
      <c r="B15540" t="s">
        <v>31018</v>
      </c>
      <c r="C15540" t="s">
        <v>31019</v>
      </c>
    </row>
    <row r="15541" spans="1:3" x14ac:dyDescent="0.15">
      <c r="A15541">
        <v>9462</v>
      </c>
      <c r="B15541" t="s">
        <v>31020</v>
      </c>
      <c r="C15541" t="s">
        <v>31021</v>
      </c>
    </row>
    <row r="15542" spans="1:3" x14ac:dyDescent="0.15">
      <c r="A15542">
        <v>9461</v>
      </c>
      <c r="B15542" t="s">
        <v>31022</v>
      </c>
      <c r="C15542" t="s">
        <v>31023</v>
      </c>
    </row>
    <row r="15543" spans="1:3" x14ac:dyDescent="0.15">
      <c r="A15543">
        <v>9460</v>
      </c>
      <c r="B15543" t="s">
        <v>31024</v>
      </c>
      <c r="C15543" t="s">
        <v>31025</v>
      </c>
    </row>
    <row r="15544" spans="1:3" x14ac:dyDescent="0.15">
      <c r="A15544">
        <v>9459</v>
      </c>
      <c r="B15544" t="s">
        <v>31026</v>
      </c>
      <c r="C15544" t="s">
        <v>31027</v>
      </c>
    </row>
    <row r="15545" spans="1:3" x14ac:dyDescent="0.15">
      <c r="A15545">
        <v>9458</v>
      </c>
      <c r="B15545" t="s">
        <v>31028</v>
      </c>
      <c r="C15545" t="s">
        <v>31029</v>
      </c>
    </row>
    <row r="15546" spans="1:3" x14ac:dyDescent="0.15">
      <c r="A15546">
        <v>9457</v>
      </c>
      <c r="B15546" t="s">
        <v>31030</v>
      </c>
      <c r="C15546" t="s">
        <v>31031</v>
      </c>
    </row>
    <row r="15547" spans="1:3" x14ac:dyDescent="0.15">
      <c r="A15547">
        <v>9456</v>
      </c>
      <c r="B15547" t="s">
        <v>31032</v>
      </c>
      <c r="C15547" t="s">
        <v>31033</v>
      </c>
    </row>
    <row r="15548" spans="1:3" x14ac:dyDescent="0.15">
      <c r="A15548">
        <v>9455</v>
      </c>
      <c r="B15548" t="s">
        <v>31034</v>
      </c>
      <c r="C15548" t="s">
        <v>31035</v>
      </c>
    </row>
    <row r="15549" spans="1:3" x14ac:dyDescent="0.15">
      <c r="A15549">
        <v>9454</v>
      </c>
      <c r="B15549" t="s">
        <v>31036</v>
      </c>
      <c r="C15549" t="s">
        <v>31037</v>
      </c>
    </row>
    <row r="15550" spans="1:3" x14ac:dyDescent="0.15">
      <c r="A15550">
        <v>9453</v>
      </c>
      <c r="B15550" t="s">
        <v>31038</v>
      </c>
      <c r="C15550" t="s">
        <v>31039</v>
      </c>
    </row>
    <row r="15551" spans="1:3" x14ac:dyDescent="0.15">
      <c r="A15551">
        <v>9452</v>
      </c>
      <c r="B15551" t="s">
        <v>31040</v>
      </c>
      <c r="C15551" t="s">
        <v>31041</v>
      </c>
    </row>
    <row r="15552" spans="1:3" x14ac:dyDescent="0.15">
      <c r="A15552">
        <v>9451</v>
      </c>
      <c r="B15552" t="s">
        <v>31042</v>
      </c>
      <c r="C15552" t="s">
        <v>31043</v>
      </c>
    </row>
    <row r="15553" spans="1:3" x14ac:dyDescent="0.15">
      <c r="A15553">
        <v>9450</v>
      </c>
      <c r="B15553" t="s">
        <v>31044</v>
      </c>
      <c r="C15553" t="s">
        <v>31045</v>
      </c>
    </row>
    <row r="15554" spans="1:3" x14ac:dyDescent="0.15">
      <c r="A15554">
        <v>9449</v>
      </c>
      <c r="B15554" t="s">
        <v>31046</v>
      </c>
      <c r="C15554" t="s">
        <v>31047</v>
      </c>
    </row>
    <row r="15555" spans="1:3" x14ac:dyDescent="0.15">
      <c r="A15555">
        <v>9448</v>
      </c>
      <c r="B15555" t="s">
        <v>31048</v>
      </c>
      <c r="C15555" t="s">
        <v>31049</v>
      </c>
    </row>
    <row r="15556" spans="1:3" x14ac:dyDescent="0.15">
      <c r="A15556">
        <v>9447</v>
      </c>
      <c r="B15556" t="s">
        <v>31050</v>
      </c>
      <c r="C15556" t="s">
        <v>31051</v>
      </c>
    </row>
    <row r="15557" spans="1:3" x14ac:dyDescent="0.15">
      <c r="A15557">
        <v>9446</v>
      </c>
      <c r="B15557" t="s">
        <v>31052</v>
      </c>
      <c r="C15557" t="s">
        <v>31053</v>
      </c>
    </row>
    <row r="15558" spans="1:3" x14ac:dyDescent="0.15">
      <c r="A15558">
        <v>9445</v>
      </c>
      <c r="B15558" t="s">
        <v>31054</v>
      </c>
      <c r="C15558" t="s">
        <v>31055</v>
      </c>
    </row>
    <row r="15559" spans="1:3" x14ac:dyDescent="0.15">
      <c r="A15559">
        <v>9444</v>
      </c>
      <c r="B15559" t="s">
        <v>31056</v>
      </c>
      <c r="C15559" t="s">
        <v>31057</v>
      </c>
    </row>
    <row r="15560" spans="1:3" x14ac:dyDescent="0.15">
      <c r="A15560">
        <v>9443</v>
      </c>
      <c r="B15560" t="s">
        <v>31058</v>
      </c>
      <c r="C15560" t="s">
        <v>31059</v>
      </c>
    </row>
    <row r="15561" spans="1:3" x14ac:dyDescent="0.15">
      <c r="A15561">
        <v>9442</v>
      </c>
      <c r="B15561" t="s">
        <v>31060</v>
      </c>
      <c r="C15561" t="s">
        <v>31061</v>
      </c>
    </row>
    <row r="15562" spans="1:3" x14ac:dyDescent="0.15">
      <c r="A15562">
        <v>9441</v>
      </c>
      <c r="B15562" t="s">
        <v>31062</v>
      </c>
      <c r="C15562" t="s">
        <v>31063</v>
      </c>
    </row>
    <row r="15563" spans="1:3" x14ac:dyDescent="0.15">
      <c r="A15563">
        <v>9440</v>
      </c>
      <c r="B15563" t="s">
        <v>31064</v>
      </c>
      <c r="C15563" t="s">
        <v>31065</v>
      </c>
    </row>
    <row r="15564" spans="1:3" x14ac:dyDescent="0.15">
      <c r="A15564">
        <v>9439</v>
      </c>
      <c r="B15564" t="s">
        <v>31066</v>
      </c>
      <c r="C15564" t="s">
        <v>31067</v>
      </c>
    </row>
    <row r="15565" spans="1:3" x14ac:dyDescent="0.15">
      <c r="A15565">
        <v>9438</v>
      </c>
      <c r="B15565" t="s">
        <v>31068</v>
      </c>
      <c r="C15565" t="s">
        <v>31069</v>
      </c>
    </row>
    <row r="15566" spans="1:3" x14ac:dyDescent="0.15">
      <c r="A15566">
        <v>9437</v>
      </c>
      <c r="B15566" t="s">
        <v>31070</v>
      </c>
      <c r="C15566" t="s">
        <v>31071</v>
      </c>
    </row>
    <row r="15567" spans="1:3" x14ac:dyDescent="0.15">
      <c r="A15567">
        <v>9436</v>
      </c>
      <c r="B15567" t="s">
        <v>31072</v>
      </c>
      <c r="C15567" t="s">
        <v>31073</v>
      </c>
    </row>
    <row r="15568" spans="1:3" x14ac:dyDescent="0.15">
      <c r="A15568">
        <v>9435</v>
      </c>
      <c r="B15568" t="s">
        <v>31074</v>
      </c>
      <c r="C15568" t="s">
        <v>31075</v>
      </c>
    </row>
    <row r="15569" spans="1:3" x14ac:dyDescent="0.15">
      <c r="A15569">
        <v>9434</v>
      </c>
      <c r="B15569" t="s">
        <v>31076</v>
      </c>
      <c r="C15569" t="s">
        <v>31077</v>
      </c>
    </row>
    <row r="15570" spans="1:3" x14ac:dyDescent="0.15">
      <c r="A15570">
        <v>9433</v>
      </c>
      <c r="B15570" t="s">
        <v>31078</v>
      </c>
      <c r="C15570" t="s">
        <v>31079</v>
      </c>
    </row>
    <row r="15571" spans="1:3" x14ac:dyDescent="0.15">
      <c r="A15571">
        <v>9432</v>
      </c>
      <c r="B15571" t="s">
        <v>31080</v>
      </c>
      <c r="C15571" t="s">
        <v>31081</v>
      </c>
    </row>
    <row r="15572" spans="1:3" x14ac:dyDescent="0.15">
      <c r="A15572">
        <v>9431</v>
      </c>
      <c r="B15572" t="s">
        <v>31082</v>
      </c>
      <c r="C15572" t="s">
        <v>31083</v>
      </c>
    </row>
    <row r="15573" spans="1:3" x14ac:dyDescent="0.15">
      <c r="A15573">
        <v>9430</v>
      </c>
      <c r="B15573" t="s">
        <v>31084</v>
      </c>
      <c r="C15573" t="s">
        <v>31085</v>
      </c>
    </row>
    <row r="15574" spans="1:3" x14ac:dyDescent="0.15">
      <c r="A15574">
        <v>9429</v>
      </c>
      <c r="B15574" t="s">
        <v>31086</v>
      </c>
      <c r="C15574" t="s">
        <v>31087</v>
      </c>
    </row>
    <row r="15575" spans="1:3" x14ac:dyDescent="0.15">
      <c r="A15575">
        <v>9428</v>
      </c>
      <c r="B15575" t="s">
        <v>31088</v>
      </c>
      <c r="C15575" t="s">
        <v>31089</v>
      </c>
    </row>
    <row r="15576" spans="1:3" x14ac:dyDescent="0.15">
      <c r="A15576">
        <v>9427</v>
      </c>
      <c r="B15576" t="s">
        <v>31090</v>
      </c>
      <c r="C15576" t="s">
        <v>31091</v>
      </c>
    </row>
    <row r="15577" spans="1:3" x14ac:dyDescent="0.15">
      <c r="A15577">
        <v>9426</v>
      </c>
      <c r="B15577" t="s">
        <v>31092</v>
      </c>
      <c r="C15577" t="s">
        <v>31093</v>
      </c>
    </row>
    <row r="15578" spans="1:3" x14ac:dyDescent="0.15">
      <c r="A15578">
        <v>9425</v>
      </c>
      <c r="B15578" t="s">
        <v>31094</v>
      </c>
      <c r="C15578" t="s">
        <v>31095</v>
      </c>
    </row>
    <row r="15579" spans="1:3" x14ac:dyDescent="0.15">
      <c r="A15579">
        <v>9424</v>
      </c>
      <c r="B15579" t="s">
        <v>31096</v>
      </c>
      <c r="C15579" t="s">
        <v>31097</v>
      </c>
    </row>
    <row r="15580" spans="1:3" x14ac:dyDescent="0.15">
      <c r="A15580">
        <v>9423</v>
      </c>
      <c r="B15580" t="s">
        <v>31098</v>
      </c>
      <c r="C15580" t="s">
        <v>31099</v>
      </c>
    </row>
    <row r="15581" spans="1:3" x14ac:dyDescent="0.15">
      <c r="A15581">
        <v>9422</v>
      </c>
      <c r="B15581" t="s">
        <v>31100</v>
      </c>
      <c r="C15581" t="s">
        <v>31101</v>
      </c>
    </row>
    <row r="15582" spans="1:3" x14ac:dyDescent="0.15">
      <c r="A15582">
        <v>9421</v>
      </c>
      <c r="B15582" t="s">
        <v>31102</v>
      </c>
      <c r="C15582" t="s">
        <v>31103</v>
      </c>
    </row>
    <row r="15583" spans="1:3" x14ac:dyDescent="0.15">
      <c r="A15583">
        <v>9420</v>
      </c>
      <c r="B15583" t="s">
        <v>31104</v>
      </c>
      <c r="C15583" t="s">
        <v>31105</v>
      </c>
    </row>
    <row r="15584" spans="1:3" x14ac:dyDescent="0.15">
      <c r="A15584">
        <v>9419</v>
      </c>
      <c r="B15584" t="s">
        <v>31106</v>
      </c>
      <c r="C15584" t="s">
        <v>31107</v>
      </c>
    </row>
    <row r="15585" spans="1:3" x14ac:dyDescent="0.15">
      <c r="A15585">
        <v>9418</v>
      </c>
      <c r="B15585" t="s">
        <v>31108</v>
      </c>
      <c r="C15585" t="s">
        <v>31109</v>
      </c>
    </row>
    <row r="15586" spans="1:3" x14ac:dyDescent="0.15">
      <c r="A15586">
        <v>9417</v>
      </c>
      <c r="B15586" t="s">
        <v>31110</v>
      </c>
      <c r="C15586" t="s">
        <v>31111</v>
      </c>
    </row>
    <row r="15587" spans="1:3" x14ac:dyDescent="0.15">
      <c r="A15587">
        <v>9416</v>
      </c>
      <c r="B15587" t="s">
        <v>31112</v>
      </c>
      <c r="C15587" t="s">
        <v>31113</v>
      </c>
    </row>
    <row r="15588" spans="1:3" x14ac:dyDescent="0.15">
      <c r="A15588">
        <v>9415</v>
      </c>
      <c r="B15588" t="s">
        <v>31114</v>
      </c>
      <c r="C15588" t="s">
        <v>31115</v>
      </c>
    </row>
    <row r="15589" spans="1:3" x14ac:dyDescent="0.15">
      <c r="A15589">
        <v>9414</v>
      </c>
      <c r="B15589" t="s">
        <v>31116</v>
      </c>
      <c r="C15589" t="s">
        <v>31117</v>
      </c>
    </row>
    <row r="15590" spans="1:3" x14ac:dyDescent="0.15">
      <c r="A15590">
        <v>9413</v>
      </c>
      <c r="B15590" t="s">
        <v>31118</v>
      </c>
      <c r="C15590" t="s">
        <v>31119</v>
      </c>
    </row>
    <row r="15591" spans="1:3" x14ac:dyDescent="0.15">
      <c r="A15591">
        <v>9412</v>
      </c>
      <c r="B15591" t="s">
        <v>31120</v>
      </c>
      <c r="C15591" t="s">
        <v>31121</v>
      </c>
    </row>
    <row r="15592" spans="1:3" x14ac:dyDescent="0.15">
      <c r="A15592">
        <v>9411</v>
      </c>
      <c r="B15592" t="s">
        <v>31122</v>
      </c>
      <c r="C15592" t="s">
        <v>31123</v>
      </c>
    </row>
    <row r="15593" spans="1:3" x14ac:dyDescent="0.15">
      <c r="A15593">
        <v>9410</v>
      </c>
      <c r="B15593" t="s">
        <v>31124</v>
      </c>
      <c r="C15593" t="s">
        <v>31125</v>
      </c>
    </row>
    <row r="15594" spans="1:3" x14ac:dyDescent="0.15">
      <c r="A15594">
        <v>9409</v>
      </c>
      <c r="B15594" t="s">
        <v>31126</v>
      </c>
      <c r="C15594" t="s">
        <v>31127</v>
      </c>
    </row>
    <row r="15595" spans="1:3" x14ac:dyDescent="0.15">
      <c r="A15595">
        <v>9408</v>
      </c>
      <c r="B15595" t="s">
        <v>31128</v>
      </c>
      <c r="C15595" t="s">
        <v>31129</v>
      </c>
    </row>
    <row r="15596" spans="1:3" x14ac:dyDescent="0.15">
      <c r="A15596">
        <v>9407</v>
      </c>
      <c r="B15596" t="s">
        <v>31130</v>
      </c>
      <c r="C15596" t="s">
        <v>31131</v>
      </c>
    </row>
    <row r="15597" spans="1:3" x14ac:dyDescent="0.15">
      <c r="A15597">
        <v>9406</v>
      </c>
      <c r="B15597" t="s">
        <v>31132</v>
      </c>
      <c r="C15597" t="s">
        <v>31133</v>
      </c>
    </row>
    <row r="15598" spans="1:3" x14ac:dyDescent="0.15">
      <c r="A15598">
        <v>9405</v>
      </c>
      <c r="B15598" t="s">
        <v>31134</v>
      </c>
      <c r="C15598" t="s">
        <v>31135</v>
      </c>
    </row>
    <row r="15599" spans="1:3" x14ac:dyDescent="0.15">
      <c r="A15599">
        <v>9404</v>
      </c>
      <c r="B15599" t="s">
        <v>31136</v>
      </c>
      <c r="C15599" t="s">
        <v>31137</v>
      </c>
    </row>
    <row r="15600" spans="1:3" x14ac:dyDescent="0.15">
      <c r="A15600">
        <v>9403</v>
      </c>
      <c r="B15600" t="s">
        <v>31138</v>
      </c>
      <c r="C15600" t="s">
        <v>31139</v>
      </c>
    </row>
    <row r="15601" spans="1:3" x14ac:dyDescent="0.15">
      <c r="A15601">
        <v>9402</v>
      </c>
      <c r="B15601" t="s">
        <v>31140</v>
      </c>
      <c r="C15601" t="s">
        <v>31141</v>
      </c>
    </row>
    <row r="15602" spans="1:3" x14ac:dyDescent="0.15">
      <c r="A15602">
        <v>9401</v>
      </c>
      <c r="B15602" t="s">
        <v>31142</v>
      </c>
      <c r="C15602" t="s">
        <v>31143</v>
      </c>
    </row>
    <row r="15603" spans="1:3" x14ac:dyDescent="0.15">
      <c r="A15603">
        <v>9400</v>
      </c>
      <c r="B15603" t="s">
        <v>31144</v>
      </c>
      <c r="C15603" t="s">
        <v>31145</v>
      </c>
    </row>
    <row r="15604" spans="1:3" x14ac:dyDescent="0.15">
      <c r="A15604">
        <v>9399</v>
      </c>
      <c r="B15604" t="s">
        <v>31146</v>
      </c>
      <c r="C15604" t="s">
        <v>31147</v>
      </c>
    </row>
    <row r="15605" spans="1:3" x14ac:dyDescent="0.15">
      <c r="A15605">
        <v>9398</v>
      </c>
      <c r="B15605" t="s">
        <v>31148</v>
      </c>
      <c r="C15605" t="s">
        <v>31149</v>
      </c>
    </row>
    <row r="15606" spans="1:3" x14ac:dyDescent="0.15">
      <c r="A15606">
        <v>9397</v>
      </c>
      <c r="B15606" t="s">
        <v>31150</v>
      </c>
      <c r="C15606" t="s">
        <v>31151</v>
      </c>
    </row>
    <row r="15607" spans="1:3" x14ac:dyDescent="0.15">
      <c r="A15607">
        <v>9396</v>
      </c>
      <c r="B15607" t="s">
        <v>31152</v>
      </c>
      <c r="C15607" t="s">
        <v>31153</v>
      </c>
    </row>
    <row r="15608" spans="1:3" x14ac:dyDescent="0.15">
      <c r="A15608">
        <v>9395</v>
      </c>
      <c r="B15608" t="s">
        <v>31154</v>
      </c>
      <c r="C15608" t="s">
        <v>31155</v>
      </c>
    </row>
    <row r="15609" spans="1:3" x14ac:dyDescent="0.15">
      <c r="A15609">
        <v>9394</v>
      </c>
      <c r="B15609" t="s">
        <v>31156</v>
      </c>
      <c r="C15609" t="s">
        <v>31157</v>
      </c>
    </row>
    <row r="15610" spans="1:3" x14ac:dyDescent="0.15">
      <c r="A15610">
        <v>9393</v>
      </c>
      <c r="B15610" t="s">
        <v>31158</v>
      </c>
      <c r="C15610" t="s">
        <v>31159</v>
      </c>
    </row>
    <row r="15611" spans="1:3" x14ac:dyDescent="0.15">
      <c r="A15611">
        <v>9392</v>
      </c>
      <c r="B15611" t="s">
        <v>31160</v>
      </c>
      <c r="C15611" t="s">
        <v>31161</v>
      </c>
    </row>
    <row r="15612" spans="1:3" x14ac:dyDescent="0.15">
      <c r="A15612">
        <v>9391</v>
      </c>
      <c r="B15612" t="s">
        <v>31162</v>
      </c>
      <c r="C15612" t="s">
        <v>31163</v>
      </c>
    </row>
    <row r="15613" spans="1:3" x14ac:dyDescent="0.15">
      <c r="A15613">
        <v>9390</v>
      </c>
      <c r="B15613" t="s">
        <v>31164</v>
      </c>
      <c r="C15613" t="s">
        <v>31165</v>
      </c>
    </row>
    <row r="15614" spans="1:3" x14ac:dyDescent="0.15">
      <c r="A15614">
        <v>9389</v>
      </c>
      <c r="B15614" t="s">
        <v>31166</v>
      </c>
      <c r="C15614" t="s">
        <v>31167</v>
      </c>
    </row>
    <row r="15615" spans="1:3" x14ac:dyDescent="0.15">
      <c r="A15615">
        <v>9388</v>
      </c>
      <c r="B15615" t="s">
        <v>31168</v>
      </c>
      <c r="C15615" t="s">
        <v>491</v>
      </c>
    </row>
    <row r="15616" spans="1:3" x14ac:dyDescent="0.15">
      <c r="A15616">
        <v>9387</v>
      </c>
      <c r="B15616" t="s">
        <v>31169</v>
      </c>
      <c r="C15616" t="s">
        <v>31170</v>
      </c>
    </row>
    <row r="15617" spans="1:3" x14ac:dyDescent="0.15">
      <c r="A15617">
        <v>9386</v>
      </c>
      <c r="B15617" t="s">
        <v>31171</v>
      </c>
      <c r="C15617" t="s">
        <v>31172</v>
      </c>
    </row>
    <row r="15618" spans="1:3" x14ac:dyDescent="0.15">
      <c r="A15618">
        <v>9385</v>
      </c>
      <c r="B15618" t="s">
        <v>31173</v>
      </c>
      <c r="C15618" t="s">
        <v>31174</v>
      </c>
    </row>
    <row r="15619" spans="1:3" x14ac:dyDescent="0.15">
      <c r="A15619">
        <v>9384</v>
      </c>
      <c r="B15619" t="s">
        <v>31175</v>
      </c>
      <c r="C15619" t="s">
        <v>31176</v>
      </c>
    </row>
    <row r="15620" spans="1:3" x14ac:dyDescent="0.15">
      <c r="A15620">
        <v>9383</v>
      </c>
      <c r="B15620" t="s">
        <v>31177</v>
      </c>
      <c r="C15620" t="s">
        <v>31178</v>
      </c>
    </row>
    <row r="15621" spans="1:3" x14ac:dyDescent="0.15">
      <c r="A15621">
        <v>9382</v>
      </c>
      <c r="B15621" t="s">
        <v>31179</v>
      </c>
      <c r="C15621" t="s">
        <v>31180</v>
      </c>
    </row>
    <row r="15622" spans="1:3" x14ac:dyDescent="0.15">
      <c r="A15622">
        <v>9381</v>
      </c>
      <c r="B15622" t="s">
        <v>31181</v>
      </c>
      <c r="C15622" t="s">
        <v>31182</v>
      </c>
    </row>
    <row r="15623" spans="1:3" x14ac:dyDescent="0.15">
      <c r="A15623">
        <v>9380</v>
      </c>
      <c r="B15623" t="s">
        <v>31183</v>
      </c>
      <c r="C15623" t="s">
        <v>31184</v>
      </c>
    </row>
    <row r="15624" spans="1:3" x14ac:dyDescent="0.15">
      <c r="A15624">
        <v>9379</v>
      </c>
      <c r="B15624" t="s">
        <v>31185</v>
      </c>
      <c r="C15624" t="s">
        <v>31186</v>
      </c>
    </row>
    <row r="15625" spans="1:3" x14ac:dyDescent="0.15">
      <c r="A15625">
        <v>9378</v>
      </c>
      <c r="B15625" t="s">
        <v>31187</v>
      </c>
      <c r="C15625" t="s">
        <v>31188</v>
      </c>
    </row>
    <row r="15626" spans="1:3" x14ac:dyDescent="0.15">
      <c r="A15626">
        <v>9377</v>
      </c>
      <c r="B15626" t="s">
        <v>31189</v>
      </c>
      <c r="C15626" t="s">
        <v>31190</v>
      </c>
    </row>
    <row r="15627" spans="1:3" x14ac:dyDescent="0.15">
      <c r="A15627">
        <v>9376</v>
      </c>
      <c r="B15627" t="s">
        <v>31191</v>
      </c>
      <c r="C15627" t="s">
        <v>31192</v>
      </c>
    </row>
    <row r="15628" spans="1:3" x14ac:dyDescent="0.15">
      <c r="A15628">
        <v>9375</v>
      </c>
      <c r="B15628" t="s">
        <v>31193</v>
      </c>
      <c r="C15628" t="s">
        <v>31194</v>
      </c>
    </row>
    <row r="15629" spans="1:3" x14ac:dyDescent="0.15">
      <c r="A15629">
        <v>9374</v>
      </c>
      <c r="B15629" t="s">
        <v>31195</v>
      </c>
      <c r="C15629" t="s">
        <v>31196</v>
      </c>
    </row>
    <row r="15630" spans="1:3" x14ac:dyDescent="0.15">
      <c r="A15630">
        <v>9373</v>
      </c>
      <c r="B15630" t="s">
        <v>31197</v>
      </c>
      <c r="C15630" t="s">
        <v>31198</v>
      </c>
    </row>
    <row r="15631" spans="1:3" x14ac:dyDescent="0.15">
      <c r="A15631">
        <v>9372</v>
      </c>
      <c r="B15631" t="s">
        <v>31199</v>
      </c>
      <c r="C15631" t="s">
        <v>31200</v>
      </c>
    </row>
    <row r="15632" spans="1:3" x14ac:dyDescent="0.15">
      <c r="A15632">
        <v>9371</v>
      </c>
      <c r="B15632" t="s">
        <v>31201</v>
      </c>
      <c r="C15632" t="s">
        <v>31202</v>
      </c>
    </row>
    <row r="15633" spans="1:3" x14ac:dyDescent="0.15">
      <c r="A15633">
        <v>9370</v>
      </c>
      <c r="B15633" t="s">
        <v>31203</v>
      </c>
      <c r="C15633" t="s">
        <v>31204</v>
      </c>
    </row>
    <row r="15634" spans="1:3" x14ac:dyDescent="0.15">
      <c r="A15634">
        <v>9369</v>
      </c>
      <c r="B15634" t="s">
        <v>31205</v>
      </c>
      <c r="C15634" t="s">
        <v>31206</v>
      </c>
    </row>
    <row r="15635" spans="1:3" x14ac:dyDescent="0.15">
      <c r="A15635">
        <v>9368</v>
      </c>
      <c r="B15635" t="s">
        <v>31207</v>
      </c>
      <c r="C15635" t="s">
        <v>31208</v>
      </c>
    </row>
    <row r="15636" spans="1:3" x14ac:dyDescent="0.15">
      <c r="A15636">
        <v>9367</v>
      </c>
      <c r="B15636" t="s">
        <v>31209</v>
      </c>
      <c r="C15636" t="s">
        <v>31210</v>
      </c>
    </row>
    <row r="15637" spans="1:3" x14ac:dyDescent="0.15">
      <c r="A15637">
        <v>9366</v>
      </c>
      <c r="B15637" t="s">
        <v>31211</v>
      </c>
      <c r="C15637" t="s">
        <v>31212</v>
      </c>
    </row>
    <row r="15638" spans="1:3" x14ac:dyDescent="0.15">
      <c r="A15638">
        <v>9365</v>
      </c>
      <c r="B15638" t="s">
        <v>31213</v>
      </c>
      <c r="C15638" t="s">
        <v>31214</v>
      </c>
    </row>
    <row r="15639" spans="1:3" x14ac:dyDescent="0.15">
      <c r="A15639">
        <v>9364</v>
      </c>
      <c r="B15639" t="s">
        <v>31215</v>
      </c>
      <c r="C15639" t="s">
        <v>31216</v>
      </c>
    </row>
    <row r="15640" spans="1:3" x14ac:dyDescent="0.15">
      <c r="A15640">
        <v>9363</v>
      </c>
      <c r="B15640" t="s">
        <v>31217</v>
      </c>
      <c r="C15640" t="s">
        <v>31218</v>
      </c>
    </row>
    <row r="15641" spans="1:3" x14ac:dyDescent="0.15">
      <c r="A15641">
        <v>9362</v>
      </c>
      <c r="B15641" t="s">
        <v>31219</v>
      </c>
      <c r="C15641" t="s">
        <v>31220</v>
      </c>
    </row>
    <row r="15642" spans="1:3" x14ac:dyDescent="0.15">
      <c r="A15642">
        <v>9361</v>
      </c>
      <c r="B15642" t="s">
        <v>31221</v>
      </c>
      <c r="C15642" t="s">
        <v>31222</v>
      </c>
    </row>
    <row r="15643" spans="1:3" x14ac:dyDescent="0.15">
      <c r="A15643">
        <v>9360</v>
      </c>
      <c r="B15643" t="s">
        <v>31223</v>
      </c>
      <c r="C15643" t="s">
        <v>31224</v>
      </c>
    </row>
    <row r="15644" spans="1:3" x14ac:dyDescent="0.15">
      <c r="A15644">
        <v>9359</v>
      </c>
      <c r="B15644" t="s">
        <v>31225</v>
      </c>
      <c r="C15644" t="s">
        <v>31226</v>
      </c>
    </row>
    <row r="15645" spans="1:3" x14ac:dyDescent="0.15">
      <c r="A15645">
        <v>9358</v>
      </c>
      <c r="B15645" t="s">
        <v>31227</v>
      </c>
      <c r="C15645" t="s">
        <v>31228</v>
      </c>
    </row>
    <row r="15646" spans="1:3" x14ac:dyDescent="0.15">
      <c r="A15646">
        <v>9357</v>
      </c>
      <c r="B15646" t="s">
        <v>31229</v>
      </c>
      <c r="C15646" t="s">
        <v>31230</v>
      </c>
    </row>
    <row r="15647" spans="1:3" x14ac:dyDescent="0.15">
      <c r="A15647">
        <v>9356</v>
      </c>
      <c r="B15647" t="s">
        <v>31231</v>
      </c>
      <c r="C15647" t="s">
        <v>31232</v>
      </c>
    </row>
    <row r="15648" spans="1:3" x14ac:dyDescent="0.15">
      <c r="A15648">
        <v>9355</v>
      </c>
      <c r="B15648" t="s">
        <v>31233</v>
      </c>
      <c r="C15648" t="s">
        <v>31234</v>
      </c>
    </row>
    <row r="15649" spans="1:3" x14ac:dyDescent="0.15">
      <c r="A15649">
        <v>9354</v>
      </c>
      <c r="B15649" t="s">
        <v>31235</v>
      </c>
      <c r="C15649" t="s">
        <v>31236</v>
      </c>
    </row>
    <row r="15650" spans="1:3" x14ac:dyDescent="0.15">
      <c r="A15650">
        <v>9353</v>
      </c>
      <c r="B15650" t="s">
        <v>31237</v>
      </c>
      <c r="C15650" t="s">
        <v>31238</v>
      </c>
    </row>
    <row r="15651" spans="1:3" x14ac:dyDescent="0.15">
      <c r="A15651">
        <v>9352</v>
      </c>
      <c r="B15651" t="s">
        <v>31239</v>
      </c>
      <c r="C15651" t="s">
        <v>31240</v>
      </c>
    </row>
    <row r="15652" spans="1:3" x14ac:dyDescent="0.15">
      <c r="A15652">
        <v>9351</v>
      </c>
      <c r="B15652" t="s">
        <v>31241</v>
      </c>
      <c r="C15652" t="s">
        <v>31242</v>
      </c>
    </row>
    <row r="15653" spans="1:3" x14ac:dyDescent="0.15">
      <c r="A15653">
        <v>9350</v>
      </c>
      <c r="B15653" t="s">
        <v>31243</v>
      </c>
      <c r="C15653" t="s">
        <v>31244</v>
      </c>
    </row>
    <row r="15654" spans="1:3" x14ac:dyDescent="0.15">
      <c r="A15654">
        <v>9349</v>
      </c>
      <c r="B15654" t="s">
        <v>31245</v>
      </c>
      <c r="C15654" t="s">
        <v>31246</v>
      </c>
    </row>
    <row r="15655" spans="1:3" x14ac:dyDescent="0.15">
      <c r="A15655">
        <v>9348</v>
      </c>
      <c r="B15655" t="s">
        <v>31247</v>
      </c>
      <c r="C15655" t="s">
        <v>31248</v>
      </c>
    </row>
    <row r="15656" spans="1:3" x14ac:dyDescent="0.15">
      <c r="A15656">
        <v>9347</v>
      </c>
      <c r="B15656" t="s">
        <v>31249</v>
      </c>
      <c r="C15656" t="s">
        <v>31250</v>
      </c>
    </row>
    <row r="15657" spans="1:3" x14ac:dyDescent="0.15">
      <c r="A15657">
        <v>9346</v>
      </c>
      <c r="B15657" t="s">
        <v>31251</v>
      </c>
      <c r="C15657" t="s">
        <v>31252</v>
      </c>
    </row>
    <row r="15658" spans="1:3" x14ac:dyDescent="0.15">
      <c r="A15658">
        <v>9345</v>
      </c>
      <c r="B15658" t="s">
        <v>31253</v>
      </c>
      <c r="C15658" t="s">
        <v>31254</v>
      </c>
    </row>
    <row r="15659" spans="1:3" x14ac:dyDescent="0.15">
      <c r="A15659">
        <v>9344</v>
      </c>
      <c r="B15659" t="s">
        <v>31255</v>
      </c>
      <c r="C15659" t="s">
        <v>31256</v>
      </c>
    </row>
    <row r="15660" spans="1:3" x14ac:dyDescent="0.15">
      <c r="A15660">
        <v>9343</v>
      </c>
      <c r="B15660" t="s">
        <v>31257</v>
      </c>
      <c r="C15660" t="s">
        <v>31258</v>
      </c>
    </row>
    <row r="15661" spans="1:3" x14ac:dyDescent="0.15">
      <c r="A15661">
        <v>9342</v>
      </c>
      <c r="B15661" t="s">
        <v>31259</v>
      </c>
      <c r="C15661" t="s">
        <v>31260</v>
      </c>
    </row>
    <row r="15662" spans="1:3" x14ac:dyDescent="0.15">
      <c r="A15662">
        <v>9341</v>
      </c>
      <c r="B15662" t="s">
        <v>31261</v>
      </c>
      <c r="C15662" t="s">
        <v>31262</v>
      </c>
    </row>
    <row r="15663" spans="1:3" x14ac:dyDescent="0.15">
      <c r="A15663">
        <v>9340</v>
      </c>
      <c r="B15663" t="s">
        <v>31263</v>
      </c>
      <c r="C15663" t="s">
        <v>31264</v>
      </c>
    </row>
    <row r="15664" spans="1:3" x14ac:dyDescent="0.15">
      <c r="A15664">
        <v>9339</v>
      </c>
      <c r="B15664" t="s">
        <v>31265</v>
      </c>
      <c r="C15664" t="s">
        <v>31266</v>
      </c>
    </row>
    <row r="15665" spans="1:3" x14ac:dyDescent="0.15">
      <c r="A15665">
        <v>9338</v>
      </c>
      <c r="B15665" t="s">
        <v>31267</v>
      </c>
      <c r="C15665" t="s">
        <v>31268</v>
      </c>
    </row>
    <row r="15666" spans="1:3" x14ac:dyDescent="0.15">
      <c r="A15666">
        <v>9337</v>
      </c>
      <c r="B15666" t="s">
        <v>31269</v>
      </c>
      <c r="C15666" t="s">
        <v>31270</v>
      </c>
    </row>
    <row r="15667" spans="1:3" x14ac:dyDescent="0.15">
      <c r="A15667">
        <v>9336</v>
      </c>
      <c r="B15667" t="s">
        <v>31271</v>
      </c>
      <c r="C15667" t="s">
        <v>31272</v>
      </c>
    </row>
    <row r="15668" spans="1:3" x14ac:dyDescent="0.15">
      <c r="A15668">
        <v>9335</v>
      </c>
      <c r="B15668" t="s">
        <v>31273</v>
      </c>
      <c r="C15668" t="s">
        <v>31274</v>
      </c>
    </row>
    <row r="15669" spans="1:3" x14ac:dyDescent="0.15">
      <c r="A15669">
        <v>9334</v>
      </c>
      <c r="B15669" t="s">
        <v>31275</v>
      </c>
      <c r="C15669" t="s">
        <v>31276</v>
      </c>
    </row>
    <row r="15670" spans="1:3" x14ac:dyDescent="0.15">
      <c r="A15670">
        <v>9333</v>
      </c>
      <c r="B15670" t="s">
        <v>31277</v>
      </c>
      <c r="C15670" t="s">
        <v>31278</v>
      </c>
    </row>
    <row r="15671" spans="1:3" x14ac:dyDescent="0.15">
      <c r="A15671">
        <v>9332</v>
      </c>
      <c r="B15671" t="s">
        <v>31279</v>
      </c>
      <c r="C15671" t="s">
        <v>31280</v>
      </c>
    </row>
    <row r="15672" spans="1:3" x14ac:dyDescent="0.15">
      <c r="A15672">
        <v>9331</v>
      </c>
      <c r="B15672" t="s">
        <v>31281</v>
      </c>
      <c r="C15672" t="s">
        <v>31282</v>
      </c>
    </row>
    <row r="15673" spans="1:3" x14ac:dyDescent="0.15">
      <c r="A15673">
        <v>9330</v>
      </c>
      <c r="B15673" t="s">
        <v>31283</v>
      </c>
      <c r="C15673" t="s">
        <v>31284</v>
      </c>
    </row>
    <row r="15674" spans="1:3" x14ac:dyDescent="0.15">
      <c r="A15674">
        <v>9329</v>
      </c>
      <c r="B15674" t="s">
        <v>31285</v>
      </c>
      <c r="C15674" t="s">
        <v>31286</v>
      </c>
    </row>
    <row r="15675" spans="1:3" x14ac:dyDescent="0.15">
      <c r="A15675">
        <v>9328</v>
      </c>
      <c r="B15675" t="s">
        <v>31287</v>
      </c>
      <c r="C15675" t="s">
        <v>31288</v>
      </c>
    </row>
    <row r="15676" spans="1:3" x14ac:dyDescent="0.15">
      <c r="A15676">
        <v>9327</v>
      </c>
      <c r="B15676" t="s">
        <v>31289</v>
      </c>
      <c r="C15676" t="s">
        <v>31290</v>
      </c>
    </row>
    <row r="15677" spans="1:3" x14ac:dyDescent="0.15">
      <c r="A15677">
        <v>9326</v>
      </c>
      <c r="B15677" t="s">
        <v>31291</v>
      </c>
      <c r="C15677" t="s">
        <v>31292</v>
      </c>
    </row>
    <row r="15678" spans="1:3" x14ac:dyDescent="0.15">
      <c r="A15678">
        <v>9325</v>
      </c>
      <c r="B15678" t="s">
        <v>31293</v>
      </c>
      <c r="C15678" t="s">
        <v>31294</v>
      </c>
    </row>
    <row r="15679" spans="1:3" x14ac:dyDescent="0.15">
      <c r="A15679">
        <v>9324</v>
      </c>
      <c r="B15679" t="s">
        <v>31295</v>
      </c>
      <c r="C15679" t="s">
        <v>31296</v>
      </c>
    </row>
    <row r="15680" spans="1:3" x14ac:dyDescent="0.15">
      <c r="A15680">
        <v>9323</v>
      </c>
      <c r="B15680" t="s">
        <v>31297</v>
      </c>
      <c r="C15680" t="s">
        <v>31298</v>
      </c>
    </row>
    <row r="15681" spans="1:3" x14ac:dyDescent="0.15">
      <c r="A15681">
        <v>9322</v>
      </c>
      <c r="B15681" t="s">
        <v>31299</v>
      </c>
      <c r="C15681" t="s">
        <v>31300</v>
      </c>
    </row>
    <row r="15682" spans="1:3" x14ac:dyDescent="0.15">
      <c r="A15682">
        <v>9321</v>
      </c>
      <c r="B15682" t="s">
        <v>31301</v>
      </c>
      <c r="C15682" t="s">
        <v>31302</v>
      </c>
    </row>
    <row r="15683" spans="1:3" x14ac:dyDescent="0.15">
      <c r="A15683">
        <v>9320</v>
      </c>
      <c r="B15683" t="s">
        <v>31303</v>
      </c>
      <c r="C15683" t="s">
        <v>31304</v>
      </c>
    </row>
    <row r="15684" spans="1:3" x14ac:dyDescent="0.15">
      <c r="A15684">
        <v>9319</v>
      </c>
      <c r="B15684" t="s">
        <v>31305</v>
      </c>
      <c r="C15684" t="s">
        <v>31306</v>
      </c>
    </row>
    <row r="15685" spans="1:3" x14ac:dyDescent="0.15">
      <c r="A15685">
        <v>9318</v>
      </c>
      <c r="B15685" t="s">
        <v>31307</v>
      </c>
      <c r="C15685" t="s">
        <v>31308</v>
      </c>
    </row>
    <row r="15686" spans="1:3" x14ac:dyDescent="0.15">
      <c r="A15686">
        <v>9317</v>
      </c>
      <c r="B15686" t="s">
        <v>31309</v>
      </c>
      <c r="C15686" t="s">
        <v>31310</v>
      </c>
    </row>
    <row r="15687" spans="1:3" x14ac:dyDescent="0.15">
      <c r="A15687">
        <v>9316</v>
      </c>
      <c r="B15687" t="s">
        <v>31311</v>
      </c>
      <c r="C15687" t="s">
        <v>31312</v>
      </c>
    </row>
    <row r="15688" spans="1:3" x14ac:dyDescent="0.15">
      <c r="A15688">
        <v>9315</v>
      </c>
      <c r="B15688" t="s">
        <v>31313</v>
      </c>
      <c r="C15688" t="s">
        <v>31314</v>
      </c>
    </row>
    <row r="15689" spans="1:3" x14ac:dyDescent="0.15">
      <c r="A15689">
        <v>9314</v>
      </c>
      <c r="B15689" t="s">
        <v>31315</v>
      </c>
      <c r="C15689" t="s">
        <v>31316</v>
      </c>
    </row>
    <row r="15690" spans="1:3" x14ac:dyDescent="0.15">
      <c r="A15690">
        <v>9313</v>
      </c>
      <c r="B15690" t="s">
        <v>31317</v>
      </c>
      <c r="C15690" t="s">
        <v>31318</v>
      </c>
    </row>
    <row r="15691" spans="1:3" x14ac:dyDescent="0.15">
      <c r="A15691">
        <v>9312</v>
      </c>
      <c r="B15691" t="s">
        <v>31319</v>
      </c>
      <c r="C15691" t="s">
        <v>31320</v>
      </c>
    </row>
    <row r="15692" spans="1:3" x14ac:dyDescent="0.15">
      <c r="A15692">
        <v>9311</v>
      </c>
      <c r="B15692" t="s">
        <v>31321</v>
      </c>
      <c r="C15692" t="s">
        <v>31322</v>
      </c>
    </row>
    <row r="15693" spans="1:3" x14ac:dyDescent="0.15">
      <c r="A15693">
        <v>9310</v>
      </c>
      <c r="B15693" t="s">
        <v>31323</v>
      </c>
      <c r="C15693" t="s">
        <v>31324</v>
      </c>
    </row>
    <row r="15694" spans="1:3" x14ac:dyDescent="0.15">
      <c r="A15694">
        <v>9309</v>
      </c>
      <c r="B15694" t="s">
        <v>31325</v>
      </c>
      <c r="C15694" t="s">
        <v>31326</v>
      </c>
    </row>
    <row r="15695" spans="1:3" x14ac:dyDescent="0.15">
      <c r="A15695">
        <v>9308</v>
      </c>
      <c r="B15695" t="s">
        <v>31327</v>
      </c>
      <c r="C15695" t="s">
        <v>31328</v>
      </c>
    </row>
    <row r="15696" spans="1:3" x14ac:dyDescent="0.15">
      <c r="A15696">
        <v>9307</v>
      </c>
      <c r="B15696" t="s">
        <v>31329</v>
      </c>
      <c r="C15696" t="s">
        <v>31330</v>
      </c>
    </row>
    <row r="15697" spans="1:3" x14ac:dyDescent="0.15">
      <c r="A15697">
        <v>9306</v>
      </c>
      <c r="B15697" t="s">
        <v>31331</v>
      </c>
      <c r="C15697" t="s">
        <v>31332</v>
      </c>
    </row>
    <row r="15698" spans="1:3" x14ac:dyDescent="0.15">
      <c r="A15698">
        <v>9305</v>
      </c>
      <c r="B15698" t="s">
        <v>31333</v>
      </c>
      <c r="C15698" t="s">
        <v>31334</v>
      </c>
    </row>
    <row r="15699" spans="1:3" x14ac:dyDescent="0.15">
      <c r="A15699">
        <v>9304</v>
      </c>
      <c r="B15699" t="s">
        <v>31335</v>
      </c>
      <c r="C15699" t="s">
        <v>31336</v>
      </c>
    </row>
    <row r="15700" spans="1:3" x14ac:dyDescent="0.15">
      <c r="A15700">
        <v>9303</v>
      </c>
      <c r="B15700" t="s">
        <v>31337</v>
      </c>
      <c r="C15700" t="s">
        <v>31338</v>
      </c>
    </row>
    <row r="15701" spans="1:3" x14ac:dyDescent="0.15">
      <c r="A15701">
        <v>9302</v>
      </c>
      <c r="B15701" t="s">
        <v>31339</v>
      </c>
      <c r="C15701" t="s">
        <v>31340</v>
      </c>
    </row>
    <row r="15702" spans="1:3" x14ac:dyDescent="0.15">
      <c r="A15702">
        <v>9301</v>
      </c>
      <c r="B15702" t="s">
        <v>31341</v>
      </c>
      <c r="C15702" t="s">
        <v>31342</v>
      </c>
    </row>
    <row r="15703" spans="1:3" x14ac:dyDescent="0.15">
      <c r="A15703">
        <v>9300</v>
      </c>
      <c r="B15703" t="s">
        <v>31343</v>
      </c>
      <c r="C15703" t="s">
        <v>31344</v>
      </c>
    </row>
    <row r="15704" spans="1:3" x14ac:dyDescent="0.15">
      <c r="A15704">
        <v>9299</v>
      </c>
      <c r="B15704" t="s">
        <v>31345</v>
      </c>
      <c r="C15704" t="s">
        <v>31346</v>
      </c>
    </row>
    <row r="15705" spans="1:3" x14ac:dyDescent="0.15">
      <c r="A15705">
        <v>9298</v>
      </c>
      <c r="B15705" t="s">
        <v>31347</v>
      </c>
      <c r="C15705" t="s">
        <v>31348</v>
      </c>
    </row>
    <row r="15706" spans="1:3" x14ac:dyDescent="0.15">
      <c r="A15706">
        <v>9297</v>
      </c>
      <c r="B15706" t="s">
        <v>31349</v>
      </c>
      <c r="C15706" t="s">
        <v>31350</v>
      </c>
    </row>
    <row r="15707" spans="1:3" x14ac:dyDescent="0.15">
      <c r="A15707">
        <v>9296</v>
      </c>
      <c r="B15707" t="s">
        <v>31351</v>
      </c>
      <c r="C15707" t="s">
        <v>31352</v>
      </c>
    </row>
    <row r="15708" spans="1:3" x14ac:dyDescent="0.15">
      <c r="A15708">
        <v>9295</v>
      </c>
      <c r="B15708" t="s">
        <v>31353</v>
      </c>
      <c r="C15708" t="s">
        <v>31354</v>
      </c>
    </row>
    <row r="15709" spans="1:3" x14ac:dyDescent="0.15">
      <c r="A15709">
        <v>9294</v>
      </c>
      <c r="B15709" t="s">
        <v>31355</v>
      </c>
      <c r="C15709" t="s">
        <v>31356</v>
      </c>
    </row>
    <row r="15710" spans="1:3" x14ac:dyDescent="0.15">
      <c r="A15710">
        <v>9293</v>
      </c>
      <c r="B15710" t="s">
        <v>31357</v>
      </c>
      <c r="C15710" t="s">
        <v>31358</v>
      </c>
    </row>
    <row r="15711" spans="1:3" x14ac:dyDescent="0.15">
      <c r="A15711">
        <v>9292</v>
      </c>
      <c r="B15711" t="s">
        <v>31359</v>
      </c>
      <c r="C15711" t="s">
        <v>31360</v>
      </c>
    </row>
    <row r="15712" spans="1:3" x14ac:dyDescent="0.15">
      <c r="A15712">
        <v>9291</v>
      </c>
      <c r="B15712" t="s">
        <v>31361</v>
      </c>
      <c r="C15712" t="s">
        <v>31362</v>
      </c>
    </row>
    <row r="15713" spans="1:3" x14ac:dyDescent="0.15">
      <c r="A15713">
        <v>9290</v>
      </c>
      <c r="B15713" t="s">
        <v>31363</v>
      </c>
      <c r="C15713" t="s">
        <v>31364</v>
      </c>
    </row>
    <row r="15714" spans="1:3" x14ac:dyDescent="0.15">
      <c r="A15714">
        <v>9289</v>
      </c>
      <c r="B15714" t="s">
        <v>31365</v>
      </c>
      <c r="C15714" t="s">
        <v>31366</v>
      </c>
    </row>
    <row r="15715" spans="1:3" x14ac:dyDescent="0.15">
      <c r="A15715">
        <v>9288</v>
      </c>
      <c r="B15715" t="s">
        <v>31367</v>
      </c>
      <c r="C15715" t="s">
        <v>31368</v>
      </c>
    </row>
    <row r="15716" spans="1:3" x14ac:dyDescent="0.15">
      <c r="A15716">
        <v>9287</v>
      </c>
      <c r="B15716" t="s">
        <v>31369</v>
      </c>
      <c r="C15716" t="s">
        <v>31370</v>
      </c>
    </row>
    <row r="15717" spans="1:3" x14ac:dyDescent="0.15">
      <c r="A15717">
        <v>9286</v>
      </c>
      <c r="B15717" t="s">
        <v>31371</v>
      </c>
      <c r="C15717" t="s">
        <v>31372</v>
      </c>
    </row>
    <row r="15718" spans="1:3" x14ac:dyDescent="0.15">
      <c r="A15718">
        <v>9285</v>
      </c>
      <c r="B15718" t="s">
        <v>31373</v>
      </c>
      <c r="C15718" t="s">
        <v>31374</v>
      </c>
    </row>
    <row r="15719" spans="1:3" x14ac:dyDescent="0.15">
      <c r="A15719">
        <v>9284</v>
      </c>
      <c r="B15719" t="s">
        <v>31375</v>
      </c>
      <c r="C15719" t="s">
        <v>31376</v>
      </c>
    </row>
    <row r="15720" spans="1:3" x14ac:dyDescent="0.15">
      <c r="A15720">
        <v>9283</v>
      </c>
      <c r="B15720" t="s">
        <v>31377</v>
      </c>
      <c r="C15720" t="s">
        <v>31378</v>
      </c>
    </row>
    <row r="15721" spans="1:3" x14ac:dyDescent="0.15">
      <c r="A15721">
        <v>9282</v>
      </c>
      <c r="B15721" t="s">
        <v>31379</v>
      </c>
      <c r="C15721" t="s">
        <v>31380</v>
      </c>
    </row>
    <row r="15722" spans="1:3" x14ac:dyDescent="0.15">
      <c r="A15722">
        <v>9281</v>
      </c>
      <c r="B15722" t="s">
        <v>31381</v>
      </c>
      <c r="C15722" t="s">
        <v>31382</v>
      </c>
    </row>
    <row r="15723" spans="1:3" x14ac:dyDescent="0.15">
      <c r="A15723">
        <v>9280</v>
      </c>
      <c r="B15723" t="s">
        <v>31383</v>
      </c>
      <c r="C15723" t="s">
        <v>31384</v>
      </c>
    </row>
    <row r="15724" spans="1:3" x14ac:dyDescent="0.15">
      <c r="A15724">
        <v>9279</v>
      </c>
      <c r="B15724" t="s">
        <v>31385</v>
      </c>
      <c r="C15724" t="s">
        <v>31386</v>
      </c>
    </row>
    <row r="15725" spans="1:3" x14ac:dyDescent="0.15">
      <c r="A15725">
        <v>9278</v>
      </c>
      <c r="B15725" t="s">
        <v>31387</v>
      </c>
      <c r="C15725" t="s">
        <v>31388</v>
      </c>
    </row>
    <row r="15726" spans="1:3" x14ac:dyDescent="0.15">
      <c r="A15726">
        <v>9277</v>
      </c>
      <c r="B15726" t="s">
        <v>31389</v>
      </c>
      <c r="C15726" t="s">
        <v>31390</v>
      </c>
    </row>
    <row r="15727" spans="1:3" x14ac:dyDescent="0.15">
      <c r="A15727">
        <v>9276</v>
      </c>
      <c r="B15727" t="s">
        <v>31391</v>
      </c>
      <c r="C15727" t="s">
        <v>31392</v>
      </c>
    </row>
    <row r="15728" spans="1:3" x14ac:dyDescent="0.15">
      <c r="A15728">
        <v>9275</v>
      </c>
      <c r="B15728" t="s">
        <v>31393</v>
      </c>
      <c r="C15728" t="s">
        <v>31394</v>
      </c>
    </row>
    <row r="15729" spans="1:3" x14ac:dyDescent="0.15">
      <c r="A15729">
        <v>9274</v>
      </c>
      <c r="B15729" t="s">
        <v>31395</v>
      </c>
      <c r="C15729" t="s">
        <v>31396</v>
      </c>
    </row>
    <row r="15730" spans="1:3" x14ac:dyDescent="0.15">
      <c r="A15730">
        <v>9273</v>
      </c>
      <c r="B15730" t="s">
        <v>31397</v>
      </c>
      <c r="C15730" t="s">
        <v>31398</v>
      </c>
    </row>
    <row r="15731" spans="1:3" x14ac:dyDescent="0.15">
      <c r="A15731">
        <v>9272</v>
      </c>
      <c r="B15731" t="s">
        <v>31399</v>
      </c>
      <c r="C15731" t="s">
        <v>31400</v>
      </c>
    </row>
    <row r="15732" spans="1:3" x14ac:dyDescent="0.15">
      <c r="A15732">
        <v>9271</v>
      </c>
      <c r="B15732" t="s">
        <v>31401</v>
      </c>
      <c r="C15732" t="s">
        <v>31402</v>
      </c>
    </row>
    <row r="15733" spans="1:3" x14ac:dyDescent="0.15">
      <c r="A15733">
        <v>9270</v>
      </c>
      <c r="B15733" t="s">
        <v>31403</v>
      </c>
      <c r="C15733" t="s">
        <v>31404</v>
      </c>
    </row>
    <row r="15734" spans="1:3" x14ac:dyDescent="0.15">
      <c r="A15734">
        <v>9269</v>
      </c>
      <c r="B15734" t="s">
        <v>31405</v>
      </c>
      <c r="C15734" t="s">
        <v>31406</v>
      </c>
    </row>
    <row r="15735" spans="1:3" x14ac:dyDescent="0.15">
      <c r="A15735">
        <v>9268</v>
      </c>
      <c r="B15735" t="s">
        <v>31407</v>
      </c>
      <c r="C15735" t="s">
        <v>31408</v>
      </c>
    </row>
    <row r="15736" spans="1:3" x14ac:dyDescent="0.15">
      <c r="A15736">
        <v>9267</v>
      </c>
      <c r="B15736" t="s">
        <v>31409</v>
      </c>
      <c r="C15736" t="s">
        <v>31410</v>
      </c>
    </row>
    <row r="15737" spans="1:3" x14ac:dyDescent="0.15">
      <c r="A15737">
        <v>9266</v>
      </c>
      <c r="B15737" t="s">
        <v>31411</v>
      </c>
      <c r="C15737" t="s">
        <v>491</v>
      </c>
    </row>
    <row r="15738" spans="1:3" x14ac:dyDescent="0.15">
      <c r="A15738">
        <v>9265</v>
      </c>
      <c r="B15738" t="s">
        <v>31412</v>
      </c>
      <c r="C15738" t="s">
        <v>31413</v>
      </c>
    </row>
    <row r="15739" spans="1:3" x14ac:dyDescent="0.15">
      <c r="A15739">
        <v>9264</v>
      </c>
      <c r="B15739" t="s">
        <v>31414</v>
      </c>
      <c r="C15739" t="s">
        <v>31415</v>
      </c>
    </row>
    <row r="15740" spans="1:3" x14ac:dyDescent="0.15">
      <c r="A15740">
        <v>9263</v>
      </c>
      <c r="B15740" t="s">
        <v>31416</v>
      </c>
      <c r="C15740" t="s">
        <v>31417</v>
      </c>
    </row>
    <row r="15741" spans="1:3" x14ac:dyDescent="0.15">
      <c r="A15741">
        <v>9262</v>
      </c>
      <c r="B15741" t="s">
        <v>31418</v>
      </c>
      <c r="C15741" t="s">
        <v>31419</v>
      </c>
    </row>
    <row r="15742" spans="1:3" x14ac:dyDescent="0.15">
      <c r="A15742">
        <v>9261</v>
      </c>
      <c r="B15742" t="s">
        <v>31420</v>
      </c>
      <c r="C15742" t="s">
        <v>31421</v>
      </c>
    </row>
    <row r="15743" spans="1:3" x14ac:dyDescent="0.15">
      <c r="A15743">
        <v>9260</v>
      </c>
      <c r="B15743" t="s">
        <v>31422</v>
      </c>
      <c r="C15743" t="s">
        <v>31423</v>
      </c>
    </row>
    <row r="15744" spans="1:3" x14ac:dyDescent="0.15">
      <c r="A15744">
        <v>9259</v>
      </c>
      <c r="B15744" t="s">
        <v>31424</v>
      </c>
      <c r="C15744" t="s">
        <v>31425</v>
      </c>
    </row>
    <row r="15745" spans="1:3" x14ac:dyDescent="0.15">
      <c r="A15745">
        <v>9258</v>
      </c>
      <c r="B15745" t="s">
        <v>31426</v>
      </c>
      <c r="C15745" t="s">
        <v>31427</v>
      </c>
    </row>
    <row r="15746" spans="1:3" x14ac:dyDescent="0.15">
      <c r="A15746">
        <v>9257</v>
      </c>
      <c r="B15746" t="s">
        <v>31428</v>
      </c>
      <c r="C15746" t="s">
        <v>31429</v>
      </c>
    </row>
    <row r="15747" spans="1:3" x14ac:dyDescent="0.15">
      <c r="A15747">
        <v>9256</v>
      </c>
      <c r="B15747" t="s">
        <v>31430</v>
      </c>
      <c r="C15747" t="s">
        <v>31431</v>
      </c>
    </row>
    <row r="15748" spans="1:3" x14ac:dyDescent="0.15">
      <c r="A15748">
        <v>9255</v>
      </c>
      <c r="B15748" t="s">
        <v>31432</v>
      </c>
      <c r="C15748" t="s">
        <v>31433</v>
      </c>
    </row>
    <row r="15749" spans="1:3" x14ac:dyDescent="0.15">
      <c r="A15749">
        <v>9254</v>
      </c>
      <c r="B15749" t="s">
        <v>31434</v>
      </c>
      <c r="C15749" t="s">
        <v>31435</v>
      </c>
    </row>
    <row r="15750" spans="1:3" x14ac:dyDescent="0.15">
      <c r="A15750">
        <v>9253</v>
      </c>
      <c r="B15750" t="s">
        <v>31436</v>
      </c>
      <c r="C15750" t="s">
        <v>31437</v>
      </c>
    </row>
    <row r="15751" spans="1:3" x14ac:dyDescent="0.15">
      <c r="A15751">
        <v>9252</v>
      </c>
      <c r="B15751" t="s">
        <v>31438</v>
      </c>
      <c r="C15751" t="s">
        <v>31439</v>
      </c>
    </row>
    <row r="15752" spans="1:3" x14ac:dyDescent="0.15">
      <c r="A15752">
        <v>9251</v>
      </c>
      <c r="B15752" t="s">
        <v>31440</v>
      </c>
      <c r="C15752" t="s">
        <v>31441</v>
      </c>
    </row>
    <row r="15753" spans="1:3" x14ac:dyDescent="0.15">
      <c r="A15753">
        <v>9250</v>
      </c>
      <c r="B15753" t="s">
        <v>31442</v>
      </c>
      <c r="C15753" t="s">
        <v>31443</v>
      </c>
    </row>
    <row r="15754" spans="1:3" x14ac:dyDescent="0.15">
      <c r="A15754">
        <v>9249</v>
      </c>
      <c r="B15754" t="s">
        <v>31444</v>
      </c>
      <c r="C15754" t="s">
        <v>31445</v>
      </c>
    </row>
    <row r="15755" spans="1:3" x14ac:dyDescent="0.15">
      <c r="A15755">
        <v>9248</v>
      </c>
      <c r="B15755" t="s">
        <v>31446</v>
      </c>
      <c r="C15755" t="s">
        <v>31447</v>
      </c>
    </row>
    <row r="15756" spans="1:3" x14ac:dyDescent="0.15">
      <c r="A15756">
        <v>9247</v>
      </c>
      <c r="B15756" t="s">
        <v>31448</v>
      </c>
      <c r="C15756" t="s">
        <v>31449</v>
      </c>
    </row>
    <row r="15757" spans="1:3" x14ac:dyDescent="0.15">
      <c r="A15757">
        <v>9246</v>
      </c>
      <c r="B15757" t="s">
        <v>31450</v>
      </c>
      <c r="C15757" t="s">
        <v>31451</v>
      </c>
    </row>
    <row r="15758" spans="1:3" x14ac:dyDescent="0.15">
      <c r="A15758">
        <v>9245</v>
      </c>
      <c r="B15758" t="s">
        <v>31452</v>
      </c>
      <c r="C15758" t="s">
        <v>31453</v>
      </c>
    </row>
    <row r="15759" spans="1:3" x14ac:dyDescent="0.15">
      <c r="A15759">
        <v>9244</v>
      </c>
      <c r="B15759" t="s">
        <v>31454</v>
      </c>
      <c r="C15759" t="s">
        <v>31455</v>
      </c>
    </row>
    <row r="15760" spans="1:3" x14ac:dyDescent="0.15">
      <c r="A15760">
        <v>9243</v>
      </c>
      <c r="B15760" t="s">
        <v>31456</v>
      </c>
      <c r="C15760" t="s">
        <v>31457</v>
      </c>
    </row>
    <row r="15761" spans="1:3" x14ac:dyDescent="0.15">
      <c r="A15761">
        <v>9242</v>
      </c>
      <c r="B15761" t="s">
        <v>31458</v>
      </c>
      <c r="C15761" t="s">
        <v>31459</v>
      </c>
    </row>
    <row r="15762" spans="1:3" x14ac:dyDescent="0.15">
      <c r="A15762">
        <v>9241</v>
      </c>
      <c r="B15762" t="s">
        <v>31460</v>
      </c>
      <c r="C15762" t="s">
        <v>31461</v>
      </c>
    </row>
    <row r="15763" spans="1:3" x14ac:dyDescent="0.15">
      <c r="A15763">
        <v>9240</v>
      </c>
      <c r="B15763" t="s">
        <v>31462</v>
      </c>
      <c r="C15763" t="s">
        <v>31463</v>
      </c>
    </row>
    <row r="15764" spans="1:3" x14ac:dyDescent="0.15">
      <c r="A15764">
        <v>9239</v>
      </c>
      <c r="B15764" t="s">
        <v>31464</v>
      </c>
      <c r="C15764" t="s">
        <v>31465</v>
      </c>
    </row>
    <row r="15765" spans="1:3" x14ac:dyDescent="0.15">
      <c r="A15765">
        <v>9238</v>
      </c>
      <c r="B15765" t="s">
        <v>31466</v>
      </c>
      <c r="C15765" t="s">
        <v>31467</v>
      </c>
    </row>
    <row r="15766" spans="1:3" x14ac:dyDescent="0.15">
      <c r="A15766">
        <v>9237</v>
      </c>
      <c r="B15766" t="s">
        <v>31468</v>
      </c>
      <c r="C15766" t="s">
        <v>31469</v>
      </c>
    </row>
    <row r="15767" spans="1:3" x14ac:dyDescent="0.15">
      <c r="A15767">
        <v>9236</v>
      </c>
      <c r="B15767" t="s">
        <v>31470</v>
      </c>
      <c r="C15767" t="s">
        <v>31471</v>
      </c>
    </row>
    <row r="15768" spans="1:3" x14ac:dyDescent="0.15">
      <c r="A15768">
        <v>9235</v>
      </c>
      <c r="B15768" t="s">
        <v>31472</v>
      </c>
      <c r="C15768" t="s">
        <v>31473</v>
      </c>
    </row>
    <row r="15769" spans="1:3" x14ac:dyDescent="0.15">
      <c r="A15769">
        <v>9234</v>
      </c>
      <c r="B15769" t="s">
        <v>31474</v>
      </c>
      <c r="C15769" t="s">
        <v>31475</v>
      </c>
    </row>
    <row r="15770" spans="1:3" x14ac:dyDescent="0.15">
      <c r="A15770">
        <v>9233</v>
      </c>
      <c r="B15770" t="s">
        <v>31476</v>
      </c>
      <c r="C15770" t="s">
        <v>31477</v>
      </c>
    </row>
    <row r="15771" spans="1:3" x14ac:dyDescent="0.15">
      <c r="A15771">
        <v>9232</v>
      </c>
      <c r="B15771" t="s">
        <v>31478</v>
      </c>
      <c r="C15771" t="s">
        <v>31479</v>
      </c>
    </row>
    <row r="15772" spans="1:3" x14ac:dyDescent="0.15">
      <c r="A15772">
        <v>9231</v>
      </c>
      <c r="B15772" t="s">
        <v>31480</v>
      </c>
      <c r="C15772" t="s">
        <v>31481</v>
      </c>
    </row>
    <row r="15773" spans="1:3" x14ac:dyDescent="0.15">
      <c r="A15773">
        <v>9230</v>
      </c>
      <c r="B15773" t="s">
        <v>31482</v>
      </c>
      <c r="C15773" t="s">
        <v>31483</v>
      </c>
    </row>
    <row r="15774" spans="1:3" x14ac:dyDescent="0.15">
      <c r="A15774">
        <v>9229</v>
      </c>
      <c r="B15774" t="s">
        <v>31484</v>
      </c>
      <c r="C15774" t="s">
        <v>31485</v>
      </c>
    </row>
    <row r="15775" spans="1:3" x14ac:dyDescent="0.15">
      <c r="A15775">
        <v>9228</v>
      </c>
      <c r="B15775" t="s">
        <v>31486</v>
      </c>
      <c r="C15775" t="s">
        <v>31487</v>
      </c>
    </row>
    <row r="15776" spans="1:3" x14ac:dyDescent="0.15">
      <c r="A15776">
        <v>9227</v>
      </c>
      <c r="B15776" t="s">
        <v>31488</v>
      </c>
      <c r="C15776" t="s">
        <v>31489</v>
      </c>
    </row>
    <row r="15777" spans="1:3" x14ac:dyDescent="0.15">
      <c r="A15777">
        <v>9226</v>
      </c>
      <c r="B15777" t="s">
        <v>31490</v>
      </c>
      <c r="C15777" t="s">
        <v>31491</v>
      </c>
    </row>
    <row r="15778" spans="1:3" x14ac:dyDescent="0.15">
      <c r="A15778">
        <v>9225</v>
      </c>
      <c r="B15778" t="s">
        <v>31492</v>
      </c>
      <c r="C15778" t="s">
        <v>31493</v>
      </c>
    </row>
    <row r="15779" spans="1:3" x14ac:dyDescent="0.15">
      <c r="A15779">
        <v>9224</v>
      </c>
      <c r="B15779" t="s">
        <v>31494</v>
      </c>
      <c r="C15779" t="s">
        <v>31495</v>
      </c>
    </row>
    <row r="15780" spans="1:3" x14ac:dyDescent="0.15">
      <c r="A15780">
        <v>9223</v>
      </c>
      <c r="B15780" t="s">
        <v>31496</v>
      </c>
      <c r="C15780" t="s">
        <v>31497</v>
      </c>
    </row>
    <row r="15781" spans="1:3" x14ac:dyDescent="0.15">
      <c r="A15781">
        <v>9222</v>
      </c>
      <c r="B15781" t="s">
        <v>31498</v>
      </c>
      <c r="C15781" t="s">
        <v>31499</v>
      </c>
    </row>
    <row r="15782" spans="1:3" x14ac:dyDescent="0.15">
      <c r="A15782">
        <v>9221</v>
      </c>
      <c r="B15782" t="s">
        <v>31500</v>
      </c>
      <c r="C15782" t="s">
        <v>31501</v>
      </c>
    </row>
    <row r="15783" spans="1:3" x14ac:dyDescent="0.15">
      <c r="A15783">
        <v>9220</v>
      </c>
      <c r="B15783" t="s">
        <v>31502</v>
      </c>
      <c r="C15783" t="s">
        <v>31503</v>
      </c>
    </row>
    <row r="15784" spans="1:3" x14ac:dyDescent="0.15">
      <c r="A15784">
        <v>9219</v>
      </c>
      <c r="B15784" t="s">
        <v>31504</v>
      </c>
      <c r="C15784" t="s">
        <v>31505</v>
      </c>
    </row>
    <row r="15785" spans="1:3" x14ac:dyDescent="0.15">
      <c r="A15785">
        <v>9218</v>
      </c>
      <c r="B15785" t="s">
        <v>31506</v>
      </c>
      <c r="C15785" t="s">
        <v>31507</v>
      </c>
    </row>
    <row r="15786" spans="1:3" x14ac:dyDescent="0.15">
      <c r="A15786">
        <v>9217</v>
      </c>
      <c r="B15786" t="s">
        <v>31508</v>
      </c>
      <c r="C15786" t="s">
        <v>31509</v>
      </c>
    </row>
    <row r="15787" spans="1:3" x14ac:dyDescent="0.15">
      <c r="A15787">
        <v>9216</v>
      </c>
      <c r="B15787" t="s">
        <v>31510</v>
      </c>
      <c r="C15787" t="s">
        <v>31511</v>
      </c>
    </row>
    <row r="15788" spans="1:3" x14ac:dyDescent="0.15">
      <c r="A15788">
        <v>9215</v>
      </c>
      <c r="B15788" t="s">
        <v>31512</v>
      </c>
      <c r="C15788" t="s">
        <v>31513</v>
      </c>
    </row>
    <row r="15789" spans="1:3" x14ac:dyDescent="0.15">
      <c r="A15789">
        <v>9214</v>
      </c>
      <c r="B15789" t="s">
        <v>31514</v>
      </c>
      <c r="C15789" t="s">
        <v>31515</v>
      </c>
    </row>
    <row r="15790" spans="1:3" x14ac:dyDescent="0.15">
      <c r="A15790">
        <v>9213</v>
      </c>
      <c r="B15790" t="s">
        <v>31516</v>
      </c>
      <c r="C15790" t="s">
        <v>31517</v>
      </c>
    </row>
    <row r="15791" spans="1:3" x14ac:dyDescent="0.15">
      <c r="A15791">
        <v>9212</v>
      </c>
      <c r="B15791" t="s">
        <v>31518</v>
      </c>
      <c r="C15791" t="s">
        <v>31519</v>
      </c>
    </row>
    <row r="15792" spans="1:3" x14ac:dyDescent="0.15">
      <c r="A15792">
        <v>9211</v>
      </c>
      <c r="B15792" t="s">
        <v>31520</v>
      </c>
      <c r="C15792" t="s">
        <v>31521</v>
      </c>
    </row>
    <row r="15793" spans="1:3" x14ac:dyDescent="0.15">
      <c r="A15793">
        <v>9210</v>
      </c>
      <c r="B15793" t="s">
        <v>31522</v>
      </c>
      <c r="C15793" t="s">
        <v>31523</v>
      </c>
    </row>
    <row r="15794" spans="1:3" x14ac:dyDescent="0.15">
      <c r="A15794">
        <v>9209</v>
      </c>
      <c r="B15794" t="s">
        <v>31524</v>
      </c>
      <c r="C15794" t="s">
        <v>31525</v>
      </c>
    </row>
    <row r="15795" spans="1:3" x14ac:dyDescent="0.15">
      <c r="A15795">
        <v>9208</v>
      </c>
      <c r="B15795" t="s">
        <v>31526</v>
      </c>
      <c r="C15795" t="s">
        <v>31527</v>
      </c>
    </row>
    <row r="15796" spans="1:3" x14ac:dyDescent="0.15">
      <c r="A15796">
        <v>9207</v>
      </c>
      <c r="B15796" t="s">
        <v>31528</v>
      </c>
      <c r="C15796" t="s">
        <v>31529</v>
      </c>
    </row>
    <row r="15797" spans="1:3" x14ac:dyDescent="0.15">
      <c r="A15797">
        <v>9206</v>
      </c>
      <c r="B15797" t="s">
        <v>31530</v>
      </c>
      <c r="C15797" t="s">
        <v>31531</v>
      </c>
    </row>
    <row r="15798" spans="1:3" x14ac:dyDescent="0.15">
      <c r="A15798">
        <v>9205</v>
      </c>
      <c r="B15798" t="s">
        <v>31532</v>
      </c>
      <c r="C15798" t="s">
        <v>31533</v>
      </c>
    </row>
    <row r="15799" spans="1:3" x14ac:dyDescent="0.15">
      <c r="A15799">
        <v>9204</v>
      </c>
      <c r="B15799" t="s">
        <v>31534</v>
      </c>
      <c r="C15799" t="s">
        <v>31535</v>
      </c>
    </row>
    <row r="15800" spans="1:3" x14ac:dyDescent="0.15">
      <c r="A15800">
        <v>9203</v>
      </c>
      <c r="B15800" t="s">
        <v>31536</v>
      </c>
      <c r="C15800" t="s">
        <v>31537</v>
      </c>
    </row>
    <row r="15801" spans="1:3" x14ac:dyDescent="0.15">
      <c r="A15801">
        <v>9202</v>
      </c>
      <c r="B15801" t="s">
        <v>31538</v>
      </c>
      <c r="C15801" t="s">
        <v>31539</v>
      </c>
    </row>
    <row r="15802" spans="1:3" x14ac:dyDescent="0.15">
      <c r="A15802">
        <v>9201</v>
      </c>
      <c r="B15802" t="s">
        <v>31540</v>
      </c>
      <c r="C15802" t="s">
        <v>31541</v>
      </c>
    </row>
    <row r="15803" spans="1:3" x14ac:dyDescent="0.15">
      <c r="A15803">
        <v>9200</v>
      </c>
      <c r="B15803" t="s">
        <v>31542</v>
      </c>
      <c r="C15803" t="s">
        <v>31543</v>
      </c>
    </row>
    <row r="15804" spans="1:3" x14ac:dyDescent="0.15">
      <c r="A15804">
        <v>9199</v>
      </c>
      <c r="B15804" t="s">
        <v>31544</v>
      </c>
      <c r="C15804" t="s">
        <v>31545</v>
      </c>
    </row>
    <row r="15805" spans="1:3" x14ac:dyDescent="0.15">
      <c r="A15805">
        <v>9198</v>
      </c>
      <c r="B15805" t="s">
        <v>31546</v>
      </c>
      <c r="C15805" t="s">
        <v>31547</v>
      </c>
    </row>
    <row r="15806" spans="1:3" x14ac:dyDescent="0.15">
      <c r="A15806">
        <v>9197</v>
      </c>
      <c r="B15806" t="s">
        <v>31548</v>
      </c>
      <c r="C15806" t="s">
        <v>31549</v>
      </c>
    </row>
    <row r="15807" spans="1:3" x14ac:dyDescent="0.15">
      <c r="A15807">
        <v>9196</v>
      </c>
      <c r="B15807" t="s">
        <v>31550</v>
      </c>
      <c r="C15807" t="s">
        <v>31551</v>
      </c>
    </row>
    <row r="15808" spans="1:3" x14ac:dyDescent="0.15">
      <c r="A15808">
        <v>9195</v>
      </c>
      <c r="B15808" t="s">
        <v>31552</v>
      </c>
      <c r="C15808" t="s">
        <v>31553</v>
      </c>
    </row>
    <row r="15809" spans="1:3" x14ac:dyDescent="0.15">
      <c r="A15809">
        <v>9194</v>
      </c>
      <c r="B15809" t="s">
        <v>31554</v>
      </c>
      <c r="C15809" t="s">
        <v>31555</v>
      </c>
    </row>
    <row r="15810" spans="1:3" x14ac:dyDescent="0.15">
      <c r="A15810">
        <v>9193</v>
      </c>
      <c r="B15810" t="s">
        <v>31556</v>
      </c>
      <c r="C15810" t="s">
        <v>31557</v>
      </c>
    </row>
    <row r="15811" spans="1:3" x14ac:dyDescent="0.15">
      <c r="A15811">
        <v>9192</v>
      </c>
      <c r="B15811" t="s">
        <v>31558</v>
      </c>
      <c r="C15811" t="s">
        <v>31559</v>
      </c>
    </row>
    <row r="15812" spans="1:3" x14ac:dyDescent="0.15">
      <c r="A15812">
        <v>9191</v>
      </c>
      <c r="B15812" t="s">
        <v>31560</v>
      </c>
      <c r="C15812" t="s">
        <v>31561</v>
      </c>
    </row>
    <row r="15813" spans="1:3" x14ac:dyDescent="0.15">
      <c r="A15813">
        <v>9190</v>
      </c>
      <c r="B15813" t="s">
        <v>31562</v>
      </c>
      <c r="C15813" t="s">
        <v>31563</v>
      </c>
    </row>
    <row r="15814" spans="1:3" x14ac:dyDescent="0.15">
      <c r="A15814">
        <v>9189</v>
      </c>
      <c r="B15814" t="s">
        <v>31564</v>
      </c>
      <c r="C15814" t="s">
        <v>31565</v>
      </c>
    </row>
    <row r="15815" spans="1:3" x14ac:dyDescent="0.15">
      <c r="A15815">
        <v>9188</v>
      </c>
      <c r="B15815" t="s">
        <v>31566</v>
      </c>
      <c r="C15815" t="s">
        <v>31567</v>
      </c>
    </row>
    <row r="15816" spans="1:3" x14ac:dyDescent="0.15">
      <c r="A15816">
        <v>9187</v>
      </c>
      <c r="B15816" t="s">
        <v>31568</v>
      </c>
      <c r="C15816" t="s">
        <v>31569</v>
      </c>
    </row>
    <row r="15817" spans="1:3" x14ac:dyDescent="0.15">
      <c r="A15817">
        <v>9186</v>
      </c>
      <c r="B15817" t="s">
        <v>31570</v>
      </c>
      <c r="C15817" t="s">
        <v>31571</v>
      </c>
    </row>
    <row r="15818" spans="1:3" x14ac:dyDescent="0.15">
      <c r="A15818">
        <v>9185</v>
      </c>
      <c r="B15818" t="s">
        <v>31572</v>
      </c>
      <c r="C15818" t="s">
        <v>31573</v>
      </c>
    </row>
    <row r="15819" spans="1:3" x14ac:dyDescent="0.15">
      <c r="A15819">
        <v>9184</v>
      </c>
      <c r="B15819" t="s">
        <v>31574</v>
      </c>
      <c r="C15819" t="s">
        <v>31575</v>
      </c>
    </row>
    <row r="15820" spans="1:3" x14ac:dyDescent="0.15">
      <c r="A15820">
        <v>9183</v>
      </c>
      <c r="B15820" t="s">
        <v>31576</v>
      </c>
      <c r="C15820" t="s">
        <v>31577</v>
      </c>
    </row>
    <row r="15821" spans="1:3" x14ac:dyDescent="0.15">
      <c r="A15821">
        <v>9182</v>
      </c>
      <c r="B15821" t="s">
        <v>31578</v>
      </c>
      <c r="C15821" t="s">
        <v>31579</v>
      </c>
    </row>
    <row r="15822" spans="1:3" x14ac:dyDescent="0.15">
      <c r="A15822">
        <v>9181</v>
      </c>
      <c r="B15822" t="s">
        <v>31580</v>
      </c>
      <c r="C15822" t="s">
        <v>31581</v>
      </c>
    </row>
    <row r="15823" spans="1:3" x14ac:dyDescent="0.15">
      <c r="A15823">
        <v>9180</v>
      </c>
      <c r="B15823" t="s">
        <v>31582</v>
      </c>
      <c r="C15823" t="s">
        <v>31583</v>
      </c>
    </row>
    <row r="15824" spans="1:3" x14ac:dyDescent="0.15">
      <c r="A15824">
        <v>9179</v>
      </c>
      <c r="B15824" t="s">
        <v>31584</v>
      </c>
      <c r="C15824" t="s">
        <v>31585</v>
      </c>
    </row>
    <row r="15825" spans="1:3" x14ac:dyDescent="0.15">
      <c r="A15825">
        <v>9178</v>
      </c>
      <c r="B15825" t="s">
        <v>31586</v>
      </c>
      <c r="C15825" t="s">
        <v>31587</v>
      </c>
    </row>
    <row r="15826" spans="1:3" x14ac:dyDescent="0.15">
      <c r="A15826">
        <v>9177</v>
      </c>
      <c r="B15826" t="s">
        <v>31588</v>
      </c>
      <c r="C15826" t="s">
        <v>31589</v>
      </c>
    </row>
    <row r="15827" spans="1:3" x14ac:dyDescent="0.15">
      <c r="A15827">
        <v>9176</v>
      </c>
      <c r="B15827" t="s">
        <v>31590</v>
      </c>
      <c r="C15827" t="s">
        <v>31591</v>
      </c>
    </row>
    <row r="15828" spans="1:3" x14ac:dyDescent="0.15">
      <c r="A15828">
        <v>9175</v>
      </c>
      <c r="B15828" t="s">
        <v>31592</v>
      </c>
      <c r="C15828" t="s">
        <v>31593</v>
      </c>
    </row>
    <row r="15829" spans="1:3" x14ac:dyDescent="0.15">
      <c r="A15829">
        <v>9174</v>
      </c>
      <c r="B15829" t="s">
        <v>31594</v>
      </c>
      <c r="C15829" t="s">
        <v>31595</v>
      </c>
    </row>
    <row r="15830" spans="1:3" x14ac:dyDescent="0.15">
      <c r="A15830">
        <v>9173</v>
      </c>
      <c r="B15830" t="s">
        <v>31596</v>
      </c>
      <c r="C15830" t="s">
        <v>31597</v>
      </c>
    </row>
    <row r="15831" spans="1:3" x14ac:dyDescent="0.15">
      <c r="A15831">
        <v>9172</v>
      </c>
      <c r="B15831" t="s">
        <v>31598</v>
      </c>
      <c r="C15831" t="s">
        <v>31599</v>
      </c>
    </row>
    <row r="15832" spans="1:3" x14ac:dyDescent="0.15">
      <c r="A15832">
        <v>9171</v>
      </c>
      <c r="B15832" t="s">
        <v>31600</v>
      </c>
      <c r="C15832" t="s">
        <v>31601</v>
      </c>
    </row>
    <row r="15833" spans="1:3" x14ac:dyDescent="0.15">
      <c r="A15833">
        <v>9170</v>
      </c>
      <c r="B15833" t="s">
        <v>31602</v>
      </c>
      <c r="C15833" t="s">
        <v>31603</v>
      </c>
    </row>
    <row r="15834" spans="1:3" x14ac:dyDescent="0.15">
      <c r="A15834">
        <v>9169</v>
      </c>
      <c r="B15834" t="s">
        <v>31604</v>
      </c>
      <c r="C15834" t="s">
        <v>31605</v>
      </c>
    </row>
    <row r="15835" spans="1:3" x14ac:dyDescent="0.15">
      <c r="A15835">
        <v>9168</v>
      </c>
      <c r="B15835" t="s">
        <v>31606</v>
      </c>
      <c r="C15835" t="s">
        <v>31607</v>
      </c>
    </row>
    <row r="15836" spans="1:3" x14ac:dyDescent="0.15">
      <c r="A15836">
        <v>9167</v>
      </c>
      <c r="B15836" t="s">
        <v>31608</v>
      </c>
      <c r="C15836" t="s">
        <v>31609</v>
      </c>
    </row>
    <row r="15837" spans="1:3" x14ac:dyDescent="0.15">
      <c r="A15837">
        <v>9166</v>
      </c>
      <c r="B15837" t="s">
        <v>31610</v>
      </c>
      <c r="C15837" t="s">
        <v>31611</v>
      </c>
    </row>
    <row r="15838" spans="1:3" x14ac:dyDescent="0.15">
      <c r="A15838">
        <v>9165</v>
      </c>
      <c r="B15838" t="s">
        <v>31612</v>
      </c>
      <c r="C15838" t="s">
        <v>31613</v>
      </c>
    </row>
    <row r="15839" spans="1:3" x14ac:dyDescent="0.15">
      <c r="A15839">
        <v>9164</v>
      </c>
      <c r="B15839" t="s">
        <v>31614</v>
      </c>
      <c r="C15839" t="s">
        <v>31615</v>
      </c>
    </row>
    <row r="15840" spans="1:3" x14ac:dyDescent="0.15">
      <c r="A15840">
        <v>9163</v>
      </c>
      <c r="B15840" t="s">
        <v>31616</v>
      </c>
      <c r="C15840" t="s">
        <v>31617</v>
      </c>
    </row>
    <row r="15841" spans="1:3" x14ac:dyDescent="0.15">
      <c r="A15841">
        <v>9162</v>
      </c>
      <c r="B15841" t="s">
        <v>31618</v>
      </c>
      <c r="C15841" t="s">
        <v>31619</v>
      </c>
    </row>
    <row r="15842" spans="1:3" x14ac:dyDescent="0.15">
      <c r="A15842">
        <v>9161</v>
      </c>
      <c r="B15842" t="s">
        <v>31620</v>
      </c>
      <c r="C15842" t="s">
        <v>31621</v>
      </c>
    </row>
    <row r="15843" spans="1:3" x14ac:dyDescent="0.15">
      <c r="A15843">
        <v>9160</v>
      </c>
      <c r="B15843" t="s">
        <v>31622</v>
      </c>
      <c r="C15843" t="s">
        <v>31623</v>
      </c>
    </row>
    <row r="15844" spans="1:3" x14ac:dyDescent="0.15">
      <c r="A15844">
        <v>9159</v>
      </c>
      <c r="B15844" t="s">
        <v>31624</v>
      </c>
      <c r="C15844" t="s">
        <v>31625</v>
      </c>
    </row>
    <row r="15845" spans="1:3" x14ac:dyDescent="0.15">
      <c r="A15845">
        <v>9158</v>
      </c>
      <c r="B15845" t="s">
        <v>31626</v>
      </c>
      <c r="C15845" t="s">
        <v>31627</v>
      </c>
    </row>
    <row r="15846" spans="1:3" x14ac:dyDescent="0.15">
      <c r="A15846">
        <v>9157</v>
      </c>
      <c r="B15846" t="s">
        <v>31628</v>
      </c>
      <c r="C15846" t="s">
        <v>31629</v>
      </c>
    </row>
    <row r="15847" spans="1:3" x14ac:dyDescent="0.15">
      <c r="A15847">
        <v>9156</v>
      </c>
      <c r="B15847" t="s">
        <v>31630</v>
      </c>
      <c r="C15847" t="s">
        <v>31631</v>
      </c>
    </row>
    <row r="15848" spans="1:3" x14ac:dyDescent="0.15">
      <c r="A15848">
        <v>9155</v>
      </c>
      <c r="B15848" t="s">
        <v>31632</v>
      </c>
      <c r="C15848" t="s">
        <v>31633</v>
      </c>
    </row>
    <row r="15849" spans="1:3" x14ac:dyDescent="0.15">
      <c r="A15849">
        <v>9154</v>
      </c>
      <c r="B15849" t="s">
        <v>31634</v>
      </c>
      <c r="C15849" t="s">
        <v>31635</v>
      </c>
    </row>
    <row r="15850" spans="1:3" x14ac:dyDescent="0.15">
      <c r="A15850">
        <v>9153</v>
      </c>
      <c r="B15850" t="s">
        <v>31636</v>
      </c>
      <c r="C15850" t="s">
        <v>31637</v>
      </c>
    </row>
    <row r="15851" spans="1:3" x14ac:dyDescent="0.15">
      <c r="A15851">
        <v>9152</v>
      </c>
      <c r="B15851" t="s">
        <v>31638</v>
      </c>
      <c r="C15851" t="s">
        <v>31639</v>
      </c>
    </row>
    <row r="15852" spans="1:3" x14ac:dyDescent="0.15">
      <c r="A15852">
        <v>9151</v>
      </c>
      <c r="B15852" t="s">
        <v>31640</v>
      </c>
      <c r="C15852" t="s">
        <v>31641</v>
      </c>
    </row>
    <row r="15853" spans="1:3" x14ac:dyDescent="0.15">
      <c r="A15853">
        <v>9150</v>
      </c>
      <c r="B15853" t="s">
        <v>31642</v>
      </c>
      <c r="C15853" t="s">
        <v>31643</v>
      </c>
    </row>
    <row r="15854" spans="1:3" x14ac:dyDescent="0.15">
      <c r="A15854">
        <v>9149</v>
      </c>
      <c r="B15854" t="s">
        <v>31644</v>
      </c>
      <c r="C15854" t="s">
        <v>31645</v>
      </c>
    </row>
    <row r="15855" spans="1:3" x14ac:dyDescent="0.15">
      <c r="A15855">
        <v>9148</v>
      </c>
      <c r="B15855" t="s">
        <v>31646</v>
      </c>
      <c r="C15855" t="s">
        <v>31647</v>
      </c>
    </row>
    <row r="15856" spans="1:3" x14ac:dyDescent="0.15">
      <c r="A15856">
        <v>9147</v>
      </c>
      <c r="B15856" t="s">
        <v>31648</v>
      </c>
      <c r="C15856" t="s">
        <v>31649</v>
      </c>
    </row>
    <row r="15857" spans="1:3" x14ac:dyDescent="0.15">
      <c r="A15857">
        <v>9146</v>
      </c>
      <c r="B15857" t="s">
        <v>31650</v>
      </c>
      <c r="C15857" t="s">
        <v>31651</v>
      </c>
    </row>
    <row r="15858" spans="1:3" x14ac:dyDescent="0.15">
      <c r="A15858">
        <v>9145</v>
      </c>
      <c r="B15858" t="s">
        <v>31652</v>
      </c>
      <c r="C15858" t="s">
        <v>31653</v>
      </c>
    </row>
    <row r="15859" spans="1:3" x14ac:dyDescent="0.15">
      <c r="A15859">
        <v>9144</v>
      </c>
      <c r="B15859" t="s">
        <v>31654</v>
      </c>
      <c r="C15859" t="s">
        <v>31655</v>
      </c>
    </row>
    <row r="15860" spans="1:3" x14ac:dyDescent="0.15">
      <c r="A15860">
        <v>9143</v>
      </c>
      <c r="B15860" t="s">
        <v>31656</v>
      </c>
      <c r="C15860" t="s">
        <v>31657</v>
      </c>
    </row>
    <row r="15861" spans="1:3" x14ac:dyDescent="0.15">
      <c r="A15861">
        <v>9142</v>
      </c>
      <c r="B15861" t="s">
        <v>31658</v>
      </c>
      <c r="C15861" t="s">
        <v>31659</v>
      </c>
    </row>
    <row r="15862" spans="1:3" x14ac:dyDescent="0.15">
      <c r="A15862">
        <v>9141</v>
      </c>
      <c r="B15862" t="s">
        <v>31660</v>
      </c>
      <c r="C15862" t="s">
        <v>31661</v>
      </c>
    </row>
    <row r="15863" spans="1:3" x14ac:dyDescent="0.15">
      <c r="A15863">
        <v>9140</v>
      </c>
      <c r="B15863" t="s">
        <v>31662</v>
      </c>
      <c r="C15863" t="s">
        <v>31663</v>
      </c>
    </row>
    <row r="15864" spans="1:3" x14ac:dyDescent="0.15">
      <c r="A15864">
        <v>9139</v>
      </c>
      <c r="B15864" t="s">
        <v>31664</v>
      </c>
      <c r="C15864" t="s">
        <v>31665</v>
      </c>
    </row>
    <row r="15865" spans="1:3" x14ac:dyDescent="0.15">
      <c r="A15865">
        <v>9138</v>
      </c>
      <c r="B15865" t="s">
        <v>31666</v>
      </c>
      <c r="C15865" t="s">
        <v>31667</v>
      </c>
    </row>
    <row r="15866" spans="1:3" x14ac:dyDescent="0.15">
      <c r="A15866">
        <v>9137</v>
      </c>
      <c r="B15866" t="s">
        <v>31668</v>
      </c>
      <c r="C15866" t="s">
        <v>31669</v>
      </c>
    </row>
    <row r="15867" spans="1:3" x14ac:dyDescent="0.15">
      <c r="A15867">
        <v>9136</v>
      </c>
      <c r="B15867" t="s">
        <v>31670</v>
      </c>
      <c r="C15867" t="s">
        <v>31671</v>
      </c>
    </row>
    <row r="15868" spans="1:3" x14ac:dyDescent="0.15">
      <c r="A15868">
        <v>9135</v>
      </c>
      <c r="B15868" t="s">
        <v>31672</v>
      </c>
      <c r="C15868" t="s">
        <v>31673</v>
      </c>
    </row>
    <row r="15869" spans="1:3" x14ac:dyDescent="0.15">
      <c r="A15869">
        <v>9134</v>
      </c>
      <c r="B15869" t="s">
        <v>31674</v>
      </c>
      <c r="C15869" t="s">
        <v>31675</v>
      </c>
    </row>
    <row r="15870" spans="1:3" x14ac:dyDescent="0.15">
      <c r="A15870">
        <v>9133</v>
      </c>
      <c r="B15870" t="s">
        <v>31676</v>
      </c>
      <c r="C15870" t="s">
        <v>31677</v>
      </c>
    </row>
    <row r="15871" spans="1:3" x14ac:dyDescent="0.15">
      <c r="A15871">
        <v>9132</v>
      </c>
      <c r="B15871" t="s">
        <v>31678</v>
      </c>
      <c r="C15871" t="s">
        <v>31679</v>
      </c>
    </row>
    <row r="15872" spans="1:3" x14ac:dyDescent="0.15">
      <c r="A15872">
        <v>9131</v>
      </c>
      <c r="B15872" t="s">
        <v>31680</v>
      </c>
      <c r="C15872" t="s">
        <v>31681</v>
      </c>
    </row>
    <row r="15873" spans="1:3" x14ac:dyDescent="0.15">
      <c r="A15873">
        <v>9130</v>
      </c>
      <c r="B15873" t="s">
        <v>31682</v>
      </c>
      <c r="C15873" t="s">
        <v>31683</v>
      </c>
    </row>
    <row r="15874" spans="1:3" x14ac:dyDescent="0.15">
      <c r="A15874">
        <v>9129</v>
      </c>
      <c r="B15874" t="s">
        <v>31684</v>
      </c>
      <c r="C15874" t="s">
        <v>31685</v>
      </c>
    </row>
    <row r="15875" spans="1:3" x14ac:dyDescent="0.15">
      <c r="A15875">
        <v>9128</v>
      </c>
      <c r="B15875" t="s">
        <v>31686</v>
      </c>
      <c r="C15875" t="s">
        <v>31687</v>
      </c>
    </row>
    <row r="15876" spans="1:3" x14ac:dyDescent="0.15">
      <c r="A15876">
        <v>9127</v>
      </c>
      <c r="B15876" t="s">
        <v>31688</v>
      </c>
      <c r="C15876" t="s">
        <v>31689</v>
      </c>
    </row>
    <row r="15877" spans="1:3" x14ac:dyDescent="0.15">
      <c r="A15877">
        <v>9126</v>
      </c>
      <c r="B15877" t="s">
        <v>31690</v>
      </c>
      <c r="C15877" t="s">
        <v>31691</v>
      </c>
    </row>
    <row r="15878" spans="1:3" x14ac:dyDescent="0.15">
      <c r="A15878">
        <v>9125</v>
      </c>
      <c r="B15878" t="s">
        <v>31692</v>
      </c>
      <c r="C15878" t="s">
        <v>31693</v>
      </c>
    </row>
    <row r="15879" spans="1:3" x14ac:dyDescent="0.15">
      <c r="A15879">
        <v>9124</v>
      </c>
      <c r="B15879" t="s">
        <v>31694</v>
      </c>
      <c r="C15879" t="s">
        <v>31695</v>
      </c>
    </row>
    <row r="15880" spans="1:3" x14ac:dyDescent="0.15">
      <c r="A15880">
        <v>9123</v>
      </c>
      <c r="B15880" t="s">
        <v>31696</v>
      </c>
      <c r="C15880" t="s">
        <v>31697</v>
      </c>
    </row>
    <row r="15881" spans="1:3" x14ac:dyDescent="0.15">
      <c r="A15881">
        <v>9122</v>
      </c>
      <c r="B15881" t="s">
        <v>31698</v>
      </c>
      <c r="C15881" t="s">
        <v>31699</v>
      </c>
    </row>
    <row r="15882" spans="1:3" x14ac:dyDescent="0.15">
      <c r="A15882">
        <v>9121</v>
      </c>
      <c r="B15882" t="s">
        <v>31700</v>
      </c>
      <c r="C15882" t="s">
        <v>31701</v>
      </c>
    </row>
    <row r="15883" spans="1:3" x14ac:dyDescent="0.15">
      <c r="A15883">
        <v>9120</v>
      </c>
      <c r="B15883" t="s">
        <v>31702</v>
      </c>
      <c r="C15883" t="s">
        <v>31703</v>
      </c>
    </row>
    <row r="15884" spans="1:3" x14ac:dyDescent="0.15">
      <c r="A15884">
        <v>9119</v>
      </c>
      <c r="B15884" t="s">
        <v>31704</v>
      </c>
      <c r="C15884" t="s">
        <v>31705</v>
      </c>
    </row>
    <row r="15885" spans="1:3" x14ac:dyDescent="0.15">
      <c r="A15885">
        <v>9118</v>
      </c>
      <c r="B15885" t="s">
        <v>31706</v>
      </c>
      <c r="C15885" t="s">
        <v>31707</v>
      </c>
    </row>
    <row r="15886" spans="1:3" x14ac:dyDescent="0.15">
      <c r="A15886">
        <v>9117</v>
      </c>
      <c r="B15886" t="s">
        <v>31708</v>
      </c>
      <c r="C15886" t="s">
        <v>31709</v>
      </c>
    </row>
    <row r="15887" spans="1:3" x14ac:dyDescent="0.15">
      <c r="A15887">
        <v>9116</v>
      </c>
      <c r="B15887" t="s">
        <v>31710</v>
      </c>
      <c r="C15887" t="s">
        <v>31711</v>
      </c>
    </row>
    <row r="15888" spans="1:3" x14ac:dyDescent="0.15">
      <c r="A15888">
        <v>9115</v>
      </c>
      <c r="B15888" t="s">
        <v>31712</v>
      </c>
      <c r="C15888" t="s">
        <v>31713</v>
      </c>
    </row>
    <row r="15889" spans="1:3" x14ac:dyDescent="0.15">
      <c r="A15889">
        <v>9114</v>
      </c>
      <c r="B15889" t="s">
        <v>31714</v>
      </c>
      <c r="C15889" t="s">
        <v>31715</v>
      </c>
    </row>
    <row r="15890" spans="1:3" x14ac:dyDescent="0.15">
      <c r="A15890">
        <v>9113</v>
      </c>
      <c r="B15890" t="s">
        <v>31716</v>
      </c>
      <c r="C15890" t="s">
        <v>31717</v>
      </c>
    </row>
    <row r="15891" spans="1:3" x14ac:dyDescent="0.15">
      <c r="A15891">
        <v>9112</v>
      </c>
      <c r="B15891" t="s">
        <v>31718</v>
      </c>
      <c r="C15891" t="s">
        <v>31719</v>
      </c>
    </row>
    <row r="15892" spans="1:3" x14ac:dyDescent="0.15">
      <c r="A15892">
        <v>9111</v>
      </c>
      <c r="B15892" t="s">
        <v>31720</v>
      </c>
      <c r="C15892" t="s">
        <v>31721</v>
      </c>
    </row>
    <row r="15893" spans="1:3" x14ac:dyDescent="0.15">
      <c r="A15893">
        <v>9110</v>
      </c>
      <c r="B15893" t="s">
        <v>31722</v>
      </c>
      <c r="C15893" t="s">
        <v>31723</v>
      </c>
    </row>
    <row r="15894" spans="1:3" x14ac:dyDescent="0.15">
      <c r="A15894">
        <v>9109</v>
      </c>
      <c r="B15894" t="s">
        <v>31724</v>
      </c>
      <c r="C15894" t="s">
        <v>31725</v>
      </c>
    </row>
    <row r="15895" spans="1:3" x14ac:dyDescent="0.15">
      <c r="A15895">
        <v>9108</v>
      </c>
      <c r="B15895" t="s">
        <v>31726</v>
      </c>
      <c r="C15895" t="s">
        <v>31727</v>
      </c>
    </row>
    <row r="15896" spans="1:3" x14ac:dyDescent="0.15">
      <c r="A15896">
        <v>9107</v>
      </c>
      <c r="B15896" t="s">
        <v>31728</v>
      </c>
      <c r="C15896" t="s">
        <v>31729</v>
      </c>
    </row>
    <row r="15897" spans="1:3" x14ac:dyDescent="0.15">
      <c r="A15897">
        <v>9106</v>
      </c>
      <c r="B15897" t="s">
        <v>31730</v>
      </c>
      <c r="C15897" t="s">
        <v>31731</v>
      </c>
    </row>
    <row r="15898" spans="1:3" x14ac:dyDescent="0.15">
      <c r="A15898">
        <v>9105</v>
      </c>
      <c r="B15898" t="s">
        <v>31732</v>
      </c>
      <c r="C15898" t="s">
        <v>31733</v>
      </c>
    </row>
    <row r="15899" spans="1:3" x14ac:dyDescent="0.15">
      <c r="A15899">
        <v>9104</v>
      </c>
      <c r="B15899" t="s">
        <v>31734</v>
      </c>
      <c r="C15899" t="s">
        <v>31735</v>
      </c>
    </row>
    <row r="15900" spans="1:3" x14ac:dyDescent="0.15">
      <c r="A15900">
        <v>9103</v>
      </c>
      <c r="B15900" t="s">
        <v>31736</v>
      </c>
      <c r="C15900" t="s">
        <v>31737</v>
      </c>
    </row>
    <row r="15901" spans="1:3" x14ac:dyDescent="0.15">
      <c r="A15901">
        <v>9102</v>
      </c>
      <c r="B15901" t="s">
        <v>31738</v>
      </c>
      <c r="C15901" t="s">
        <v>31739</v>
      </c>
    </row>
    <row r="15902" spans="1:3" x14ac:dyDescent="0.15">
      <c r="A15902">
        <v>9101</v>
      </c>
      <c r="B15902" t="s">
        <v>31740</v>
      </c>
      <c r="C15902" t="s">
        <v>31741</v>
      </c>
    </row>
    <row r="15903" spans="1:3" x14ac:dyDescent="0.15">
      <c r="A15903">
        <v>9100</v>
      </c>
      <c r="B15903" t="s">
        <v>31742</v>
      </c>
      <c r="C15903" t="s">
        <v>31743</v>
      </c>
    </row>
    <row r="15904" spans="1:3" x14ac:dyDescent="0.15">
      <c r="A15904">
        <v>9099</v>
      </c>
      <c r="B15904" t="s">
        <v>31744</v>
      </c>
      <c r="C15904" t="s">
        <v>31745</v>
      </c>
    </row>
    <row r="15905" spans="1:3" x14ac:dyDescent="0.15">
      <c r="A15905">
        <v>9098</v>
      </c>
      <c r="B15905" t="s">
        <v>31746</v>
      </c>
      <c r="C15905" t="s">
        <v>31747</v>
      </c>
    </row>
    <row r="15906" spans="1:3" x14ac:dyDescent="0.15">
      <c r="A15906">
        <v>9097</v>
      </c>
      <c r="B15906" t="s">
        <v>31748</v>
      </c>
      <c r="C15906" t="s">
        <v>31749</v>
      </c>
    </row>
    <row r="15907" spans="1:3" x14ac:dyDescent="0.15">
      <c r="A15907">
        <v>9096</v>
      </c>
      <c r="B15907" t="s">
        <v>31750</v>
      </c>
      <c r="C15907" t="s">
        <v>31751</v>
      </c>
    </row>
    <row r="15908" spans="1:3" x14ac:dyDescent="0.15">
      <c r="A15908">
        <v>9095</v>
      </c>
      <c r="B15908" t="s">
        <v>31752</v>
      </c>
      <c r="C15908" t="s">
        <v>31753</v>
      </c>
    </row>
    <row r="15909" spans="1:3" x14ac:dyDescent="0.15">
      <c r="A15909">
        <v>9094</v>
      </c>
      <c r="B15909" t="s">
        <v>31754</v>
      </c>
      <c r="C15909" t="s">
        <v>31755</v>
      </c>
    </row>
    <row r="15910" spans="1:3" x14ac:dyDescent="0.15">
      <c r="A15910">
        <v>9093</v>
      </c>
      <c r="B15910" t="s">
        <v>31756</v>
      </c>
      <c r="C15910" t="s">
        <v>31757</v>
      </c>
    </row>
    <row r="15911" spans="1:3" x14ac:dyDescent="0.15">
      <c r="A15911">
        <v>9092</v>
      </c>
      <c r="B15911" t="s">
        <v>31758</v>
      </c>
      <c r="C15911" t="s">
        <v>31759</v>
      </c>
    </row>
    <row r="15912" spans="1:3" x14ac:dyDescent="0.15">
      <c r="A15912">
        <v>9091</v>
      </c>
      <c r="B15912" t="s">
        <v>31760</v>
      </c>
      <c r="C15912" t="s">
        <v>31761</v>
      </c>
    </row>
    <row r="15913" spans="1:3" x14ac:dyDescent="0.15">
      <c r="A15913">
        <v>9090</v>
      </c>
      <c r="B15913" t="s">
        <v>31762</v>
      </c>
      <c r="C15913" t="s">
        <v>31763</v>
      </c>
    </row>
    <row r="15914" spans="1:3" x14ac:dyDescent="0.15">
      <c r="A15914">
        <v>9089</v>
      </c>
      <c r="B15914" t="s">
        <v>31764</v>
      </c>
      <c r="C15914" t="s">
        <v>31765</v>
      </c>
    </row>
    <row r="15915" spans="1:3" x14ac:dyDescent="0.15">
      <c r="A15915">
        <v>9088</v>
      </c>
      <c r="B15915" t="s">
        <v>31766</v>
      </c>
      <c r="C15915" t="s">
        <v>31767</v>
      </c>
    </row>
    <row r="15916" spans="1:3" x14ac:dyDescent="0.15">
      <c r="A15916">
        <v>9087</v>
      </c>
      <c r="B15916" t="s">
        <v>31768</v>
      </c>
      <c r="C15916" t="s">
        <v>31769</v>
      </c>
    </row>
    <row r="15917" spans="1:3" x14ac:dyDescent="0.15">
      <c r="A15917">
        <v>9086</v>
      </c>
      <c r="B15917" t="s">
        <v>31770</v>
      </c>
      <c r="C15917" t="s">
        <v>31771</v>
      </c>
    </row>
    <row r="15918" spans="1:3" x14ac:dyDescent="0.15">
      <c r="A15918">
        <v>9085</v>
      </c>
      <c r="B15918" t="s">
        <v>31772</v>
      </c>
      <c r="C15918" t="s">
        <v>31773</v>
      </c>
    </row>
    <row r="15919" spans="1:3" x14ac:dyDescent="0.15">
      <c r="A15919">
        <v>9084</v>
      </c>
      <c r="B15919" t="s">
        <v>31774</v>
      </c>
      <c r="C15919" t="s">
        <v>31775</v>
      </c>
    </row>
    <row r="15920" spans="1:3" x14ac:dyDescent="0.15">
      <c r="A15920">
        <v>9083</v>
      </c>
      <c r="B15920" t="s">
        <v>31776</v>
      </c>
      <c r="C15920" t="s">
        <v>31777</v>
      </c>
    </row>
    <row r="15921" spans="1:3" x14ac:dyDescent="0.15">
      <c r="A15921">
        <v>9082</v>
      </c>
      <c r="B15921" t="s">
        <v>31778</v>
      </c>
      <c r="C15921" t="s">
        <v>31779</v>
      </c>
    </row>
    <row r="15922" spans="1:3" x14ac:dyDescent="0.15">
      <c r="A15922">
        <v>9081</v>
      </c>
      <c r="B15922" t="s">
        <v>31780</v>
      </c>
      <c r="C15922" t="s">
        <v>31781</v>
      </c>
    </row>
    <row r="15923" spans="1:3" x14ac:dyDescent="0.15">
      <c r="A15923">
        <v>9080</v>
      </c>
      <c r="B15923" t="s">
        <v>31782</v>
      </c>
      <c r="C15923" t="s">
        <v>31783</v>
      </c>
    </row>
    <row r="15924" spans="1:3" x14ac:dyDescent="0.15">
      <c r="A15924">
        <v>9079</v>
      </c>
      <c r="B15924" t="s">
        <v>31784</v>
      </c>
      <c r="C15924" t="s">
        <v>31785</v>
      </c>
    </row>
    <row r="15925" spans="1:3" x14ac:dyDescent="0.15">
      <c r="A15925">
        <v>9078</v>
      </c>
      <c r="B15925" t="s">
        <v>31786</v>
      </c>
      <c r="C15925" t="s">
        <v>31787</v>
      </c>
    </row>
    <row r="15926" spans="1:3" x14ac:dyDescent="0.15">
      <c r="A15926">
        <v>9077</v>
      </c>
      <c r="B15926" t="s">
        <v>31788</v>
      </c>
      <c r="C15926" t="s">
        <v>31789</v>
      </c>
    </row>
    <row r="15927" spans="1:3" x14ac:dyDescent="0.15">
      <c r="A15927">
        <v>9076</v>
      </c>
      <c r="B15927" t="s">
        <v>31790</v>
      </c>
      <c r="C15927" t="s">
        <v>31791</v>
      </c>
    </row>
    <row r="15928" spans="1:3" x14ac:dyDescent="0.15">
      <c r="A15928">
        <v>9075</v>
      </c>
      <c r="B15928" t="s">
        <v>31792</v>
      </c>
      <c r="C15928" t="s">
        <v>31793</v>
      </c>
    </row>
    <row r="15929" spans="1:3" x14ac:dyDescent="0.15">
      <c r="A15929">
        <v>9074</v>
      </c>
      <c r="B15929" t="s">
        <v>31794</v>
      </c>
      <c r="C15929" t="s">
        <v>31795</v>
      </c>
    </row>
    <row r="15930" spans="1:3" x14ac:dyDescent="0.15">
      <c r="A15930">
        <v>9073</v>
      </c>
      <c r="B15930" t="s">
        <v>31796</v>
      </c>
      <c r="C15930" t="s">
        <v>31797</v>
      </c>
    </row>
    <row r="15931" spans="1:3" x14ac:dyDescent="0.15">
      <c r="A15931">
        <v>9072</v>
      </c>
      <c r="B15931" t="s">
        <v>31798</v>
      </c>
      <c r="C15931" t="s">
        <v>31799</v>
      </c>
    </row>
    <row r="15932" spans="1:3" x14ac:dyDescent="0.15">
      <c r="A15932">
        <v>9071</v>
      </c>
      <c r="B15932" t="s">
        <v>31800</v>
      </c>
      <c r="C15932" t="s">
        <v>31801</v>
      </c>
    </row>
    <row r="15933" spans="1:3" x14ac:dyDescent="0.15">
      <c r="A15933">
        <v>9070</v>
      </c>
      <c r="B15933" t="s">
        <v>31802</v>
      </c>
      <c r="C15933" t="s">
        <v>31803</v>
      </c>
    </row>
    <row r="15934" spans="1:3" x14ac:dyDescent="0.15">
      <c r="A15934">
        <v>9069</v>
      </c>
      <c r="B15934" t="s">
        <v>31804</v>
      </c>
      <c r="C15934" t="s">
        <v>31805</v>
      </c>
    </row>
    <row r="15935" spans="1:3" x14ac:dyDescent="0.15">
      <c r="A15935">
        <v>9068</v>
      </c>
      <c r="B15935" t="s">
        <v>31806</v>
      </c>
      <c r="C15935" t="s">
        <v>31807</v>
      </c>
    </row>
    <row r="15936" spans="1:3" x14ac:dyDescent="0.15">
      <c r="A15936">
        <v>9067</v>
      </c>
      <c r="B15936" t="s">
        <v>31808</v>
      </c>
      <c r="C15936" t="s">
        <v>31809</v>
      </c>
    </row>
    <row r="15937" spans="1:3" x14ac:dyDescent="0.15">
      <c r="A15937">
        <v>9066</v>
      </c>
      <c r="B15937" t="s">
        <v>31810</v>
      </c>
      <c r="C15937" t="s">
        <v>31811</v>
      </c>
    </row>
    <row r="15938" spans="1:3" x14ac:dyDescent="0.15">
      <c r="A15938">
        <v>9065</v>
      </c>
      <c r="B15938" t="s">
        <v>31812</v>
      </c>
      <c r="C15938" t="s">
        <v>31813</v>
      </c>
    </row>
    <row r="15939" spans="1:3" x14ac:dyDescent="0.15">
      <c r="A15939">
        <v>9064</v>
      </c>
      <c r="B15939" t="s">
        <v>31814</v>
      </c>
      <c r="C15939" t="s">
        <v>31815</v>
      </c>
    </row>
    <row r="15940" spans="1:3" x14ac:dyDescent="0.15">
      <c r="A15940">
        <v>9063</v>
      </c>
      <c r="B15940" t="s">
        <v>31816</v>
      </c>
      <c r="C15940" t="s">
        <v>31817</v>
      </c>
    </row>
    <row r="15941" spans="1:3" x14ac:dyDescent="0.15">
      <c r="A15941">
        <v>9062</v>
      </c>
      <c r="B15941" t="s">
        <v>31818</v>
      </c>
      <c r="C15941" t="s">
        <v>31819</v>
      </c>
    </row>
    <row r="15942" spans="1:3" x14ac:dyDescent="0.15">
      <c r="A15942">
        <v>9061</v>
      </c>
      <c r="B15942" t="s">
        <v>31820</v>
      </c>
      <c r="C15942" t="s">
        <v>31821</v>
      </c>
    </row>
    <row r="15943" spans="1:3" x14ac:dyDescent="0.15">
      <c r="A15943">
        <v>9060</v>
      </c>
      <c r="B15943" t="s">
        <v>31822</v>
      </c>
      <c r="C15943" t="s">
        <v>31823</v>
      </c>
    </row>
    <row r="15944" spans="1:3" x14ac:dyDescent="0.15">
      <c r="A15944">
        <v>9059</v>
      </c>
      <c r="B15944" t="s">
        <v>31824</v>
      </c>
      <c r="C15944" t="s">
        <v>31825</v>
      </c>
    </row>
    <row r="15945" spans="1:3" x14ac:dyDescent="0.15">
      <c r="A15945">
        <v>9058</v>
      </c>
      <c r="B15945" t="s">
        <v>31826</v>
      </c>
      <c r="C15945" t="s">
        <v>31827</v>
      </c>
    </row>
    <row r="15946" spans="1:3" x14ac:dyDescent="0.15">
      <c r="A15946">
        <v>9057</v>
      </c>
      <c r="B15946" t="s">
        <v>31828</v>
      </c>
      <c r="C15946" t="s">
        <v>31829</v>
      </c>
    </row>
    <row r="15947" spans="1:3" x14ac:dyDescent="0.15">
      <c r="A15947">
        <v>9056</v>
      </c>
      <c r="B15947" t="s">
        <v>31830</v>
      </c>
      <c r="C15947" t="s">
        <v>31831</v>
      </c>
    </row>
    <row r="15948" spans="1:3" x14ac:dyDescent="0.15">
      <c r="A15948">
        <v>9055</v>
      </c>
      <c r="B15948" t="s">
        <v>31832</v>
      </c>
      <c r="C15948" t="s">
        <v>31833</v>
      </c>
    </row>
    <row r="15949" spans="1:3" x14ac:dyDescent="0.15">
      <c r="A15949">
        <v>9054</v>
      </c>
      <c r="B15949" t="s">
        <v>31834</v>
      </c>
      <c r="C15949" t="s">
        <v>31835</v>
      </c>
    </row>
    <row r="15950" spans="1:3" x14ac:dyDescent="0.15">
      <c r="A15950">
        <v>9053</v>
      </c>
      <c r="B15950" t="s">
        <v>31836</v>
      </c>
      <c r="C15950" t="s">
        <v>31837</v>
      </c>
    </row>
    <row r="15951" spans="1:3" x14ac:dyDescent="0.15">
      <c r="A15951">
        <v>9052</v>
      </c>
      <c r="B15951" t="s">
        <v>31838</v>
      </c>
      <c r="C15951" t="s">
        <v>31839</v>
      </c>
    </row>
    <row r="15952" spans="1:3" x14ac:dyDescent="0.15">
      <c r="A15952">
        <v>9051</v>
      </c>
      <c r="B15952" t="s">
        <v>31840</v>
      </c>
      <c r="C15952" t="s">
        <v>31841</v>
      </c>
    </row>
    <row r="15953" spans="1:3" x14ac:dyDescent="0.15">
      <c r="A15953">
        <v>9050</v>
      </c>
      <c r="B15953" t="s">
        <v>31842</v>
      </c>
      <c r="C15953" t="s">
        <v>31843</v>
      </c>
    </row>
    <row r="15954" spans="1:3" x14ac:dyDescent="0.15">
      <c r="A15954">
        <v>9049</v>
      </c>
      <c r="B15954" t="s">
        <v>31844</v>
      </c>
      <c r="C15954" t="s">
        <v>31845</v>
      </c>
    </row>
    <row r="15955" spans="1:3" x14ac:dyDescent="0.15">
      <c r="A15955">
        <v>9048</v>
      </c>
      <c r="B15955" t="s">
        <v>31846</v>
      </c>
      <c r="C15955" t="s">
        <v>31847</v>
      </c>
    </row>
    <row r="15956" spans="1:3" x14ac:dyDescent="0.15">
      <c r="A15956">
        <v>9047</v>
      </c>
      <c r="B15956" t="s">
        <v>31848</v>
      </c>
      <c r="C15956" t="s">
        <v>31849</v>
      </c>
    </row>
    <row r="15957" spans="1:3" x14ac:dyDescent="0.15">
      <c r="A15957">
        <v>9046</v>
      </c>
      <c r="B15957" t="s">
        <v>31850</v>
      </c>
      <c r="C15957" t="s">
        <v>31851</v>
      </c>
    </row>
    <row r="15958" spans="1:3" x14ac:dyDescent="0.15">
      <c r="A15958">
        <v>9045</v>
      </c>
      <c r="B15958" t="s">
        <v>31852</v>
      </c>
      <c r="C15958" t="s">
        <v>31853</v>
      </c>
    </row>
    <row r="15959" spans="1:3" x14ac:dyDescent="0.15">
      <c r="A15959">
        <v>9044</v>
      </c>
      <c r="B15959" t="s">
        <v>31854</v>
      </c>
      <c r="C15959" t="s">
        <v>31855</v>
      </c>
    </row>
    <row r="15960" spans="1:3" x14ac:dyDescent="0.15">
      <c r="A15960">
        <v>9043</v>
      </c>
      <c r="B15960" t="s">
        <v>31856</v>
      </c>
      <c r="C15960" t="s">
        <v>31857</v>
      </c>
    </row>
    <row r="15961" spans="1:3" x14ac:dyDescent="0.15">
      <c r="A15961">
        <v>9042</v>
      </c>
      <c r="B15961" t="s">
        <v>31858</v>
      </c>
      <c r="C15961" t="s">
        <v>31859</v>
      </c>
    </row>
    <row r="15962" spans="1:3" x14ac:dyDescent="0.15">
      <c r="A15962">
        <v>9041</v>
      </c>
      <c r="B15962" t="s">
        <v>31860</v>
      </c>
      <c r="C15962" t="s">
        <v>31861</v>
      </c>
    </row>
    <row r="15963" spans="1:3" x14ac:dyDescent="0.15">
      <c r="A15963">
        <v>9040</v>
      </c>
      <c r="B15963" t="s">
        <v>31862</v>
      </c>
      <c r="C15963" t="s">
        <v>31863</v>
      </c>
    </row>
    <row r="15964" spans="1:3" x14ac:dyDescent="0.15">
      <c r="A15964">
        <v>9039</v>
      </c>
      <c r="B15964" t="s">
        <v>31864</v>
      </c>
      <c r="C15964" t="s">
        <v>31865</v>
      </c>
    </row>
    <row r="15965" spans="1:3" x14ac:dyDescent="0.15">
      <c r="A15965">
        <v>9038</v>
      </c>
      <c r="B15965" t="s">
        <v>31866</v>
      </c>
      <c r="C15965" t="s">
        <v>31867</v>
      </c>
    </row>
    <row r="15966" spans="1:3" x14ac:dyDescent="0.15">
      <c r="A15966">
        <v>9037</v>
      </c>
      <c r="B15966" t="s">
        <v>31868</v>
      </c>
      <c r="C15966" t="s">
        <v>31869</v>
      </c>
    </row>
    <row r="15967" spans="1:3" x14ac:dyDescent="0.15">
      <c r="A15967">
        <v>9036</v>
      </c>
      <c r="B15967" t="s">
        <v>31870</v>
      </c>
      <c r="C15967" t="s">
        <v>31871</v>
      </c>
    </row>
    <row r="15968" spans="1:3" x14ac:dyDescent="0.15">
      <c r="A15968">
        <v>9035</v>
      </c>
      <c r="B15968" t="s">
        <v>31872</v>
      </c>
      <c r="C15968" t="s">
        <v>31873</v>
      </c>
    </row>
    <row r="15969" spans="1:3" x14ac:dyDescent="0.15">
      <c r="A15969">
        <v>9034</v>
      </c>
      <c r="B15969" t="s">
        <v>31874</v>
      </c>
      <c r="C15969" t="s">
        <v>31875</v>
      </c>
    </row>
    <row r="15970" spans="1:3" x14ac:dyDescent="0.15">
      <c r="A15970">
        <v>9033</v>
      </c>
      <c r="B15970" t="s">
        <v>31876</v>
      </c>
      <c r="C15970" t="s">
        <v>31877</v>
      </c>
    </row>
    <row r="15971" spans="1:3" x14ac:dyDescent="0.15">
      <c r="A15971">
        <v>9032</v>
      </c>
      <c r="B15971" t="s">
        <v>31878</v>
      </c>
      <c r="C15971" t="s">
        <v>31879</v>
      </c>
    </row>
    <row r="15972" spans="1:3" x14ac:dyDescent="0.15">
      <c r="A15972">
        <v>9031</v>
      </c>
      <c r="B15972" t="s">
        <v>31880</v>
      </c>
      <c r="C15972" t="s">
        <v>31881</v>
      </c>
    </row>
    <row r="15973" spans="1:3" x14ac:dyDescent="0.15">
      <c r="A15973">
        <v>9030</v>
      </c>
      <c r="B15973" t="s">
        <v>31882</v>
      </c>
      <c r="C15973" t="s">
        <v>31883</v>
      </c>
    </row>
    <row r="15974" spans="1:3" x14ac:dyDescent="0.15">
      <c r="A15974">
        <v>9029</v>
      </c>
      <c r="B15974" t="s">
        <v>31884</v>
      </c>
      <c r="C15974" t="s">
        <v>31885</v>
      </c>
    </row>
    <row r="15975" spans="1:3" x14ac:dyDescent="0.15">
      <c r="A15975">
        <v>9028</v>
      </c>
      <c r="B15975" t="s">
        <v>31886</v>
      </c>
      <c r="C15975" t="s">
        <v>31887</v>
      </c>
    </row>
    <row r="15976" spans="1:3" x14ac:dyDescent="0.15">
      <c r="A15976">
        <v>9027</v>
      </c>
      <c r="B15976" t="s">
        <v>31888</v>
      </c>
      <c r="C15976" t="s">
        <v>31889</v>
      </c>
    </row>
    <row r="15977" spans="1:3" x14ac:dyDescent="0.15">
      <c r="A15977">
        <v>9026</v>
      </c>
      <c r="B15977" t="s">
        <v>31890</v>
      </c>
      <c r="C15977" t="s">
        <v>31891</v>
      </c>
    </row>
    <row r="15978" spans="1:3" x14ac:dyDescent="0.15">
      <c r="A15978">
        <v>9025</v>
      </c>
      <c r="B15978" t="s">
        <v>31892</v>
      </c>
      <c r="C15978" t="s">
        <v>31893</v>
      </c>
    </row>
    <row r="15979" spans="1:3" x14ac:dyDescent="0.15">
      <c r="A15979">
        <v>9024</v>
      </c>
      <c r="B15979" t="s">
        <v>31894</v>
      </c>
      <c r="C15979" t="s">
        <v>31895</v>
      </c>
    </row>
    <row r="15980" spans="1:3" x14ac:dyDescent="0.15">
      <c r="A15980">
        <v>9023</v>
      </c>
      <c r="B15980" t="s">
        <v>31896</v>
      </c>
      <c r="C15980" t="s">
        <v>31897</v>
      </c>
    </row>
    <row r="15981" spans="1:3" x14ac:dyDescent="0.15">
      <c r="A15981">
        <v>9022</v>
      </c>
      <c r="B15981" t="s">
        <v>31898</v>
      </c>
      <c r="C15981" t="s">
        <v>31899</v>
      </c>
    </row>
    <row r="15982" spans="1:3" x14ac:dyDescent="0.15">
      <c r="A15982">
        <v>9021</v>
      </c>
      <c r="B15982" t="s">
        <v>31900</v>
      </c>
      <c r="C15982" t="s">
        <v>31901</v>
      </c>
    </row>
    <row r="15983" spans="1:3" x14ac:dyDescent="0.15">
      <c r="A15983">
        <v>9020</v>
      </c>
      <c r="B15983" t="s">
        <v>31902</v>
      </c>
      <c r="C15983" t="s">
        <v>31903</v>
      </c>
    </row>
    <row r="15984" spans="1:3" x14ac:dyDescent="0.15">
      <c r="A15984">
        <v>9019</v>
      </c>
      <c r="B15984" t="s">
        <v>31904</v>
      </c>
      <c r="C15984" t="s">
        <v>31905</v>
      </c>
    </row>
    <row r="15985" spans="1:3" x14ac:dyDescent="0.15">
      <c r="A15985">
        <v>9018</v>
      </c>
      <c r="B15985" t="s">
        <v>31906</v>
      </c>
      <c r="C15985" t="s">
        <v>31907</v>
      </c>
    </row>
    <row r="15986" spans="1:3" x14ac:dyDescent="0.15">
      <c r="A15986">
        <v>9017</v>
      </c>
      <c r="B15986" t="s">
        <v>31908</v>
      </c>
      <c r="C15986" t="s">
        <v>31909</v>
      </c>
    </row>
    <row r="15987" spans="1:3" x14ac:dyDescent="0.15">
      <c r="A15987">
        <v>9016</v>
      </c>
      <c r="B15987" t="s">
        <v>31910</v>
      </c>
      <c r="C15987" t="s">
        <v>31911</v>
      </c>
    </row>
    <row r="15988" spans="1:3" x14ac:dyDescent="0.15">
      <c r="A15988">
        <v>9015</v>
      </c>
      <c r="B15988" t="s">
        <v>31912</v>
      </c>
      <c r="C15988" t="s">
        <v>31913</v>
      </c>
    </row>
    <row r="15989" spans="1:3" x14ac:dyDescent="0.15">
      <c r="A15989">
        <v>9014</v>
      </c>
      <c r="B15989" t="s">
        <v>31914</v>
      </c>
      <c r="C15989" t="s">
        <v>31915</v>
      </c>
    </row>
    <row r="15990" spans="1:3" x14ac:dyDescent="0.15">
      <c r="A15990">
        <v>9013</v>
      </c>
      <c r="B15990" t="s">
        <v>31916</v>
      </c>
      <c r="C15990" t="s">
        <v>31917</v>
      </c>
    </row>
    <row r="15991" spans="1:3" x14ac:dyDescent="0.15">
      <c r="A15991">
        <v>9012</v>
      </c>
      <c r="B15991" t="s">
        <v>31918</v>
      </c>
      <c r="C15991" t="s">
        <v>31919</v>
      </c>
    </row>
    <row r="15992" spans="1:3" x14ac:dyDescent="0.15">
      <c r="A15992">
        <v>9011</v>
      </c>
      <c r="B15992" t="s">
        <v>31920</v>
      </c>
      <c r="C15992" t="s">
        <v>31921</v>
      </c>
    </row>
    <row r="15993" spans="1:3" x14ac:dyDescent="0.15">
      <c r="A15993">
        <v>9010</v>
      </c>
      <c r="B15993" t="s">
        <v>31922</v>
      </c>
      <c r="C15993" t="s">
        <v>31923</v>
      </c>
    </row>
    <row r="15994" spans="1:3" x14ac:dyDescent="0.15">
      <c r="A15994">
        <v>9009</v>
      </c>
      <c r="B15994" t="s">
        <v>31924</v>
      </c>
      <c r="C15994" t="s">
        <v>31925</v>
      </c>
    </row>
    <row r="15995" spans="1:3" x14ac:dyDescent="0.15">
      <c r="A15995">
        <v>9008</v>
      </c>
      <c r="B15995" t="s">
        <v>31926</v>
      </c>
      <c r="C15995" t="s">
        <v>31927</v>
      </c>
    </row>
    <row r="15996" spans="1:3" x14ac:dyDescent="0.15">
      <c r="A15996">
        <v>9007</v>
      </c>
      <c r="B15996" t="s">
        <v>31928</v>
      </c>
      <c r="C15996" t="s">
        <v>31929</v>
      </c>
    </row>
    <row r="15997" spans="1:3" x14ac:dyDescent="0.15">
      <c r="A15997">
        <v>9006</v>
      </c>
      <c r="B15997" t="s">
        <v>31930</v>
      </c>
      <c r="C15997" t="s">
        <v>31931</v>
      </c>
    </row>
    <row r="15998" spans="1:3" x14ac:dyDescent="0.15">
      <c r="A15998">
        <v>9005</v>
      </c>
      <c r="B15998" t="s">
        <v>31932</v>
      </c>
      <c r="C15998" t="s">
        <v>31933</v>
      </c>
    </row>
    <row r="15999" spans="1:3" x14ac:dyDescent="0.15">
      <c r="A15999">
        <v>9004</v>
      </c>
      <c r="B15999" t="s">
        <v>31934</v>
      </c>
      <c r="C15999" t="s">
        <v>31935</v>
      </c>
    </row>
    <row r="16000" spans="1:3" x14ac:dyDescent="0.15">
      <c r="A16000">
        <v>9003</v>
      </c>
      <c r="B16000" t="s">
        <v>31936</v>
      </c>
      <c r="C16000" t="s">
        <v>31937</v>
      </c>
    </row>
    <row r="16001" spans="1:3" x14ac:dyDescent="0.15">
      <c r="A16001">
        <v>9002</v>
      </c>
      <c r="B16001" t="s">
        <v>31938</v>
      </c>
      <c r="C16001" t="s">
        <v>31939</v>
      </c>
    </row>
    <row r="16002" spans="1:3" x14ac:dyDescent="0.15">
      <c r="A16002">
        <v>9001</v>
      </c>
      <c r="B16002" t="s">
        <v>31940</v>
      </c>
      <c r="C16002" t="s">
        <v>31941</v>
      </c>
    </row>
    <row r="16003" spans="1:3" x14ac:dyDescent="0.15">
      <c r="A16003">
        <v>9000</v>
      </c>
      <c r="B16003" t="s">
        <v>31942</v>
      </c>
      <c r="C16003" t="s">
        <v>31943</v>
      </c>
    </row>
    <row r="16004" spans="1:3" x14ac:dyDescent="0.15">
      <c r="A16004">
        <v>8999</v>
      </c>
      <c r="B16004" t="s">
        <v>31944</v>
      </c>
      <c r="C16004" t="s">
        <v>31945</v>
      </c>
    </row>
    <row r="16005" spans="1:3" x14ac:dyDescent="0.15">
      <c r="A16005">
        <v>8998</v>
      </c>
      <c r="B16005" t="s">
        <v>31946</v>
      </c>
      <c r="C16005" t="s">
        <v>31947</v>
      </c>
    </row>
    <row r="16006" spans="1:3" x14ac:dyDescent="0.15">
      <c r="A16006">
        <v>8997</v>
      </c>
      <c r="B16006" t="s">
        <v>31948</v>
      </c>
      <c r="C16006" t="s">
        <v>31949</v>
      </c>
    </row>
    <row r="16007" spans="1:3" x14ac:dyDescent="0.15">
      <c r="A16007">
        <v>8996</v>
      </c>
      <c r="B16007" t="s">
        <v>31950</v>
      </c>
      <c r="C16007" t="s">
        <v>31951</v>
      </c>
    </row>
    <row r="16008" spans="1:3" x14ac:dyDescent="0.15">
      <c r="A16008">
        <v>8995</v>
      </c>
      <c r="B16008" t="s">
        <v>31952</v>
      </c>
      <c r="C16008" t="s">
        <v>31953</v>
      </c>
    </row>
    <row r="16009" spans="1:3" x14ac:dyDescent="0.15">
      <c r="A16009">
        <v>8994</v>
      </c>
      <c r="B16009" t="s">
        <v>31954</v>
      </c>
      <c r="C16009" t="s">
        <v>31955</v>
      </c>
    </row>
    <row r="16010" spans="1:3" x14ac:dyDescent="0.15">
      <c r="A16010">
        <v>8993</v>
      </c>
      <c r="B16010" t="s">
        <v>31956</v>
      </c>
      <c r="C16010" t="s">
        <v>31957</v>
      </c>
    </row>
    <row r="16011" spans="1:3" x14ac:dyDescent="0.15">
      <c r="A16011">
        <v>8992</v>
      </c>
      <c r="B16011" t="s">
        <v>31958</v>
      </c>
      <c r="C16011" t="s">
        <v>31959</v>
      </c>
    </row>
    <row r="16012" spans="1:3" x14ac:dyDescent="0.15">
      <c r="A16012">
        <v>8991</v>
      </c>
      <c r="B16012" t="s">
        <v>31960</v>
      </c>
      <c r="C16012" t="s">
        <v>31961</v>
      </c>
    </row>
    <row r="16013" spans="1:3" x14ac:dyDescent="0.15">
      <c r="A16013">
        <v>8990</v>
      </c>
      <c r="B16013" t="s">
        <v>31962</v>
      </c>
      <c r="C16013" t="s">
        <v>31963</v>
      </c>
    </row>
    <row r="16014" spans="1:3" x14ac:dyDescent="0.15">
      <c r="A16014">
        <v>8989</v>
      </c>
      <c r="B16014" t="s">
        <v>31964</v>
      </c>
      <c r="C16014" t="s">
        <v>31965</v>
      </c>
    </row>
    <row r="16015" spans="1:3" x14ac:dyDescent="0.15">
      <c r="A16015">
        <v>8988</v>
      </c>
      <c r="B16015" t="s">
        <v>31966</v>
      </c>
      <c r="C16015" t="s">
        <v>31967</v>
      </c>
    </row>
    <row r="16016" spans="1:3" x14ac:dyDescent="0.15">
      <c r="A16016">
        <v>8987</v>
      </c>
      <c r="B16016" t="s">
        <v>31968</v>
      </c>
      <c r="C16016" t="s">
        <v>31969</v>
      </c>
    </row>
    <row r="16017" spans="1:3" x14ac:dyDescent="0.15">
      <c r="A16017">
        <v>8986</v>
      </c>
      <c r="B16017" t="s">
        <v>31970</v>
      </c>
      <c r="C16017" t="s">
        <v>31971</v>
      </c>
    </row>
    <row r="16018" spans="1:3" x14ac:dyDescent="0.15">
      <c r="A16018">
        <v>8985</v>
      </c>
      <c r="B16018" t="s">
        <v>31972</v>
      </c>
      <c r="C16018" t="s">
        <v>31973</v>
      </c>
    </row>
    <row r="16019" spans="1:3" x14ac:dyDescent="0.15">
      <c r="A16019">
        <v>8984</v>
      </c>
      <c r="B16019" t="s">
        <v>31974</v>
      </c>
      <c r="C16019" t="s">
        <v>31975</v>
      </c>
    </row>
    <row r="16020" spans="1:3" x14ac:dyDescent="0.15">
      <c r="A16020">
        <v>8983</v>
      </c>
      <c r="B16020" t="s">
        <v>31976</v>
      </c>
      <c r="C16020" t="s">
        <v>31977</v>
      </c>
    </row>
    <row r="16021" spans="1:3" x14ac:dyDescent="0.15">
      <c r="A16021">
        <v>8982</v>
      </c>
      <c r="B16021" t="s">
        <v>31978</v>
      </c>
      <c r="C16021" t="s">
        <v>31979</v>
      </c>
    </row>
    <row r="16022" spans="1:3" x14ac:dyDescent="0.15">
      <c r="A16022">
        <v>8981</v>
      </c>
      <c r="B16022" t="s">
        <v>31980</v>
      </c>
      <c r="C16022" t="s">
        <v>31981</v>
      </c>
    </row>
    <row r="16023" spans="1:3" x14ac:dyDescent="0.15">
      <c r="A16023">
        <v>8980</v>
      </c>
      <c r="B16023" t="s">
        <v>31982</v>
      </c>
      <c r="C16023" t="s">
        <v>31983</v>
      </c>
    </row>
    <row r="16024" spans="1:3" x14ac:dyDescent="0.15">
      <c r="A16024">
        <v>8979</v>
      </c>
      <c r="B16024" t="s">
        <v>31984</v>
      </c>
      <c r="C16024" t="s">
        <v>31985</v>
      </c>
    </row>
    <row r="16025" spans="1:3" x14ac:dyDescent="0.15">
      <c r="A16025">
        <v>8978</v>
      </c>
      <c r="B16025" t="s">
        <v>31986</v>
      </c>
      <c r="C16025" t="s">
        <v>31987</v>
      </c>
    </row>
    <row r="16026" spans="1:3" x14ac:dyDescent="0.15">
      <c r="A16026">
        <v>8977</v>
      </c>
      <c r="B16026" t="s">
        <v>31988</v>
      </c>
      <c r="C16026" t="s">
        <v>31989</v>
      </c>
    </row>
    <row r="16027" spans="1:3" x14ac:dyDescent="0.15">
      <c r="A16027">
        <v>8976</v>
      </c>
      <c r="B16027" t="s">
        <v>31990</v>
      </c>
      <c r="C16027" t="s">
        <v>31991</v>
      </c>
    </row>
    <row r="16028" spans="1:3" x14ac:dyDescent="0.15">
      <c r="A16028">
        <v>8975</v>
      </c>
      <c r="B16028" t="s">
        <v>31992</v>
      </c>
      <c r="C16028" t="s">
        <v>31993</v>
      </c>
    </row>
    <row r="16029" spans="1:3" x14ac:dyDescent="0.15">
      <c r="A16029">
        <v>8974</v>
      </c>
      <c r="B16029" t="s">
        <v>31994</v>
      </c>
      <c r="C16029" t="s">
        <v>31995</v>
      </c>
    </row>
    <row r="16030" spans="1:3" x14ac:dyDescent="0.15">
      <c r="A16030">
        <v>8973</v>
      </c>
      <c r="B16030" t="s">
        <v>31996</v>
      </c>
      <c r="C16030" t="s">
        <v>31997</v>
      </c>
    </row>
    <row r="16031" spans="1:3" x14ac:dyDescent="0.15">
      <c r="A16031">
        <v>8972</v>
      </c>
      <c r="B16031" t="s">
        <v>31998</v>
      </c>
      <c r="C16031" t="s">
        <v>31999</v>
      </c>
    </row>
    <row r="16032" spans="1:3" x14ac:dyDescent="0.15">
      <c r="A16032">
        <v>8971</v>
      </c>
      <c r="B16032" t="s">
        <v>32000</v>
      </c>
      <c r="C16032" t="s">
        <v>32001</v>
      </c>
    </row>
    <row r="16033" spans="1:3" x14ac:dyDescent="0.15">
      <c r="A16033">
        <v>8970</v>
      </c>
      <c r="B16033" t="s">
        <v>32002</v>
      </c>
      <c r="C16033" t="s">
        <v>32003</v>
      </c>
    </row>
    <row r="16034" spans="1:3" x14ac:dyDescent="0.15">
      <c r="A16034">
        <v>8969</v>
      </c>
      <c r="B16034" t="s">
        <v>32004</v>
      </c>
      <c r="C16034" t="s">
        <v>32005</v>
      </c>
    </row>
    <row r="16035" spans="1:3" x14ac:dyDescent="0.15">
      <c r="A16035">
        <v>8968</v>
      </c>
      <c r="B16035" t="s">
        <v>32006</v>
      </c>
      <c r="C16035" t="s">
        <v>32007</v>
      </c>
    </row>
    <row r="16036" spans="1:3" x14ac:dyDescent="0.15">
      <c r="A16036">
        <v>8967</v>
      </c>
      <c r="B16036" t="s">
        <v>32008</v>
      </c>
      <c r="C16036" t="s">
        <v>32009</v>
      </c>
    </row>
    <row r="16037" spans="1:3" x14ac:dyDescent="0.15">
      <c r="A16037">
        <v>8966</v>
      </c>
      <c r="B16037" t="s">
        <v>32010</v>
      </c>
      <c r="C16037" t="s">
        <v>32011</v>
      </c>
    </row>
    <row r="16038" spans="1:3" x14ac:dyDescent="0.15">
      <c r="A16038">
        <v>8965</v>
      </c>
      <c r="B16038" t="s">
        <v>32012</v>
      </c>
      <c r="C16038" t="s">
        <v>32013</v>
      </c>
    </row>
    <row r="16039" spans="1:3" x14ac:dyDescent="0.15">
      <c r="A16039">
        <v>8964</v>
      </c>
      <c r="B16039" t="s">
        <v>32014</v>
      </c>
      <c r="C16039" t="s">
        <v>491</v>
      </c>
    </row>
    <row r="16040" spans="1:3" x14ac:dyDescent="0.15">
      <c r="A16040">
        <v>8963</v>
      </c>
      <c r="B16040" t="s">
        <v>32015</v>
      </c>
      <c r="C16040" t="s">
        <v>32016</v>
      </c>
    </row>
    <row r="16041" spans="1:3" x14ac:dyDescent="0.15">
      <c r="A16041">
        <v>8962</v>
      </c>
      <c r="B16041" t="s">
        <v>32017</v>
      </c>
      <c r="C16041" t="s">
        <v>32018</v>
      </c>
    </row>
    <row r="16042" spans="1:3" x14ac:dyDescent="0.15">
      <c r="A16042">
        <v>8961</v>
      </c>
      <c r="B16042" t="s">
        <v>32019</v>
      </c>
      <c r="C16042" t="s">
        <v>32020</v>
      </c>
    </row>
    <row r="16043" spans="1:3" x14ac:dyDescent="0.15">
      <c r="A16043">
        <v>8960</v>
      </c>
      <c r="B16043" t="s">
        <v>32021</v>
      </c>
      <c r="C16043" t="s">
        <v>32022</v>
      </c>
    </row>
    <row r="16044" spans="1:3" x14ac:dyDescent="0.15">
      <c r="A16044">
        <v>8959</v>
      </c>
      <c r="B16044" t="s">
        <v>32023</v>
      </c>
      <c r="C16044" t="s">
        <v>32024</v>
      </c>
    </row>
    <row r="16045" spans="1:3" x14ac:dyDescent="0.15">
      <c r="A16045">
        <v>8958</v>
      </c>
      <c r="B16045" t="s">
        <v>32025</v>
      </c>
      <c r="C16045" t="s">
        <v>32026</v>
      </c>
    </row>
    <row r="16046" spans="1:3" x14ac:dyDescent="0.15">
      <c r="A16046">
        <v>8957</v>
      </c>
      <c r="B16046" t="s">
        <v>32027</v>
      </c>
      <c r="C16046" t="s">
        <v>32028</v>
      </c>
    </row>
    <row r="16047" spans="1:3" x14ac:dyDescent="0.15">
      <c r="A16047">
        <v>8956</v>
      </c>
      <c r="B16047" t="s">
        <v>32029</v>
      </c>
      <c r="C16047" t="s">
        <v>32030</v>
      </c>
    </row>
    <row r="16048" spans="1:3" x14ac:dyDescent="0.15">
      <c r="A16048">
        <v>8955</v>
      </c>
      <c r="B16048" t="s">
        <v>32031</v>
      </c>
      <c r="C16048" t="s">
        <v>32032</v>
      </c>
    </row>
    <row r="16049" spans="1:3" x14ac:dyDescent="0.15">
      <c r="A16049">
        <v>8954</v>
      </c>
      <c r="B16049" t="s">
        <v>32033</v>
      </c>
      <c r="C16049" t="s">
        <v>32034</v>
      </c>
    </row>
    <row r="16050" spans="1:3" x14ac:dyDescent="0.15">
      <c r="A16050">
        <v>8953</v>
      </c>
      <c r="B16050" t="s">
        <v>32035</v>
      </c>
      <c r="C16050" t="s">
        <v>32036</v>
      </c>
    </row>
    <row r="16051" spans="1:3" x14ac:dyDescent="0.15">
      <c r="A16051">
        <v>8952</v>
      </c>
      <c r="B16051" t="s">
        <v>32037</v>
      </c>
      <c r="C16051" t="s">
        <v>32038</v>
      </c>
    </row>
    <row r="16052" spans="1:3" x14ac:dyDescent="0.15">
      <c r="A16052">
        <v>8951</v>
      </c>
      <c r="B16052" t="s">
        <v>32039</v>
      </c>
      <c r="C16052" t="s">
        <v>32040</v>
      </c>
    </row>
    <row r="16053" spans="1:3" x14ac:dyDescent="0.15">
      <c r="A16053">
        <v>8950</v>
      </c>
      <c r="B16053" t="s">
        <v>32041</v>
      </c>
      <c r="C16053" t="s">
        <v>32042</v>
      </c>
    </row>
    <row r="16054" spans="1:3" x14ac:dyDescent="0.15">
      <c r="A16054">
        <v>8949</v>
      </c>
      <c r="B16054" t="s">
        <v>32043</v>
      </c>
      <c r="C16054" t="s">
        <v>32044</v>
      </c>
    </row>
    <row r="16055" spans="1:3" x14ac:dyDescent="0.15">
      <c r="A16055">
        <v>8948</v>
      </c>
      <c r="B16055" t="s">
        <v>32045</v>
      </c>
      <c r="C16055" t="s">
        <v>32046</v>
      </c>
    </row>
    <row r="16056" spans="1:3" x14ac:dyDescent="0.15">
      <c r="A16056">
        <v>8947</v>
      </c>
      <c r="B16056" t="s">
        <v>32047</v>
      </c>
      <c r="C16056" t="s">
        <v>32048</v>
      </c>
    </row>
    <row r="16057" spans="1:3" x14ac:dyDescent="0.15">
      <c r="A16057">
        <v>8946</v>
      </c>
      <c r="B16057" t="s">
        <v>32049</v>
      </c>
      <c r="C16057" t="s">
        <v>32050</v>
      </c>
    </row>
    <row r="16058" spans="1:3" x14ac:dyDescent="0.15">
      <c r="A16058">
        <v>8945</v>
      </c>
      <c r="B16058" t="s">
        <v>32051</v>
      </c>
      <c r="C16058" t="s">
        <v>32052</v>
      </c>
    </row>
    <row r="16059" spans="1:3" x14ac:dyDescent="0.15">
      <c r="A16059">
        <v>8944</v>
      </c>
      <c r="B16059" t="s">
        <v>32053</v>
      </c>
      <c r="C16059" t="s">
        <v>32054</v>
      </c>
    </row>
    <row r="16060" spans="1:3" x14ac:dyDescent="0.15">
      <c r="A16060">
        <v>8943</v>
      </c>
      <c r="B16060" t="s">
        <v>32055</v>
      </c>
      <c r="C16060" t="s">
        <v>32056</v>
      </c>
    </row>
    <row r="16061" spans="1:3" x14ac:dyDescent="0.15">
      <c r="A16061">
        <v>8942</v>
      </c>
      <c r="B16061" t="s">
        <v>32057</v>
      </c>
      <c r="C16061" t="s">
        <v>32058</v>
      </c>
    </row>
    <row r="16062" spans="1:3" x14ac:dyDescent="0.15">
      <c r="A16062">
        <v>8941</v>
      </c>
      <c r="B16062" t="s">
        <v>32059</v>
      </c>
      <c r="C16062" t="s">
        <v>32060</v>
      </c>
    </row>
    <row r="16063" spans="1:3" x14ac:dyDescent="0.15">
      <c r="A16063">
        <v>8940</v>
      </c>
      <c r="B16063" t="s">
        <v>32061</v>
      </c>
      <c r="C16063" t="s">
        <v>32062</v>
      </c>
    </row>
    <row r="16064" spans="1:3" x14ac:dyDescent="0.15">
      <c r="A16064">
        <v>8939</v>
      </c>
      <c r="B16064" t="s">
        <v>32063</v>
      </c>
      <c r="C16064" t="s">
        <v>32064</v>
      </c>
    </row>
    <row r="16065" spans="1:3" x14ac:dyDescent="0.15">
      <c r="A16065">
        <v>8938</v>
      </c>
      <c r="B16065" t="s">
        <v>32065</v>
      </c>
      <c r="C16065" t="s">
        <v>32066</v>
      </c>
    </row>
    <row r="16066" spans="1:3" x14ac:dyDescent="0.15">
      <c r="A16066">
        <v>8937</v>
      </c>
      <c r="B16066" t="s">
        <v>32067</v>
      </c>
      <c r="C16066" t="s">
        <v>32068</v>
      </c>
    </row>
    <row r="16067" spans="1:3" x14ac:dyDescent="0.15">
      <c r="A16067">
        <v>8936</v>
      </c>
      <c r="B16067" t="s">
        <v>32069</v>
      </c>
      <c r="C16067" t="s">
        <v>32070</v>
      </c>
    </row>
    <row r="16068" spans="1:3" x14ac:dyDescent="0.15">
      <c r="A16068">
        <v>8935</v>
      </c>
      <c r="B16068" t="s">
        <v>32071</v>
      </c>
      <c r="C16068" t="s">
        <v>32072</v>
      </c>
    </row>
    <row r="16069" spans="1:3" x14ac:dyDescent="0.15">
      <c r="A16069">
        <v>8934</v>
      </c>
      <c r="B16069" t="s">
        <v>32073</v>
      </c>
      <c r="C16069" t="s">
        <v>32074</v>
      </c>
    </row>
    <row r="16070" spans="1:3" x14ac:dyDescent="0.15">
      <c r="A16070">
        <v>8933</v>
      </c>
      <c r="B16070" t="s">
        <v>32075</v>
      </c>
      <c r="C16070" t="s">
        <v>32076</v>
      </c>
    </row>
    <row r="16071" spans="1:3" x14ac:dyDescent="0.15">
      <c r="A16071">
        <v>8932</v>
      </c>
      <c r="B16071" t="s">
        <v>32077</v>
      </c>
      <c r="C16071" t="s">
        <v>32078</v>
      </c>
    </row>
    <row r="16072" spans="1:3" x14ac:dyDescent="0.15">
      <c r="A16072">
        <v>8931</v>
      </c>
      <c r="B16072" t="s">
        <v>32079</v>
      </c>
      <c r="C16072" t="s">
        <v>32080</v>
      </c>
    </row>
    <row r="16073" spans="1:3" x14ac:dyDescent="0.15">
      <c r="A16073">
        <v>8930</v>
      </c>
      <c r="B16073" t="s">
        <v>32081</v>
      </c>
      <c r="C16073" t="s">
        <v>32082</v>
      </c>
    </row>
    <row r="16074" spans="1:3" x14ac:dyDescent="0.15">
      <c r="A16074">
        <v>8929</v>
      </c>
      <c r="B16074" t="s">
        <v>32083</v>
      </c>
      <c r="C16074" t="s">
        <v>32084</v>
      </c>
    </row>
    <row r="16075" spans="1:3" x14ac:dyDescent="0.15">
      <c r="A16075">
        <v>8928</v>
      </c>
      <c r="B16075" t="s">
        <v>32085</v>
      </c>
      <c r="C16075" t="s">
        <v>32086</v>
      </c>
    </row>
    <row r="16076" spans="1:3" x14ac:dyDescent="0.15">
      <c r="A16076">
        <v>8927</v>
      </c>
      <c r="B16076" t="s">
        <v>32087</v>
      </c>
      <c r="C16076" t="s">
        <v>32088</v>
      </c>
    </row>
    <row r="16077" spans="1:3" x14ac:dyDescent="0.15">
      <c r="A16077">
        <v>8926</v>
      </c>
      <c r="B16077" t="s">
        <v>32089</v>
      </c>
      <c r="C16077" t="s">
        <v>32090</v>
      </c>
    </row>
    <row r="16078" spans="1:3" x14ac:dyDescent="0.15">
      <c r="A16078">
        <v>8925</v>
      </c>
      <c r="B16078" t="s">
        <v>32091</v>
      </c>
      <c r="C16078" t="s">
        <v>32092</v>
      </c>
    </row>
    <row r="16079" spans="1:3" x14ac:dyDescent="0.15">
      <c r="A16079">
        <v>8924</v>
      </c>
      <c r="B16079" t="s">
        <v>32093</v>
      </c>
      <c r="C16079" t="s">
        <v>32094</v>
      </c>
    </row>
    <row r="16080" spans="1:3" x14ac:dyDescent="0.15">
      <c r="A16080">
        <v>8923</v>
      </c>
      <c r="B16080" t="s">
        <v>32095</v>
      </c>
      <c r="C16080" t="s">
        <v>32096</v>
      </c>
    </row>
    <row r="16081" spans="1:3" x14ac:dyDescent="0.15">
      <c r="A16081">
        <v>8922</v>
      </c>
      <c r="B16081" t="s">
        <v>32097</v>
      </c>
      <c r="C16081" t="s">
        <v>32098</v>
      </c>
    </row>
    <row r="16082" spans="1:3" x14ac:dyDescent="0.15">
      <c r="A16082">
        <v>8921</v>
      </c>
      <c r="B16082" t="s">
        <v>32099</v>
      </c>
      <c r="C16082" t="s">
        <v>32100</v>
      </c>
    </row>
    <row r="16083" spans="1:3" x14ac:dyDescent="0.15">
      <c r="A16083">
        <v>8920</v>
      </c>
      <c r="B16083" t="s">
        <v>32101</v>
      </c>
      <c r="C16083" t="s">
        <v>32102</v>
      </c>
    </row>
    <row r="16084" spans="1:3" x14ac:dyDescent="0.15">
      <c r="A16084">
        <v>8919</v>
      </c>
      <c r="B16084" t="s">
        <v>32103</v>
      </c>
      <c r="C16084" t="s">
        <v>32104</v>
      </c>
    </row>
    <row r="16085" spans="1:3" x14ac:dyDescent="0.15">
      <c r="A16085">
        <v>8918</v>
      </c>
      <c r="B16085" t="s">
        <v>32105</v>
      </c>
      <c r="C16085" t="s">
        <v>32106</v>
      </c>
    </row>
    <row r="16086" spans="1:3" x14ac:dyDescent="0.15">
      <c r="A16086">
        <v>8917</v>
      </c>
      <c r="B16086" t="s">
        <v>32107</v>
      </c>
      <c r="C16086" t="s">
        <v>32108</v>
      </c>
    </row>
    <row r="16087" spans="1:3" x14ac:dyDescent="0.15">
      <c r="A16087">
        <v>8916</v>
      </c>
      <c r="B16087" t="s">
        <v>32109</v>
      </c>
      <c r="C16087" t="s">
        <v>32110</v>
      </c>
    </row>
    <row r="16088" spans="1:3" x14ac:dyDescent="0.15">
      <c r="A16088">
        <v>8915</v>
      </c>
      <c r="B16088" t="s">
        <v>32111</v>
      </c>
      <c r="C16088" t="s">
        <v>32112</v>
      </c>
    </row>
    <row r="16089" spans="1:3" x14ac:dyDescent="0.15">
      <c r="A16089">
        <v>8914</v>
      </c>
      <c r="B16089" t="s">
        <v>32113</v>
      </c>
      <c r="C16089" t="s">
        <v>32114</v>
      </c>
    </row>
    <row r="16090" spans="1:3" x14ac:dyDescent="0.15">
      <c r="A16090">
        <v>8913</v>
      </c>
      <c r="B16090" t="s">
        <v>32115</v>
      </c>
      <c r="C16090" t="s">
        <v>32116</v>
      </c>
    </row>
    <row r="16091" spans="1:3" x14ac:dyDescent="0.15">
      <c r="A16091">
        <v>8912</v>
      </c>
      <c r="B16091" t="s">
        <v>32117</v>
      </c>
      <c r="C16091" t="s">
        <v>32118</v>
      </c>
    </row>
    <row r="16092" spans="1:3" x14ac:dyDescent="0.15">
      <c r="A16092">
        <v>8911</v>
      </c>
      <c r="B16092" t="s">
        <v>32119</v>
      </c>
      <c r="C16092" t="s">
        <v>32120</v>
      </c>
    </row>
    <row r="16093" spans="1:3" x14ac:dyDescent="0.15">
      <c r="A16093">
        <v>8910</v>
      </c>
      <c r="B16093" t="s">
        <v>32121</v>
      </c>
      <c r="C16093" t="s">
        <v>32122</v>
      </c>
    </row>
    <row r="16094" spans="1:3" x14ac:dyDescent="0.15">
      <c r="A16094">
        <v>8909</v>
      </c>
      <c r="B16094" t="s">
        <v>32123</v>
      </c>
      <c r="C16094" t="s">
        <v>32124</v>
      </c>
    </row>
    <row r="16095" spans="1:3" x14ac:dyDescent="0.15">
      <c r="A16095">
        <v>8908</v>
      </c>
      <c r="B16095" t="s">
        <v>32125</v>
      </c>
      <c r="C16095" t="s">
        <v>32126</v>
      </c>
    </row>
    <row r="16096" spans="1:3" x14ac:dyDescent="0.15">
      <c r="A16096">
        <v>8907</v>
      </c>
      <c r="B16096" t="s">
        <v>32127</v>
      </c>
      <c r="C16096" t="s">
        <v>32128</v>
      </c>
    </row>
    <row r="16097" spans="1:3" x14ac:dyDescent="0.15">
      <c r="A16097">
        <v>8906</v>
      </c>
      <c r="B16097" t="s">
        <v>32129</v>
      </c>
      <c r="C16097" t="s">
        <v>32130</v>
      </c>
    </row>
    <row r="16098" spans="1:3" x14ac:dyDescent="0.15">
      <c r="A16098">
        <v>8905</v>
      </c>
      <c r="B16098" t="s">
        <v>32131</v>
      </c>
      <c r="C16098" t="s">
        <v>32132</v>
      </c>
    </row>
    <row r="16099" spans="1:3" x14ac:dyDescent="0.15">
      <c r="A16099">
        <v>8904</v>
      </c>
      <c r="B16099" t="s">
        <v>32133</v>
      </c>
      <c r="C16099" t="s">
        <v>32134</v>
      </c>
    </row>
    <row r="16100" spans="1:3" x14ac:dyDescent="0.15">
      <c r="A16100">
        <v>8903</v>
      </c>
      <c r="B16100" t="s">
        <v>32135</v>
      </c>
      <c r="C16100" t="s">
        <v>32136</v>
      </c>
    </row>
    <row r="16101" spans="1:3" x14ac:dyDescent="0.15">
      <c r="A16101">
        <v>8902</v>
      </c>
      <c r="B16101" t="s">
        <v>32137</v>
      </c>
      <c r="C16101" t="s">
        <v>32138</v>
      </c>
    </row>
    <row r="16102" spans="1:3" x14ac:dyDescent="0.15">
      <c r="A16102">
        <v>8901</v>
      </c>
      <c r="B16102" t="s">
        <v>32139</v>
      </c>
      <c r="C16102" t="s">
        <v>32140</v>
      </c>
    </row>
    <row r="16103" spans="1:3" x14ac:dyDescent="0.15">
      <c r="A16103">
        <v>8900</v>
      </c>
      <c r="B16103" t="s">
        <v>32141</v>
      </c>
      <c r="C16103" t="s">
        <v>32142</v>
      </c>
    </row>
    <row r="16104" spans="1:3" x14ac:dyDescent="0.15">
      <c r="A16104">
        <v>8899</v>
      </c>
      <c r="B16104" t="s">
        <v>32143</v>
      </c>
      <c r="C16104" t="s">
        <v>32144</v>
      </c>
    </row>
    <row r="16105" spans="1:3" x14ac:dyDescent="0.15">
      <c r="A16105">
        <v>8898</v>
      </c>
      <c r="B16105" t="s">
        <v>32145</v>
      </c>
      <c r="C16105" t="s">
        <v>32146</v>
      </c>
    </row>
    <row r="16106" spans="1:3" x14ac:dyDescent="0.15">
      <c r="A16106">
        <v>8897</v>
      </c>
      <c r="B16106" t="s">
        <v>32147</v>
      </c>
      <c r="C16106" t="s">
        <v>32148</v>
      </c>
    </row>
    <row r="16107" spans="1:3" x14ac:dyDescent="0.15">
      <c r="A16107">
        <v>8896</v>
      </c>
      <c r="B16107" t="s">
        <v>32149</v>
      </c>
      <c r="C16107" t="s">
        <v>32150</v>
      </c>
    </row>
    <row r="16108" spans="1:3" x14ac:dyDescent="0.15">
      <c r="A16108">
        <v>8895</v>
      </c>
      <c r="B16108" t="s">
        <v>32151</v>
      </c>
      <c r="C16108" t="s">
        <v>32152</v>
      </c>
    </row>
    <row r="16109" spans="1:3" x14ac:dyDescent="0.15">
      <c r="A16109">
        <v>8894</v>
      </c>
      <c r="B16109" t="s">
        <v>32153</v>
      </c>
      <c r="C16109" t="s">
        <v>32154</v>
      </c>
    </row>
    <row r="16110" spans="1:3" x14ac:dyDescent="0.15">
      <c r="A16110">
        <v>8893</v>
      </c>
      <c r="B16110" t="s">
        <v>32155</v>
      </c>
      <c r="C16110" t="s">
        <v>32156</v>
      </c>
    </row>
    <row r="16111" spans="1:3" x14ac:dyDescent="0.15">
      <c r="A16111">
        <v>8892</v>
      </c>
      <c r="B16111" t="s">
        <v>32157</v>
      </c>
      <c r="C16111" t="s">
        <v>32158</v>
      </c>
    </row>
    <row r="16112" spans="1:3" x14ac:dyDescent="0.15">
      <c r="A16112">
        <v>8891</v>
      </c>
      <c r="B16112" t="s">
        <v>32159</v>
      </c>
      <c r="C16112" t="s">
        <v>32160</v>
      </c>
    </row>
    <row r="16113" spans="1:3" x14ac:dyDescent="0.15">
      <c r="A16113">
        <v>8890</v>
      </c>
      <c r="B16113" t="s">
        <v>32161</v>
      </c>
      <c r="C16113" t="s">
        <v>32162</v>
      </c>
    </row>
    <row r="16114" spans="1:3" x14ac:dyDescent="0.15">
      <c r="A16114">
        <v>8889</v>
      </c>
      <c r="B16114" t="s">
        <v>32163</v>
      </c>
      <c r="C16114" t="s">
        <v>32164</v>
      </c>
    </row>
    <row r="16115" spans="1:3" x14ac:dyDescent="0.15">
      <c r="A16115">
        <v>8888</v>
      </c>
      <c r="B16115" t="s">
        <v>32165</v>
      </c>
      <c r="C16115" t="s">
        <v>32166</v>
      </c>
    </row>
    <row r="16116" spans="1:3" x14ac:dyDescent="0.15">
      <c r="A16116">
        <v>8887</v>
      </c>
      <c r="B16116" t="s">
        <v>32167</v>
      </c>
      <c r="C16116" t="s">
        <v>32168</v>
      </c>
    </row>
    <row r="16117" spans="1:3" x14ac:dyDescent="0.15">
      <c r="A16117">
        <v>8886</v>
      </c>
      <c r="B16117" t="s">
        <v>32169</v>
      </c>
      <c r="C16117" t="s">
        <v>32170</v>
      </c>
    </row>
    <row r="16118" spans="1:3" x14ac:dyDescent="0.15">
      <c r="A16118">
        <v>8885</v>
      </c>
      <c r="B16118" t="s">
        <v>32171</v>
      </c>
      <c r="C16118" t="s">
        <v>32172</v>
      </c>
    </row>
    <row r="16119" spans="1:3" x14ac:dyDescent="0.15">
      <c r="A16119">
        <v>8884</v>
      </c>
      <c r="B16119" t="s">
        <v>32173</v>
      </c>
      <c r="C16119" t="s">
        <v>32174</v>
      </c>
    </row>
    <row r="16120" spans="1:3" x14ac:dyDescent="0.15">
      <c r="A16120">
        <v>8883</v>
      </c>
      <c r="B16120" t="s">
        <v>32175</v>
      </c>
      <c r="C16120" t="s">
        <v>32176</v>
      </c>
    </row>
    <row r="16121" spans="1:3" x14ac:dyDescent="0.15">
      <c r="A16121">
        <v>8882</v>
      </c>
      <c r="B16121" t="s">
        <v>32177</v>
      </c>
      <c r="C16121" t="s">
        <v>32178</v>
      </c>
    </row>
    <row r="16122" spans="1:3" x14ac:dyDescent="0.15">
      <c r="A16122">
        <v>8881</v>
      </c>
      <c r="B16122" t="s">
        <v>32179</v>
      </c>
      <c r="C16122" t="s">
        <v>32180</v>
      </c>
    </row>
    <row r="16123" spans="1:3" x14ac:dyDescent="0.15">
      <c r="A16123">
        <v>8880</v>
      </c>
      <c r="B16123" t="s">
        <v>32181</v>
      </c>
      <c r="C16123" t="s">
        <v>32182</v>
      </c>
    </row>
    <row r="16124" spans="1:3" x14ac:dyDescent="0.15">
      <c r="A16124">
        <v>8879</v>
      </c>
      <c r="B16124" t="s">
        <v>32183</v>
      </c>
      <c r="C16124" t="s">
        <v>32184</v>
      </c>
    </row>
    <row r="16125" spans="1:3" x14ac:dyDescent="0.15">
      <c r="A16125">
        <v>8878</v>
      </c>
      <c r="B16125" t="s">
        <v>32185</v>
      </c>
      <c r="C16125" t="s">
        <v>32186</v>
      </c>
    </row>
    <row r="16126" spans="1:3" x14ac:dyDescent="0.15">
      <c r="A16126">
        <v>8877</v>
      </c>
      <c r="B16126" t="s">
        <v>32187</v>
      </c>
      <c r="C16126" t="s">
        <v>32188</v>
      </c>
    </row>
    <row r="16127" spans="1:3" x14ac:dyDescent="0.15">
      <c r="A16127">
        <v>8876</v>
      </c>
      <c r="B16127" t="s">
        <v>32189</v>
      </c>
      <c r="C16127" t="s">
        <v>32190</v>
      </c>
    </row>
    <row r="16128" spans="1:3" x14ac:dyDescent="0.15">
      <c r="A16128">
        <v>8875</v>
      </c>
      <c r="B16128" t="s">
        <v>32191</v>
      </c>
      <c r="C16128" t="s">
        <v>32192</v>
      </c>
    </row>
    <row r="16129" spans="1:3" x14ac:dyDescent="0.15">
      <c r="A16129">
        <v>8874</v>
      </c>
      <c r="B16129" t="s">
        <v>32193</v>
      </c>
      <c r="C16129" t="s">
        <v>32194</v>
      </c>
    </row>
    <row r="16130" spans="1:3" x14ac:dyDescent="0.15">
      <c r="A16130">
        <v>8873</v>
      </c>
      <c r="B16130" t="s">
        <v>32195</v>
      </c>
      <c r="C16130" t="s">
        <v>32196</v>
      </c>
    </row>
    <row r="16131" spans="1:3" x14ac:dyDescent="0.15">
      <c r="A16131">
        <v>8872</v>
      </c>
      <c r="B16131" t="s">
        <v>32197</v>
      </c>
      <c r="C16131" t="s">
        <v>32198</v>
      </c>
    </row>
    <row r="16132" spans="1:3" x14ac:dyDescent="0.15">
      <c r="A16132">
        <v>8871</v>
      </c>
      <c r="B16132" t="s">
        <v>32199</v>
      </c>
      <c r="C16132" t="s">
        <v>32200</v>
      </c>
    </row>
    <row r="16133" spans="1:3" x14ac:dyDescent="0.15">
      <c r="A16133">
        <v>8870</v>
      </c>
      <c r="B16133" t="s">
        <v>32201</v>
      </c>
      <c r="C16133" t="s">
        <v>32202</v>
      </c>
    </row>
    <row r="16134" spans="1:3" x14ac:dyDescent="0.15">
      <c r="A16134">
        <v>8869</v>
      </c>
      <c r="B16134" t="s">
        <v>32203</v>
      </c>
      <c r="C16134" t="s">
        <v>32204</v>
      </c>
    </row>
    <row r="16135" spans="1:3" x14ac:dyDescent="0.15">
      <c r="A16135">
        <v>8868</v>
      </c>
      <c r="B16135" t="s">
        <v>32205</v>
      </c>
      <c r="C16135" t="s">
        <v>32206</v>
      </c>
    </row>
    <row r="16136" spans="1:3" x14ac:dyDescent="0.15">
      <c r="A16136">
        <v>8867</v>
      </c>
      <c r="B16136" t="s">
        <v>32207</v>
      </c>
      <c r="C16136" t="s">
        <v>32208</v>
      </c>
    </row>
    <row r="16137" spans="1:3" x14ac:dyDescent="0.15">
      <c r="A16137">
        <v>8866</v>
      </c>
      <c r="B16137" t="s">
        <v>32209</v>
      </c>
      <c r="C16137" t="s">
        <v>32210</v>
      </c>
    </row>
    <row r="16138" spans="1:3" x14ac:dyDescent="0.15">
      <c r="A16138">
        <v>8865</v>
      </c>
      <c r="B16138" t="s">
        <v>32211</v>
      </c>
      <c r="C16138" t="s">
        <v>32212</v>
      </c>
    </row>
    <row r="16139" spans="1:3" x14ac:dyDescent="0.15">
      <c r="A16139">
        <v>8864</v>
      </c>
      <c r="B16139" t="s">
        <v>32213</v>
      </c>
      <c r="C16139" t="s">
        <v>32214</v>
      </c>
    </row>
    <row r="16140" spans="1:3" x14ac:dyDescent="0.15">
      <c r="A16140">
        <v>8863</v>
      </c>
      <c r="B16140" t="s">
        <v>32215</v>
      </c>
      <c r="C16140" t="s">
        <v>32216</v>
      </c>
    </row>
    <row r="16141" spans="1:3" x14ac:dyDescent="0.15">
      <c r="A16141">
        <v>8862</v>
      </c>
      <c r="B16141" t="s">
        <v>32217</v>
      </c>
      <c r="C16141" t="s">
        <v>32218</v>
      </c>
    </row>
    <row r="16142" spans="1:3" x14ac:dyDescent="0.15">
      <c r="A16142">
        <v>8861</v>
      </c>
      <c r="B16142" t="s">
        <v>32219</v>
      </c>
      <c r="C16142" t="s">
        <v>32220</v>
      </c>
    </row>
    <row r="16143" spans="1:3" x14ac:dyDescent="0.15">
      <c r="A16143">
        <v>8860</v>
      </c>
      <c r="B16143" t="s">
        <v>32221</v>
      </c>
      <c r="C16143" t="s">
        <v>32222</v>
      </c>
    </row>
    <row r="16144" spans="1:3" x14ac:dyDescent="0.15">
      <c r="A16144">
        <v>8859</v>
      </c>
      <c r="B16144" t="s">
        <v>32223</v>
      </c>
      <c r="C16144" t="s">
        <v>32224</v>
      </c>
    </row>
    <row r="16145" spans="1:3" x14ac:dyDescent="0.15">
      <c r="A16145">
        <v>8858</v>
      </c>
      <c r="B16145" t="s">
        <v>32225</v>
      </c>
      <c r="C16145" t="s">
        <v>32226</v>
      </c>
    </row>
    <row r="16146" spans="1:3" x14ac:dyDescent="0.15">
      <c r="A16146">
        <v>8857</v>
      </c>
      <c r="B16146" t="s">
        <v>32227</v>
      </c>
      <c r="C16146" t="s">
        <v>32228</v>
      </c>
    </row>
    <row r="16147" spans="1:3" x14ac:dyDescent="0.15">
      <c r="A16147">
        <v>8856</v>
      </c>
      <c r="B16147" t="s">
        <v>32229</v>
      </c>
      <c r="C16147" t="s">
        <v>32230</v>
      </c>
    </row>
    <row r="16148" spans="1:3" x14ac:dyDescent="0.15">
      <c r="A16148">
        <v>8855</v>
      </c>
      <c r="B16148" t="s">
        <v>32231</v>
      </c>
      <c r="C16148" t="s">
        <v>32232</v>
      </c>
    </row>
    <row r="16149" spans="1:3" x14ac:dyDescent="0.15">
      <c r="A16149">
        <v>8854</v>
      </c>
      <c r="B16149" t="s">
        <v>32233</v>
      </c>
      <c r="C16149" t="s">
        <v>32234</v>
      </c>
    </row>
    <row r="16150" spans="1:3" x14ac:dyDescent="0.15">
      <c r="A16150">
        <v>8853</v>
      </c>
      <c r="B16150" t="s">
        <v>32235</v>
      </c>
      <c r="C16150" t="s">
        <v>32236</v>
      </c>
    </row>
    <row r="16151" spans="1:3" x14ac:dyDescent="0.15">
      <c r="A16151">
        <v>8852</v>
      </c>
      <c r="B16151" t="s">
        <v>32237</v>
      </c>
      <c r="C16151" t="s">
        <v>32238</v>
      </c>
    </row>
    <row r="16152" spans="1:3" x14ac:dyDescent="0.15">
      <c r="A16152">
        <v>8851</v>
      </c>
      <c r="B16152" t="s">
        <v>32239</v>
      </c>
      <c r="C16152" t="s">
        <v>32240</v>
      </c>
    </row>
    <row r="16153" spans="1:3" x14ac:dyDescent="0.15">
      <c r="A16153">
        <v>8850</v>
      </c>
      <c r="B16153" t="s">
        <v>32241</v>
      </c>
      <c r="C16153" t="s">
        <v>32242</v>
      </c>
    </row>
    <row r="16154" spans="1:3" x14ac:dyDescent="0.15">
      <c r="A16154">
        <v>8849</v>
      </c>
      <c r="B16154" t="s">
        <v>32243</v>
      </c>
      <c r="C16154" t="s">
        <v>32244</v>
      </c>
    </row>
    <row r="16155" spans="1:3" x14ac:dyDescent="0.15">
      <c r="A16155">
        <v>8848</v>
      </c>
      <c r="B16155" t="s">
        <v>32245</v>
      </c>
      <c r="C16155" t="s">
        <v>32246</v>
      </c>
    </row>
    <row r="16156" spans="1:3" x14ac:dyDescent="0.15">
      <c r="A16156">
        <v>8847</v>
      </c>
      <c r="B16156" t="s">
        <v>32247</v>
      </c>
      <c r="C16156" t="s">
        <v>32248</v>
      </c>
    </row>
    <row r="16157" spans="1:3" x14ac:dyDescent="0.15">
      <c r="A16157">
        <v>8846</v>
      </c>
      <c r="B16157" t="s">
        <v>32249</v>
      </c>
      <c r="C16157" t="s">
        <v>32250</v>
      </c>
    </row>
    <row r="16158" spans="1:3" x14ac:dyDescent="0.15">
      <c r="A16158">
        <v>8845</v>
      </c>
      <c r="B16158" t="s">
        <v>32251</v>
      </c>
      <c r="C16158" t="s">
        <v>32252</v>
      </c>
    </row>
    <row r="16159" spans="1:3" x14ac:dyDescent="0.15">
      <c r="A16159">
        <v>8844</v>
      </c>
      <c r="B16159" t="s">
        <v>32253</v>
      </c>
      <c r="C16159" t="s">
        <v>32254</v>
      </c>
    </row>
    <row r="16160" spans="1:3" x14ac:dyDescent="0.15">
      <c r="A16160">
        <v>8843</v>
      </c>
      <c r="B16160" t="s">
        <v>32255</v>
      </c>
      <c r="C16160" t="s">
        <v>32256</v>
      </c>
    </row>
    <row r="16161" spans="1:3" x14ac:dyDescent="0.15">
      <c r="A16161">
        <v>8842</v>
      </c>
      <c r="B16161" t="s">
        <v>32257</v>
      </c>
      <c r="C16161" t="s">
        <v>32258</v>
      </c>
    </row>
    <row r="16162" spans="1:3" x14ac:dyDescent="0.15">
      <c r="A16162">
        <v>8841</v>
      </c>
      <c r="B16162" t="s">
        <v>32259</v>
      </c>
      <c r="C16162" t="s">
        <v>32260</v>
      </c>
    </row>
    <row r="16163" spans="1:3" x14ac:dyDescent="0.15">
      <c r="A16163">
        <v>8840</v>
      </c>
      <c r="B16163" t="s">
        <v>32261</v>
      </c>
      <c r="C16163" t="s">
        <v>32262</v>
      </c>
    </row>
    <row r="16164" spans="1:3" x14ac:dyDescent="0.15">
      <c r="A16164">
        <v>8839</v>
      </c>
      <c r="B16164" t="s">
        <v>32263</v>
      </c>
      <c r="C16164" t="s">
        <v>32264</v>
      </c>
    </row>
    <row r="16165" spans="1:3" x14ac:dyDescent="0.15">
      <c r="A16165">
        <v>8838</v>
      </c>
      <c r="B16165" t="s">
        <v>32265</v>
      </c>
      <c r="C16165" t="s">
        <v>32266</v>
      </c>
    </row>
    <row r="16166" spans="1:3" x14ac:dyDescent="0.15">
      <c r="A16166">
        <v>8837</v>
      </c>
      <c r="B16166" t="s">
        <v>32267</v>
      </c>
      <c r="C16166" t="s">
        <v>32268</v>
      </c>
    </row>
    <row r="16167" spans="1:3" x14ac:dyDescent="0.15">
      <c r="A16167">
        <v>8836</v>
      </c>
      <c r="B16167" t="s">
        <v>32269</v>
      </c>
      <c r="C16167" t="s">
        <v>32270</v>
      </c>
    </row>
    <row r="16168" spans="1:3" x14ac:dyDescent="0.15">
      <c r="A16168">
        <v>8835</v>
      </c>
      <c r="B16168" t="s">
        <v>32271</v>
      </c>
      <c r="C16168" t="s">
        <v>32272</v>
      </c>
    </row>
    <row r="16169" spans="1:3" x14ac:dyDescent="0.15">
      <c r="A16169">
        <v>8834</v>
      </c>
      <c r="B16169" t="s">
        <v>32273</v>
      </c>
      <c r="C16169" t="s">
        <v>32274</v>
      </c>
    </row>
    <row r="16170" spans="1:3" x14ac:dyDescent="0.15">
      <c r="A16170">
        <v>8833</v>
      </c>
      <c r="B16170" t="s">
        <v>32275</v>
      </c>
      <c r="C16170" t="s">
        <v>32276</v>
      </c>
    </row>
    <row r="16171" spans="1:3" x14ac:dyDescent="0.15">
      <c r="A16171">
        <v>8832</v>
      </c>
      <c r="B16171" t="s">
        <v>32277</v>
      </c>
      <c r="C16171" t="s">
        <v>32278</v>
      </c>
    </row>
    <row r="16172" spans="1:3" x14ac:dyDescent="0.15">
      <c r="A16172">
        <v>8831</v>
      </c>
      <c r="B16172" t="s">
        <v>32279</v>
      </c>
      <c r="C16172" t="s">
        <v>32280</v>
      </c>
    </row>
    <row r="16173" spans="1:3" x14ac:dyDescent="0.15">
      <c r="A16173">
        <v>8830</v>
      </c>
      <c r="B16173" t="s">
        <v>32281</v>
      </c>
      <c r="C16173" t="s">
        <v>32282</v>
      </c>
    </row>
    <row r="16174" spans="1:3" x14ac:dyDescent="0.15">
      <c r="A16174">
        <v>8829</v>
      </c>
      <c r="B16174" t="s">
        <v>32283</v>
      </c>
      <c r="C16174" t="s">
        <v>32284</v>
      </c>
    </row>
    <row r="16175" spans="1:3" x14ac:dyDescent="0.15">
      <c r="A16175">
        <v>8828</v>
      </c>
      <c r="B16175" t="s">
        <v>32285</v>
      </c>
      <c r="C16175" t="s">
        <v>32286</v>
      </c>
    </row>
    <row r="16176" spans="1:3" x14ac:dyDescent="0.15">
      <c r="A16176">
        <v>8827</v>
      </c>
      <c r="B16176" t="s">
        <v>32287</v>
      </c>
      <c r="C16176" t="s">
        <v>32288</v>
      </c>
    </row>
    <row r="16177" spans="1:3" x14ac:dyDescent="0.15">
      <c r="A16177">
        <v>8826</v>
      </c>
      <c r="B16177" t="s">
        <v>32289</v>
      </c>
      <c r="C16177" t="s">
        <v>32290</v>
      </c>
    </row>
    <row r="16178" spans="1:3" x14ac:dyDescent="0.15">
      <c r="A16178">
        <v>8825</v>
      </c>
      <c r="B16178" t="s">
        <v>32291</v>
      </c>
      <c r="C16178" t="s">
        <v>32292</v>
      </c>
    </row>
    <row r="16179" spans="1:3" x14ac:dyDescent="0.15">
      <c r="A16179">
        <v>8824</v>
      </c>
      <c r="B16179" t="s">
        <v>32293</v>
      </c>
      <c r="C16179" t="s">
        <v>32294</v>
      </c>
    </row>
    <row r="16180" spans="1:3" x14ac:dyDescent="0.15">
      <c r="A16180">
        <v>8823</v>
      </c>
      <c r="B16180" t="s">
        <v>32295</v>
      </c>
      <c r="C16180" t="s">
        <v>32296</v>
      </c>
    </row>
    <row r="16181" spans="1:3" x14ac:dyDescent="0.15">
      <c r="A16181">
        <v>8822</v>
      </c>
      <c r="B16181" t="s">
        <v>32297</v>
      </c>
      <c r="C16181" t="s">
        <v>32298</v>
      </c>
    </row>
    <row r="16182" spans="1:3" x14ac:dyDescent="0.15">
      <c r="A16182">
        <v>8821</v>
      </c>
      <c r="B16182" t="s">
        <v>32299</v>
      </c>
      <c r="C16182" t="s">
        <v>32300</v>
      </c>
    </row>
    <row r="16183" spans="1:3" x14ac:dyDescent="0.15">
      <c r="A16183">
        <v>8820</v>
      </c>
      <c r="B16183" t="s">
        <v>32301</v>
      </c>
      <c r="C16183" t="s">
        <v>32302</v>
      </c>
    </row>
    <row r="16184" spans="1:3" x14ac:dyDescent="0.15">
      <c r="A16184">
        <v>8819</v>
      </c>
      <c r="B16184" t="s">
        <v>32303</v>
      </c>
      <c r="C16184" t="s">
        <v>32304</v>
      </c>
    </row>
    <row r="16185" spans="1:3" x14ac:dyDescent="0.15">
      <c r="A16185">
        <v>8818</v>
      </c>
      <c r="B16185" t="s">
        <v>32305</v>
      </c>
      <c r="C16185" t="s">
        <v>32306</v>
      </c>
    </row>
    <row r="16186" spans="1:3" x14ac:dyDescent="0.15">
      <c r="A16186">
        <v>8817</v>
      </c>
      <c r="B16186" t="s">
        <v>32307</v>
      </c>
      <c r="C16186" t="s">
        <v>32308</v>
      </c>
    </row>
    <row r="16187" spans="1:3" x14ac:dyDescent="0.15">
      <c r="A16187">
        <v>8816</v>
      </c>
      <c r="B16187" t="s">
        <v>32309</v>
      </c>
      <c r="C16187" t="s">
        <v>32310</v>
      </c>
    </row>
    <row r="16188" spans="1:3" x14ac:dyDescent="0.15">
      <c r="A16188">
        <v>8815</v>
      </c>
      <c r="B16188" t="s">
        <v>32311</v>
      </c>
      <c r="C16188" t="s">
        <v>32312</v>
      </c>
    </row>
    <row r="16189" spans="1:3" x14ac:dyDescent="0.15">
      <c r="A16189">
        <v>8814</v>
      </c>
      <c r="B16189" t="s">
        <v>32313</v>
      </c>
      <c r="C16189" t="s">
        <v>32314</v>
      </c>
    </row>
    <row r="16190" spans="1:3" x14ac:dyDescent="0.15">
      <c r="A16190">
        <v>8813</v>
      </c>
      <c r="B16190" t="s">
        <v>32315</v>
      </c>
      <c r="C16190" t="s">
        <v>32316</v>
      </c>
    </row>
    <row r="16191" spans="1:3" x14ac:dyDescent="0.15">
      <c r="A16191">
        <v>8812</v>
      </c>
      <c r="B16191" t="s">
        <v>32317</v>
      </c>
      <c r="C16191" t="s">
        <v>32318</v>
      </c>
    </row>
    <row r="16192" spans="1:3" x14ac:dyDescent="0.15">
      <c r="A16192">
        <v>8811</v>
      </c>
      <c r="B16192" t="s">
        <v>32319</v>
      </c>
      <c r="C16192" t="s">
        <v>32320</v>
      </c>
    </row>
    <row r="16193" spans="1:3" x14ac:dyDescent="0.15">
      <c r="A16193">
        <v>8810</v>
      </c>
      <c r="B16193" t="s">
        <v>32321</v>
      </c>
      <c r="C16193" t="s">
        <v>32322</v>
      </c>
    </row>
    <row r="16194" spans="1:3" x14ac:dyDescent="0.15">
      <c r="A16194">
        <v>8809</v>
      </c>
      <c r="B16194" t="s">
        <v>32323</v>
      </c>
      <c r="C16194" t="s">
        <v>32324</v>
      </c>
    </row>
    <row r="16195" spans="1:3" x14ac:dyDescent="0.15">
      <c r="A16195">
        <v>8808</v>
      </c>
      <c r="B16195" t="s">
        <v>32325</v>
      </c>
      <c r="C16195" t="s">
        <v>32326</v>
      </c>
    </row>
    <row r="16196" spans="1:3" x14ac:dyDescent="0.15">
      <c r="A16196">
        <v>8807</v>
      </c>
      <c r="B16196" t="s">
        <v>32327</v>
      </c>
      <c r="C16196" t="s">
        <v>32328</v>
      </c>
    </row>
    <row r="16197" spans="1:3" x14ac:dyDescent="0.15">
      <c r="A16197">
        <v>8806</v>
      </c>
      <c r="B16197" t="s">
        <v>32329</v>
      </c>
      <c r="C16197" t="s">
        <v>32330</v>
      </c>
    </row>
    <row r="16198" spans="1:3" x14ac:dyDescent="0.15">
      <c r="A16198">
        <v>8805</v>
      </c>
      <c r="B16198" t="s">
        <v>32331</v>
      </c>
      <c r="C16198" t="s">
        <v>32332</v>
      </c>
    </row>
    <row r="16199" spans="1:3" x14ac:dyDescent="0.15">
      <c r="A16199">
        <v>8804</v>
      </c>
      <c r="B16199" t="s">
        <v>32333</v>
      </c>
      <c r="C16199" t="s">
        <v>32334</v>
      </c>
    </row>
    <row r="16200" spans="1:3" x14ac:dyDescent="0.15">
      <c r="A16200">
        <v>8803</v>
      </c>
      <c r="B16200" t="s">
        <v>32335</v>
      </c>
      <c r="C16200" t="s">
        <v>32336</v>
      </c>
    </row>
    <row r="16201" spans="1:3" x14ac:dyDescent="0.15">
      <c r="A16201">
        <v>8802</v>
      </c>
      <c r="B16201" t="s">
        <v>32337</v>
      </c>
      <c r="C16201" t="s">
        <v>32338</v>
      </c>
    </row>
    <row r="16202" spans="1:3" x14ac:dyDescent="0.15">
      <c r="A16202">
        <v>8801</v>
      </c>
      <c r="B16202" t="s">
        <v>32339</v>
      </c>
      <c r="C16202" t="s">
        <v>32340</v>
      </c>
    </row>
    <row r="16203" spans="1:3" x14ac:dyDescent="0.15">
      <c r="A16203">
        <v>8800</v>
      </c>
      <c r="B16203" t="s">
        <v>32341</v>
      </c>
      <c r="C16203" t="s">
        <v>32342</v>
      </c>
    </row>
    <row r="16204" spans="1:3" x14ac:dyDescent="0.15">
      <c r="A16204">
        <v>8799</v>
      </c>
      <c r="B16204" t="s">
        <v>32343</v>
      </c>
      <c r="C16204" t="s">
        <v>32344</v>
      </c>
    </row>
    <row r="16205" spans="1:3" x14ac:dyDescent="0.15">
      <c r="A16205">
        <v>8798</v>
      </c>
      <c r="B16205" t="s">
        <v>32345</v>
      </c>
      <c r="C16205" t="s">
        <v>32346</v>
      </c>
    </row>
    <row r="16206" spans="1:3" x14ac:dyDescent="0.15">
      <c r="A16206">
        <v>8797</v>
      </c>
      <c r="B16206" t="s">
        <v>32347</v>
      </c>
      <c r="C16206" t="s">
        <v>32348</v>
      </c>
    </row>
    <row r="16207" spans="1:3" x14ac:dyDescent="0.15">
      <c r="A16207">
        <v>8796</v>
      </c>
      <c r="B16207" t="s">
        <v>32349</v>
      </c>
      <c r="C16207" t="s">
        <v>32350</v>
      </c>
    </row>
    <row r="16208" spans="1:3" x14ac:dyDescent="0.15">
      <c r="A16208">
        <v>8795</v>
      </c>
      <c r="B16208" t="s">
        <v>32351</v>
      </c>
      <c r="C16208" t="s">
        <v>32352</v>
      </c>
    </row>
    <row r="16209" spans="1:3" x14ac:dyDescent="0.15">
      <c r="A16209">
        <v>8794</v>
      </c>
      <c r="B16209" t="s">
        <v>32353</v>
      </c>
      <c r="C16209" t="s">
        <v>32354</v>
      </c>
    </row>
    <row r="16210" spans="1:3" x14ac:dyDescent="0.15">
      <c r="A16210">
        <v>8793</v>
      </c>
      <c r="B16210" t="s">
        <v>32355</v>
      </c>
      <c r="C16210" t="s">
        <v>32356</v>
      </c>
    </row>
    <row r="16211" spans="1:3" x14ac:dyDescent="0.15">
      <c r="A16211">
        <v>8792</v>
      </c>
      <c r="B16211" t="s">
        <v>32357</v>
      </c>
      <c r="C16211" t="s">
        <v>32358</v>
      </c>
    </row>
    <row r="16212" spans="1:3" x14ac:dyDescent="0.15">
      <c r="A16212">
        <v>8791</v>
      </c>
      <c r="B16212" t="s">
        <v>32359</v>
      </c>
      <c r="C16212" t="s">
        <v>32360</v>
      </c>
    </row>
    <row r="16213" spans="1:3" x14ac:dyDescent="0.15">
      <c r="A16213">
        <v>8790</v>
      </c>
      <c r="B16213" t="s">
        <v>32361</v>
      </c>
      <c r="C16213" t="s">
        <v>32362</v>
      </c>
    </row>
    <row r="16214" spans="1:3" x14ac:dyDescent="0.15">
      <c r="A16214">
        <v>8789</v>
      </c>
      <c r="B16214" t="s">
        <v>32363</v>
      </c>
      <c r="C16214" t="s">
        <v>32364</v>
      </c>
    </row>
    <row r="16215" spans="1:3" x14ac:dyDescent="0.15">
      <c r="A16215">
        <v>8788</v>
      </c>
      <c r="B16215" t="s">
        <v>32365</v>
      </c>
      <c r="C16215" t="s">
        <v>32366</v>
      </c>
    </row>
    <row r="16216" spans="1:3" x14ac:dyDescent="0.15">
      <c r="A16216">
        <v>8787</v>
      </c>
      <c r="B16216" t="s">
        <v>32367</v>
      </c>
      <c r="C16216" t="s">
        <v>32368</v>
      </c>
    </row>
    <row r="16217" spans="1:3" x14ac:dyDescent="0.15">
      <c r="A16217">
        <v>8786</v>
      </c>
      <c r="B16217" t="s">
        <v>32369</v>
      </c>
      <c r="C16217" t="s">
        <v>32370</v>
      </c>
    </row>
    <row r="16218" spans="1:3" x14ac:dyDescent="0.15">
      <c r="A16218">
        <v>8785</v>
      </c>
      <c r="B16218" t="s">
        <v>32371</v>
      </c>
      <c r="C16218" t="s">
        <v>32372</v>
      </c>
    </row>
    <row r="16219" spans="1:3" x14ac:dyDescent="0.15">
      <c r="A16219">
        <v>8784</v>
      </c>
      <c r="B16219" t="s">
        <v>32373</v>
      </c>
      <c r="C16219" t="s">
        <v>32374</v>
      </c>
    </row>
    <row r="16220" spans="1:3" x14ac:dyDescent="0.15">
      <c r="A16220">
        <v>8783</v>
      </c>
      <c r="B16220" t="s">
        <v>32375</v>
      </c>
      <c r="C16220" t="s">
        <v>32376</v>
      </c>
    </row>
    <row r="16221" spans="1:3" x14ac:dyDescent="0.15">
      <c r="A16221">
        <v>8782</v>
      </c>
      <c r="B16221" t="s">
        <v>32377</v>
      </c>
      <c r="C16221" t="s">
        <v>32378</v>
      </c>
    </row>
    <row r="16222" spans="1:3" x14ac:dyDescent="0.15">
      <c r="A16222">
        <v>8781</v>
      </c>
      <c r="B16222" t="s">
        <v>32379</v>
      </c>
      <c r="C16222" t="s">
        <v>32380</v>
      </c>
    </row>
    <row r="16223" spans="1:3" x14ac:dyDescent="0.15">
      <c r="A16223">
        <v>8780</v>
      </c>
      <c r="B16223" t="s">
        <v>32381</v>
      </c>
      <c r="C16223" t="s">
        <v>32382</v>
      </c>
    </row>
    <row r="16224" spans="1:3" x14ac:dyDescent="0.15">
      <c r="A16224">
        <v>8779</v>
      </c>
      <c r="B16224" t="s">
        <v>32383</v>
      </c>
      <c r="C16224" t="s">
        <v>32384</v>
      </c>
    </row>
    <row r="16225" spans="1:3" x14ac:dyDescent="0.15">
      <c r="A16225">
        <v>8778</v>
      </c>
      <c r="B16225" t="s">
        <v>32385</v>
      </c>
      <c r="C16225" t="s">
        <v>32386</v>
      </c>
    </row>
    <row r="16226" spans="1:3" x14ac:dyDescent="0.15">
      <c r="A16226">
        <v>8777</v>
      </c>
      <c r="B16226" t="s">
        <v>32387</v>
      </c>
      <c r="C16226" t="s">
        <v>32388</v>
      </c>
    </row>
    <row r="16227" spans="1:3" x14ac:dyDescent="0.15">
      <c r="A16227">
        <v>8776</v>
      </c>
      <c r="B16227" t="s">
        <v>32389</v>
      </c>
      <c r="C16227" t="s">
        <v>32390</v>
      </c>
    </row>
    <row r="16228" spans="1:3" x14ac:dyDescent="0.15">
      <c r="A16228">
        <v>8775</v>
      </c>
      <c r="B16228" t="s">
        <v>32391</v>
      </c>
      <c r="C16228" t="s">
        <v>32392</v>
      </c>
    </row>
    <row r="16229" spans="1:3" x14ac:dyDescent="0.15">
      <c r="A16229">
        <v>8774</v>
      </c>
      <c r="B16229" t="s">
        <v>32393</v>
      </c>
      <c r="C16229" t="s">
        <v>32394</v>
      </c>
    </row>
    <row r="16230" spans="1:3" x14ac:dyDescent="0.15">
      <c r="A16230">
        <v>8773</v>
      </c>
      <c r="B16230" t="s">
        <v>32395</v>
      </c>
      <c r="C16230" t="s">
        <v>32396</v>
      </c>
    </row>
    <row r="16231" spans="1:3" x14ac:dyDescent="0.15">
      <c r="A16231">
        <v>8772</v>
      </c>
      <c r="B16231" t="s">
        <v>32397</v>
      </c>
      <c r="C16231" t="s">
        <v>32398</v>
      </c>
    </row>
    <row r="16232" spans="1:3" x14ac:dyDescent="0.15">
      <c r="A16232">
        <v>8771</v>
      </c>
      <c r="B16232" t="s">
        <v>32399</v>
      </c>
      <c r="C16232" t="s">
        <v>32400</v>
      </c>
    </row>
    <row r="16233" spans="1:3" x14ac:dyDescent="0.15">
      <c r="A16233">
        <v>8770</v>
      </c>
      <c r="B16233" t="s">
        <v>32401</v>
      </c>
      <c r="C16233" t="s">
        <v>32402</v>
      </c>
    </row>
    <row r="16234" spans="1:3" x14ac:dyDescent="0.15">
      <c r="A16234">
        <v>8769</v>
      </c>
      <c r="B16234" t="s">
        <v>32403</v>
      </c>
      <c r="C16234" t="s">
        <v>32404</v>
      </c>
    </row>
    <row r="16235" spans="1:3" x14ac:dyDescent="0.15">
      <c r="A16235">
        <v>8768</v>
      </c>
      <c r="B16235" t="s">
        <v>32405</v>
      </c>
      <c r="C16235" t="s">
        <v>32406</v>
      </c>
    </row>
    <row r="16236" spans="1:3" x14ac:dyDescent="0.15">
      <c r="A16236">
        <v>8767</v>
      </c>
      <c r="B16236" t="s">
        <v>32407</v>
      </c>
      <c r="C16236" t="s">
        <v>32408</v>
      </c>
    </row>
    <row r="16237" spans="1:3" x14ac:dyDescent="0.15">
      <c r="A16237">
        <v>8766</v>
      </c>
      <c r="B16237" t="s">
        <v>32409</v>
      </c>
      <c r="C16237" t="s">
        <v>32410</v>
      </c>
    </row>
    <row r="16238" spans="1:3" x14ac:dyDescent="0.15">
      <c r="A16238">
        <v>8765</v>
      </c>
      <c r="B16238" t="s">
        <v>32411</v>
      </c>
      <c r="C16238" t="s">
        <v>32412</v>
      </c>
    </row>
    <row r="16239" spans="1:3" x14ac:dyDescent="0.15">
      <c r="A16239">
        <v>8764</v>
      </c>
      <c r="B16239" t="s">
        <v>32413</v>
      </c>
      <c r="C16239" t="s">
        <v>32414</v>
      </c>
    </row>
    <row r="16240" spans="1:3" x14ac:dyDescent="0.15">
      <c r="A16240">
        <v>8763</v>
      </c>
      <c r="B16240" t="s">
        <v>32415</v>
      </c>
      <c r="C16240" t="s">
        <v>32416</v>
      </c>
    </row>
    <row r="16241" spans="1:3" x14ac:dyDescent="0.15">
      <c r="A16241">
        <v>8762</v>
      </c>
      <c r="B16241" t="s">
        <v>32417</v>
      </c>
      <c r="C16241" t="s">
        <v>32418</v>
      </c>
    </row>
    <row r="16242" spans="1:3" x14ac:dyDescent="0.15">
      <c r="A16242">
        <v>8761</v>
      </c>
      <c r="B16242" t="s">
        <v>32419</v>
      </c>
      <c r="C16242" t="s">
        <v>32420</v>
      </c>
    </row>
    <row r="16243" spans="1:3" x14ac:dyDescent="0.15">
      <c r="A16243">
        <v>8760</v>
      </c>
      <c r="B16243" t="s">
        <v>32421</v>
      </c>
      <c r="C16243" t="s">
        <v>32422</v>
      </c>
    </row>
    <row r="16244" spans="1:3" x14ac:dyDescent="0.15">
      <c r="A16244">
        <v>8759</v>
      </c>
      <c r="B16244" t="s">
        <v>32423</v>
      </c>
      <c r="C16244" t="s">
        <v>32424</v>
      </c>
    </row>
    <row r="16245" spans="1:3" x14ac:dyDescent="0.15">
      <c r="A16245">
        <v>8758</v>
      </c>
      <c r="B16245" t="s">
        <v>32425</v>
      </c>
      <c r="C16245" t="s">
        <v>32426</v>
      </c>
    </row>
    <row r="16246" spans="1:3" x14ac:dyDescent="0.15">
      <c r="A16246">
        <v>8757</v>
      </c>
      <c r="B16246" t="s">
        <v>32427</v>
      </c>
      <c r="C16246" t="s">
        <v>32428</v>
      </c>
    </row>
    <row r="16247" spans="1:3" x14ac:dyDescent="0.15">
      <c r="A16247">
        <v>8756</v>
      </c>
      <c r="B16247" t="s">
        <v>32429</v>
      </c>
      <c r="C16247" t="s">
        <v>32430</v>
      </c>
    </row>
    <row r="16248" spans="1:3" x14ac:dyDescent="0.15">
      <c r="A16248">
        <v>8755</v>
      </c>
      <c r="B16248" t="s">
        <v>32431</v>
      </c>
      <c r="C16248" t="s">
        <v>32432</v>
      </c>
    </row>
    <row r="16249" spans="1:3" x14ac:dyDescent="0.15">
      <c r="A16249">
        <v>8754</v>
      </c>
      <c r="B16249" t="s">
        <v>32433</v>
      </c>
      <c r="C16249" t="s">
        <v>32434</v>
      </c>
    </row>
    <row r="16250" spans="1:3" x14ac:dyDescent="0.15">
      <c r="A16250">
        <v>8753</v>
      </c>
      <c r="B16250" t="s">
        <v>32435</v>
      </c>
      <c r="C16250" t="s">
        <v>32436</v>
      </c>
    </row>
    <row r="16251" spans="1:3" x14ac:dyDescent="0.15">
      <c r="A16251">
        <v>8752</v>
      </c>
      <c r="B16251" t="s">
        <v>32437</v>
      </c>
      <c r="C16251" t="s">
        <v>32438</v>
      </c>
    </row>
    <row r="16252" spans="1:3" x14ac:dyDescent="0.15">
      <c r="A16252">
        <v>8751</v>
      </c>
      <c r="B16252" t="s">
        <v>32439</v>
      </c>
      <c r="C16252" t="s">
        <v>32440</v>
      </c>
    </row>
    <row r="16253" spans="1:3" x14ac:dyDescent="0.15">
      <c r="A16253">
        <v>8750</v>
      </c>
      <c r="B16253" t="s">
        <v>32441</v>
      </c>
      <c r="C16253" t="s">
        <v>32442</v>
      </c>
    </row>
    <row r="16254" spans="1:3" x14ac:dyDescent="0.15">
      <c r="A16254">
        <v>8749</v>
      </c>
      <c r="B16254" t="s">
        <v>32443</v>
      </c>
      <c r="C16254" t="s">
        <v>32444</v>
      </c>
    </row>
    <row r="16255" spans="1:3" x14ac:dyDescent="0.15">
      <c r="A16255">
        <v>8748</v>
      </c>
      <c r="B16255" t="s">
        <v>32445</v>
      </c>
      <c r="C16255" t="s">
        <v>32446</v>
      </c>
    </row>
    <row r="16256" spans="1:3" x14ac:dyDescent="0.15">
      <c r="A16256">
        <v>8747</v>
      </c>
      <c r="B16256" t="s">
        <v>32447</v>
      </c>
      <c r="C16256" t="s">
        <v>32448</v>
      </c>
    </row>
    <row r="16257" spans="1:3" x14ac:dyDescent="0.15">
      <c r="A16257">
        <v>8746</v>
      </c>
      <c r="B16257" t="s">
        <v>32449</v>
      </c>
      <c r="C16257" t="s">
        <v>32450</v>
      </c>
    </row>
    <row r="16258" spans="1:3" x14ac:dyDescent="0.15">
      <c r="A16258">
        <v>8745</v>
      </c>
      <c r="B16258" t="s">
        <v>32451</v>
      </c>
      <c r="C16258" t="s">
        <v>32452</v>
      </c>
    </row>
    <row r="16259" spans="1:3" x14ac:dyDescent="0.15">
      <c r="A16259">
        <v>8744</v>
      </c>
      <c r="B16259" t="s">
        <v>32453</v>
      </c>
      <c r="C16259" t="s">
        <v>32454</v>
      </c>
    </row>
    <row r="16260" spans="1:3" x14ac:dyDescent="0.15">
      <c r="A16260">
        <v>8743</v>
      </c>
      <c r="B16260" t="s">
        <v>32455</v>
      </c>
      <c r="C16260" t="s">
        <v>32456</v>
      </c>
    </row>
    <row r="16261" spans="1:3" x14ac:dyDescent="0.15">
      <c r="A16261">
        <v>8742</v>
      </c>
      <c r="B16261" t="s">
        <v>32457</v>
      </c>
      <c r="C16261" t="s">
        <v>32458</v>
      </c>
    </row>
    <row r="16262" spans="1:3" x14ac:dyDescent="0.15">
      <c r="A16262">
        <v>8741</v>
      </c>
      <c r="B16262" t="s">
        <v>32459</v>
      </c>
      <c r="C16262" t="s">
        <v>32460</v>
      </c>
    </row>
    <row r="16263" spans="1:3" x14ac:dyDescent="0.15">
      <c r="A16263">
        <v>8740</v>
      </c>
      <c r="B16263" t="s">
        <v>32461</v>
      </c>
      <c r="C16263" t="s">
        <v>32462</v>
      </c>
    </row>
    <row r="16264" spans="1:3" x14ac:dyDescent="0.15">
      <c r="A16264">
        <v>8739</v>
      </c>
      <c r="B16264" t="s">
        <v>32463</v>
      </c>
      <c r="C16264" t="s">
        <v>32464</v>
      </c>
    </row>
    <row r="16265" spans="1:3" x14ac:dyDescent="0.15">
      <c r="A16265">
        <v>8738</v>
      </c>
      <c r="B16265" t="s">
        <v>32465</v>
      </c>
      <c r="C16265" t="s">
        <v>32466</v>
      </c>
    </row>
    <row r="16266" spans="1:3" x14ac:dyDescent="0.15">
      <c r="A16266">
        <v>8737</v>
      </c>
      <c r="B16266" t="s">
        <v>32467</v>
      </c>
      <c r="C16266" t="s">
        <v>32468</v>
      </c>
    </row>
    <row r="16267" spans="1:3" x14ac:dyDescent="0.15">
      <c r="A16267">
        <v>8736</v>
      </c>
      <c r="B16267" t="s">
        <v>32469</v>
      </c>
      <c r="C16267" t="s">
        <v>32470</v>
      </c>
    </row>
    <row r="16268" spans="1:3" x14ac:dyDescent="0.15">
      <c r="A16268">
        <v>8735</v>
      </c>
      <c r="B16268" t="s">
        <v>32471</v>
      </c>
      <c r="C16268" t="s">
        <v>32472</v>
      </c>
    </row>
    <row r="16269" spans="1:3" x14ac:dyDescent="0.15">
      <c r="A16269">
        <v>8734</v>
      </c>
      <c r="B16269" t="s">
        <v>32473</v>
      </c>
      <c r="C16269" t="s">
        <v>32474</v>
      </c>
    </row>
    <row r="16270" spans="1:3" x14ac:dyDescent="0.15">
      <c r="A16270">
        <v>8733</v>
      </c>
      <c r="B16270" t="s">
        <v>32475</v>
      </c>
      <c r="C16270" t="s">
        <v>32476</v>
      </c>
    </row>
    <row r="16271" spans="1:3" x14ac:dyDescent="0.15">
      <c r="A16271">
        <v>8732</v>
      </c>
      <c r="B16271" t="s">
        <v>32477</v>
      </c>
      <c r="C16271" t="s">
        <v>32478</v>
      </c>
    </row>
    <row r="16272" spans="1:3" x14ac:dyDescent="0.15">
      <c r="A16272">
        <v>8731</v>
      </c>
      <c r="B16272" t="s">
        <v>32479</v>
      </c>
      <c r="C16272" t="s">
        <v>32480</v>
      </c>
    </row>
    <row r="16273" spans="1:3" x14ac:dyDescent="0.15">
      <c r="A16273">
        <v>8730</v>
      </c>
      <c r="B16273" t="s">
        <v>32481</v>
      </c>
      <c r="C16273" t="s">
        <v>32482</v>
      </c>
    </row>
    <row r="16274" spans="1:3" x14ac:dyDescent="0.15">
      <c r="A16274">
        <v>8729</v>
      </c>
      <c r="B16274" t="s">
        <v>32483</v>
      </c>
      <c r="C16274" t="s">
        <v>32484</v>
      </c>
    </row>
    <row r="16275" spans="1:3" x14ac:dyDescent="0.15">
      <c r="A16275">
        <v>8728</v>
      </c>
      <c r="B16275" t="s">
        <v>32485</v>
      </c>
      <c r="C16275" t="s">
        <v>32486</v>
      </c>
    </row>
    <row r="16276" spans="1:3" x14ac:dyDescent="0.15">
      <c r="A16276">
        <v>8727</v>
      </c>
      <c r="B16276" t="s">
        <v>32487</v>
      </c>
      <c r="C16276" t="s">
        <v>32488</v>
      </c>
    </row>
    <row r="16277" spans="1:3" x14ac:dyDescent="0.15">
      <c r="A16277">
        <v>8726</v>
      </c>
      <c r="B16277" t="s">
        <v>32489</v>
      </c>
      <c r="C16277" t="s">
        <v>32490</v>
      </c>
    </row>
    <row r="16278" spans="1:3" x14ac:dyDescent="0.15">
      <c r="A16278">
        <v>8725</v>
      </c>
      <c r="B16278" t="s">
        <v>32491</v>
      </c>
      <c r="C16278" t="s">
        <v>32492</v>
      </c>
    </row>
    <row r="16279" spans="1:3" x14ac:dyDescent="0.15">
      <c r="A16279">
        <v>8724</v>
      </c>
      <c r="B16279" t="s">
        <v>32493</v>
      </c>
      <c r="C16279" t="s">
        <v>32494</v>
      </c>
    </row>
    <row r="16280" spans="1:3" x14ac:dyDescent="0.15">
      <c r="A16280">
        <v>8723</v>
      </c>
      <c r="B16280" t="s">
        <v>32495</v>
      </c>
      <c r="C16280" t="s">
        <v>32496</v>
      </c>
    </row>
    <row r="16281" spans="1:3" x14ac:dyDescent="0.15">
      <c r="A16281">
        <v>8722</v>
      </c>
      <c r="B16281" t="s">
        <v>32497</v>
      </c>
      <c r="C16281" t="s">
        <v>32498</v>
      </c>
    </row>
    <row r="16282" spans="1:3" x14ac:dyDescent="0.15">
      <c r="A16282">
        <v>8721</v>
      </c>
      <c r="B16282" t="s">
        <v>32499</v>
      </c>
      <c r="C16282" t="s">
        <v>32500</v>
      </c>
    </row>
    <row r="16283" spans="1:3" x14ac:dyDescent="0.15">
      <c r="A16283">
        <v>8720</v>
      </c>
      <c r="B16283" t="s">
        <v>32501</v>
      </c>
      <c r="C16283" t="s">
        <v>32502</v>
      </c>
    </row>
    <row r="16284" spans="1:3" x14ac:dyDescent="0.15">
      <c r="A16284">
        <v>8719</v>
      </c>
      <c r="B16284" t="s">
        <v>32503</v>
      </c>
      <c r="C16284" t="s">
        <v>32504</v>
      </c>
    </row>
    <row r="16285" spans="1:3" x14ac:dyDescent="0.15">
      <c r="A16285">
        <v>8718</v>
      </c>
      <c r="B16285" t="s">
        <v>32505</v>
      </c>
      <c r="C16285" t="s">
        <v>32506</v>
      </c>
    </row>
    <row r="16286" spans="1:3" x14ac:dyDescent="0.15">
      <c r="A16286">
        <v>8717</v>
      </c>
      <c r="B16286" t="s">
        <v>32507</v>
      </c>
      <c r="C16286" t="s">
        <v>32508</v>
      </c>
    </row>
    <row r="16287" spans="1:3" x14ac:dyDescent="0.15">
      <c r="A16287">
        <v>8716</v>
      </c>
      <c r="B16287" t="s">
        <v>32509</v>
      </c>
      <c r="C16287" t="s">
        <v>32510</v>
      </c>
    </row>
    <row r="16288" spans="1:3" x14ac:dyDescent="0.15">
      <c r="A16288">
        <v>8715</v>
      </c>
      <c r="B16288" t="s">
        <v>32511</v>
      </c>
      <c r="C16288" t="s">
        <v>32512</v>
      </c>
    </row>
    <row r="16289" spans="1:3" x14ac:dyDescent="0.15">
      <c r="A16289">
        <v>8714</v>
      </c>
      <c r="B16289" t="s">
        <v>32513</v>
      </c>
      <c r="C16289" t="s">
        <v>32514</v>
      </c>
    </row>
    <row r="16290" spans="1:3" x14ac:dyDescent="0.15">
      <c r="A16290">
        <v>8713</v>
      </c>
      <c r="B16290" t="s">
        <v>32515</v>
      </c>
      <c r="C16290" t="s">
        <v>32516</v>
      </c>
    </row>
    <row r="16291" spans="1:3" x14ac:dyDescent="0.15">
      <c r="A16291">
        <v>8712</v>
      </c>
      <c r="B16291" t="s">
        <v>32517</v>
      </c>
      <c r="C16291" t="s">
        <v>32518</v>
      </c>
    </row>
    <row r="16292" spans="1:3" x14ac:dyDescent="0.15">
      <c r="A16292">
        <v>8711</v>
      </c>
      <c r="B16292" t="s">
        <v>32519</v>
      </c>
      <c r="C16292" t="s">
        <v>32520</v>
      </c>
    </row>
    <row r="16293" spans="1:3" x14ac:dyDescent="0.15">
      <c r="A16293">
        <v>8710</v>
      </c>
      <c r="B16293" t="s">
        <v>32521</v>
      </c>
      <c r="C16293" t="s">
        <v>32522</v>
      </c>
    </row>
    <row r="16294" spans="1:3" x14ac:dyDescent="0.15">
      <c r="A16294">
        <v>8709</v>
      </c>
      <c r="B16294" t="s">
        <v>32523</v>
      </c>
      <c r="C16294" t="s">
        <v>32524</v>
      </c>
    </row>
    <row r="16295" spans="1:3" x14ac:dyDescent="0.15">
      <c r="A16295">
        <v>8708</v>
      </c>
      <c r="B16295" t="s">
        <v>32525</v>
      </c>
      <c r="C16295" t="s">
        <v>32526</v>
      </c>
    </row>
    <row r="16296" spans="1:3" x14ac:dyDescent="0.15">
      <c r="A16296">
        <v>8707</v>
      </c>
      <c r="B16296" t="s">
        <v>32527</v>
      </c>
      <c r="C16296" t="s">
        <v>32528</v>
      </c>
    </row>
    <row r="16297" spans="1:3" x14ac:dyDescent="0.15">
      <c r="A16297">
        <v>8706</v>
      </c>
      <c r="B16297" t="s">
        <v>32529</v>
      </c>
      <c r="C16297" t="s">
        <v>32530</v>
      </c>
    </row>
    <row r="16298" spans="1:3" x14ac:dyDescent="0.15">
      <c r="A16298">
        <v>8705</v>
      </c>
      <c r="B16298" t="s">
        <v>32531</v>
      </c>
      <c r="C16298" t="s">
        <v>32532</v>
      </c>
    </row>
    <row r="16299" spans="1:3" x14ac:dyDescent="0.15">
      <c r="A16299">
        <v>8704</v>
      </c>
      <c r="B16299" t="s">
        <v>32533</v>
      </c>
      <c r="C16299" t="s">
        <v>32534</v>
      </c>
    </row>
    <row r="16300" spans="1:3" x14ac:dyDescent="0.15">
      <c r="A16300">
        <v>8703</v>
      </c>
      <c r="B16300" t="s">
        <v>32535</v>
      </c>
      <c r="C16300" t="s">
        <v>32536</v>
      </c>
    </row>
    <row r="16301" spans="1:3" x14ac:dyDescent="0.15">
      <c r="A16301">
        <v>8702</v>
      </c>
      <c r="B16301" t="s">
        <v>32537</v>
      </c>
      <c r="C16301" t="s">
        <v>32538</v>
      </c>
    </row>
    <row r="16302" spans="1:3" x14ac:dyDescent="0.15">
      <c r="A16302">
        <v>8701</v>
      </c>
      <c r="B16302" t="s">
        <v>32539</v>
      </c>
      <c r="C16302" t="s">
        <v>32540</v>
      </c>
    </row>
    <row r="16303" spans="1:3" x14ac:dyDescent="0.15">
      <c r="A16303">
        <v>8700</v>
      </c>
      <c r="B16303" t="s">
        <v>32541</v>
      </c>
      <c r="C16303" t="s">
        <v>32542</v>
      </c>
    </row>
    <row r="16304" spans="1:3" x14ac:dyDescent="0.15">
      <c r="A16304">
        <v>8699</v>
      </c>
      <c r="B16304" t="s">
        <v>32543</v>
      </c>
      <c r="C16304" t="s">
        <v>32544</v>
      </c>
    </row>
    <row r="16305" spans="1:3" x14ac:dyDescent="0.15">
      <c r="A16305">
        <v>8698</v>
      </c>
      <c r="B16305" t="s">
        <v>32545</v>
      </c>
      <c r="C16305" t="s">
        <v>32546</v>
      </c>
    </row>
    <row r="16306" spans="1:3" x14ac:dyDescent="0.15">
      <c r="A16306">
        <v>8697</v>
      </c>
      <c r="B16306" t="s">
        <v>32547</v>
      </c>
      <c r="C16306" t="s">
        <v>32548</v>
      </c>
    </row>
    <row r="16307" spans="1:3" x14ac:dyDescent="0.15">
      <c r="A16307">
        <v>8696</v>
      </c>
      <c r="B16307" t="s">
        <v>32549</v>
      </c>
      <c r="C16307" t="s">
        <v>32550</v>
      </c>
    </row>
    <row r="16308" spans="1:3" x14ac:dyDescent="0.15">
      <c r="A16308">
        <v>8695</v>
      </c>
      <c r="B16308" t="s">
        <v>32551</v>
      </c>
      <c r="C16308" t="s">
        <v>32552</v>
      </c>
    </row>
    <row r="16309" spans="1:3" x14ac:dyDescent="0.15">
      <c r="A16309">
        <v>8694</v>
      </c>
      <c r="B16309" t="s">
        <v>32553</v>
      </c>
      <c r="C16309" t="s">
        <v>32554</v>
      </c>
    </row>
    <row r="16310" spans="1:3" x14ac:dyDescent="0.15">
      <c r="A16310">
        <v>8693</v>
      </c>
      <c r="B16310" t="s">
        <v>32555</v>
      </c>
      <c r="C16310" t="s">
        <v>32556</v>
      </c>
    </row>
    <row r="16311" spans="1:3" x14ac:dyDescent="0.15">
      <c r="A16311">
        <v>8692</v>
      </c>
      <c r="B16311" t="s">
        <v>32557</v>
      </c>
      <c r="C16311" t="s">
        <v>32558</v>
      </c>
    </row>
    <row r="16312" spans="1:3" x14ac:dyDescent="0.15">
      <c r="A16312">
        <v>8691</v>
      </c>
      <c r="B16312" t="s">
        <v>32559</v>
      </c>
      <c r="C16312" t="s">
        <v>32560</v>
      </c>
    </row>
    <row r="16313" spans="1:3" x14ac:dyDescent="0.15">
      <c r="A16313">
        <v>8690</v>
      </c>
      <c r="B16313" t="s">
        <v>32561</v>
      </c>
      <c r="C16313" t="s">
        <v>32562</v>
      </c>
    </row>
    <row r="16314" spans="1:3" x14ac:dyDescent="0.15">
      <c r="A16314">
        <v>8689</v>
      </c>
      <c r="B16314" t="s">
        <v>32563</v>
      </c>
      <c r="C16314" t="s">
        <v>32564</v>
      </c>
    </row>
    <row r="16315" spans="1:3" x14ac:dyDescent="0.15">
      <c r="A16315">
        <v>8688</v>
      </c>
      <c r="B16315" t="s">
        <v>32565</v>
      </c>
      <c r="C16315" t="s">
        <v>32566</v>
      </c>
    </row>
    <row r="16316" spans="1:3" x14ac:dyDescent="0.15">
      <c r="A16316">
        <v>8687</v>
      </c>
      <c r="B16316" t="s">
        <v>32567</v>
      </c>
      <c r="C16316" t="s">
        <v>32568</v>
      </c>
    </row>
    <row r="16317" spans="1:3" x14ac:dyDescent="0.15">
      <c r="A16317">
        <v>8686</v>
      </c>
      <c r="B16317" t="s">
        <v>32569</v>
      </c>
      <c r="C16317" t="s">
        <v>32570</v>
      </c>
    </row>
    <row r="16318" spans="1:3" x14ac:dyDescent="0.15">
      <c r="A16318">
        <v>8685</v>
      </c>
      <c r="B16318" t="s">
        <v>32571</v>
      </c>
      <c r="C16318" t="s">
        <v>32572</v>
      </c>
    </row>
    <row r="16319" spans="1:3" x14ac:dyDescent="0.15">
      <c r="A16319">
        <v>8684</v>
      </c>
      <c r="B16319" t="s">
        <v>32573</v>
      </c>
      <c r="C16319" t="s">
        <v>32574</v>
      </c>
    </row>
    <row r="16320" spans="1:3" x14ac:dyDescent="0.15">
      <c r="A16320">
        <v>8683</v>
      </c>
      <c r="B16320" t="s">
        <v>32575</v>
      </c>
      <c r="C16320" t="s">
        <v>32576</v>
      </c>
    </row>
    <row r="16321" spans="1:3" x14ac:dyDescent="0.15">
      <c r="A16321">
        <v>8682</v>
      </c>
      <c r="B16321" t="s">
        <v>32577</v>
      </c>
      <c r="C16321" t="s">
        <v>32578</v>
      </c>
    </row>
    <row r="16322" spans="1:3" x14ac:dyDescent="0.15">
      <c r="A16322">
        <v>8681</v>
      </c>
      <c r="B16322" t="s">
        <v>32579</v>
      </c>
      <c r="C16322" t="s">
        <v>32580</v>
      </c>
    </row>
    <row r="16323" spans="1:3" x14ac:dyDescent="0.15">
      <c r="A16323">
        <v>8680</v>
      </c>
      <c r="B16323" t="s">
        <v>32581</v>
      </c>
      <c r="C16323" t="s">
        <v>32582</v>
      </c>
    </row>
    <row r="16324" spans="1:3" x14ac:dyDescent="0.15">
      <c r="A16324">
        <v>8679</v>
      </c>
      <c r="B16324" t="s">
        <v>32583</v>
      </c>
      <c r="C16324" t="s">
        <v>32584</v>
      </c>
    </row>
    <row r="16325" spans="1:3" x14ac:dyDescent="0.15">
      <c r="A16325">
        <v>8678</v>
      </c>
      <c r="B16325" t="s">
        <v>32585</v>
      </c>
      <c r="C16325" t="s">
        <v>32586</v>
      </c>
    </row>
    <row r="16326" spans="1:3" x14ac:dyDescent="0.15">
      <c r="A16326">
        <v>8677</v>
      </c>
      <c r="B16326" t="s">
        <v>32587</v>
      </c>
      <c r="C16326" t="s">
        <v>32588</v>
      </c>
    </row>
    <row r="16327" spans="1:3" x14ac:dyDescent="0.15">
      <c r="A16327">
        <v>8676</v>
      </c>
      <c r="B16327" t="s">
        <v>32589</v>
      </c>
      <c r="C16327" t="s">
        <v>32590</v>
      </c>
    </row>
    <row r="16328" spans="1:3" x14ac:dyDescent="0.15">
      <c r="A16328">
        <v>8675</v>
      </c>
      <c r="B16328" t="s">
        <v>32591</v>
      </c>
      <c r="C16328" t="s">
        <v>32592</v>
      </c>
    </row>
    <row r="16329" spans="1:3" x14ac:dyDescent="0.15">
      <c r="A16329">
        <v>8674</v>
      </c>
      <c r="B16329" t="s">
        <v>32593</v>
      </c>
      <c r="C16329" t="s">
        <v>32594</v>
      </c>
    </row>
    <row r="16330" spans="1:3" x14ac:dyDescent="0.15">
      <c r="A16330">
        <v>8673</v>
      </c>
      <c r="B16330" t="s">
        <v>32595</v>
      </c>
      <c r="C16330" t="s">
        <v>32596</v>
      </c>
    </row>
    <row r="16331" spans="1:3" x14ac:dyDescent="0.15">
      <c r="A16331">
        <v>8672</v>
      </c>
      <c r="B16331" t="s">
        <v>32597</v>
      </c>
      <c r="C16331" t="s">
        <v>32598</v>
      </c>
    </row>
    <row r="16332" spans="1:3" x14ac:dyDescent="0.15">
      <c r="A16332">
        <v>8671</v>
      </c>
      <c r="B16332" t="s">
        <v>32599</v>
      </c>
      <c r="C16332" t="s">
        <v>32600</v>
      </c>
    </row>
    <row r="16333" spans="1:3" x14ac:dyDescent="0.15">
      <c r="A16333">
        <v>8670</v>
      </c>
      <c r="B16333" t="s">
        <v>32601</v>
      </c>
      <c r="C16333" t="s">
        <v>32602</v>
      </c>
    </row>
    <row r="16334" spans="1:3" x14ac:dyDescent="0.15">
      <c r="A16334">
        <v>8669</v>
      </c>
      <c r="B16334" t="s">
        <v>32603</v>
      </c>
      <c r="C16334" t="s">
        <v>32604</v>
      </c>
    </row>
    <row r="16335" spans="1:3" x14ac:dyDescent="0.15">
      <c r="A16335">
        <v>8668</v>
      </c>
      <c r="B16335" t="s">
        <v>32605</v>
      </c>
      <c r="C16335" t="s">
        <v>32606</v>
      </c>
    </row>
    <row r="16336" spans="1:3" x14ac:dyDescent="0.15">
      <c r="A16336">
        <v>8667</v>
      </c>
      <c r="B16336" t="s">
        <v>32607</v>
      </c>
      <c r="C16336" t="s">
        <v>32608</v>
      </c>
    </row>
    <row r="16337" spans="1:3" x14ac:dyDescent="0.15">
      <c r="A16337">
        <v>8666</v>
      </c>
      <c r="B16337" t="s">
        <v>32609</v>
      </c>
      <c r="C16337" t="s">
        <v>32610</v>
      </c>
    </row>
    <row r="16338" spans="1:3" x14ac:dyDescent="0.15">
      <c r="A16338">
        <v>8665</v>
      </c>
      <c r="B16338" t="s">
        <v>32611</v>
      </c>
      <c r="C16338" t="s">
        <v>32612</v>
      </c>
    </row>
    <row r="16339" spans="1:3" x14ac:dyDescent="0.15">
      <c r="A16339">
        <v>8664</v>
      </c>
      <c r="B16339" t="s">
        <v>32613</v>
      </c>
      <c r="C16339" t="s">
        <v>32614</v>
      </c>
    </row>
    <row r="16340" spans="1:3" x14ac:dyDescent="0.15">
      <c r="A16340">
        <v>8663</v>
      </c>
      <c r="B16340" t="s">
        <v>32615</v>
      </c>
      <c r="C16340" t="s">
        <v>32616</v>
      </c>
    </row>
    <row r="16341" spans="1:3" x14ac:dyDescent="0.15">
      <c r="A16341">
        <v>8662</v>
      </c>
      <c r="B16341" t="s">
        <v>32617</v>
      </c>
      <c r="C16341" t="s">
        <v>32618</v>
      </c>
    </row>
    <row r="16342" spans="1:3" x14ac:dyDescent="0.15">
      <c r="A16342">
        <v>8661</v>
      </c>
      <c r="B16342" t="s">
        <v>32619</v>
      </c>
      <c r="C16342" t="s">
        <v>32620</v>
      </c>
    </row>
    <row r="16343" spans="1:3" x14ac:dyDescent="0.15">
      <c r="A16343">
        <v>8660</v>
      </c>
      <c r="B16343" t="s">
        <v>32621</v>
      </c>
      <c r="C16343" t="s">
        <v>32622</v>
      </c>
    </row>
    <row r="16344" spans="1:3" x14ac:dyDescent="0.15">
      <c r="A16344">
        <v>8659</v>
      </c>
      <c r="B16344" t="s">
        <v>32623</v>
      </c>
      <c r="C16344" t="s">
        <v>32624</v>
      </c>
    </row>
    <row r="16345" spans="1:3" x14ac:dyDescent="0.15">
      <c r="A16345">
        <v>8658</v>
      </c>
      <c r="B16345" t="s">
        <v>32625</v>
      </c>
      <c r="C16345" t="s">
        <v>32626</v>
      </c>
    </row>
    <row r="16346" spans="1:3" x14ac:dyDescent="0.15">
      <c r="A16346">
        <v>8657</v>
      </c>
      <c r="B16346" t="s">
        <v>32627</v>
      </c>
      <c r="C16346" t="s">
        <v>32628</v>
      </c>
    </row>
    <row r="16347" spans="1:3" x14ac:dyDescent="0.15">
      <c r="A16347">
        <v>8656</v>
      </c>
      <c r="B16347" t="s">
        <v>32629</v>
      </c>
      <c r="C16347" t="s">
        <v>32630</v>
      </c>
    </row>
    <row r="16348" spans="1:3" x14ac:dyDescent="0.15">
      <c r="A16348">
        <v>8655</v>
      </c>
      <c r="B16348" t="s">
        <v>32631</v>
      </c>
      <c r="C16348" t="s">
        <v>32632</v>
      </c>
    </row>
    <row r="16349" spans="1:3" x14ac:dyDescent="0.15">
      <c r="A16349">
        <v>8654</v>
      </c>
      <c r="B16349" t="s">
        <v>32633</v>
      </c>
      <c r="C16349" t="s">
        <v>32634</v>
      </c>
    </row>
    <row r="16350" spans="1:3" x14ac:dyDescent="0.15">
      <c r="A16350">
        <v>8653</v>
      </c>
      <c r="B16350" t="s">
        <v>32635</v>
      </c>
      <c r="C16350" t="s">
        <v>32636</v>
      </c>
    </row>
    <row r="16351" spans="1:3" x14ac:dyDescent="0.15">
      <c r="A16351">
        <v>8652</v>
      </c>
      <c r="B16351" t="s">
        <v>32637</v>
      </c>
      <c r="C16351" t="s">
        <v>32638</v>
      </c>
    </row>
    <row r="16352" spans="1:3" x14ac:dyDescent="0.15">
      <c r="A16352">
        <v>8651</v>
      </c>
      <c r="B16352" t="s">
        <v>32639</v>
      </c>
      <c r="C16352" t="s">
        <v>32640</v>
      </c>
    </row>
    <row r="16353" spans="1:3" x14ac:dyDescent="0.15">
      <c r="A16353">
        <v>8650</v>
      </c>
      <c r="B16353" t="s">
        <v>32641</v>
      </c>
      <c r="C16353" t="s">
        <v>32642</v>
      </c>
    </row>
    <row r="16354" spans="1:3" x14ac:dyDescent="0.15">
      <c r="A16354">
        <v>8649</v>
      </c>
      <c r="B16354" t="s">
        <v>32643</v>
      </c>
      <c r="C16354" t="s">
        <v>32644</v>
      </c>
    </row>
    <row r="16355" spans="1:3" x14ac:dyDescent="0.15">
      <c r="A16355">
        <v>8648</v>
      </c>
      <c r="B16355" t="s">
        <v>32645</v>
      </c>
      <c r="C16355" t="s">
        <v>32646</v>
      </c>
    </row>
    <row r="16356" spans="1:3" x14ac:dyDescent="0.15">
      <c r="A16356">
        <v>8647</v>
      </c>
      <c r="B16356" t="s">
        <v>32647</v>
      </c>
      <c r="C16356" t="s">
        <v>32648</v>
      </c>
    </row>
    <row r="16357" spans="1:3" x14ac:dyDescent="0.15">
      <c r="A16357">
        <v>8646</v>
      </c>
      <c r="B16357" t="s">
        <v>32649</v>
      </c>
      <c r="C16357" t="s">
        <v>32650</v>
      </c>
    </row>
    <row r="16358" spans="1:3" x14ac:dyDescent="0.15">
      <c r="A16358">
        <v>8645</v>
      </c>
      <c r="B16358" t="s">
        <v>32651</v>
      </c>
      <c r="C16358" t="s">
        <v>32652</v>
      </c>
    </row>
    <row r="16359" spans="1:3" x14ac:dyDescent="0.15">
      <c r="A16359">
        <v>8644</v>
      </c>
      <c r="B16359" t="s">
        <v>32653</v>
      </c>
      <c r="C16359" t="s">
        <v>32654</v>
      </c>
    </row>
    <row r="16360" spans="1:3" x14ac:dyDescent="0.15">
      <c r="A16360">
        <v>8643</v>
      </c>
      <c r="B16360" t="s">
        <v>32655</v>
      </c>
      <c r="C16360" t="s">
        <v>32656</v>
      </c>
    </row>
    <row r="16361" spans="1:3" x14ac:dyDescent="0.15">
      <c r="A16361">
        <v>8642</v>
      </c>
      <c r="B16361" t="s">
        <v>32657</v>
      </c>
      <c r="C16361" t="s">
        <v>32658</v>
      </c>
    </row>
    <row r="16362" spans="1:3" x14ac:dyDescent="0.15">
      <c r="A16362">
        <v>8641</v>
      </c>
      <c r="B16362" t="s">
        <v>32659</v>
      </c>
      <c r="C16362" t="s">
        <v>32660</v>
      </c>
    </row>
    <row r="16363" spans="1:3" x14ac:dyDescent="0.15">
      <c r="A16363">
        <v>8640</v>
      </c>
      <c r="B16363" t="s">
        <v>32661</v>
      </c>
      <c r="C16363" t="s">
        <v>32662</v>
      </c>
    </row>
    <row r="16364" spans="1:3" x14ac:dyDescent="0.15">
      <c r="A16364">
        <v>8639</v>
      </c>
      <c r="B16364" t="s">
        <v>32663</v>
      </c>
      <c r="C16364" t="s">
        <v>32664</v>
      </c>
    </row>
    <row r="16365" spans="1:3" x14ac:dyDescent="0.15">
      <c r="A16365">
        <v>8638</v>
      </c>
      <c r="B16365" t="s">
        <v>32665</v>
      </c>
      <c r="C16365" t="s">
        <v>32666</v>
      </c>
    </row>
    <row r="16366" spans="1:3" x14ac:dyDescent="0.15">
      <c r="A16366">
        <v>8637</v>
      </c>
      <c r="B16366" t="s">
        <v>32667</v>
      </c>
      <c r="C16366" t="s">
        <v>32668</v>
      </c>
    </row>
    <row r="16367" spans="1:3" x14ac:dyDescent="0.15">
      <c r="A16367">
        <v>8636</v>
      </c>
      <c r="B16367" t="s">
        <v>32669</v>
      </c>
      <c r="C16367" t="s">
        <v>32670</v>
      </c>
    </row>
    <row r="16368" spans="1:3" x14ac:dyDescent="0.15">
      <c r="A16368">
        <v>8635</v>
      </c>
      <c r="B16368" t="s">
        <v>32671</v>
      </c>
      <c r="C16368" t="s">
        <v>32672</v>
      </c>
    </row>
    <row r="16369" spans="1:3" x14ac:dyDescent="0.15">
      <c r="A16369">
        <v>8634</v>
      </c>
      <c r="B16369" t="s">
        <v>32673</v>
      </c>
      <c r="C16369" t="s">
        <v>32674</v>
      </c>
    </row>
    <row r="16370" spans="1:3" x14ac:dyDescent="0.15">
      <c r="A16370">
        <v>8633</v>
      </c>
      <c r="B16370" t="s">
        <v>32675</v>
      </c>
      <c r="C16370" t="s">
        <v>32676</v>
      </c>
    </row>
    <row r="16371" spans="1:3" x14ac:dyDescent="0.15">
      <c r="A16371">
        <v>8632</v>
      </c>
      <c r="B16371" t="s">
        <v>32677</v>
      </c>
      <c r="C16371" t="s">
        <v>32678</v>
      </c>
    </row>
    <row r="16372" spans="1:3" x14ac:dyDescent="0.15">
      <c r="A16372">
        <v>8631</v>
      </c>
      <c r="B16372" t="s">
        <v>32679</v>
      </c>
      <c r="C16372" t="s">
        <v>32680</v>
      </c>
    </row>
    <row r="16373" spans="1:3" x14ac:dyDescent="0.15">
      <c r="A16373">
        <v>8630</v>
      </c>
      <c r="B16373" t="s">
        <v>32681</v>
      </c>
      <c r="C16373" t="s">
        <v>32682</v>
      </c>
    </row>
    <row r="16374" spans="1:3" x14ac:dyDescent="0.15">
      <c r="A16374">
        <v>8629</v>
      </c>
      <c r="B16374" t="s">
        <v>32683</v>
      </c>
      <c r="C16374" t="s">
        <v>32684</v>
      </c>
    </row>
    <row r="16375" spans="1:3" x14ac:dyDescent="0.15">
      <c r="A16375">
        <v>8628</v>
      </c>
      <c r="B16375" t="s">
        <v>32685</v>
      </c>
      <c r="C16375" t="s">
        <v>32686</v>
      </c>
    </row>
    <row r="16376" spans="1:3" x14ac:dyDescent="0.15">
      <c r="A16376">
        <v>8627</v>
      </c>
      <c r="B16376" t="s">
        <v>32687</v>
      </c>
      <c r="C16376" t="s">
        <v>32688</v>
      </c>
    </row>
    <row r="16377" spans="1:3" x14ac:dyDescent="0.15">
      <c r="A16377">
        <v>8626</v>
      </c>
      <c r="B16377" t="s">
        <v>32689</v>
      </c>
      <c r="C16377" t="s">
        <v>32690</v>
      </c>
    </row>
    <row r="16378" spans="1:3" x14ac:dyDescent="0.15">
      <c r="A16378">
        <v>8625</v>
      </c>
      <c r="B16378" t="s">
        <v>32691</v>
      </c>
      <c r="C16378" t="s">
        <v>32692</v>
      </c>
    </row>
    <row r="16379" spans="1:3" x14ac:dyDescent="0.15">
      <c r="A16379">
        <v>8624</v>
      </c>
      <c r="B16379" t="s">
        <v>32693</v>
      </c>
      <c r="C16379" t="s">
        <v>32694</v>
      </c>
    </row>
    <row r="16380" spans="1:3" x14ac:dyDescent="0.15">
      <c r="A16380">
        <v>8623</v>
      </c>
      <c r="B16380" t="s">
        <v>32695</v>
      </c>
      <c r="C16380" t="s">
        <v>32696</v>
      </c>
    </row>
    <row r="16381" spans="1:3" x14ac:dyDescent="0.15">
      <c r="A16381">
        <v>8622</v>
      </c>
      <c r="B16381" t="s">
        <v>32697</v>
      </c>
      <c r="C16381" t="s">
        <v>32698</v>
      </c>
    </row>
    <row r="16382" spans="1:3" x14ac:dyDescent="0.15">
      <c r="A16382">
        <v>8621</v>
      </c>
      <c r="B16382" t="s">
        <v>32699</v>
      </c>
      <c r="C16382" t="s">
        <v>32700</v>
      </c>
    </row>
    <row r="16383" spans="1:3" x14ac:dyDescent="0.15">
      <c r="A16383">
        <v>8620</v>
      </c>
      <c r="B16383" t="s">
        <v>32701</v>
      </c>
      <c r="C16383" t="s">
        <v>32702</v>
      </c>
    </row>
    <row r="16384" spans="1:3" x14ac:dyDescent="0.15">
      <c r="A16384">
        <v>8619</v>
      </c>
      <c r="B16384" t="s">
        <v>32703</v>
      </c>
      <c r="C16384" t="s">
        <v>32704</v>
      </c>
    </row>
    <row r="16385" spans="1:3" x14ac:dyDescent="0.15">
      <c r="A16385">
        <v>8618</v>
      </c>
      <c r="B16385" t="s">
        <v>32705</v>
      </c>
      <c r="C16385" t="s">
        <v>32706</v>
      </c>
    </row>
    <row r="16386" spans="1:3" x14ac:dyDescent="0.15">
      <c r="A16386">
        <v>8617</v>
      </c>
      <c r="B16386" t="s">
        <v>32707</v>
      </c>
      <c r="C16386" t="s">
        <v>32708</v>
      </c>
    </row>
    <row r="16387" spans="1:3" x14ac:dyDescent="0.15">
      <c r="A16387">
        <v>8616</v>
      </c>
      <c r="B16387" t="s">
        <v>32709</v>
      </c>
      <c r="C16387" t="s">
        <v>32710</v>
      </c>
    </row>
    <row r="16388" spans="1:3" x14ac:dyDescent="0.15">
      <c r="A16388">
        <v>8615</v>
      </c>
      <c r="B16388" t="s">
        <v>32711</v>
      </c>
      <c r="C16388" t="s">
        <v>32712</v>
      </c>
    </row>
    <row r="16389" spans="1:3" x14ac:dyDescent="0.15">
      <c r="A16389">
        <v>8614</v>
      </c>
      <c r="B16389" t="s">
        <v>32713</v>
      </c>
      <c r="C16389" t="s">
        <v>32714</v>
      </c>
    </row>
    <row r="16390" spans="1:3" x14ac:dyDescent="0.15">
      <c r="A16390">
        <v>8613</v>
      </c>
      <c r="B16390" t="s">
        <v>32715</v>
      </c>
      <c r="C16390" t="s">
        <v>32716</v>
      </c>
    </row>
    <row r="16391" spans="1:3" x14ac:dyDescent="0.15">
      <c r="A16391">
        <v>8612</v>
      </c>
      <c r="B16391" t="s">
        <v>32717</v>
      </c>
      <c r="C16391" t="s">
        <v>32718</v>
      </c>
    </row>
    <row r="16392" spans="1:3" x14ac:dyDescent="0.15">
      <c r="A16392">
        <v>8611</v>
      </c>
      <c r="B16392" t="s">
        <v>32719</v>
      </c>
      <c r="C16392" t="s">
        <v>32720</v>
      </c>
    </row>
    <row r="16393" spans="1:3" x14ac:dyDescent="0.15">
      <c r="A16393">
        <v>8610</v>
      </c>
      <c r="B16393" t="s">
        <v>32721</v>
      </c>
      <c r="C16393" t="s">
        <v>32722</v>
      </c>
    </row>
    <row r="16394" spans="1:3" x14ac:dyDescent="0.15">
      <c r="A16394">
        <v>8609</v>
      </c>
      <c r="B16394" t="s">
        <v>32723</v>
      </c>
      <c r="C16394" t="s">
        <v>32724</v>
      </c>
    </row>
    <row r="16395" spans="1:3" x14ac:dyDescent="0.15">
      <c r="A16395">
        <v>8608</v>
      </c>
      <c r="B16395" t="s">
        <v>32725</v>
      </c>
      <c r="C16395" t="s">
        <v>32726</v>
      </c>
    </row>
    <row r="16396" spans="1:3" x14ac:dyDescent="0.15">
      <c r="A16396">
        <v>8607</v>
      </c>
      <c r="B16396" t="s">
        <v>32727</v>
      </c>
      <c r="C16396" t="s">
        <v>32728</v>
      </c>
    </row>
    <row r="16397" spans="1:3" x14ac:dyDescent="0.15">
      <c r="A16397">
        <v>8606</v>
      </c>
      <c r="B16397" t="s">
        <v>32729</v>
      </c>
      <c r="C16397" t="s">
        <v>32730</v>
      </c>
    </row>
    <row r="16398" spans="1:3" x14ac:dyDescent="0.15">
      <c r="A16398">
        <v>8605</v>
      </c>
      <c r="B16398" t="s">
        <v>32731</v>
      </c>
      <c r="C16398" t="s">
        <v>32732</v>
      </c>
    </row>
    <row r="16399" spans="1:3" x14ac:dyDescent="0.15">
      <c r="A16399">
        <v>8604</v>
      </c>
      <c r="B16399" t="s">
        <v>32733</v>
      </c>
      <c r="C16399" t="s">
        <v>32734</v>
      </c>
    </row>
    <row r="16400" spans="1:3" x14ac:dyDescent="0.15">
      <c r="A16400">
        <v>8603</v>
      </c>
      <c r="B16400" t="s">
        <v>32735</v>
      </c>
      <c r="C16400" t="s">
        <v>32736</v>
      </c>
    </row>
    <row r="16401" spans="1:3" x14ac:dyDescent="0.15">
      <c r="A16401">
        <v>8602</v>
      </c>
      <c r="B16401" t="s">
        <v>32737</v>
      </c>
      <c r="C16401" t="s">
        <v>32738</v>
      </c>
    </row>
    <row r="16402" spans="1:3" x14ac:dyDescent="0.15">
      <c r="A16402">
        <v>8601</v>
      </c>
      <c r="B16402" t="s">
        <v>32739</v>
      </c>
      <c r="C16402" t="s">
        <v>32740</v>
      </c>
    </row>
    <row r="16403" spans="1:3" x14ac:dyDescent="0.15">
      <c r="A16403">
        <v>8600</v>
      </c>
      <c r="B16403" t="s">
        <v>32741</v>
      </c>
      <c r="C16403" t="s">
        <v>32742</v>
      </c>
    </row>
    <row r="16404" spans="1:3" x14ac:dyDescent="0.15">
      <c r="A16404">
        <v>8599</v>
      </c>
      <c r="B16404" t="s">
        <v>32743</v>
      </c>
      <c r="C16404" t="s">
        <v>32744</v>
      </c>
    </row>
    <row r="16405" spans="1:3" x14ac:dyDescent="0.15">
      <c r="A16405">
        <v>8598</v>
      </c>
      <c r="B16405" t="s">
        <v>32745</v>
      </c>
      <c r="C16405" t="s">
        <v>32746</v>
      </c>
    </row>
    <row r="16406" spans="1:3" x14ac:dyDescent="0.15">
      <c r="A16406">
        <v>8597</v>
      </c>
      <c r="B16406" t="s">
        <v>32747</v>
      </c>
      <c r="C16406" t="s">
        <v>32748</v>
      </c>
    </row>
    <row r="16407" spans="1:3" x14ac:dyDescent="0.15">
      <c r="A16407">
        <v>8596</v>
      </c>
      <c r="B16407" t="s">
        <v>32749</v>
      </c>
      <c r="C16407" t="s">
        <v>32750</v>
      </c>
    </row>
    <row r="16408" spans="1:3" x14ac:dyDescent="0.15">
      <c r="A16408">
        <v>8595</v>
      </c>
      <c r="B16408" t="s">
        <v>32751</v>
      </c>
      <c r="C16408" t="s">
        <v>32752</v>
      </c>
    </row>
    <row r="16409" spans="1:3" x14ac:dyDescent="0.15">
      <c r="A16409">
        <v>8594</v>
      </c>
      <c r="B16409" t="s">
        <v>32753</v>
      </c>
      <c r="C16409" t="s">
        <v>32754</v>
      </c>
    </row>
    <row r="16410" spans="1:3" x14ac:dyDescent="0.15">
      <c r="A16410">
        <v>8593</v>
      </c>
      <c r="B16410" t="s">
        <v>32755</v>
      </c>
      <c r="C16410" t="s">
        <v>32756</v>
      </c>
    </row>
    <row r="16411" spans="1:3" x14ac:dyDescent="0.15">
      <c r="A16411">
        <v>8592</v>
      </c>
      <c r="B16411" t="s">
        <v>32757</v>
      </c>
      <c r="C16411" t="s">
        <v>32758</v>
      </c>
    </row>
    <row r="16412" spans="1:3" x14ac:dyDescent="0.15">
      <c r="A16412">
        <v>8591</v>
      </c>
      <c r="B16412" t="s">
        <v>32759</v>
      </c>
      <c r="C16412" t="s">
        <v>32760</v>
      </c>
    </row>
    <row r="16413" spans="1:3" x14ac:dyDescent="0.15">
      <c r="A16413">
        <v>8590</v>
      </c>
      <c r="B16413" t="s">
        <v>32761</v>
      </c>
      <c r="C16413" t="s">
        <v>4725</v>
      </c>
    </row>
    <row r="16414" spans="1:3" x14ac:dyDescent="0.15">
      <c r="A16414">
        <v>8589</v>
      </c>
      <c r="B16414" t="s">
        <v>32762</v>
      </c>
      <c r="C16414" t="s">
        <v>32763</v>
      </c>
    </row>
    <row r="16415" spans="1:3" x14ac:dyDescent="0.15">
      <c r="A16415">
        <v>8588</v>
      </c>
      <c r="B16415" t="s">
        <v>32764</v>
      </c>
      <c r="C16415" t="s">
        <v>32765</v>
      </c>
    </row>
    <row r="16416" spans="1:3" x14ac:dyDescent="0.15">
      <c r="A16416">
        <v>8587</v>
      </c>
      <c r="B16416" t="s">
        <v>32766</v>
      </c>
      <c r="C16416" t="s">
        <v>32767</v>
      </c>
    </row>
    <row r="16417" spans="1:3" x14ac:dyDescent="0.15">
      <c r="A16417">
        <v>8586</v>
      </c>
      <c r="B16417" t="s">
        <v>32768</v>
      </c>
      <c r="C16417" t="s">
        <v>32769</v>
      </c>
    </row>
    <row r="16418" spans="1:3" x14ac:dyDescent="0.15">
      <c r="A16418">
        <v>8585</v>
      </c>
      <c r="B16418" t="s">
        <v>32770</v>
      </c>
      <c r="C16418" t="s">
        <v>32771</v>
      </c>
    </row>
    <row r="16419" spans="1:3" x14ac:dyDescent="0.15">
      <c r="A16419">
        <v>8584</v>
      </c>
      <c r="B16419" t="s">
        <v>32772</v>
      </c>
      <c r="C16419" t="s">
        <v>32773</v>
      </c>
    </row>
    <row r="16420" spans="1:3" x14ac:dyDescent="0.15">
      <c r="A16420">
        <v>8583</v>
      </c>
      <c r="B16420" t="s">
        <v>32774</v>
      </c>
      <c r="C16420" t="s">
        <v>32775</v>
      </c>
    </row>
    <row r="16421" spans="1:3" x14ac:dyDescent="0.15">
      <c r="A16421">
        <v>8582</v>
      </c>
      <c r="B16421" t="s">
        <v>32776</v>
      </c>
      <c r="C16421" t="s">
        <v>32777</v>
      </c>
    </row>
    <row r="16422" spans="1:3" x14ac:dyDescent="0.15">
      <c r="A16422">
        <v>8581</v>
      </c>
      <c r="B16422" t="s">
        <v>32778</v>
      </c>
      <c r="C16422" t="s">
        <v>32779</v>
      </c>
    </row>
    <row r="16423" spans="1:3" x14ac:dyDescent="0.15">
      <c r="A16423">
        <v>8580</v>
      </c>
      <c r="B16423" t="s">
        <v>32780</v>
      </c>
      <c r="C16423" t="s">
        <v>32781</v>
      </c>
    </row>
    <row r="16424" spans="1:3" x14ac:dyDescent="0.15">
      <c r="A16424">
        <v>8579</v>
      </c>
      <c r="B16424" t="s">
        <v>32782</v>
      </c>
      <c r="C16424" t="s">
        <v>32783</v>
      </c>
    </row>
    <row r="16425" spans="1:3" x14ac:dyDescent="0.15">
      <c r="A16425">
        <v>8578</v>
      </c>
      <c r="B16425" t="s">
        <v>32784</v>
      </c>
      <c r="C16425" t="s">
        <v>32785</v>
      </c>
    </row>
    <row r="16426" spans="1:3" x14ac:dyDescent="0.15">
      <c r="A16426">
        <v>8577</v>
      </c>
      <c r="B16426" t="s">
        <v>32786</v>
      </c>
      <c r="C16426" t="s">
        <v>32787</v>
      </c>
    </row>
    <row r="16427" spans="1:3" x14ac:dyDescent="0.15">
      <c r="A16427">
        <v>8576</v>
      </c>
      <c r="B16427" t="s">
        <v>32788</v>
      </c>
      <c r="C16427" t="s">
        <v>32789</v>
      </c>
    </row>
    <row r="16428" spans="1:3" x14ac:dyDescent="0.15">
      <c r="A16428">
        <v>8575</v>
      </c>
      <c r="B16428" t="s">
        <v>32790</v>
      </c>
      <c r="C16428" t="s">
        <v>32791</v>
      </c>
    </row>
    <row r="16429" spans="1:3" x14ac:dyDescent="0.15">
      <c r="A16429">
        <v>8574</v>
      </c>
      <c r="B16429" t="s">
        <v>32792</v>
      </c>
      <c r="C16429" t="s">
        <v>32793</v>
      </c>
    </row>
    <row r="16430" spans="1:3" x14ac:dyDescent="0.15">
      <c r="A16430">
        <v>8573</v>
      </c>
      <c r="B16430" t="s">
        <v>32794</v>
      </c>
      <c r="C16430" t="s">
        <v>32795</v>
      </c>
    </row>
    <row r="16431" spans="1:3" x14ac:dyDescent="0.15">
      <c r="A16431">
        <v>8572</v>
      </c>
      <c r="B16431" t="s">
        <v>32796</v>
      </c>
      <c r="C16431" t="s">
        <v>32797</v>
      </c>
    </row>
    <row r="16432" spans="1:3" x14ac:dyDescent="0.15">
      <c r="A16432">
        <v>8571</v>
      </c>
      <c r="B16432" t="s">
        <v>32798</v>
      </c>
      <c r="C16432" t="s">
        <v>32799</v>
      </c>
    </row>
    <row r="16433" spans="1:3" x14ac:dyDescent="0.15">
      <c r="A16433">
        <v>8570</v>
      </c>
      <c r="B16433" t="s">
        <v>32800</v>
      </c>
      <c r="C16433" t="s">
        <v>32801</v>
      </c>
    </row>
    <row r="16434" spans="1:3" x14ac:dyDescent="0.15">
      <c r="A16434">
        <v>8569</v>
      </c>
      <c r="B16434" t="s">
        <v>32802</v>
      </c>
      <c r="C16434" t="s">
        <v>32803</v>
      </c>
    </row>
    <row r="16435" spans="1:3" x14ac:dyDescent="0.15">
      <c r="A16435">
        <v>8568</v>
      </c>
      <c r="B16435" t="s">
        <v>32804</v>
      </c>
      <c r="C16435" t="s">
        <v>32805</v>
      </c>
    </row>
    <row r="16436" spans="1:3" x14ac:dyDescent="0.15">
      <c r="A16436">
        <v>8567</v>
      </c>
      <c r="B16436" t="s">
        <v>32806</v>
      </c>
      <c r="C16436" t="s">
        <v>32807</v>
      </c>
    </row>
    <row r="16437" spans="1:3" x14ac:dyDescent="0.15">
      <c r="A16437">
        <v>8566</v>
      </c>
      <c r="B16437" t="s">
        <v>32808</v>
      </c>
      <c r="C16437" t="s">
        <v>32809</v>
      </c>
    </row>
    <row r="16438" spans="1:3" x14ac:dyDescent="0.15">
      <c r="A16438">
        <v>8565</v>
      </c>
      <c r="B16438" t="s">
        <v>32810</v>
      </c>
      <c r="C16438" t="s">
        <v>32811</v>
      </c>
    </row>
    <row r="16439" spans="1:3" x14ac:dyDescent="0.15">
      <c r="A16439">
        <v>8564</v>
      </c>
      <c r="B16439" t="s">
        <v>32812</v>
      </c>
      <c r="C16439" t="s">
        <v>32813</v>
      </c>
    </row>
    <row r="16440" spans="1:3" x14ac:dyDescent="0.15">
      <c r="A16440">
        <v>8563</v>
      </c>
      <c r="B16440" t="s">
        <v>32814</v>
      </c>
      <c r="C16440" t="s">
        <v>32815</v>
      </c>
    </row>
    <row r="16441" spans="1:3" x14ac:dyDescent="0.15">
      <c r="A16441">
        <v>8562</v>
      </c>
      <c r="B16441" t="s">
        <v>32816</v>
      </c>
      <c r="C16441" t="s">
        <v>32817</v>
      </c>
    </row>
    <row r="16442" spans="1:3" x14ac:dyDescent="0.15">
      <c r="A16442">
        <v>8561</v>
      </c>
      <c r="B16442" t="s">
        <v>32818</v>
      </c>
      <c r="C16442" t="s">
        <v>32819</v>
      </c>
    </row>
    <row r="16443" spans="1:3" x14ac:dyDescent="0.15">
      <c r="A16443">
        <v>8560</v>
      </c>
      <c r="B16443" t="s">
        <v>32820</v>
      </c>
      <c r="C16443" t="s">
        <v>32821</v>
      </c>
    </row>
    <row r="16444" spans="1:3" x14ac:dyDescent="0.15">
      <c r="A16444">
        <v>8559</v>
      </c>
      <c r="B16444" t="s">
        <v>32822</v>
      </c>
      <c r="C16444" t="s">
        <v>32823</v>
      </c>
    </row>
    <row r="16445" spans="1:3" x14ac:dyDescent="0.15">
      <c r="A16445">
        <v>8558</v>
      </c>
      <c r="B16445" t="s">
        <v>32824</v>
      </c>
      <c r="C16445" t="s">
        <v>32825</v>
      </c>
    </row>
    <row r="16446" spans="1:3" x14ac:dyDescent="0.15">
      <c r="A16446">
        <v>8557</v>
      </c>
      <c r="B16446" t="s">
        <v>32826</v>
      </c>
      <c r="C16446" t="s">
        <v>32827</v>
      </c>
    </row>
    <row r="16447" spans="1:3" x14ac:dyDescent="0.15">
      <c r="A16447">
        <v>8556</v>
      </c>
      <c r="B16447" t="s">
        <v>32828</v>
      </c>
      <c r="C16447" t="s">
        <v>32829</v>
      </c>
    </row>
    <row r="16448" spans="1:3" x14ac:dyDescent="0.15">
      <c r="A16448">
        <v>8555</v>
      </c>
      <c r="B16448" t="s">
        <v>32830</v>
      </c>
      <c r="C16448" t="s">
        <v>32831</v>
      </c>
    </row>
    <row r="16449" spans="1:3" x14ac:dyDescent="0.15">
      <c r="A16449">
        <v>8554</v>
      </c>
      <c r="B16449" t="s">
        <v>32832</v>
      </c>
      <c r="C16449" t="s">
        <v>32833</v>
      </c>
    </row>
    <row r="16450" spans="1:3" x14ac:dyDescent="0.15">
      <c r="A16450">
        <v>8553</v>
      </c>
      <c r="B16450" t="s">
        <v>32834</v>
      </c>
      <c r="C16450" t="s">
        <v>32835</v>
      </c>
    </row>
    <row r="16451" spans="1:3" x14ac:dyDescent="0.15">
      <c r="A16451">
        <v>8552</v>
      </c>
      <c r="B16451" t="s">
        <v>32836</v>
      </c>
      <c r="C16451" t="s">
        <v>32837</v>
      </c>
    </row>
    <row r="16452" spans="1:3" x14ac:dyDescent="0.15">
      <c r="A16452">
        <v>8551</v>
      </c>
      <c r="B16452" t="s">
        <v>32838</v>
      </c>
      <c r="C16452" t="s">
        <v>32839</v>
      </c>
    </row>
    <row r="16453" spans="1:3" x14ac:dyDescent="0.15">
      <c r="A16453">
        <v>8550</v>
      </c>
      <c r="B16453" t="s">
        <v>32840</v>
      </c>
      <c r="C16453" t="s">
        <v>32841</v>
      </c>
    </row>
    <row r="16454" spans="1:3" x14ac:dyDescent="0.15">
      <c r="A16454">
        <v>8549</v>
      </c>
      <c r="B16454" t="s">
        <v>32842</v>
      </c>
      <c r="C16454" t="s">
        <v>32843</v>
      </c>
    </row>
    <row r="16455" spans="1:3" x14ac:dyDescent="0.15">
      <c r="A16455">
        <v>8548</v>
      </c>
      <c r="B16455" t="s">
        <v>32844</v>
      </c>
      <c r="C16455" t="s">
        <v>32845</v>
      </c>
    </row>
    <row r="16456" spans="1:3" x14ac:dyDescent="0.15">
      <c r="A16456">
        <v>8547</v>
      </c>
      <c r="B16456" t="s">
        <v>32846</v>
      </c>
      <c r="C16456" t="s">
        <v>32847</v>
      </c>
    </row>
    <row r="16457" spans="1:3" x14ac:dyDescent="0.15">
      <c r="A16457">
        <v>8546</v>
      </c>
      <c r="B16457" t="s">
        <v>32848</v>
      </c>
      <c r="C16457" t="s">
        <v>32849</v>
      </c>
    </row>
    <row r="16458" spans="1:3" x14ac:dyDescent="0.15">
      <c r="A16458">
        <v>8545</v>
      </c>
      <c r="B16458" t="s">
        <v>32850</v>
      </c>
      <c r="C16458" t="s">
        <v>32851</v>
      </c>
    </row>
    <row r="16459" spans="1:3" x14ac:dyDescent="0.15">
      <c r="A16459">
        <v>8544</v>
      </c>
      <c r="B16459" t="s">
        <v>32852</v>
      </c>
      <c r="C16459" t="s">
        <v>32853</v>
      </c>
    </row>
    <row r="16460" spans="1:3" x14ac:dyDescent="0.15">
      <c r="A16460">
        <v>8543</v>
      </c>
      <c r="B16460" t="s">
        <v>32854</v>
      </c>
      <c r="C16460" t="s">
        <v>32855</v>
      </c>
    </row>
    <row r="16461" spans="1:3" x14ac:dyDescent="0.15">
      <c r="A16461">
        <v>8542</v>
      </c>
      <c r="B16461" t="s">
        <v>32856</v>
      </c>
      <c r="C16461" t="s">
        <v>32857</v>
      </c>
    </row>
    <row r="16462" spans="1:3" x14ac:dyDescent="0.15">
      <c r="A16462">
        <v>8541</v>
      </c>
      <c r="B16462" t="s">
        <v>32858</v>
      </c>
      <c r="C16462" t="s">
        <v>32859</v>
      </c>
    </row>
    <row r="16463" spans="1:3" x14ac:dyDescent="0.15">
      <c r="A16463">
        <v>8540</v>
      </c>
      <c r="B16463" t="s">
        <v>32860</v>
      </c>
      <c r="C16463" t="s">
        <v>32861</v>
      </c>
    </row>
    <row r="16464" spans="1:3" x14ac:dyDescent="0.15">
      <c r="A16464">
        <v>8539</v>
      </c>
      <c r="B16464" t="s">
        <v>32862</v>
      </c>
      <c r="C16464" t="s">
        <v>32863</v>
      </c>
    </row>
    <row r="16465" spans="1:3" x14ac:dyDescent="0.15">
      <c r="A16465">
        <v>8538</v>
      </c>
      <c r="B16465" t="s">
        <v>32864</v>
      </c>
      <c r="C16465" t="s">
        <v>32865</v>
      </c>
    </row>
    <row r="16466" spans="1:3" x14ac:dyDescent="0.15">
      <c r="A16466">
        <v>8537</v>
      </c>
      <c r="B16466" t="s">
        <v>32866</v>
      </c>
      <c r="C16466" t="s">
        <v>32867</v>
      </c>
    </row>
    <row r="16467" spans="1:3" x14ac:dyDescent="0.15">
      <c r="A16467">
        <v>8536</v>
      </c>
      <c r="B16467" t="s">
        <v>32868</v>
      </c>
      <c r="C16467" t="s">
        <v>32869</v>
      </c>
    </row>
    <row r="16468" spans="1:3" x14ac:dyDescent="0.15">
      <c r="A16468">
        <v>8535</v>
      </c>
      <c r="B16468" t="s">
        <v>32870</v>
      </c>
      <c r="C16468" t="s">
        <v>32871</v>
      </c>
    </row>
    <row r="16469" spans="1:3" x14ac:dyDescent="0.15">
      <c r="A16469">
        <v>8534</v>
      </c>
      <c r="B16469" t="s">
        <v>32872</v>
      </c>
      <c r="C16469" t="s">
        <v>32873</v>
      </c>
    </row>
    <row r="16470" spans="1:3" x14ac:dyDescent="0.15">
      <c r="A16470">
        <v>8533</v>
      </c>
      <c r="B16470" t="s">
        <v>32874</v>
      </c>
      <c r="C16470" t="s">
        <v>32875</v>
      </c>
    </row>
    <row r="16471" spans="1:3" x14ac:dyDescent="0.15">
      <c r="A16471">
        <v>8532</v>
      </c>
      <c r="B16471" t="s">
        <v>32876</v>
      </c>
      <c r="C16471" t="s">
        <v>32877</v>
      </c>
    </row>
    <row r="16472" spans="1:3" x14ac:dyDescent="0.15">
      <c r="A16472">
        <v>8531</v>
      </c>
      <c r="B16472" t="s">
        <v>32878</v>
      </c>
      <c r="C16472" t="s">
        <v>32879</v>
      </c>
    </row>
    <row r="16473" spans="1:3" x14ac:dyDescent="0.15">
      <c r="A16473">
        <v>8530</v>
      </c>
      <c r="B16473" t="s">
        <v>32880</v>
      </c>
      <c r="C16473" t="s">
        <v>32881</v>
      </c>
    </row>
    <row r="16474" spans="1:3" x14ac:dyDescent="0.15">
      <c r="A16474">
        <v>8529</v>
      </c>
      <c r="B16474" t="s">
        <v>32882</v>
      </c>
      <c r="C16474" t="s">
        <v>32883</v>
      </c>
    </row>
    <row r="16475" spans="1:3" x14ac:dyDescent="0.15">
      <c r="A16475">
        <v>8528</v>
      </c>
      <c r="B16475" t="s">
        <v>32884</v>
      </c>
      <c r="C16475" t="s">
        <v>32885</v>
      </c>
    </row>
    <row r="16476" spans="1:3" x14ac:dyDescent="0.15">
      <c r="A16476">
        <v>8527</v>
      </c>
      <c r="B16476" t="s">
        <v>32886</v>
      </c>
      <c r="C16476" t="s">
        <v>32887</v>
      </c>
    </row>
    <row r="16477" spans="1:3" x14ac:dyDescent="0.15">
      <c r="A16477">
        <v>8526</v>
      </c>
      <c r="B16477" t="s">
        <v>32888</v>
      </c>
      <c r="C16477" t="s">
        <v>32889</v>
      </c>
    </row>
    <row r="16478" spans="1:3" x14ac:dyDescent="0.15">
      <c r="A16478">
        <v>8525</v>
      </c>
      <c r="B16478" t="s">
        <v>32890</v>
      </c>
      <c r="C16478" t="s">
        <v>32891</v>
      </c>
    </row>
    <row r="16479" spans="1:3" x14ac:dyDescent="0.15">
      <c r="A16479">
        <v>8524</v>
      </c>
      <c r="B16479" t="s">
        <v>32892</v>
      </c>
      <c r="C16479" t="s">
        <v>32893</v>
      </c>
    </row>
    <row r="16480" spans="1:3" x14ac:dyDescent="0.15">
      <c r="A16480">
        <v>8523</v>
      </c>
      <c r="B16480" t="s">
        <v>32894</v>
      </c>
      <c r="C16480" t="s">
        <v>32895</v>
      </c>
    </row>
    <row r="16481" spans="1:3" x14ac:dyDescent="0.15">
      <c r="A16481">
        <v>8522</v>
      </c>
      <c r="B16481" t="s">
        <v>32896</v>
      </c>
      <c r="C16481" t="s">
        <v>32897</v>
      </c>
    </row>
    <row r="16482" spans="1:3" x14ac:dyDescent="0.15">
      <c r="A16482">
        <v>8521</v>
      </c>
      <c r="B16482" t="s">
        <v>32898</v>
      </c>
      <c r="C16482" t="s">
        <v>32899</v>
      </c>
    </row>
    <row r="16483" spans="1:3" x14ac:dyDescent="0.15">
      <c r="A16483">
        <v>8520</v>
      </c>
      <c r="B16483" t="s">
        <v>32900</v>
      </c>
      <c r="C16483" t="s">
        <v>32901</v>
      </c>
    </row>
    <row r="16484" spans="1:3" x14ac:dyDescent="0.15">
      <c r="A16484">
        <v>8519</v>
      </c>
      <c r="B16484" t="s">
        <v>32902</v>
      </c>
      <c r="C16484" t="s">
        <v>32903</v>
      </c>
    </row>
    <row r="16485" spans="1:3" x14ac:dyDescent="0.15">
      <c r="A16485">
        <v>8518</v>
      </c>
      <c r="B16485" t="s">
        <v>32904</v>
      </c>
      <c r="C16485" t="s">
        <v>32905</v>
      </c>
    </row>
    <row r="16486" spans="1:3" x14ac:dyDescent="0.15">
      <c r="A16486">
        <v>8517</v>
      </c>
      <c r="B16486" t="s">
        <v>32906</v>
      </c>
      <c r="C16486" t="s">
        <v>32907</v>
      </c>
    </row>
    <row r="16487" spans="1:3" x14ac:dyDescent="0.15">
      <c r="A16487">
        <v>8516</v>
      </c>
      <c r="B16487" t="s">
        <v>32908</v>
      </c>
      <c r="C16487" t="s">
        <v>32909</v>
      </c>
    </row>
    <row r="16488" spans="1:3" x14ac:dyDescent="0.15">
      <c r="A16488">
        <v>8515</v>
      </c>
      <c r="B16488" t="s">
        <v>32910</v>
      </c>
      <c r="C16488" t="s">
        <v>32911</v>
      </c>
    </row>
    <row r="16489" spans="1:3" x14ac:dyDescent="0.15">
      <c r="A16489">
        <v>8514</v>
      </c>
      <c r="B16489" t="s">
        <v>32912</v>
      </c>
      <c r="C16489" t="s">
        <v>32913</v>
      </c>
    </row>
    <row r="16490" spans="1:3" x14ac:dyDescent="0.15">
      <c r="A16490">
        <v>8513</v>
      </c>
      <c r="B16490" t="s">
        <v>32914</v>
      </c>
      <c r="C16490" t="s">
        <v>32915</v>
      </c>
    </row>
    <row r="16491" spans="1:3" x14ac:dyDescent="0.15">
      <c r="A16491">
        <v>8512</v>
      </c>
      <c r="B16491" t="s">
        <v>32916</v>
      </c>
      <c r="C16491" t="s">
        <v>32917</v>
      </c>
    </row>
    <row r="16492" spans="1:3" x14ac:dyDescent="0.15">
      <c r="A16492">
        <v>8511</v>
      </c>
      <c r="B16492" t="s">
        <v>32918</v>
      </c>
      <c r="C16492" t="s">
        <v>32919</v>
      </c>
    </row>
    <row r="16493" spans="1:3" x14ac:dyDescent="0.15">
      <c r="A16493">
        <v>8510</v>
      </c>
      <c r="B16493" t="s">
        <v>32920</v>
      </c>
      <c r="C16493" t="s">
        <v>32921</v>
      </c>
    </row>
    <row r="16494" spans="1:3" x14ac:dyDescent="0.15">
      <c r="A16494">
        <v>8509</v>
      </c>
      <c r="B16494" t="s">
        <v>32922</v>
      </c>
      <c r="C16494" t="s">
        <v>32923</v>
      </c>
    </row>
    <row r="16495" spans="1:3" x14ac:dyDescent="0.15">
      <c r="A16495">
        <v>8508</v>
      </c>
      <c r="B16495" t="s">
        <v>32924</v>
      </c>
      <c r="C16495" t="s">
        <v>32925</v>
      </c>
    </row>
    <row r="16496" spans="1:3" x14ac:dyDescent="0.15">
      <c r="A16496">
        <v>8507</v>
      </c>
      <c r="B16496" t="s">
        <v>32926</v>
      </c>
      <c r="C16496" t="s">
        <v>32927</v>
      </c>
    </row>
    <row r="16497" spans="1:3" x14ac:dyDescent="0.15">
      <c r="A16497">
        <v>8506</v>
      </c>
      <c r="B16497" t="s">
        <v>32928</v>
      </c>
      <c r="C16497" t="s">
        <v>32929</v>
      </c>
    </row>
    <row r="16498" spans="1:3" x14ac:dyDescent="0.15">
      <c r="A16498">
        <v>8505</v>
      </c>
      <c r="B16498" t="s">
        <v>32930</v>
      </c>
      <c r="C16498" t="s">
        <v>32931</v>
      </c>
    </row>
    <row r="16499" spans="1:3" x14ac:dyDescent="0.15">
      <c r="A16499">
        <v>8504</v>
      </c>
      <c r="B16499" t="s">
        <v>32932</v>
      </c>
      <c r="C16499" t="s">
        <v>32933</v>
      </c>
    </row>
    <row r="16500" spans="1:3" x14ac:dyDescent="0.15">
      <c r="A16500">
        <v>8503</v>
      </c>
      <c r="B16500" t="s">
        <v>32934</v>
      </c>
      <c r="C16500" t="s">
        <v>32935</v>
      </c>
    </row>
    <row r="16501" spans="1:3" x14ac:dyDescent="0.15">
      <c r="A16501">
        <v>8502</v>
      </c>
      <c r="B16501" t="s">
        <v>32936</v>
      </c>
      <c r="C16501" t="s">
        <v>32937</v>
      </c>
    </row>
    <row r="16502" spans="1:3" x14ac:dyDescent="0.15">
      <c r="A16502">
        <v>8501</v>
      </c>
      <c r="B16502" t="s">
        <v>32938</v>
      </c>
      <c r="C16502" t="s">
        <v>32939</v>
      </c>
    </row>
    <row r="16503" spans="1:3" x14ac:dyDescent="0.15">
      <c r="A16503">
        <v>8500</v>
      </c>
      <c r="B16503" t="s">
        <v>32940</v>
      </c>
      <c r="C16503" t="s">
        <v>32941</v>
      </c>
    </row>
    <row r="16504" spans="1:3" x14ac:dyDescent="0.15">
      <c r="A16504">
        <v>8499</v>
      </c>
      <c r="B16504" t="s">
        <v>32942</v>
      </c>
      <c r="C16504" t="s">
        <v>32943</v>
      </c>
    </row>
    <row r="16505" spans="1:3" x14ac:dyDescent="0.15">
      <c r="A16505">
        <v>8498</v>
      </c>
      <c r="B16505" t="s">
        <v>32944</v>
      </c>
      <c r="C16505" t="s">
        <v>32945</v>
      </c>
    </row>
    <row r="16506" spans="1:3" x14ac:dyDescent="0.15">
      <c r="A16506">
        <v>8497</v>
      </c>
      <c r="B16506" t="s">
        <v>32946</v>
      </c>
      <c r="C16506" t="s">
        <v>32947</v>
      </c>
    </row>
    <row r="16507" spans="1:3" x14ac:dyDescent="0.15">
      <c r="A16507">
        <v>8496</v>
      </c>
      <c r="B16507" t="s">
        <v>32948</v>
      </c>
      <c r="C16507" t="s">
        <v>32949</v>
      </c>
    </row>
    <row r="16508" spans="1:3" x14ac:dyDescent="0.15">
      <c r="A16508">
        <v>8495</v>
      </c>
      <c r="B16508" t="s">
        <v>32950</v>
      </c>
      <c r="C16508" t="s">
        <v>32951</v>
      </c>
    </row>
    <row r="16509" spans="1:3" x14ac:dyDescent="0.15">
      <c r="A16509">
        <v>8494</v>
      </c>
      <c r="B16509" t="s">
        <v>32952</v>
      </c>
      <c r="C16509" t="s">
        <v>32953</v>
      </c>
    </row>
    <row r="16510" spans="1:3" x14ac:dyDescent="0.15">
      <c r="A16510">
        <v>8493</v>
      </c>
      <c r="B16510" t="s">
        <v>32954</v>
      </c>
      <c r="C16510" t="s">
        <v>32955</v>
      </c>
    </row>
    <row r="16511" spans="1:3" x14ac:dyDescent="0.15">
      <c r="A16511">
        <v>8492</v>
      </c>
      <c r="B16511" t="s">
        <v>32956</v>
      </c>
      <c r="C16511" t="s">
        <v>32957</v>
      </c>
    </row>
    <row r="16512" spans="1:3" x14ac:dyDescent="0.15">
      <c r="A16512">
        <v>8491</v>
      </c>
      <c r="B16512" t="s">
        <v>32958</v>
      </c>
      <c r="C16512" t="s">
        <v>32959</v>
      </c>
    </row>
    <row r="16513" spans="1:3" x14ac:dyDescent="0.15">
      <c r="A16513">
        <v>8490</v>
      </c>
      <c r="B16513" t="s">
        <v>32960</v>
      </c>
      <c r="C16513" t="s">
        <v>32961</v>
      </c>
    </row>
    <row r="16514" spans="1:3" x14ac:dyDescent="0.15">
      <c r="A16514">
        <v>8489</v>
      </c>
      <c r="B16514" t="s">
        <v>32962</v>
      </c>
      <c r="C16514" t="s">
        <v>32963</v>
      </c>
    </row>
    <row r="16515" spans="1:3" x14ac:dyDescent="0.15">
      <c r="A16515">
        <v>8488</v>
      </c>
      <c r="B16515" t="s">
        <v>32964</v>
      </c>
      <c r="C16515" t="s">
        <v>32965</v>
      </c>
    </row>
    <row r="16516" spans="1:3" x14ac:dyDescent="0.15">
      <c r="A16516">
        <v>8487</v>
      </c>
      <c r="B16516" t="s">
        <v>32966</v>
      </c>
      <c r="C16516" t="s">
        <v>32967</v>
      </c>
    </row>
    <row r="16517" spans="1:3" x14ac:dyDescent="0.15">
      <c r="A16517">
        <v>8486</v>
      </c>
      <c r="B16517" t="s">
        <v>32968</v>
      </c>
      <c r="C16517" t="s">
        <v>32969</v>
      </c>
    </row>
    <row r="16518" spans="1:3" x14ac:dyDescent="0.15">
      <c r="A16518">
        <v>8485</v>
      </c>
      <c r="B16518" t="s">
        <v>32970</v>
      </c>
      <c r="C16518" t="s">
        <v>32971</v>
      </c>
    </row>
    <row r="16519" spans="1:3" x14ac:dyDescent="0.15">
      <c r="A16519">
        <v>8484</v>
      </c>
      <c r="B16519" t="s">
        <v>32972</v>
      </c>
      <c r="C16519" t="s">
        <v>32973</v>
      </c>
    </row>
    <row r="16520" spans="1:3" x14ac:dyDescent="0.15">
      <c r="A16520">
        <v>8483</v>
      </c>
      <c r="B16520" t="s">
        <v>32974</v>
      </c>
      <c r="C16520" t="s">
        <v>32975</v>
      </c>
    </row>
    <row r="16521" spans="1:3" x14ac:dyDescent="0.15">
      <c r="A16521">
        <v>8482</v>
      </c>
      <c r="B16521" t="s">
        <v>32976</v>
      </c>
      <c r="C16521" t="s">
        <v>32977</v>
      </c>
    </row>
    <row r="16522" spans="1:3" x14ac:dyDescent="0.15">
      <c r="A16522">
        <v>8481</v>
      </c>
      <c r="B16522" t="s">
        <v>32978</v>
      </c>
      <c r="C16522" t="s">
        <v>32979</v>
      </c>
    </row>
    <row r="16523" spans="1:3" x14ac:dyDescent="0.15">
      <c r="A16523">
        <v>8480</v>
      </c>
      <c r="B16523" t="s">
        <v>32980</v>
      </c>
      <c r="C16523" t="s">
        <v>32981</v>
      </c>
    </row>
    <row r="16524" spans="1:3" x14ac:dyDescent="0.15">
      <c r="A16524">
        <v>8479</v>
      </c>
      <c r="B16524" t="s">
        <v>32982</v>
      </c>
      <c r="C16524" t="s">
        <v>32983</v>
      </c>
    </row>
    <row r="16525" spans="1:3" x14ac:dyDescent="0.15">
      <c r="A16525">
        <v>8478</v>
      </c>
      <c r="B16525" t="s">
        <v>32984</v>
      </c>
      <c r="C16525" t="s">
        <v>32985</v>
      </c>
    </row>
    <row r="16526" spans="1:3" x14ac:dyDescent="0.15">
      <c r="A16526">
        <v>8477</v>
      </c>
      <c r="B16526" t="s">
        <v>32986</v>
      </c>
      <c r="C16526" t="s">
        <v>32987</v>
      </c>
    </row>
    <row r="16527" spans="1:3" x14ac:dyDescent="0.15">
      <c r="A16527">
        <v>8476</v>
      </c>
      <c r="B16527" t="s">
        <v>32988</v>
      </c>
      <c r="C16527" t="s">
        <v>32989</v>
      </c>
    </row>
    <row r="16528" spans="1:3" x14ac:dyDescent="0.15">
      <c r="A16528">
        <v>8475</v>
      </c>
      <c r="B16528" t="s">
        <v>32990</v>
      </c>
      <c r="C16528" t="s">
        <v>32991</v>
      </c>
    </row>
    <row r="16529" spans="1:3" x14ac:dyDescent="0.15">
      <c r="A16529">
        <v>8474</v>
      </c>
      <c r="B16529" t="s">
        <v>32992</v>
      </c>
      <c r="C16529" t="s">
        <v>32993</v>
      </c>
    </row>
    <row r="16530" spans="1:3" x14ac:dyDescent="0.15">
      <c r="A16530">
        <v>8473</v>
      </c>
      <c r="B16530" t="s">
        <v>32994</v>
      </c>
      <c r="C16530" t="s">
        <v>32995</v>
      </c>
    </row>
    <row r="16531" spans="1:3" x14ac:dyDescent="0.15">
      <c r="A16531">
        <v>8472</v>
      </c>
      <c r="B16531" t="s">
        <v>32996</v>
      </c>
      <c r="C16531" t="s">
        <v>32997</v>
      </c>
    </row>
    <row r="16532" spans="1:3" x14ac:dyDescent="0.15">
      <c r="A16532">
        <v>8471</v>
      </c>
      <c r="B16532" t="s">
        <v>32998</v>
      </c>
      <c r="C16532" t="s">
        <v>32999</v>
      </c>
    </row>
    <row r="16533" spans="1:3" x14ac:dyDescent="0.15">
      <c r="A16533">
        <v>8470</v>
      </c>
      <c r="B16533" t="s">
        <v>33000</v>
      </c>
      <c r="C16533" t="s">
        <v>33001</v>
      </c>
    </row>
    <row r="16534" spans="1:3" x14ac:dyDescent="0.15">
      <c r="A16534">
        <v>8469</v>
      </c>
      <c r="B16534" t="s">
        <v>33002</v>
      </c>
      <c r="C16534" t="s">
        <v>33003</v>
      </c>
    </row>
    <row r="16535" spans="1:3" x14ac:dyDescent="0.15">
      <c r="A16535">
        <v>8468</v>
      </c>
      <c r="B16535" t="s">
        <v>33004</v>
      </c>
      <c r="C16535" t="s">
        <v>33005</v>
      </c>
    </row>
    <row r="16536" spans="1:3" x14ac:dyDescent="0.15">
      <c r="A16536">
        <v>8467</v>
      </c>
      <c r="B16536" t="s">
        <v>33006</v>
      </c>
      <c r="C16536" t="s">
        <v>33007</v>
      </c>
    </row>
    <row r="16537" spans="1:3" x14ac:dyDescent="0.15">
      <c r="A16537">
        <v>8466</v>
      </c>
      <c r="B16537" t="s">
        <v>33008</v>
      </c>
      <c r="C16537" t="s">
        <v>33009</v>
      </c>
    </row>
    <row r="16538" spans="1:3" x14ac:dyDescent="0.15">
      <c r="A16538">
        <v>8465</v>
      </c>
      <c r="B16538" t="s">
        <v>33010</v>
      </c>
      <c r="C16538" t="s">
        <v>33011</v>
      </c>
    </row>
    <row r="16539" spans="1:3" x14ac:dyDescent="0.15">
      <c r="A16539">
        <v>8464</v>
      </c>
      <c r="B16539" t="s">
        <v>33012</v>
      </c>
      <c r="C16539" t="s">
        <v>33013</v>
      </c>
    </row>
    <row r="16540" spans="1:3" x14ac:dyDescent="0.15">
      <c r="A16540">
        <v>8463</v>
      </c>
      <c r="B16540" t="s">
        <v>33014</v>
      </c>
      <c r="C16540" t="s">
        <v>33015</v>
      </c>
    </row>
    <row r="16541" spans="1:3" x14ac:dyDescent="0.15">
      <c r="A16541">
        <v>8462</v>
      </c>
      <c r="B16541" t="s">
        <v>33016</v>
      </c>
      <c r="C16541" t="s">
        <v>33017</v>
      </c>
    </row>
    <row r="16542" spans="1:3" x14ac:dyDescent="0.15">
      <c r="A16542">
        <v>8461</v>
      </c>
      <c r="B16542" t="s">
        <v>33018</v>
      </c>
      <c r="C16542" t="s">
        <v>33019</v>
      </c>
    </row>
    <row r="16543" spans="1:3" x14ac:dyDescent="0.15">
      <c r="A16543">
        <v>8460</v>
      </c>
      <c r="B16543" t="s">
        <v>33020</v>
      </c>
      <c r="C16543" t="s">
        <v>33021</v>
      </c>
    </row>
    <row r="16544" spans="1:3" x14ac:dyDescent="0.15">
      <c r="A16544">
        <v>8459</v>
      </c>
      <c r="B16544" t="s">
        <v>33022</v>
      </c>
      <c r="C16544" t="s">
        <v>33023</v>
      </c>
    </row>
    <row r="16545" spans="1:3" x14ac:dyDescent="0.15">
      <c r="A16545">
        <v>8458</v>
      </c>
      <c r="B16545" t="s">
        <v>33024</v>
      </c>
      <c r="C16545" t="s">
        <v>33025</v>
      </c>
    </row>
    <row r="16546" spans="1:3" x14ac:dyDescent="0.15">
      <c r="A16546">
        <v>8457</v>
      </c>
      <c r="B16546" t="s">
        <v>33026</v>
      </c>
      <c r="C16546" t="s">
        <v>33027</v>
      </c>
    </row>
    <row r="16547" spans="1:3" x14ac:dyDescent="0.15">
      <c r="A16547">
        <v>8456</v>
      </c>
      <c r="B16547" t="s">
        <v>33028</v>
      </c>
      <c r="C16547" t="s">
        <v>33029</v>
      </c>
    </row>
    <row r="16548" spans="1:3" x14ac:dyDescent="0.15">
      <c r="A16548">
        <v>8455</v>
      </c>
      <c r="B16548" t="s">
        <v>33030</v>
      </c>
      <c r="C16548" t="s">
        <v>33031</v>
      </c>
    </row>
    <row r="16549" spans="1:3" x14ac:dyDescent="0.15">
      <c r="A16549">
        <v>8454</v>
      </c>
      <c r="B16549" t="s">
        <v>33032</v>
      </c>
      <c r="C16549" t="s">
        <v>33033</v>
      </c>
    </row>
    <row r="16550" spans="1:3" x14ac:dyDescent="0.15">
      <c r="A16550">
        <v>8453</v>
      </c>
      <c r="B16550" t="s">
        <v>33034</v>
      </c>
      <c r="C16550" t="s">
        <v>33035</v>
      </c>
    </row>
    <row r="16551" spans="1:3" x14ac:dyDescent="0.15">
      <c r="A16551">
        <v>8452</v>
      </c>
      <c r="B16551" t="s">
        <v>33036</v>
      </c>
      <c r="C16551" t="s">
        <v>33037</v>
      </c>
    </row>
    <row r="16552" spans="1:3" x14ac:dyDescent="0.15">
      <c r="A16552">
        <v>8451</v>
      </c>
      <c r="B16552" t="s">
        <v>33038</v>
      </c>
      <c r="C16552" t="s">
        <v>33039</v>
      </c>
    </row>
    <row r="16553" spans="1:3" x14ac:dyDescent="0.15">
      <c r="A16553">
        <v>8450</v>
      </c>
      <c r="B16553" t="s">
        <v>33040</v>
      </c>
      <c r="C16553" t="s">
        <v>33041</v>
      </c>
    </row>
    <row r="16554" spans="1:3" x14ac:dyDescent="0.15">
      <c r="A16554">
        <v>8449</v>
      </c>
      <c r="B16554" t="s">
        <v>33042</v>
      </c>
      <c r="C16554" t="s">
        <v>33043</v>
      </c>
    </row>
    <row r="16555" spans="1:3" x14ac:dyDescent="0.15">
      <c r="A16555">
        <v>8448</v>
      </c>
      <c r="B16555" t="s">
        <v>33044</v>
      </c>
      <c r="C16555" t="s">
        <v>33045</v>
      </c>
    </row>
    <row r="16556" spans="1:3" x14ac:dyDescent="0.15">
      <c r="A16556">
        <v>8447</v>
      </c>
      <c r="B16556" t="s">
        <v>33046</v>
      </c>
      <c r="C16556" t="s">
        <v>33047</v>
      </c>
    </row>
    <row r="16557" spans="1:3" x14ac:dyDescent="0.15">
      <c r="A16557">
        <v>8446</v>
      </c>
      <c r="B16557" t="s">
        <v>33048</v>
      </c>
      <c r="C16557" t="s">
        <v>33049</v>
      </c>
    </row>
    <row r="16558" spans="1:3" x14ac:dyDescent="0.15">
      <c r="A16558">
        <v>8445</v>
      </c>
      <c r="B16558" t="s">
        <v>33050</v>
      </c>
      <c r="C16558" t="s">
        <v>33051</v>
      </c>
    </row>
    <row r="16559" spans="1:3" x14ac:dyDescent="0.15">
      <c r="A16559">
        <v>8444</v>
      </c>
      <c r="B16559" t="s">
        <v>33052</v>
      </c>
      <c r="C16559" t="s">
        <v>33053</v>
      </c>
    </row>
    <row r="16560" spans="1:3" x14ac:dyDescent="0.15">
      <c r="A16560">
        <v>8443</v>
      </c>
      <c r="B16560" t="s">
        <v>33054</v>
      </c>
      <c r="C16560" t="s">
        <v>33055</v>
      </c>
    </row>
    <row r="16561" spans="1:3" x14ac:dyDescent="0.15">
      <c r="A16561">
        <v>8442</v>
      </c>
      <c r="B16561" t="s">
        <v>33056</v>
      </c>
      <c r="C16561" t="s">
        <v>33057</v>
      </c>
    </row>
    <row r="16562" spans="1:3" x14ac:dyDescent="0.15">
      <c r="A16562">
        <v>8441</v>
      </c>
      <c r="B16562" t="s">
        <v>33058</v>
      </c>
      <c r="C16562" t="s">
        <v>33059</v>
      </c>
    </row>
    <row r="16563" spans="1:3" x14ac:dyDescent="0.15">
      <c r="A16563">
        <v>8440</v>
      </c>
      <c r="B16563" t="s">
        <v>33060</v>
      </c>
      <c r="C16563" t="s">
        <v>33061</v>
      </c>
    </row>
    <row r="16564" spans="1:3" x14ac:dyDescent="0.15">
      <c r="A16564">
        <v>8439</v>
      </c>
      <c r="B16564" t="s">
        <v>33062</v>
      </c>
      <c r="C16564" t="s">
        <v>33063</v>
      </c>
    </row>
    <row r="16565" spans="1:3" x14ac:dyDescent="0.15">
      <c r="A16565">
        <v>8438</v>
      </c>
      <c r="B16565" t="s">
        <v>33064</v>
      </c>
      <c r="C16565" t="s">
        <v>33065</v>
      </c>
    </row>
    <row r="16566" spans="1:3" x14ac:dyDescent="0.15">
      <c r="A16566">
        <v>8437</v>
      </c>
      <c r="B16566" t="s">
        <v>33066</v>
      </c>
      <c r="C16566" t="s">
        <v>33067</v>
      </c>
    </row>
    <row r="16567" spans="1:3" x14ac:dyDescent="0.15">
      <c r="A16567">
        <v>8436</v>
      </c>
      <c r="B16567" t="s">
        <v>33068</v>
      </c>
      <c r="C16567" t="s">
        <v>33069</v>
      </c>
    </row>
    <row r="16568" spans="1:3" x14ac:dyDescent="0.15">
      <c r="A16568">
        <v>8435</v>
      </c>
      <c r="B16568" t="s">
        <v>33070</v>
      </c>
      <c r="C16568" t="s">
        <v>33071</v>
      </c>
    </row>
    <row r="16569" spans="1:3" x14ac:dyDescent="0.15">
      <c r="A16569">
        <v>8434</v>
      </c>
      <c r="B16569" t="s">
        <v>33072</v>
      </c>
      <c r="C16569" t="s">
        <v>33073</v>
      </c>
    </row>
    <row r="16570" spans="1:3" x14ac:dyDescent="0.15">
      <c r="A16570">
        <v>8433</v>
      </c>
      <c r="B16570" t="s">
        <v>33074</v>
      </c>
      <c r="C16570" t="s">
        <v>33075</v>
      </c>
    </row>
    <row r="16571" spans="1:3" x14ac:dyDescent="0.15">
      <c r="A16571">
        <v>8432</v>
      </c>
      <c r="B16571" t="s">
        <v>33076</v>
      </c>
      <c r="C16571" t="s">
        <v>33077</v>
      </c>
    </row>
    <row r="16572" spans="1:3" x14ac:dyDescent="0.15">
      <c r="A16572">
        <v>8431</v>
      </c>
      <c r="B16572" t="s">
        <v>33078</v>
      </c>
      <c r="C16572" t="s">
        <v>33079</v>
      </c>
    </row>
    <row r="16573" spans="1:3" x14ac:dyDescent="0.15">
      <c r="A16573">
        <v>8430</v>
      </c>
      <c r="B16573" t="s">
        <v>33080</v>
      </c>
      <c r="C16573" t="s">
        <v>33081</v>
      </c>
    </row>
    <row r="16574" spans="1:3" x14ac:dyDescent="0.15">
      <c r="A16574">
        <v>8429</v>
      </c>
      <c r="B16574" t="s">
        <v>33082</v>
      </c>
      <c r="C16574" t="s">
        <v>33083</v>
      </c>
    </row>
    <row r="16575" spans="1:3" x14ac:dyDescent="0.15">
      <c r="A16575">
        <v>8428</v>
      </c>
      <c r="B16575" t="s">
        <v>33084</v>
      </c>
      <c r="C16575" t="s">
        <v>33085</v>
      </c>
    </row>
    <row r="16576" spans="1:3" x14ac:dyDescent="0.15">
      <c r="A16576">
        <v>8427</v>
      </c>
      <c r="B16576" t="s">
        <v>33086</v>
      </c>
      <c r="C16576" t="s">
        <v>33087</v>
      </c>
    </row>
    <row r="16577" spans="1:3" x14ac:dyDescent="0.15">
      <c r="A16577">
        <v>8426</v>
      </c>
      <c r="B16577" t="s">
        <v>33088</v>
      </c>
      <c r="C16577" t="s">
        <v>33089</v>
      </c>
    </row>
    <row r="16578" spans="1:3" x14ac:dyDescent="0.15">
      <c r="A16578">
        <v>8425</v>
      </c>
      <c r="B16578" t="s">
        <v>33090</v>
      </c>
      <c r="C16578" t="s">
        <v>33091</v>
      </c>
    </row>
    <row r="16579" spans="1:3" x14ac:dyDescent="0.15">
      <c r="A16579">
        <v>8424</v>
      </c>
      <c r="B16579" t="s">
        <v>33092</v>
      </c>
      <c r="C16579" t="s">
        <v>33093</v>
      </c>
    </row>
    <row r="16580" spans="1:3" x14ac:dyDescent="0.15">
      <c r="A16580">
        <v>8423</v>
      </c>
      <c r="B16580" t="s">
        <v>33094</v>
      </c>
      <c r="C16580" t="s">
        <v>33095</v>
      </c>
    </row>
    <row r="16581" spans="1:3" x14ac:dyDescent="0.15">
      <c r="A16581">
        <v>8422</v>
      </c>
      <c r="B16581" t="s">
        <v>33096</v>
      </c>
      <c r="C16581" t="s">
        <v>33097</v>
      </c>
    </row>
    <row r="16582" spans="1:3" x14ac:dyDescent="0.15">
      <c r="A16582">
        <v>8421</v>
      </c>
      <c r="B16582" t="s">
        <v>33098</v>
      </c>
      <c r="C16582" t="s">
        <v>33099</v>
      </c>
    </row>
    <row r="16583" spans="1:3" x14ac:dyDescent="0.15">
      <c r="A16583">
        <v>8420</v>
      </c>
      <c r="B16583" t="s">
        <v>33100</v>
      </c>
      <c r="C16583" t="s">
        <v>33101</v>
      </c>
    </row>
    <row r="16584" spans="1:3" x14ac:dyDescent="0.15">
      <c r="A16584">
        <v>8419</v>
      </c>
      <c r="B16584" t="s">
        <v>33102</v>
      </c>
      <c r="C16584" t="s">
        <v>33103</v>
      </c>
    </row>
    <row r="16585" spans="1:3" x14ac:dyDescent="0.15">
      <c r="A16585">
        <v>8418</v>
      </c>
      <c r="B16585" t="s">
        <v>33104</v>
      </c>
      <c r="C16585" t="s">
        <v>33105</v>
      </c>
    </row>
    <row r="16586" spans="1:3" x14ac:dyDescent="0.15">
      <c r="A16586">
        <v>8417</v>
      </c>
      <c r="B16586" t="s">
        <v>33106</v>
      </c>
      <c r="C16586" t="s">
        <v>33107</v>
      </c>
    </row>
    <row r="16587" spans="1:3" x14ac:dyDescent="0.15">
      <c r="A16587">
        <v>8416</v>
      </c>
      <c r="B16587" t="s">
        <v>33108</v>
      </c>
      <c r="C16587" t="s">
        <v>33109</v>
      </c>
    </row>
    <row r="16588" spans="1:3" x14ac:dyDescent="0.15">
      <c r="A16588">
        <v>8415</v>
      </c>
      <c r="B16588" t="s">
        <v>33110</v>
      </c>
      <c r="C16588" t="s">
        <v>33111</v>
      </c>
    </row>
    <row r="16589" spans="1:3" x14ac:dyDescent="0.15">
      <c r="A16589">
        <v>8414</v>
      </c>
      <c r="B16589" t="s">
        <v>33112</v>
      </c>
      <c r="C16589" t="s">
        <v>33113</v>
      </c>
    </row>
    <row r="16590" spans="1:3" x14ac:dyDescent="0.15">
      <c r="A16590">
        <v>8413</v>
      </c>
      <c r="B16590" t="s">
        <v>33114</v>
      </c>
      <c r="C16590" t="s">
        <v>33115</v>
      </c>
    </row>
    <row r="16591" spans="1:3" x14ac:dyDescent="0.15">
      <c r="A16591">
        <v>8412</v>
      </c>
      <c r="B16591" t="s">
        <v>33116</v>
      </c>
      <c r="C16591" t="s">
        <v>33117</v>
      </c>
    </row>
    <row r="16592" spans="1:3" x14ac:dyDescent="0.15">
      <c r="A16592">
        <v>8411</v>
      </c>
      <c r="B16592" t="s">
        <v>33118</v>
      </c>
      <c r="C16592" t="s">
        <v>33119</v>
      </c>
    </row>
    <row r="16593" spans="1:3" x14ac:dyDescent="0.15">
      <c r="A16593">
        <v>8410</v>
      </c>
      <c r="B16593" t="s">
        <v>33120</v>
      </c>
      <c r="C16593" t="s">
        <v>33121</v>
      </c>
    </row>
    <row r="16594" spans="1:3" x14ac:dyDescent="0.15">
      <c r="A16594">
        <v>8409</v>
      </c>
      <c r="B16594" t="s">
        <v>33122</v>
      </c>
      <c r="C16594" t="s">
        <v>33123</v>
      </c>
    </row>
    <row r="16595" spans="1:3" x14ac:dyDescent="0.15">
      <c r="A16595">
        <v>8408</v>
      </c>
      <c r="B16595" t="s">
        <v>33124</v>
      </c>
      <c r="C16595" t="s">
        <v>33125</v>
      </c>
    </row>
    <row r="16596" spans="1:3" x14ac:dyDescent="0.15">
      <c r="A16596">
        <v>8407</v>
      </c>
      <c r="B16596" t="s">
        <v>33126</v>
      </c>
      <c r="C16596" t="s">
        <v>33127</v>
      </c>
    </row>
    <row r="16597" spans="1:3" x14ac:dyDescent="0.15">
      <c r="A16597">
        <v>8406</v>
      </c>
      <c r="B16597" t="s">
        <v>33128</v>
      </c>
      <c r="C16597" t="s">
        <v>33129</v>
      </c>
    </row>
    <row r="16598" spans="1:3" x14ac:dyDescent="0.15">
      <c r="A16598">
        <v>8405</v>
      </c>
      <c r="B16598" t="s">
        <v>33130</v>
      </c>
      <c r="C16598" t="s">
        <v>33131</v>
      </c>
    </row>
    <row r="16599" spans="1:3" x14ac:dyDescent="0.15">
      <c r="A16599">
        <v>8404</v>
      </c>
      <c r="B16599" t="s">
        <v>33132</v>
      </c>
      <c r="C16599" t="s">
        <v>33133</v>
      </c>
    </row>
    <row r="16600" spans="1:3" x14ac:dyDescent="0.15">
      <c r="A16600">
        <v>8403</v>
      </c>
      <c r="B16600" t="s">
        <v>33134</v>
      </c>
      <c r="C16600" t="s">
        <v>33135</v>
      </c>
    </row>
    <row r="16601" spans="1:3" x14ac:dyDescent="0.15">
      <c r="A16601">
        <v>8402</v>
      </c>
      <c r="B16601" t="s">
        <v>33136</v>
      </c>
      <c r="C16601" t="s">
        <v>33137</v>
      </c>
    </row>
    <row r="16602" spans="1:3" x14ac:dyDescent="0.15">
      <c r="A16602">
        <v>8401</v>
      </c>
      <c r="B16602" t="s">
        <v>33138</v>
      </c>
      <c r="C16602" t="s">
        <v>33139</v>
      </c>
    </row>
    <row r="16603" spans="1:3" x14ac:dyDescent="0.15">
      <c r="A16603">
        <v>8400</v>
      </c>
      <c r="B16603" t="s">
        <v>33140</v>
      </c>
      <c r="C16603" t="s">
        <v>33141</v>
      </c>
    </row>
    <row r="16604" spans="1:3" x14ac:dyDescent="0.15">
      <c r="A16604">
        <v>8399</v>
      </c>
      <c r="B16604" t="s">
        <v>33142</v>
      </c>
      <c r="C16604" t="s">
        <v>33143</v>
      </c>
    </row>
    <row r="16605" spans="1:3" x14ac:dyDescent="0.15">
      <c r="A16605">
        <v>8398</v>
      </c>
      <c r="B16605" t="s">
        <v>33144</v>
      </c>
      <c r="C16605" t="s">
        <v>33145</v>
      </c>
    </row>
    <row r="16606" spans="1:3" x14ac:dyDescent="0.15">
      <c r="A16606">
        <v>8397</v>
      </c>
      <c r="B16606" t="s">
        <v>33146</v>
      </c>
      <c r="C16606" t="s">
        <v>33147</v>
      </c>
    </row>
    <row r="16607" spans="1:3" x14ac:dyDescent="0.15">
      <c r="A16607">
        <v>8396</v>
      </c>
      <c r="B16607" t="s">
        <v>33148</v>
      </c>
      <c r="C16607" t="s">
        <v>33149</v>
      </c>
    </row>
    <row r="16608" spans="1:3" x14ac:dyDescent="0.15">
      <c r="A16608">
        <v>8395</v>
      </c>
      <c r="B16608" t="s">
        <v>33150</v>
      </c>
      <c r="C16608" t="s">
        <v>33151</v>
      </c>
    </row>
    <row r="16609" spans="1:3" x14ac:dyDescent="0.15">
      <c r="A16609">
        <v>8394</v>
      </c>
      <c r="B16609" t="s">
        <v>33152</v>
      </c>
      <c r="C16609" t="s">
        <v>33153</v>
      </c>
    </row>
    <row r="16610" spans="1:3" x14ac:dyDescent="0.15">
      <c r="A16610">
        <v>8393</v>
      </c>
      <c r="B16610" t="s">
        <v>33154</v>
      </c>
      <c r="C16610" t="s">
        <v>33155</v>
      </c>
    </row>
    <row r="16611" spans="1:3" x14ac:dyDescent="0.15">
      <c r="A16611">
        <v>8392</v>
      </c>
      <c r="B16611" t="s">
        <v>33156</v>
      </c>
      <c r="C16611" t="s">
        <v>33157</v>
      </c>
    </row>
    <row r="16612" spans="1:3" x14ac:dyDescent="0.15">
      <c r="A16612">
        <v>8391</v>
      </c>
      <c r="B16612" t="s">
        <v>33158</v>
      </c>
      <c r="C16612" t="s">
        <v>33159</v>
      </c>
    </row>
    <row r="16613" spans="1:3" x14ac:dyDescent="0.15">
      <c r="A16613">
        <v>8390</v>
      </c>
      <c r="B16613" t="s">
        <v>33160</v>
      </c>
      <c r="C16613" t="s">
        <v>33161</v>
      </c>
    </row>
    <row r="16614" spans="1:3" x14ac:dyDescent="0.15">
      <c r="A16614">
        <v>8389</v>
      </c>
      <c r="B16614" t="s">
        <v>33162</v>
      </c>
      <c r="C16614" t="s">
        <v>33163</v>
      </c>
    </row>
    <row r="16615" spans="1:3" x14ac:dyDescent="0.15">
      <c r="A16615">
        <v>8388</v>
      </c>
      <c r="B16615" t="s">
        <v>33164</v>
      </c>
      <c r="C16615" t="s">
        <v>33165</v>
      </c>
    </row>
    <row r="16616" spans="1:3" x14ac:dyDescent="0.15">
      <c r="A16616">
        <v>8387</v>
      </c>
      <c r="B16616" t="s">
        <v>33166</v>
      </c>
      <c r="C16616" t="s">
        <v>33167</v>
      </c>
    </row>
    <row r="16617" spans="1:3" x14ac:dyDescent="0.15">
      <c r="A16617">
        <v>8386</v>
      </c>
      <c r="B16617" t="s">
        <v>33168</v>
      </c>
      <c r="C16617" t="s">
        <v>33169</v>
      </c>
    </row>
    <row r="16618" spans="1:3" x14ac:dyDescent="0.15">
      <c r="A16618">
        <v>8385</v>
      </c>
      <c r="B16618" t="s">
        <v>33170</v>
      </c>
      <c r="C16618" t="s">
        <v>33171</v>
      </c>
    </row>
    <row r="16619" spans="1:3" x14ac:dyDescent="0.15">
      <c r="A16619">
        <v>8384</v>
      </c>
      <c r="B16619" t="s">
        <v>33172</v>
      </c>
      <c r="C16619" t="s">
        <v>33173</v>
      </c>
    </row>
    <row r="16620" spans="1:3" x14ac:dyDescent="0.15">
      <c r="A16620">
        <v>8383</v>
      </c>
      <c r="B16620" t="s">
        <v>33174</v>
      </c>
      <c r="C16620" t="s">
        <v>33175</v>
      </c>
    </row>
    <row r="16621" spans="1:3" x14ac:dyDescent="0.15">
      <c r="A16621">
        <v>8382</v>
      </c>
      <c r="B16621" t="s">
        <v>33176</v>
      </c>
      <c r="C16621" t="s">
        <v>33177</v>
      </c>
    </row>
    <row r="16622" spans="1:3" x14ac:dyDescent="0.15">
      <c r="A16622">
        <v>8381</v>
      </c>
      <c r="B16622" t="s">
        <v>33178</v>
      </c>
      <c r="C16622" t="s">
        <v>33179</v>
      </c>
    </row>
    <row r="16623" spans="1:3" x14ac:dyDescent="0.15">
      <c r="A16623">
        <v>8380</v>
      </c>
      <c r="B16623" t="s">
        <v>33180</v>
      </c>
      <c r="C16623" t="s">
        <v>33181</v>
      </c>
    </row>
    <row r="16624" spans="1:3" x14ac:dyDescent="0.15">
      <c r="A16624">
        <v>8379</v>
      </c>
      <c r="B16624" t="s">
        <v>33182</v>
      </c>
      <c r="C16624" t="s">
        <v>33183</v>
      </c>
    </row>
    <row r="16625" spans="1:3" x14ac:dyDescent="0.15">
      <c r="A16625">
        <v>8378</v>
      </c>
      <c r="B16625" t="s">
        <v>33184</v>
      </c>
      <c r="C16625" t="s">
        <v>33185</v>
      </c>
    </row>
    <row r="16626" spans="1:3" x14ac:dyDescent="0.15">
      <c r="A16626">
        <v>8377</v>
      </c>
      <c r="B16626" t="s">
        <v>33186</v>
      </c>
      <c r="C16626" t="s">
        <v>33187</v>
      </c>
    </row>
    <row r="16627" spans="1:3" x14ac:dyDescent="0.15">
      <c r="A16627">
        <v>8376</v>
      </c>
      <c r="B16627" t="s">
        <v>33188</v>
      </c>
      <c r="C16627" t="s">
        <v>33189</v>
      </c>
    </row>
    <row r="16628" spans="1:3" x14ac:dyDescent="0.15">
      <c r="A16628">
        <v>8375</v>
      </c>
      <c r="B16628" t="s">
        <v>33190</v>
      </c>
      <c r="C16628" t="s">
        <v>33191</v>
      </c>
    </row>
    <row r="16629" spans="1:3" x14ac:dyDescent="0.15">
      <c r="A16629">
        <v>8374</v>
      </c>
      <c r="B16629" t="s">
        <v>33192</v>
      </c>
      <c r="C16629" t="s">
        <v>33193</v>
      </c>
    </row>
    <row r="16630" spans="1:3" x14ac:dyDescent="0.15">
      <c r="A16630">
        <v>8373</v>
      </c>
      <c r="B16630" t="s">
        <v>33194</v>
      </c>
      <c r="C16630" t="s">
        <v>33195</v>
      </c>
    </row>
    <row r="16631" spans="1:3" x14ac:dyDescent="0.15">
      <c r="A16631">
        <v>8372</v>
      </c>
      <c r="B16631" t="s">
        <v>33196</v>
      </c>
      <c r="C16631" t="s">
        <v>33197</v>
      </c>
    </row>
    <row r="16632" spans="1:3" x14ac:dyDescent="0.15">
      <c r="A16632">
        <v>8371</v>
      </c>
      <c r="B16632" t="s">
        <v>33198</v>
      </c>
      <c r="C16632" t="s">
        <v>33199</v>
      </c>
    </row>
    <row r="16633" spans="1:3" x14ac:dyDescent="0.15">
      <c r="A16633">
        <v>8370</v>
      </c>
      <c r="B16633" t="s">
        <v>33200</v>
      </c>
      <c r="C16633" t="s">
        <v>33201</v>
      </c>
    </row>
    <row r="16634" spans="1:3" x14ac:dyDescent="0.15">
      <c r="A16634">
        <v>8369</v>
      </c>
      <c r="B16634" t="s">
        <v>33202</v>
      </c>
      <c r="C16634" t="s">
        <v>33203</v>
      </c>
    </row>
    <row r="16635" spans="1:3" x14ac:dyDescent="0.15">
      <c r="A16635">
        <v>8368</v>
      </c>
      <c r="B16635" t="s">
        <v>33204</v>
      </c>
      <c r="C16635" t="s">
        <v>33205</v>
      </c>
    </row>
    <row r="16636" spans="1:3" x14ac:dyDescent="0.15">
      <c r="A16636">
        <v>8367</v>
      </c>
      <c r="B16636" t="s">
        <v>33206</v>
      </c>
      <c r="C16636" t="s">
        <v>33207</v>
      </c>
    </row>
    <row r="16637" spans="1:3" x14ac:dyDescent="0.15">
      <c r="A16637">
        <v>8366</v>
      </c>
      <c r="B16637" t="s">
        <v>33208</v>
      </c>
      <c r="C16637" t="s">
        <v>33209</v>
      </c>
    </row>
    <row r="16638" spans="1:3" x14ac:dyDescent="0.15">
      <c r="A16638">
        <v>8365</v>
      </c>
      <c r="B16638" t="s">
        <v>33210</v>
      </c>
      <c r="C16638" t="s">
        <v>33211</v>
      </c>
    </row>
    <row r="16639" spans="1:3" x14ac:dyDescent="0.15">
      <c r="A16639">
        <v>8364</v>
      </c>
      <c r="B16639" t="s">
        <v>33212</v>
      </c>
      <c r="C16639" t="s">
        <v>33213</v>
      </c>
    </row>
    <row r="16640" spans="1:3" x14ac:dyDescent="0.15">
      <c r="A16640">
        <v>8363</v>
      </c>
      <c r="B16640" t="s">
        <v>33214</v>
      </c>
      <c r="C16640" t="s">
        <v>33215</v>
      </c>
    </row>
    <row r="16641" spans="1:3" x14ac:dyDescent="0.15">
      <c r="A16641">
        <v>8362</v>
      </c>
      <c r="B16641" t="s">
        <v>33216</v>
      </c>
      <c r="C16641" t="s">
        <v>33217</v>
      </c>
    </row>
    <row r="16642" spans="1:3" x14ac:dyDescent="0.15">
      <c r="A16642">
        <v>8361</v>
      </c>
      <c r="B16642" t="s">
        <v>33218</v>
      </c>
      <c r="C16642" t="s">
        <v>33219</v>
      </c>
    </row>
    <row r="16643" spans="1:3" x14ac:dyDescent="0.15">
      <c r="A16643">
        <v>8360</v>
      </c>
      <c r="B16643" t="s">
        <v>33220</v>
      </c>
      <c r="C16643" t="s">
        <v>33221</v>
      </c>
    </row>
    <row r="16644" spans="1:3" x14ac:dyDescent="0.15">
      <c r="A16644">
        <v>8359</v>
      </c>
      <c r="B16644" t="s">
        <v>33222</v>
      </c>
      <c r="C16644" t="s">
        <v>33223</v>
      </c>
    </row>
    <row r="16645" spans="1:3" x14ac:dyDescent="0.15">
      <c r="A16645">
        <v>8358</v>
      </c>
      <c r="B16645" t="s">
        <v>33224</v>
      </c>
      <c r="C16645" t="s">
        <v>33225</v>
      </c>
    </row>
    <row r="16646" spans="1:3" x14ac:dyDescent="0.15">
      <c r="A16646">
        <v>8357</v>
      </c>
      <c r="B16646" t="s">
        <v>33226</v>
      </c>
      <c r="C16646" t="s">
        <v>33227</v>
      </c>
    </row>
    <row r="16647" spans="1:3" x14ac:dyDescent="0.15">
      <c r="A16647">
        <v>8356</v>
      </c>
      <c r="B16647" t="s">
        <v>33228</v>
      </c>
      <c r="C16647" t="s">
        <v>33229</v>
      </c>
    </row>
    <row r="16648" spans="1:3" x14ac:dyDescent="0.15">
      <c r="A16648">
        <v>8355</v>
      </c>
      <c r="B16648" t="s">
        <v>33230</v>
      </c>
      <c r="C16648" t="s">
        <v>33231</v>
      </c>
    </row>
    <row r="16649" spans="1:3" x14ac:dyDescent="0.15">
      <c r="A16649">
        <v>8354</v>
      </c>
      <c r="B16649" t="s">
        <v>33232</v>
      </c>
      <c r="C16649" t="s">
        <v>33233</v>
      </c>
    </row>
    <row r="16650" spans="1:3" x14ac:dyDescent="0.15">
      <c r="A16650">
        <v>8353</v>
      </c>
      <c r="B16650" t="s">
        <v>33234</v>
      </c>
      <c r="C16650" t="s">
        <v>33235</v>
      </c>
    </row>
    <row r="16651" spans="1:3" x14ac:dyDescent="0.15">
      <c r="A16651">
        <v>8352</v>
      </c>
      <c r="B16651" t="s">
        <v>33236</v>
      </c>
      <c r="C16651" t="s">
        <v>33237</v>
      </c>
    </row>
    <row r="16652" spans="1:3" x14ac:dyDescent="0.15">
      <c r="A16652">
        <v>8351</v>
      </c>
      <c r="B16652" t="s">
        <v>33238</v>
      </c>
      <c r="C16652" t="s">
        <v>33239</v>
      </c>
    </row>
    <row r="16653" spans="1:3" x14ac:dyDescent="0.15">
      <c r="A16653">
        <v>8350</v>
      </c>
      <c r="B16653" t="s">
        <v>33240</v>
      </c>
      <c r="C16653" t="s">
        <v>33241</v>
      </c>
    </row>
    <row r="16654" spans="1:3" x14ac:dyDescent="0.15">
      <c r="A16654">
        <v>8349</v>
      </c>
      <c r="B16654" t="s">
        <v>33242</v>
      </c>
      <c r="C16654" t="s">
        <v>33243</v>
      </c>
    </row>
    <row r="16655" spans="1:3" x14ac:dyDescent="0.15">
      <c r="A16655">
        <v>8348</v>
      </c>
      <c r="B16655" t="s">
        <v>33244</v>
      </c>
      <c r="C16655" t="s">
        <v>33245</v>
      </c>
    </row>
    <row r="16656" spans="1:3" x14ac:dyDescent="0.15">
      <c r="A16656">
        <v>8347</v>
      </c>
      <c r="B16656" t="s">
        <v>33246</v>
      </c>
      <c r="C16656" t="s">
        <v>33247</v>
      </c>
    </row>
    <row r="16657" spans="1:3" x14ac:dyDescent="0.15">
      <c r="A16657">
        <v>8346</v>
      </c>
      <c r="B16657" t="s">
        <v>33248</v>
      </c>
      <c r="C16657" t="s">
        <v>33249</v>
      </c>
    </row>
    <row r="16658" spans="1:3" x14ac:dyDescent="0.15">
      <c r="A16658">
        <v>8345</v>
      </c>
      <c r="B16658" t="s">
        <v>33250</v>
      </c>
      <c r="C16658" t="s">
        <v>33251</v>
      </c>
    </row>
    <row r="16659" spans="1:3" x14ac:dyDescent="0.15">
      <c r="A16659">
        <v>8344</v>
      </c>
      <c r="B16659" t="s">
        <v>33252</v>
      </c>
      <c r="C16659" t="s">
        <v>33253</v>
      </c>
    </row>
    <row r="16660" spans="1:3" x14ac:dyDescent="0.15">
      <c r="A16660">
        <v>8343</v>
      </c>
      <c r="B16660" t="s">
        <v>33254</v>
      </c>
      <c r="C16660" t="s">
        <v>33255</v>
      </c>
    </row>
    <row r="16661" spans="1:3" x14ac:dyDescent="0.15">
      <c r="A16661">
        <v>8342</v>
      </c>
      <c r="B16661" t="s">
        <v>33256</v>
      </c>
      <c r="C16661" t="s">
        <v>33257</v>
      </c>
    </row>
    <row r="16662" spans="1:3" x14ac:dyDescent="0.15">
      <c r="A16662">
        <v>8341</v>
      </c>
      <c r="B16662" t="s">
        <v>33258</v>
      </c>
      <c r="C16662" t="s">
        <v>33259</v>
      </c>
    </row>
    <row r="16663" spans="1:3" x14ac:dyDescent="0.15">
      <c r="A16663">
        <v>8340</v>
      </c>
      <c r="B16663" t="s">
        <v>33260</v>
      </c>
      <c r="C16663" t="s">
        <v>33261</v>
      </c>
    </row>
    <row r="16664" spans="1:3" x14ac:dyDescent="0.15">
      <c r="A16664">
        <v>8339</v>
      </c>
      <c r="B16664" t="s">
        <v>33262</v>
      </c>
      <c r="C16664" t="s">
        <v>33263</v>
      </c>
    </row>
    <row r="16665" spans="1:3" x14ac:dyDescent="0.15">
      <c r="A16665">
        <v>8338</v>
      </c>
      <c r="B16665" t="s">
        <v>33264</v>
      </c>
      <c r="C16665" t="s">
        <v>33265</v>
      </c>
    </row>
    <row r="16666" spans="1:3" x14ac:dyDescent="0.15">
      <c r="A16666">
        <v>8337</v>
      </c>
      <c r="B16666" t="s">
        <v>33266</v>
      </c>
      <c r="C16666" t="s">
        <v>33267</v>
      </c>
    </row>
    <row r="16667" spans="1:3" x14ac:dyDescent="0.15">
      <c r="A16667">
        <v>8336</v>
      </c>
      <c r="B16667" t="s">
        <v>33268</v>
      </c>
      <c r="C16667" t="s">
        <v>33269</v>
      </c>
    </row>
    <row r="16668" spans="1:3" x14ac:dyDescent="0.15">
      <c r="A16668">
        <v>8335</v>
      </c>
      <c r="B16668" t="s">
        <v>33270</v>
      </c>
      <c r="C16668" t="s">
        <v>33271</v>
      </c>
    </row>
    <row r="16669" spans="1:3" x14ac:dyDescent="0.15">
      <c r="A16669">
        <v>8334</v>
      </c>
      <c r="B16669" t="s">
        <v>33272</v>
      </c>
      <c r="C16669" t="s">
        <v>33273</v>
      </c>
    </row>
    <row r="16670" spans="1:3" x14ac:dyDescent="0.15">
      <c r="A16670">
        <v>8333</v>
      </c>
      <c r="B16670" t="s">
        <v>33274</v>
      </c>
      <c r="C16670" t="s">
        <v>33275</v>
      </c>
    </row>
    <row r="16671" spans="1:3" x14ac:dyDescent="0.15">
      <c r="A16671">
        <v>8332</v>
      </c>
      <c r="B16671" t="s">
        <v>33276</v>
      </c>
      <c r="C16671" t="s">
        <v>33277</v>
      </c>
    </row>
    <row r="16672" spans="1:3" x14ac:dyDescent="0.15">
      <c r="A16672">
        <v>8331</v>
      </c>
      <c r="B16672" t="s">
        <v>33278</v>
      </c>
      <c r="C16672" t="s">
        <v>33279</v>
      </c>
    </row>
    <row r="16673" spans="1:3" x14ac:dyDescent="0.15">
      <c r="A16673">
        <v>8330</v>
      </c>
      <c r="B16673" t="s">
        <v>33280</v>
      </c>
      <c r="C16673" t="s">
        <v>33281</v>
      </c>
    </row>
    <row r="16674" spans="1:3" x14ac:dyDescent="0.15">
      <c r="A16674">
        <v>8329</v>
      </c>
      <c r="B16674" t="s">
        <v>33282</v>
      </c>
      <c r="C16674" t="s">
        <v>33283</v>
      </c>
    </row>
    <row r="16675" spans="1:3" x14ac:dyDescent="0.15">
      <c r="A16675">
        <v>8328</v>
      </c>
      <c r="B16675" t="s">
        <v>33284</v>
      </c>
      <c r="C16675" t="s">
        <v>33285</v>
      </c>
    </row>
    <row r="16676" spans="1:3" x14ac:dyDescent="0.15">
      <c r="A16676">
        <v>8327</v>
      </c>
      <c r="B16676" t="s">
        <v>33286</v>
      </c>
      <c r="C16676" t="s">
        <v>33287</v>
      </c>
    </row>
    <row r="16677" spans="1:3" x14ac:dyDescent="0.15">
      <c r="A16677">
        <v>8326</v>
      </c>
      <c r="B16677" t="s">
        <v>33288</v>
      </c>
      <c r="C16677" t="s">
        <v>33289</v>
      </c>
    </row>
    <row r="16678" spans="1:3" x14ac:dyDescent="0.15">
      <c r="A16678">
        <v>8325</v>
      </c>
      <c r="B16678" t="s">
        <v>33290</v>
      </c>
      <c r="C16678" t="s">
        <v>33291</v>
      </c>
    </row>
    <row r="16679" spans="1:3" x14ac:dyDescent="0.15">
      <c r="A16679">
        <v>8324</v>
      </c>
      <c r="B16679" t="s">
        <v>33292</v>
      </c>
      <c r="C16679" t="s">
        <v>33293</v>
      </c>
    </row>
    <row r="16680" spans="1:3" x14ac:dyDescent="0.15">
      <c r="A16680">
        <v>8323</v>
      </c>
      <c r="B16680" t="s">
        <v>33294</v>
      </c>
      <c r="C16680" t="s">
        <v>33295</v>
      </c>
    </row>
    <row r="16681" spans="1:3" x14ac:dyDescent="0.15">
      <c r="A16681">
        <v>8322</v>
      </c>
      <c r="B16681" t="s">
        <v>33296</v>
      </c>
      <c r="C16681" t="s">
        <v>33297</v>
      </c>
    </row>
    <row r="16682" spans="1:3" x14ac:dyDescent="0.15">
      <c r="A16682">
        <v>8321</v>
      </c>
      <c r="B16682" t="s">
        <v>33298</v>
      </c>
      <c r="C16682" t="s">
        <v>33299</v>
      </c>
    </row>
    <row r="16683" spans="1:3" x14ac:dyDescent="0.15">
      <c r="A16683">
        <v>8320</v>
      </c>
      <c r="B16683" t="s">
        <v>33300</v>
      </c>
      <c r="C16683" t="s">
        <v>33301</v>
      </c>
    </row>
    <row r="16684" spans="1:3" x14ac:dyDescent="0.15">
      <c r="A16684">
        <v>8319</v>
      </c>
      <c r="B16684" t="s">
        <v>33302</v>
      </c>
      <c r="C16684" t="s">
        <v>33303</v>
      </c>
    </row>
    <row r="16685" spans="1:3" x14ac:dyDescent="0.15">
      <c r="A16685">
        <v>8318</v>
      </c>
      <c r="B16685" t="s">
        <v>33304</v>
      </c>
      <c r="C16685" t="s">
        <v>33305</v>
      </c>
    </row>
    <row r="16686" spans="1:3" x14ac:dyDescent="0.15">
      <c r="A16686">
        <v>8317</v>
      </c>
      <c r="B16686" t="s">
        <v>33306</v>
      </c>
      <c r="C16686" t="s">
        <v>33307</v>
      </c>
    </row>
    <row r="16687" spans="1:3" x14ac:dyDescent="0.15">
      <c r="A16687">
        <v>8316</v>
      </c>
      <c r="B16687" t="s">
        <v>33308</v>
      </c>
      <c r="C16687" t="s">
        <v>33309</v>
      </c>
    </row>
    <row r="16688" spans="1:3" x14ac:dyDescent="0.15">
      <c r="A16688">
        <v>8315</v>
      </c>
      <c r="B16688" t="s">
        <v>33310</v>
      </c>
      <c r="C16688" t="s">
        <v>33311</v>
      </c>
    </row>
    <row r="16689" spans="1:3" x14ac:dyDescent="0.15">
      <c r="A16689">
        <v>8314</v>
      </c>
      <c r="B16689" t="s">
        <v>33312</v>
      </c>
      <c r="C16689" t="s">
        <v>33313</v>
      </c>
    </row>
    <row r="16690" spans="1:3" x14ac:dyDescent="0.15">
      <c r="A16690">
        <v>8313</v>
      </c>
      <c r="B16690" t="s">
        <v>33314</v>
      </c>
      <c r="C16690" t="s">
        <v>33315</v>
      </c>
    </row>
    <row r="16691" spans="1:3" x14ac:dyDescent="0.15">
      <c r="A16691">
        <v>8312</v>
      </c>
      <c r="B16691" t="s">
        <v>33316</v>
      </c>
      <c r="C16691" t="s">
        <v>33317</v>
      </c>
    </row>
    <row r="16692" spans="1:3" x14ac:dyDescent="0.15">
      <c r="A16692">
        <v>8311</v>
      </c>
      <c r="B16692" t="s">
        <v>33318</v>
      </c>
      <c r="C16692" t="s">
        <v>33319</v>
      </c>
    </row>
    <row r="16693" spans="1:3" x14ac:dyDescent="0.15">
      <c r="A16693">
        <v>8310</v>
      </c>
      <c r="B16693" t="s">
        <v>33320</v>
      </c>
      <c r="C16693" t="s">
        <v>33321</v>
      </c>
    </row>
    <row r="16694" spans="1:3" x14ac:dyDescent="0.15">
      <c r="A16694">
        <v>8309</v>
      </c>
      <c r="B16694" t="s">
        <v>33322</v>
      </c>
      <c r="C16694" t="s">
        <v>33323</v>
      </c>
    </row>
    <row r="16695" spans="1:3" x14ac:dyDescent="0.15">
      <c r="A16695">
        <v>8308</v>
      </c>
      <c r="B16695" t="s">
        <v>33324</v>
      </c>
      <c r="C16695" t="s">
        <v>33325</v>
      </c>
    </row>
    <row r="16696" spans="1:3" x14ac:dyDescent="0.15">
      <c r="A16696">
        <v>8307</v>
      </c>
      <c r="B16696" t="s">
        <v>33326</v>
      </c>
      <c r="C16696" t="s">
        <v>33327</v>
      </c>
    </row>
    <row r="16697" spans="1:3" x14ac:dyDescent="0.15">
      <c r="A16697">
        <v>8306</v>
      </c>
      <c r="B16697" t="s">
        <v>33328</v>
      </c>
      <c r="C16697" t="s">
        <v>33329</v>
      </c>
    </row>
    <row r="16698" spans="1:3" x14ac:dyDescent="0.15">
      <c r="A16698">
        <v>8305</v>
      </c>
      <c r="B16698" t="s">
        <v>33330</v>
      </c>
      <c r="C16698" t="s">
        <v>33331</v>
      </c>
    </row>
    <row r="16699" spans="1:3" x14ac:dyDescent="0.15">
      <c r="A16699">
        <v>8304</v>
      </c>
      <c r="B16699" t="s">
        <v>33332</v>
      </c>
      <c r="C16699" t="s">
        <v>33333</v>
      </c>
    </row>
    <row r="16700" spans="1:3" x14ac:dyDescent="0.15">
      <c r="A16700">
        <v>8303</v>
      </c>
      <c r="B16700" t="s">
        <v>33334</v>
      </c>
      <c r="C16700" t="s">
        <v>33335</v>
      </c>
    </row>
    <row r="16701" spans="1:3" x14ac:dyDescent="0.15">
      <c r="A16701">
        <v>8302</v>
      </c>
      <c r="B16701" t="s">
        <v>33336</v>
      </c>
      <c r="C16701" t="s">
        <v>33337</v>
      </c>
    </row>
    <row r="16702" spans="1:3" x14ac:dyDescent="0.15">
      <c r="A16702">
        <v>8301</v>
      </c>
      <c r="B16702" t="s">
        <v>33338</v>
      </c>
      <c r="C16702" t="s">
        <v>33339</v>
      </c>
    </row>
    <row r="16703" spans="1:3" x14ac:dyDescent="0.15">
      <c r="A16703">
        <v>8300</v>
      </c>
      <c r="B16703" t="s">
        <v>33340</v>
      </c>
      <c r="C16703" t="s">
        <v>33341</v>
      </c>
    </row>
    <row r="16704" spans="1:3" x14ac:dyDescent="0.15">
      <c r="A16704">
        <v>8299</v>
      </c>
      <c r="B16704" t="s">
        <v>33342</v>
      </c>
      <c r="C16704" t="s">
        <v>33343</v>
      </c>
    </row>
    <row r="16705" spans="1:3" x14ac:dyDescent="0.15">
      <c r="A16705">
        <v>8298</v>
      </c>
      <c r="B16705" t="s">
        <v>33344</v>
      </c>
      <c r="C16705" t="s">
        <v>33345</v>
      </c>
    </row>
    <row r="16706" spans="1:3" x14ac:dyDescent="0.15">
      <c r="A16706">
        <v>8297</v>
      </c>
      <c r="B16706" t="s">
        <v>33346</v>
      </c>
      <c r="C16706" t="s">
        <v>33347</v>
      </c>
    </row>
    <row r="16707" spans="1:3" x14ac:dyDescent="0.15">
      <c r="A16707">
        <v>8296</v>
      </c>
      <c r="B16707" t="s">
        <v>33348</v>
      </c>
      <c r="C16707" t="s">
        <v>33349</v>
      </c>
    </row>
    <row r="16708" spans="1:3" x14ac:dyDescent="0.15">
      <c r="A16708">
        <v>8295</v>
      </c>
      <c r="B16708" t="s">
        <v>33350</v>
      </c>
      <c r="C16708" t="s">
        <v>33351</v>
      </c>
    </row>
    <row r="16709" spans="1:3" x14ac:dyDescent="0.15">
      <c r="A16709">
        <v>8294</v>
      </c>
      <c r="B16709" t="s">
        <v>33352</v>
      </c>
      <c r="C16709" t="s">
        <v>33353</v>
      </c>
    </row>
    <row r="16710" spans="1:3" x14ac:dyDescent="0.15">
      <c r="A16710">
        <v>8293</v>
      </c>
      <c r="B16710" t="s">
        <v>33354</v>
      </c>
      <c r="C16710" t="s">
        <v>33355</v>
      </c>
    </row>
    <row r="16711" spans="1:3" x14ac:dyDescent="0.15">
      <c r="A16711">
        <v>8292</v>
      </c>
      <c r="B16711" t="s">
        <v>33356</v>
      </c>
      <c r="C16711" t="s">
        <v>33357</v>
      </c>
    </row>
    <row r="16712" spans="1:3" x14ac:dyDescent="0.15">
      <c r="A16712">
        <v>8291</v>
      </c>
      <c r="B16712" t="s">
        <v>33358</v>
      </c>
      <c r="C16712" t="s">
        <v>33359</v>
      </c>
    </row>
    <row r="16713" spans="1:3" x14ac:dyDescent="0.15">
      <c r="A16713">
        <v>8290</v>
      </c>
      <c r="B16713" t="s">
        <v>33360</v>
      </c>
      <c r="C16713" t="s">
        <v>33361</v>
      </c>
    </row>
    <row r="16714" spans="1:3" x14ac:dyDescent="0.15">
      <c r="A16714">
        <v>8289</v>
      </c>
      <c r="B16714" t="s">
        <v>33362</v>
      </c>
      <c r="C16714" t="s">
        <v>33363</v>
      </c>
    </row>
    <row r="16715" spans="1:3" x14ac:dyDescent="0.15">
      <c r="A16715">
        <v>8288</v>
      </c>
      <c r="B16715" t="s">
        <v>33364</v>
      </c>
      <c r="C16715" t="s">
        <v>33365</v>
      </c>
    </row>
    <row r="16716" spans="1:3" x14ac:dyDescent="0.15">
      <c r="A16716">
        <v>8287</v>
      </c>
      <c r="B16716" t="s">
        <v>33366</v>
      </c>
      <c r="C16716" t="s">
        <v>33367</v>
      </c>
    </row>
    <row r="16717" spans="1:3" x14ac:dyDescent="0.15">
      <c r="A16717">
        <v>8286</v>
      </c>
      <c r="B16717" t="s">
        <v>33368</v>
      </c>
      <c r="C16717" t="s">
        <v>33369</v>
      </c>
    </row>
    <row r="16718" spans="1:3" x14ac:dyDescent="0.15">
      <c r="A16718">
        <v>8285</v>
      </c>
      <c r="B16718" t="s">
        <v>33370</v>
      </c>
      <c r="C16718" t="s">
        <v>33371</v>
      </c>
    </row>
    <row r="16719" spans="1:3" x14ac:dyDescent="0.15">
      <c r="A16719">
        <v>8284</v>
      </c>
      <c r="B16719" t="s">
        <v>33372</v>
      </c>
      <c r="C16719" t="s">
        <v>33373</v>
      </c>
    </row>
    <row r="16720" spans="1:3" x14ac:dyDescent="0.15">
      <c r="A16720">
        <v>8283</v>
      </c>
      <c r="B16720" t="s">
        <v>33374</v>
      </c>
      <c r="C16720" t="s">
        <v>33375</v>
      </c>
    </row>
    <row r="16721" spans="1:3" x14ac:dyDescent="0.15">
      <c r="A16721">
        <v>8282</v>
      </c>
      <c r="B16721" t="s">
        <v>33376</v>
      </c>
      <c r="C16721" t="s">
        <v>33377</v>
      </c>
    </row>
    <row r="16722" spans="1:3" x14ac:dyDescent="0.15">
      <c r="A16722">
        <v>8281</v>
      </c>
      <c r="B16722" t="s">
        <v>33378</v>
      </c>
      <c r="C16722" t="s">
        <v>33379</v>
      </c>
    </row>
    <row r="16723" spans="1:3" x14ac:dyDescent="0.15">
      <c r="A16723">
        <v>8280</v>
      </c>
      <c r="B16723" t="s">
        <v>33380</v>
      </c>
      <c r="C16723" t="s">
        <v>33381</v>
      </c>
    </row>
    <row r="16724" spans="1:3" x14ac:dyDescent="0.15">
      <c r="A16724">
        <v>8279</v>
      </c>
      <c r="B16724" t="s">
        <v>33382</v>
      </c>
      <c r="C16724" t="s">
        <v>33383</v>
      </c>
    </row>
    <row r="16725" spans="1:3" x14ac:dyDescent="0.15">
      <c r="A16725">
        <v>8278</v>
      </c>
      <c r="B16725" t="s">
        <v>33384</v>
      </c>
      <c r="C16725" t="s">
        <v>33385</v>
      </c>
    </row>
    <row r="16726" spans="1:3" x14ac:dyDescent="0.15">
      <c r="A16726">
        <v>8277</v>
      </c>
      <c r="B16726" t="s">
        <v>33386</v>
      </c>
      <c r="C16726" t="s">
        <v>33387</v>
      </c>
    </row>
    <row r="16727" spans="1:3" x14ac:dyDescent="0.15">
      <c r="A16727">
        <v>8276</v>
      </c>
      <c r="B16727" t="s">
        <v>33388</v>
      </c>
      <c r="C16727" t="s">
        <v>33389</v>
      </c>
    </row>
    <row r="16728" spans="1:3" x14ac:dyDescent="0.15">
      <c r="A16728">
        <v>8275</v>
      </c>
      <c r="B16728" t="s">
        <v>33390</v>
      </c>
      <c r="C16728" t="s">
        <v>33391</v>
      </c>
    </row>
    <row r="16729" spans="1:3" x14ac:dyDescent="0.15">
      <c r="A16729">
        <v>8274</v>
      </c>
      <c r="B16729" t="s">
        <v>33392</v>
      </c>
      <c r="C16729" t="s">
        <v>33393</v>
      </c>
    </row>
    <row r="16730" spans="1:3" x14ac:dyDescent="0.15">
      <c r="A16730">
        <v>8273</v>
      </c>
      <c r="B16730" t="s">
        <v>33394</v>
      </c>
      <c r="C16730" t="s">
        <v>33395</v>
      </c>
    </row>
    <row r="16731" spans="1:3" x14ac:dyDescent="0.15">
      <c r="A16731">
        <v>8272</v>
      </c>
      <c r="B16731" t="s">
        <v>33396</v>
      </c>
      <c r="C16731" t="s">
        <v>33397</v>
      </c>
    </row>
    <row r="16732" spans="1:3" x14ac:dyDescent="0.15">
      <c r="A16732">
        <v>8271</v>
      </c>
      <c r="B16732" t="s">
        <v>33398</v>
      </c>
      <c r="C16732" t="s">
        <v>33399</v>
      </c>
    </row>
    <row r="16733" spans="1:3" x14ac:dyDescent="0.15">
      <c r="A16733">
        <v>8270</v>
      </c>
      <c r="B16733" t="s">
        <v>33400</v>
      </c>
      <c r="C16733" t="s">
        <v>33401</v>
      </c>
    </row>
    <row r="16734" spans="1:3" x14ac:dyDescent="0.15">
      <c r="A16734">
        <v>8269</v>
      </c>
      <c r="B16734" t="s">
        <v>33402</v>
      </c>
      <c r="C16734" t="s">
        <v>33403</v>
      </c>
    </row>
    <row r="16735" spans="1:3" x14ac:dyDescent="0.15">
      <c r="A16735">
        <v>8268</v>
      </c>
      <c r="B16735" t="s">
        <v>33404</v>
      </c>
      <c r="C16735" t="s">
        <v>33405</v>
      </c>
    </row>
    <row r="16736" spans="1:3" x14ac:dyDescent="0.15">
      <c r="A16736">
        <v>8267</v>
      </c>
      <c r="B16736" t="s">
        <v>33406</v>
      </c>
      <c r="C16736" t="s">
        <v>33407</v>
      </c>
    </row>
    <row r="16737" spans="1:3" x14ac:dyDescent="0.15">
      <c r="A16737">
        <v>8266</v>
      </c>
      <c r="B16737" t="s">
        <v>33408</v>
      </c>
      <c r="C16737" t="s">
        <v>33409</v>
      </c>
    </row>
    <row r="16738" spans="1:3" x14ac:dyDescent="0.15">
      <c r="A16738">
        <v>8265</v>
      </c>
      <c r="B16738" t="s">
        <v>33410</v>
      </c>
      <c r="C16738" t="s">
        <v>33411</v>
      </c>
    </row>
    <row r="16739" spans="1:3" x14ac:dyDescent="0.15">
      <c r="A16739">
        <v>8264</v>
      </c>
      <c r="B16739" t="s">
        <v>33412</v>
      </c>
      <c r="C16739" t="s">
        <v>33413</v>
      </c>
    </row>
    <row r="16740" spans="1:3" x14ac:dyDescent="0.15">
      <c r="A16740">
        <v>8263</v>
      </c>
      <c r="B16740" t="s">
        <v>33414</v>
      </c>
      <c r="C16740" t="s">
        <v>33415</v>
      </c>
    </row>
    <row r="16741" spans="1:3" x14ac:dyDescent="0.15">
      <c r="A16741">
        <v>8262</v>
      </c>
      <c r="B16741" t="s">
        <v>33416</v>
      </c>
      <c r="C16741" t="s">
        <v>33417</v>
      </c>
    </row>
    <row r="16742" spans="1:3" x14ac:dyDescent="0.15">
      <c r="A16742">
        <v>8261</v>
      </c>
      <c r="B16742" t="s">
        <v>33418</v>
      </c>
      <c r="C16742" t="s">
        <v>33419</v>
      </c>
    </row>
    <row r="16743" spans="1:3" x14ac:dyDescent="0.15">
      <c r="A16743">
        <v>8260</v>
      </c>
      <c r="B16743" t="s">
        <v>33420</v>
      </c>
      <c r="C16743" t="s">
        <v>33421</v>
      </c>
    </row>
    <row r="16744" spans="1:3" x14ac:dyDescent="0.15">
      <c r="A16744">
        <v>8259</v>
      </c>
      <c r="B16744" t="s">
        <v>33422</v>
      </c>
      <c r="C16744" t="s">
        <v>33423</v>
      </c>
    </row>
    <row r="16745" spans="1:3" x14ac:dyDescent="0.15">
      <c r="A16745">
        <v>8258</v>
      </c>
      <c r="B16745" t="s">
        <v>33424</v>
      </c>
      <c r="C16745" t="s">
        <v>33425</v>
      </c>
    </row>
    <row r="16746" spans="1:3" x14ac:dyDescent="0.15">
      <c r="A16746">
        <v>8257</v>
      </c>
      <c r="B16746" t="s">
        <v>33426</v>
      </c>
      <c r="C16746" t="s">
        <v>33427</v>
      </c>
    </row>
    <row r="16747" spans="1:3" x14ac:dyDescent="0.15">
      <c r="A16747">
        <v>8256</v>
      </c>
      <c r="B16747" t="s">
        <v>33428</v>
      </c>
      <c r="C16747" t="s">
        <v>33429</v>
      </c>
    </row>
    <row r="16748" spans="1:3" x14ac:dyDescent="0.15">
      <c r="A16748">
        <v>8255</v>
      </c>
      <c r="B16748" t="s">
        <v>33430</v>
      </c>
      <c r="C16748" t="s">
        <v>33431</v>
      </c>
    </row>
    <row r="16749" spans="1:3" x14ac:dyDescent="0.15">
      <c r="A16749">
        <v>8254</v>
      </c>
      <c r="B16749" t="s">
        <v>33432</v>
      </c>
      <c r="C16749" t="s">
        <v>33433</v>
      </c>
    </row>
    <row r="16750" spans="1:3" x14ac:dyDescent="0.15">
      <c r="A16750">
        <v>8253</v>
      </c>
      <c r="B16750" t="s">
        <v>33434</v>
      </c>
      <c r="C16750" t="s">
        <v>33435</v>
      </c>
    </row>
    <row r="16751" spans="1:3" x14ac:dyDescent="0.15">
      <c r="A16751">
        <v>8252</v>
      </c>
      <c r="B16751" t="s">
        <v>33436</v>
      </c>
      <c r="C16751" t="s">
        <v>33437</v>
      </c>
    </row>
    <row r="16752" spans="1:3" x14ac:dyDescent="0.15">
      <c r="A16752">
        <v>8251</v>
      </c>
      <c r="B16752" t="s">
        <v>33438</v>
      </c>
      <c r="C16752" t="s">
        <v>33439</v>
      </c>
    </row>
    <row r="16753" spans="1:3" x14ac:dyDescent="0.15">
      <c r="A16753">
        <v>8250</v>
      </c>
      <c r="B16753" t="s">
        <v>33440</v>
      </c>
      <c r="C16753" t="s">
        <v>33441</v>
      </c>
    </row>
    <row r="16754" spans="1:3" x14ac:dyDescent="0.15">
      <c r="A16754">
        <v>8249</v>
      </c>
      <c r="B16754" t="s">
        <v>33442</v>
      </c>
      <c r="C16754" t="s">
        <v>33443</v>
      </c>
    </row>
    <row r="16755" spans="1:3" x14ac:dyDescent="0.15">
      <c r="A16755">
        <v>8248</v>
      </c>
      <c r="B16755" t="s">
        <v>33444</v>
      </c>
      <c r="C16755" t="s">
        <v>33445</v>
      </c>
    </row>
    <row r="16756" spans="1:3" x14ac:dyDescent="0.15">
      <c r="A16756">
        <v>8247</v>
      </c>
      <c r="B16756" t="s">
        <v>33446</v>
      </c>
      <c r="C16756" t="s">
        <v>33447</v>
      </c>
    </row>
    <row r="16757" spans="1:3" x14ac:dyDescent="0.15">
      <c r="A16757">
        <v>8246</v>
      </c>
      <c r="B16757" t="s">
        <v>33448</v>
      </c>
      <c r="C16757" t="s">
        <v>33449</v>
      </c>
    </row>
    <row r="16758" spans="1:3" x14ac:dyDescent="0.15">
      <c r="A16758">
        <v>8245</v>
      </c>
      <c r="B16758" t="s">
        <v>33450</v>
      </c>
      <c r="C16758" t="s">
        <v>33451</v>
      </c>
    </row>
    <row r="16759" spans="1:3" x14ac:dyDescent="0.15">
      <c r="A16759">
        <v>8244</v>
      </c>
      <c r="B16759" t="s">
        <v>33452</v>
      </c>
      <c r="C16759" t="s">
        <v>33453</v>
      </c>
    </row>
    <row r="16760" spans="1:3" x14ac:dyDescent="0.15">
      <c r="A16760">
        <v>8243</v>
      </c>
      <c r="B16760" t="s">
        <v>33454</v>
      </c>
      <c r="C16760" t="s">
        <v>33455</v>
      </c>
    </row>
    <row r="16761" spans="1:3" x14ac:dyDescent="0.15">
      <c r="A16761">
        <v>8242</v>
      </c>
      <c r="B16761" t="s">
        <v>33456</v>
      </c>
      <c r="C16761" t="s">
        <v>33457</v>
      </c>
    </row>
    <row r="16762" spans="1:3" x14ac:dyDescent="0.15">
      <c r="A16762">
        <v>8241</v>
      </c>
      <c r="B16762" t="s">
        <v>33458</v>
      </c>
      <c r="C16762" t="s">
        <v>33459</v>
      </c>
    </row>
    <row r="16763" spans="1:3" x14ac:dyDescent="0.15">
      <c r="A16763">
        <v>8240</v>
      </c>
      <c r="B16763" t="s">
        <v>33460</v>
      </c>
      <c r="C16763" t="s">
        <v>33461</v>
      </c>
    </row>
    <row r="16764" spans="1:3" x14ac:dyDescent="0.15">
      <c r="A16764">
        <v>8239</v>
      </c>
      <c r="B16764" t="s">
        <v>33462</v>
      </c>
      <c r="C16764" t="s">
        <v>33463</v>
      </c>
    </row>
    <row r="16765" spans="1:3" x14ac:dyDescent="0.15">
      <c r="A16765">
        <v>8238</v>
      </c>
      <c r="B16765" t="s">
        <v>33464</v>
      </c>
      <c r="C16765" t="s">
        <v>33465</v>
      </c>
    </row>
    <row r="16766" spans="1:3" x14ac:dyDescent="0.15">
      <c r="A16766">
        <v>8237</v>
      </c>
      <c r="B16766" t="s">
        <v>33466</v>
      </c>
      <c r="C16766" t="s">
        <v>33467</v>
      </c>
    </row>
    <row r="16767" spans="1:3" x14ac:dyDescent="0.15">
      <c r="A16767">
        <v>8236</v>
      </c>
      <c r="B16767" t="s">
        <v>33468</v>
      </c>
      <c r="C16767" t="s">
        <v>33469</v>
      </c>
    </row>
    <row r="16768" spans="1:3" x14ac:dyDescent="0.15">
      <c r="A16768">
        <v>8235</v>
      </c>
      <c r="B16768" t="s">
        <v>33470</v>
      </c>
      <c r="C16768" t="s">
        <v>33471</v>
      </c>
    </row>
    <row r="16769" spans="1:3" x14ac:dyDescent="0.15">
      <c r="A16769">
        <v>8234</v>
      </c>
      <c r="B16769" t="s">
        <v>33472</v>
      </c>
      <c r="C16769" t="s">
        <v>33473</v>
      </c>
    </row>
    <row r="16770" spans="1:3" x14ac:dyDescent="0.15">
      <c r="A16770">
        <v>8233</v>
      </c>
      <c r="B16770" t="s">
        <v>33474</v>
      </c>
      <c r="C16770" t="s">
        <v>33475</v>
      </c>
    </row>
    <row r="16771" spans="1:3" x14ac:dyDescent="0.15">
      <c r="A16771">
        <v>8232</v>
      </c>
      <c r="B16771" t="s">
        <v>33476</v>
      </c>
      <c r="C16771" t="s">
        <v>33477</v>
      </c>
    </row>
    <row r="16772" spans="1:3" x14ac:dyDescent="0.15">
      <c r="A16772">
        <v>8231</v>
      </c>
      <c r="B16772" t="s">
        <v>33478</v>
      </c>
      <c r="C16772" t="s">
        <v>33479</v>
      </c>
    </row>
    <row r="16773" spans="1:3" x14ac:dyDescent="0.15">
      <c r="A16773">
        <v>8230</v>
      </c>
      <c r="B16773" t="s">
        <v>33480</v>
      </c>
      <c r="C16773" t="s">
        <v>33481</v>
      </c>
    </row>
    <row r="16774" spans="1:3" x14ac:dyDescent="0.15">
      <c r="A16774">
        <v>8229</v>
      </c>
      <c r="B16774" t="s">
        <v>33482</v>
      </c>
      <c r="C16774" t="s">
        <v>33483</v>
      </c>
    </row>
    <row r="16775" spans="1:3" x14ac:dyDescent="0.15">
      <c r="A16775">
        <v>8228</v>
      </c>
      <c r="B16775" t="s">
        <v>33484</v>
      </c>
      <c r="C16775" t="s">
        <v>33485</v>
      </c>
    </row>
    <row r="16776" spans="1:3" x14ac:dyDescent="0.15">
      <c r="A16776">
        <v>8227</v>
      </c>
      <c r="B16776" t="s">
        <v>33486</v>
      </c>
      <c r="C16776" t="s">
        <v>33487</v>
      </c>
    </row>
    <row r="16777" spans="1:3" x14ac:dyDescent="0.15">
      <c r="A16777">
        <v>8226</v>
      </c>
      <c r="B16777" t="s">
        <v>33488</v>
      </c>
      <c r="C16777" t="s">
        <v>33489</v>
      </c>
    </row>
    <row r="16778" spans="1:3" x14ac:dyDescent="0.15">
      <c r="A16778">
        <v>8225</v>
      </c>
      <c r="B16778" t="s">
        <v>33490</v>
      </c>
      <c r="C16778" t="s">
        <v>33491</v>
      </c>
    </row>
    <row r="16779" spans="1:3" x14ac:dyDescent="0.15">
      <c r="A16779">
        <v>8224</v>
      </c>
      <c r="B16779" t="s">
        <v>33492</v>
      </c>
      <c r="C16779" t="s">
        <v>491</v>
      </c>
    </row>
    <row r="16780" spans="1:3" x14ac:dyDescent="0.15">
      <c r="A16780">
        <v>8223</v>
      </c>
      <c r="B16780" t="s">
        <v>33493</v>
      </c>
      <c r="C16780" t="s">
        <v>33494</v>
      </c>
    </row>
    <row r="16781" spans="1:3" x14ac:dyDescent="0.15">
      <c r="A16781">
        <v>8222</v>
      </c>
      <c r="B16781" t="s">
        <v>33495</v>
      </c>
      <c r="C16781" t="s">
        <v>33496</v>
      </c>
    </row>
    <row r="16782" spans="1:3" x14ac:dyDescent="0.15">
      <c r="A16782">
        <v>8221</v>
      </c>
      <c r="B16782" t="s">
        <v>33497</v>
      </c>
      <c r="C16782" t="s">
        <v>33498</v>
      </c>
    </row>
    <row r="16783" spans="1:3" x14ac:dyDescent="0.15">
      <c r="A16783">
        <v>8220</v>
      </c>
      <c r="B16783" t="s">
        <v>33499</v>
      </c>
      <c r="C16783" t="s">
        <v>33500</v>
      </c>
    </row>
    <row r="16784" spans="1:3" x14ac:dyDescent="0.15">
      <c r="A16784">
        <v>8219</v>
      </c>
      <c r="B16784" t="s">
        <v>33501</v>
      </c>
      <c r="C16784" t="s">
        <v>33502</v>
      </c>
    </row>
    <row r="16785" spans="1:3" x14ac:dyDescent="0.15">
      <c r="A16785">
        <v>8218</v>
      </c>
      <c r="B16785" t="s">
        <v>33503</v>
      </c>
      <c r="C16785" t="s">
        <v>33504</v>
      </c>
    </row>
    <row r="16786" spans="1:3" x14ac:dyDescent="0.15">
      <c r="A16786">
        <v>8217</v>
      </c>
      <c r="B16786" t="s">
        <v>33505</v>
      </c>
      <c r="C16786" t="s">
        <v>33506</v>
      </c>
    </row>
    <row r="16787" spans="1:3" x14ac:dyDescent="0.15">
      <c r="A16787">
        <v>8216</v>
      </c>
      <c r="B16787" t="s">
        <v>33507</v>
      </c>
      <c r="C16787" t="s">
        <v>33508</v>
      </c>
    </row>
    <row r="16788" spans="1:3" x14ac:dyDescent="0.15">
      <c r="A16788">
        <v>8215</v>
      </c>
      <c r="B16788" t="s">
        <v>33509</v>
      </c>
      <c r="C16788" t="s">
        <v>33510</v>
      </c>
    </row>
    <row r="16789" spans="1:3" x14ac:dyDescent="0.15">
      <c r="A16789">
        <v>8214</v>
      </c>
      <c r="B16789" t="s">
        <v>33511</v>
      </c>
      <c r="C16789" t="s">
        <v>33512</v>
      </c>
    </row>
    <row r="16790" spans="1:3" x14ac:dyDescent="0.15">
      <c r="A16790">
        <v>8213</v>
      </c>
      <c r="B16790" t="s">
        <v>33513</v>
      </c>
      <c r="C16790" t="s">
        <v>33514</v>
      </c>
    </row>
    <row r="16791" spans="1:3" x14ac:dyDescent="0.15">
      <c r="A16791">
        <v>8212</v>
      </c>
      <c r="B16791" t="s">
        <v>33515</v>
      </c>
      <c r="C16791" t="s">
        <v>33516</v>
      </c>
    </row>
    <row r="16792" spans="1:3" x14ac:dyDescent="0.15">
      <c r="A16792">
        <v>8211</v>
      </c>
      <c r="B16792" t="s">
        <v>33517</v>
      </c>
      <c r="C16792" t="s">
        <v>33518</v>
      </c>
    </row>
    <row r="16793" spans="1:3" x14ac:dyDescent="0.15">
      <c r="A16793">
        <v>8210</v>
      </c>
      <c r="B16793" t="s">
        <v>33519</v>
      </c>
      <c r="C16793" t="s">
        <v>33520</v>
      </c>
    </row>
    <row r="16794" spans="1:3" x14ac:dyDescent="0.15">
      <c r="A16794">
        <v>8209</v>
      </c>
      <c r="B16794" t="s">
        <v>33521</v>
      </c>
      <c r="C16794" t="s">
        <v>33522</v>
      </c>
    </row>
    <row r="16795" spans="1:3" x14ac:dyDescent="0.15">
      <c r="A16795">
        <v>8208</v>
      </c>
      <c r="B16795" t="s">
        <v>33523</v>
      </c>
      <c r="C16795" t="s">
        <v>33524</v>
      </c>
    </row>
    <row r="16796" spans="1:3" x14ac:dyDescent="0.15">
      <c r="A16796">
        <v>8207</v>
      </c>
      <c r="B16796" t="s">
        <v>33525</v>
      </c>
      <c r="C16796" t="s">
        <v>33526</v>
      </c>
    </row>
    <row r="16797" spans="1:3" x14ac:dyDescent="0.15">
      <c r="A16797">
        <v>8206</v>
      </c>
      <c r="B16797" t="s">
        <v>33527</v>
      </c>
      <c r="C16797" t="s">
        <v>33528</v>
      </c>
    </row>
    <row r="16798" spans="1:3" x14ac:dyDescent="0.15">
      <c r="A16798">
        <v>8205</v>
      </c>
      <c r="B16798" t="s">
        <v>33529</v>
      </c>
      <c r="C16798" t="s">
        <v>33530</v>
      </c>
    </row>
    <row r="16799" spans="1:3" x14ac:dyDescent="0.15">
      <c r="A16799">
        <v>8204</v>
      </c>
      <c r="B16799" t="s">
        <v>33531</v>
      </c>
      <c r="C16799" t="s">
        <v>33532</v>
      </c>
    </row>
    <row r="16800" spans="1:3" x14ac:dyDescent="0.15">
      <c r="A16800">
        <v>8203</v>
      </c>
      <c r="B16800" t="s">
        <v>33533</v>
      </c>
      <c r="C16800" t="s">
        <v>33534</v>
      </c>
    </row>
    <row r="16801" spans="1:3" x14ac:dyDescent="0.15">
      <c r="A16801">
        <v>8202</v>
      </c>
      <c r="B16801" t="s">
        <v>33535</v>
      </c>
      <c r="C16801" t="s">
        <v>33536</v>
      </c>
    </row>
    <row r="16802" spans="1:3" x14ac:dyDescent="0.15">
      <c r="A16802">
        <v>8201</v>
      </c>
      <c r="B16802" t="s">
        <v>33537</v>
      </c>
      <c r="C16802" t="s">
        <v>33538</v>
      </c>
    </row>
    <row r="16803" spans="1:3" x14ac:dyDescent="0.15">
      <c r="A16803">
        <v>8200</v>
      </c>
      <c r="B16803" t="s">
        <v>33539</v>
      </c>
      <c r="C16803" t="s">
        <v>33540</v>
      </c>
    </row>
    <row r="16804" spans="1:3" x14ac:dyDescent="0.15">
      <c r="A16804">
        <v>8199</v>
      </c>
      <c r="B16804" t="s">
        <v>33541</v>
      </c>
      <c r="C16804" t="s">
        <v>33542</v>
      </c>
    </row>
    <row r="16805" spans="1:3" x14ac:dyDescent="0.15">
      <c r="A16805">
        <v>8198</v>
      </c>
      <c r="B16805" t="s">
        <v>33543</v>
      </c>
      <c r="C16805" t="s">
        <v>33544</v>
      </c>
    </row>
    <row r="16806" spans="1:3" x14ac:dyDescent="0.15">
      <c r="A16806">
        <v>8197</v>
      </c>
      <c r="B16806" t="s">
        <v>33545</v>
      </c>
      <c r="C16806" t="s">
        <v>33546</v>
      </c>
    </row>
    <row r="16807" spans="1:3" x14ac:dyDescent="0.15">
      <c r="A16807">
        <v>8196</v>
      </c>
      <c r="B16807" t="s">
        <v>33547</v>
      </c>
      <c r="C16807" t="s">
        <v>33548</v>
      </c>
    </row>
    <row r="16808" spans="1:3" x14ac:dyDescent="0.15">
      <c r="A16808">
        <v>8195</v>
      </c>
      <c r="B16808" t="s">
        <v>33549</v>
      </c>
      <c r="C16808" t="s">
        <v>33550</v>
      </c>
    </row>
    <row r="16809" spans="1:3" x14ac:dyDescent="0.15">
      <c r="A16809">
        <v>8194</v>
      </c>
      <c r="B16809" t="s">
        <v>33551</v>
      </c>
      <c r="C16809" t="s">
        <v>33552</v>
      </c>
    </row>
    <row r="16810" spans="1:3" x14ac:dyDescent="0.15">
      <c r="A16810">
        <v>8193</v>
      </c>
      <c r="B16810" t="s">
        <v>33553</v>
      </c>
      <c r="C16810" t="s">
        <v>33554</v>
      </c>
    </row>
    <row r="16811" spans="1:3" x14ac:dyDescent="0.15">
      <c r="A16811">
        <v>8192</v>
      </c>
      <c r="B16811" t="s">
        <v>33555</v>
      </c>
      <c r="C16811" t="s">
        <v>33556</v>
      </c>
    </row>
    <row r="16812" spans="1:3" x14ac:dyDescent="0.15">
      <c r="A16812">
        <v>8191</v>
      </c>
      <c r="B16812" t="s">
        <v>33557</v>
      </c>
      <c r="C16812" t="s">
        <v>33558</v>
      </c>
    </row>
    <row r="16813" spans="1:3" x14ac:dyDescent="0.15">
      <c r="A16813">
        <v>8190</v>
      </c>
      <c r="B16813" t="s">
        <v>33559</v>
      </c>
      <c r="C16813" t="s">
        <v>33560</v>
      </c>
    </row>
    <row r="16814" spans="1:3" x14ac:dyDescent="0.15">
      <c r="A16814">
        <v>8189</v>
      </c>
      <c r="B16814" t="s">
        <v>33561</v>
      </c>
      <c r="C16814" t="s">
        <v>33562</v>
      </c>
    </row>
    <row r="16815" spans="1:3" x14ac:dyDescent="0.15">
      <c r="A16815">
        <v>8188</v>
      </c>
      <c r="B16815" t="s">
        <v>33563</v>
      </c>
      <c r="C16815" t="s">
        <v>33564</v>
      </c>
    </row>
    <row r="16816" spans="1:3" x14ac:dyDescent="0.15">
      <c r="A16816">
        <v>8187</v>
      </c>
      <c r="B16816" t="s">
        <v>33565</v>
      </c>
      <c r="C16816" t="s">
        <v>33566</v>
      </c>
    </row>
    <row r="16817" spans="1:3" x14ac:dyDescent="0.15">
      <c r="A16817">
        <v>8186</v>
      </c>
      <c r="B16817" t="s">
        <v>33567</v>
      </c>
      <c r="C16817" t="s">
        <v>33568</v>
      </c>
    </row>
    <row r="16818" spans="1:3" x14ac:dyDescent="0.15">
      <c r="A16818">
        <v>8185</v>
      </c>
      <c r="B16818" t="s">
        <v>33569</v>
      </c>
      <c r="C16818" t="s">
        <v>33570</v>
      </c>
    </row>
    <row r="16819" spans="1:3" x14ac:dyDescent="0.15">
      <c r="A16819">
        <v>8184</v>
      </c>
      <c r="B16819" t="s">
        <v>33571</v>
      </c>
      <c r="C16819" t="s">
        <v>33572</v>
      </c>
    </row>
    <row r="16820" spans="1:3" x14ac:dyDescent="0.15">
      <c r="A16820">
        <v>8183</v>
      </c>
      <c r="B16820" t="s">
        <v>33573</v>
      </c>
      <c r="C16820" t="s">
        <v>33574</v>
      </c>
    </row>
    <row r="16821" spans="1:3" x14ac:dyDescent="0.15">
      <c r="A16821">
        <v>8182</v>
      </c>
      <c r="B16821" t="s">
        <v>33575</v>
      </c>
      <c r="C16821" t="s">
        <v>33576</v>
      </c>
    </row>
    <row r="16822" spans="1:3" x14ac:dyDescent="0.15">
      <c r="A16822">
        <v>8181</v>
      </c>
      <c r="B16822" t="s">
        <v>33577</v>
      </c>
      <c r="C16822" t="s">
        <v>33578</v>
      </c>
    </row>
    <row r="16823" spans="1:3" x14ac:dyDescent="0.15">
      <c r="A16823">
        <v>8180</v>
      </c>
      <c r="B16823" t="s">
        <v>33579</v>
      </c>
      <c r="C16823" t="s">
        <v>33580</v>
      </c>
    </row>
    <row r="16824" spans="1:3" x14ac:dyDescent="0.15">
      <c r="A16824">
        <v>8179</v>
      </c>
      <c r="B16824" t="s">
        <v>33581</v>
      </c>
      <c r="C16824" t="s">
        <v>33582</v>
      </c>
    </row>
    <row r="16825" spans="1:3" x14ac:dyDescent="0.15">
      <c r="A16825">
        <v>8178</v>
      </c>
      <c r="B16825" t="s">
        <v>33583</v>
      </c>
      <c r="C16825" t="s">
        <v>33584</v>
      </c>
    </row>
    <row r="16826" spans="1:3" x14ac:dyDescent="0.15">
      <c r="A16826">
        <v>8177</v>
      </c>
      <c r="B16826" t="s">
        <v>33585</v>
      </c>
      <c r="C16826" t="s">
        <v>33586</v>
      </c>
    </row>
    <row r="16827" spans="1:3" x14ac:dyDescent="0.15">
      <c r="A16827">
        <v>8176</v>
      </c>
      <c r="B16827" t="s">
        <v>33587</v>
      </c>
      <c r="C16827" t="s">
        <v>33588</v>
      </c>
    </row>
    <row r="16828" spans="1:3" x14ac:dyDescent="0.15">
      <c r="A16828">
        <v>8175</v>
      </c>
      <c r="B16828" t="s">
        <v>33589</v>
      </c>
      <c r="C16828" t="s">
        <v>33590</v>
      </c>
    </row>
    <row r="16829" spans="1:3" x14ac:dyDescent="0.15">
      <c r="A16829">
        <v>8174</v>
      </c>
      <c r="B16829" t="s">
        <v>33591</v>
      </c>
      <c r="C16829" t="s">
        <v>33592</v>
      </c>
    </row>
    <row r="16830" spans="1:3" x14ac:dyDescent="0.15">
      <c r="A16830">
        <v>8173</v>
      </c>
      <c r="B16830" t="s">
        <v>33593</v>
      </c>
      <c r="C16830" t="s">
        <v>33594</v>
      </c>
    </row>
    <row r="16831" spans="1:3" x14ac:dyDescent="0.15">
      <c r="A16831">
        <v>8172</v>
      </c>
      <c r="B16831" t="s">
        <v>33595</v>
      </c>
      <c r="C16831" t="s">
        <v>33596</v>
      </c>
    </row>
    <row r="16832" spans="1:3" x14ac:dyDescent="0.15">
      <c r="A16832">
        <v>8171</v>
      </c>
      <c r="B16832" t="s">
        <v>33597</v>
      </c>
      <c r="C16832" t="s">
        <v>33598</v>
      </c>
    </row>
    <row r="16833" spans="1:3" x14ac:dyDescent="0.15">
      <c r="A16833">
        <v>8170</v>
      </c>
      <c r="B16833" t="s">
        <v>33599</v>
      </c>
      <c r="C16833" t="s">
        <v>33600</v>
      </c>
    </row>
    <row r="16834" spans="1:3" x14ac:dyDescent="0.15">
      <c r="A16834">
        <v>8169</v>
      </c>
      <c r="B16834" t="s">
        <v>33601</v>
      </c>
      <c r="C16834" t="s">
        <v>33602</v>
      </c>
    </row>
    <row r="16835" spans="1:3" x14ac:dyDescent="0.15">
      <c r="A16835">
        <v>8168</v>
      </c>
      <c r="B16835" t="s">
        <v>33603</v>
      </c>
      <c r="C16835" t="s">
        <v>33604</v>
      </c>
    </row>
    <row r="16836" spans="1:3" x14ac:dyDescent="0.15">
      <c r="A16836">
        <v>8167</v>
      </c>
      <c r="B16836" t="s">
        <v>33605</v>
      </c>
      <c r="C16836" t="s">
        <v>33606</v>
      </c>
    </row>
    <row r="16837" spans="1:3" x14ac:dyDescent="0.15">
      <c r="A16837">
        <v>8166</v>
      </c>
      <c r="B16837" t="s">
        <v>33607</v>
      </c>
      <c r="C16837" t="s">
        <v>33608</v>
      </c>
    </row>
    <row r="16838" spans="1:3" x14ac:dyDescent="0.15">
      <c r="A16838">
        <v>8165</v>
      </c>
      <c r="B16838" t="s">
        <v>33609</v>
      </c>
      <c r="C16838" t="s">
        <v>33610</v>
      </c>
    </row>
    <row r="16839" spans="1:3" x14ac:dyDescent="0.15">
      <c r="A16839">
        <v>8164</v>
      </c>
      <c r="B16839" t="s">
        <v>33611</v>
      </c>
      <c r="C16839" t="s">
        <v>33612</v>
      </c>
    </row>
    <row r="16840" spans="1:3" x14ac:dyDescent="0.15">
      <c r="A16840">
        <v>8163</v>
      </c>
      <c r="B16840" t="s">
        <v>33613</v>
      </c>
      <c r="C16840" t="s">
        <v>33614</v>
      </c>
    </row>
    <row r="16841" spans="1:3" x14ac:dyDescent="0.15">
      <c r="A16841">
        <v>8162</v>
      </c>
      <c r="B16841" t="s">
        <v>33615</v>
      </c>
      <c r="C16841" t="s">
        <v>33616</v>
      </c>
    </row>
    <row r="16842" spans="1:3" x14ac:dyDescent="0.15">
      <c r="A16842">
        <v>8161</v>
      </c>
      <c r="B16842" t="s">
        <v>33617</v>
      </c>
      <c r="C16842" t="s">
        <v>33618</v>
      </c>
    </row>
    <row r="16843" spans="1:3" x14ac:dyDescent="0.15">
      <c r="A16843">
        <v>8160</v>
      </c>
      <c r="B16843" t="s">
        <v>33619</v>
      </c>
      <c r="C16843" t="s">
        <v>33620</v>
      </c>
    </row>
    <row r="16844" spans="1:3" x14ac:dyDescent="0.15">
      <c r="A16844">
        <v>8159</v>
      </c>
      <c r="B16844" t="s">
        <v>33621</v>
      </c>
      <c r="C16844" t="s">
        <v>33622</v>
      </c>
    </row>
    <row r="16845" spans="1:3" x14ac:dyDescent="0.15">
      <c r="A16845">
        <v>8158</v>
      </c>
      <c r="B16845" t="s">
        <v>33623</v>
      </c>
      <c r="C16845" t="s">
        <v>33624</v>
      </c>
    </row>
    <row r="16846" spans="1:3" x14ac:dyDescent="0.15">
      <c r="A16846">
        <v>8157</v>
      </c>
      <c r="B16846" t="s">
        <v>33625</v>
      </c>
      <c r="C16846" t="s">
        <v>33626</v>
      </c>
    </row>
    <row r="16847" spans="1:3" x14ac:dyDescent="0.15">
      <c r="A16847">
        <v>8156</v>
      </c>
      <c r="B16847" t="s">
        <v>33627</v>
      </c>
      <c r="C16847" t="s">
        <v>33628</v>
      </c>
    </row>
    <row r="16848" spans="1:3" x14ac:dyDescent="0.15">
      <c r="A16848">
        <v>8155</v>
      </c>
      <c r="B16848" t="s">
        <v>33629</v>
      </c>
      <c r="C16848" t="s">
        <v>33630</v>
      </c>
    </row>
    <row r="16849" spans="1:3" x14ac:dyDescent="0.15">
      <c r="A16849">
        <v>8154</v>
      </c>
      <c r="B16849" t="s">
        <v>33631</v>
      </c>
      <c r="C16849" t="s">
        <v>33632</v>
      </c>
    </row>
    <row r="16850" spans="1:3" x14ac:dyDescent="0.15">
      <c r="A16850">
        <v>8153</v>
      </c>
      <c r="B16850" t="s">
        <v>33633</v>
      </c>
      <c r="C16850" t="s">
        <v>33634</v>
      </c>
    </row>
    <row r="16851" spans="1:3" x14ac:dyDescent="0.15">
      <c r="A16851">
        <v>8152</v>
      </c>
      <c r="B16851" t="s">
        <v>33635</v>
      </c>
      <c r="C16851" t="s">
        <v>33636</v>
      </c>
    </row>
    <row r="16852" spans="1:3" x14ac:dyDescent="0.15">
      <c r="A16852">
        <v>8151</v>
      </c>
      <c r="B16852" t="s">
        <v>33637</v>
      </c>
      <c r="C16852" t="s">
        <v>33638</v>
      </c>
    </row>
    <row r="16853" spans="1:3" x14ac:dyDescent="0.15">
      <c r="A16853">
        <v>8150</v>
      </c>
      <c r="B16853" t="s">
        <v>33639</v>
      </c>
      <c r="C16853" t="s">
        <v>33640</v>
      </c>
    </row>
    <row r="16854" spans="1:3" x14ac:dyDescent="0.15">
      <c r="A16854">
        <v>8149</v>
      </c>
      <c r="B16854" t="s">
        <v>33641</v>
      </c>
      <c r="C16854" t="s">
        <v>33642</v>
      </c>
    </row>
    <row r="16855" spans="1:3" x14ac:dyDescent="0.15">
      <c r="A16855">
        <v>8148</v>
      </c>
      <c r="B16855" t="s">
        <v>33643</v>
      </c>
      <c r="C16855" t="s">
        <v>33644</v>
      </c>
    </row>
    <row r="16856" spans="1:3" x14ac:dyDescent="0.15">
      <c r="A16856">
        <v>8147</v>
      </c>
      <c r="B16856" t="s">
        <v>33645</v>
      </c>
      <c r="C16856" t="s">
        <v>33646</v>
      </c>
    </row>
    <row r="16857" spans="1:3" x14ac:dyDescent="0.15">
      <c r="A16857">
        <v>8146</v>
      </c>
      <c r="B16857" t="s">
        <v>33647</v>
      </c>
      <c r="C16857" t="s">
        <v>33648</v>
      </c>
    </row>
    <row r="16858" spans="1:3" x14ac:dyDescent="0.15">
      <c r="A16858">
        <v>8145</v>
      </c>
      <c r="B16858" t="s">
        <v>33649</v>
      </c>
      <c r="C16858" t="s">
        <v>33650</v>
      </c>
    </row>
    <row r="16859" spans="1:3" x14ac:dyDescent="0.15">
      <c r="A16859">
        <v>8144</v>
      </c>
      <c r="B16859" t="s">
        <v>33651</v>
      </c>
      <c r="C16859" t="s">
        <v>33652</v>
      </c>
    </row>
    <row r="16860" spans="1:3" x14ac:dyDescent="0.15">
      <c r="A16860">
        <v>8143</v>
      </c>
      <c r="B16860" t="s">
        <v>33653</v>
      </c>
      <c r="C16860" t="s">
        <v>33654</v>
      </c>
    </row>
    <row r="16861" spans="1:3" x14ac:dyDescent="0.15">
      <c r="A16861">
        <v>8142</v>
      </c>
      <c r="B16861" t="s">
        <v>33655</v>
      </c>
      <c r="C16861" t="s">
        <v>33656</v>
      </c>
    </row>
    <row r="16862" spans="1:3" x14ac:dyDescent="0.15">
      <c r="A16862">
        <v>8141</v>
      </c>
      <c r="B16862" t="s">
        <v>33657</v>
      </c>
      <c r="C16862" t="s">
        <v>33658</v>
      </c>
    </row>
    <row r="16863" spans="1:3" x14ac:dyDescent="0.15">
      <c r="A16863">
        <v>8140</v>
      </c>
      <c r="B16863" t="s">
        <v>33659</v>
      </c>
      <c r="C16863" t="s">
        <v>33660</v>
      </c>
    </row>
    <row r="16864" spans="1:3" x14ac:dyDescent="0.15">
      <c r="A16864">
        <v>8139</v>
      </c>
      <c r="B16864" t="s">
        <v>33661</v>
      </c>
      <c r="C16864" t="s">
        <v>33662</v>
      </c>
    </row>
    <row r="16865" spans="1:3" x14ac:dyDescent="0.15">
      <c r="A16865">
        <v>8138</v>
      </c>
      <c r="B16865" t="s">
        <v>33663</v>
      </c>
      <c r="C16865" t="s">
        <v>33664</v>
      </c>
    </row>
    <row r="16866" spans="1:3" x14ac:dyDescent="0.15">
      <c r="A16866">
        <v>8137</v>
      </c>
      <c r="B16866" t="s">
        <v>33665</v>
      </c>
      <c r="C16866" t="s">
        <v>33666</v>
      </c>
    </row>
    <row r="16867" spans="1:3" x14ac:dyDescent="0.15">
      <c r="A16867">
        <v>8136</v>
      </c>
      <c r="B16867" t="s">
        <v>33667</v>
      </c>
      <c r="C16867" t="s">
        <v>33668</v>
      </c>
    </row>
    <row r="16868" spans="1:3" x14ac:dyDescent="0.15">
      <c r="A16868">
        <v>8135</v>
      </c>
      <c r="B16868" t="s">
        <v>33669</v>
      </c>
      <c r="C16868" t="s">
        <v>33670</v>
      </c>
    </row>
    <row r="16869" spans="1:3" x14ac:dyDescent="0.15">
      <c r="A16869">
        <v>8134</v>
      </c>
      <c r="B16869" t="s">
        <v>33671</v>
      </c>
      <c r="C16869" t="s">
        <v>33672</v>
      </c>
    </row>
    <row r="16870" spans="1:3" x14ac:dyDescent="0.15">
      <c r="A16870">
        <v>8133</v>
      </c>
      <c r="B16870" t="s">
        <v>33673</v>
      </c>
      <c r="C16870" t="s">
        <v>33674</v>
      </c>
    </row>
    <row r="16871" spans="1:3" x14ac:dyDescent="0.15">
      <c r="A16871">
        <v>8132</v>
      </c>
      <c r="B16871" t="s">
        <v>33675</v>
      </c>
      <c r="C16871" t="s">
        <v>33676</v>
      </c>
    </row>
    <row r="16872" spans="1:3" x14ac:dyDescent="0.15">
      <c r="A16872">
        <v>8131</v>
      </c>
      <c r="B16872" t="s">
        <v>33677</v>
      </c>
      <c r="C16872" t="s">
        <v>33678</v>
      </c>
    </row>
    <row r="16873" spans="1:3" x14ac:dyDescent="0.15">
      <c r="A16873">
        <v>8130</v>
      </c>
      <c r="B16873" t="s">
        <v>33679</v>
      </c>
      <c r="C16873" t="s">
        <v>33680</v>
      </c>
    </row>
    <row r="16874" spans="1:3" x14ac:dyDescent="0.15">
      <c r="A16874">
        <v>8129</v>
      </c>
      <c r="B16874" t="s">
        <v>33681</v>
      </c>
      <c r="C16874" t="s">
        <v>33682</v>
      </c>
    </row>
    <row r="16875" spans="1:3" x14ac:dyDescent="0.15">
      <c r="A16875">
        <v>8128</v>
      </c>
      <c r="B16875" t="s">
        <v>33683</v>
      </c>
      <c r="C16875" t="s">
        <v>33684</v>
      </c>
    </row>
    <row r="16876" spans="1:3" x14ac:dyDescent="0.15">
      <c r="A16876">
        <v>8127</v>
      </c>
      <c r="B16876" t="s">
        <v>33685</v>
      </c>
      <c r="C16876" t="s">
        <v>33686</v>
      </c>
    </row>
    <row r="16877" spans="1:3" x14ac:dyDescent="0.15">
      <c r="A16877">
        <v>8126</v>
      </c>
      <c r="B16877" t="s">
        <v>33687</v>
      </c>
      <c r="C16877" t="s">
        <v>33688</v>
      </c>
    </row>
    <row r="16878" spans="1:3" x14ac:dyDescent="0.15">
      <c r="A16878">
        <v>8125</v>
      </c>
      <c r="B16878" t="s">
        <v>33689</v>
      </c>
      <c r="C16878" t="s">
        <v>33690</v>
      </c>
    </row>
    <row r="16879" spans="1:3" x14ac:dyDescent="0.15">
      <c r="A16879">
        <v>8124</v>
      </c>
      <c r="B16879" t="s">
        <v>33691</v>
      </c>
      <c r="C16879" t="s">
        <v>33692</v>
      </c>
    </row>
    <row r="16880" spans="1:3" x14ac:dyDescent="0.15">
      <c r="A16880">
        <v>8123</v>
      </c>
      <c r="B16880" t="s">
        <v>33693</v>
      </c>
      <c r="C16880" t="s">
        <v>33694</v>
      </c>
    </row>
    <row r="16881" spans="1:3" x14ac:dyDescent="0.15">
      <c r="A16881">
        <v>8122</v>
      </c>
      <c r="B16881" t="s">
        <v>33695</v>
      </c>
      <c r="C16881" t="s">
        <v>33696</v>
      </c>
    </row>
    <row r="16882" spans="1:3" x14ac:dyDescent="0.15">
      <c r="A16882">
        <v>8121</v>
      </c>
      <c r="B16882" t="s">
        <v>33697</v>
      </c>
      <c r="C16882" t="s">
        <v>33698</v>
      </c>
    </row>
    <row r="16883" spans="1:3" x14ac:dyDescent="0.15">
      <c r="A16883">
        <v>8120</v>
      </c>
      <c r="B16883" t="s">
        <v>33699</v>
      </c>
      <c r="C16883" t="s">
        <v>33700</v>
      </c>
    </row>
    <row r="16884" spans="1:3" x14ac:dyDescent="0.15">
      <c r="A16884">
        <v>8119</v>
      </c>
      <c r="B16884" t="s">
        <v>33701</v>
      </c>
      <c r="C16884" t="s">
        <v>33702</v>
      </c>
    </row>
    <row r="16885" spans="1:3" x14ac:dyDescent="0.15">
      <c r="A16885">
        <v>8118</v>
      </c>
      <c r="B16885" t="s">
        <v>33703</v>
      </c>
      <c r="C16885" t="s">
        <v>33704</v>
      </c>
    </row>
    <row r="16886" spans="1:3" x14ac:dyDescent="0.15">
      <c r="A16886">
        <v>8117</v>
      </c>
      <c r="B16886" t="s">
        <v>33705</v>
      </c>
      <c r="C16886" t="s">
        <v>33706</v>
      </c>
    </row>
    <row r="16887" spans="1:3" x14ac:dyDescent="0.15">
      <c r="A16887">
        <v>8116</v>
      </c>
      <c r="B16887" t="s">
        <v>33707</v>
      </c>
      <c r="C16887" t="s">
        <v>33708</v>
      </c>
    </row>
    <row r="16888" spans="1:3" x14ac:dyDescent="0.15">
      <c r="A16888">
        <v>8115</v>
      </c>
      <c r="B16888" t="s">
        <v>33709</v>
      </c>
      <c r="C16888" t="s">
        <v>33710</v>
      </c>
    </row>
    <row r="16889" spans="1:3" x14ac:dyDescent="0.15">
      <c r="A16889">
        <v>8114</v>
      </c>
      <c r="B16889" t="s">
        <v>33711</v>
      </c>
      <c r="C16889" t="s">
        <v>33712</v>
      </c>
    </row>
    <row r="16890" spans="1:3" x14ac:dyDescent="0.15">
      <c r="A16890">
        <v>8113</v>
      </c>
      <c r="B16890" t="s">
        <v>33713</v>
      </c>
      <c r="C16890" t="s">
        <v>33714</v>
      </c>
    </row>
    <row r="16891" spans="1:3" x14ac:dyDescent="0.15">
      <c r="A16891">
        <v>8112</v>
      </c>
      <c r="B16891" t="s">
        <v>33715</v>
      </c>
      <c r="C16891" t="s">
        <v>33716</v>
      </c>
    </row>
    <row r="16892" spans="1:3" x14ac:dyDescent="0.15">
      <c r="A16892">
        <v>8111</v>
      </c>
      <c r="B16892" t="s">
        <v>33717</v>
      </c>
      <c r="C16892" t="s">
        <v>33718</v>
      </c>
    </row>
    <row r="16893" spans="1:3" x14ac:dyDescent="0.15">
      <c r="A16893">
        <v>8110</v>
      </c>
      <c r="B16893" t="s">
        <v>33719</v>
      </c>
      <c r="C16893" t="s">
        <v>33720</v>
      </c>
    </row>
    <row r="16894" spans="1:3" x14ac:dyDescent="0.15">
      <c r="A16894">
        <v>8109</v>
      </c>
      <c r="B16894" t="s">
        <v>33721</v>
      </c>
      <c r="C16894" t="s">
        <v>33722</v>
      </c>
    </row>
    <row r="16895" spans="1:3" x14ac:dyDescent="0.15">
      <c r="A16895">
        <v>8108</v>
      </c>
      <c r="B16895" t="s">
        <v>33723</v>
      </c>
      <c r="C16895" t="s">
        <v>33724</v>
      </c>
    </row>
    <row r="16896" spans="1:3" x14ac:dyDescent="0.15">
      <c r="A16896">
        <v>8107</v>
      </c>
      <c r="B16896" t="s">
        <v>33725</v>
      </c>
      <c r="C16896" t="s">
        <v>33726</v>
      </c>
    </row>
    <row r="16897" spans="1:3" x14ac:dyDescent="0.15">
      <c r="A16897">
        <v>8106</v>
      </c>
      <c r="B16897" t="s">
        <v>33727</v>
      </c>
      <c r="C16897" t="s">
        <v>33728</v>
      </c>
    </row>
    <row r="16898" spans="1:3" x14ac:dyDescent="0.15">
      <c r="A16898">
        <v>8105</v>
      </c>
      <c r="B16898" t="s">
        <v>33729</v>
      </c>
      <c r="C16898" t="s">
        <v>33730</v>
      </c>
    </row>
    <row r="16899" spans="1:3" x14ac:dyDescent="0.15">
      <c r="A16899">
        <v>8104</v>
      </c>
      <c r="B16899" t="s">
        <v>33731</v>
      </c>
      <c r="C16899" t="s">
        <v>33732</v>
      </c>
    </row>
    <row r="16900" spans="1:3" x14ac:dyDescent="0.15">
      <c r="A16900">
        <v>8103</v>
      </c>
      <c r="B16900" t="s">
        <v>33733</v>
      </c>
      <c r="C16900" t="s">
        <v>33734</v>
      </c>
    </row>
    <row r="16901" spans="1:3" x14ac:dyDescent="0.15">
      <c r="A16901">
        <v>8102</v>
      </c>
      <c r="B16901" t="s">
        <v>33735</v>
      </c>
      <c r="C16901" t="s">
        <v>33736</v>
      </c>
    </row>
    <row r="16902" spans="1:3" x14ac:dyDescent="0.15">
      <c r="A16902">
        <v>8101</v>
      </c>
      <c r="B16902" t="s">
        <v>33737</v>
      </c>
      <c r="C16902" t="s">
        <v>33738</v>
      </c>
    </row>
    <row r="16903" spans="1:3" x14ac:dyDescent="0.15">
      <c r="A16903">
        <v>8100</v>
      </c>
      <c r="B16903" t="s">
        <v>33739</v>
      </c>
      <c r="C16903" t="s">
        <v>33740</v>
      </c>
    </row>
    <row r="16904" spans="1:3" x14ac:dyDescent="0.15">
      <c r="A16904">
        <v>8099</v>
      </c>
      <c r="B16904" t="s">
        <v>33741</v>
      </c>
      <c r="C16904" t="s">
        <v>33742</v>
      </c>
    </row>
    <row r="16905" spans="1:3" x14ac:dyDescent="0.15">
      <c r="A16905">
        <v>8098</v>
      </c>
      <c r="B16905" t="s">
        <v>33743</v>
      </c>
      <c r="C16905" t="s">
        <v>33744</v>
      </c>
    </row>
    <row r="16906" spans="1:3" x14ac:dyDescent="0.15">
      <c r="A16906">
        <v>8097</v>
      </c>
      <c r="B16906" t="s">
        <v>33745</v>
      </c>
      <c r="C16906" t="s">
        <v>33746</v>
      </c>
    </row>
    <row r="16907" spans="1:3" x14ac:dyDescent="0.15">
      <c r="A16907">
        <v>8096</v>
      </c>
      <c r="B16907" t="s">
        <v>33747</v>
      </c>
      <c r="C16907" t="s">
        <v>33748</v>
      </c>
    </row>
    <row r="16908" spans="1:3" x14ac:dyDescent="0.15">
      <c r="A16908">
        <v>8095</v>
      </c>
      <c r="B16908" t="s">
        <v>33749</v>
      </c>
      <c r="C16908" t="s">
        <v>33750</v>
      </c>
    </row>
    <row r="16909" spans="1:3" x14ac:dyDescent="0.15">
      <c r="A16909">
        <v>8094</v>
      </c>
      <c r="B16909" t="s">
        <v>33751</v>
      </c>
      <c r="C16909" t="s">
        <v>33752</v>
      </c>
    </row>
    <row r="16910" spans="1:3" x14ac:dyDescent="0.15">
      <c r="A16910">
        <v>8093</v>
      </c>
      <c r="B16910" t="s">
        <v>33753</v>
      </c>
      <c r="C16910" t="s">
        <v>33754</v>
      </c>
    </row>
    <row r="16911" spans="1:3" x14ac:dyDescent="0.15">
      <c r="A16911">
        <v>8092</v>
      </c>
      <c r="B16911" t="s">
        <v>33755</v>
      </c>
      <c r="C16911" t="s">
        <v>33756</v>
      </c>
    </row>
    <row r="16912" spans="1:3" x14ac:dyDescent="0.15">
      <c r="A16912">
        <v>8091</v>
      </c>
      <c r="B16912" t="s">
        <v>33757</v>
      </c>
      <c r="C16912" t="s">
        <v>33758</v>
      </c>
    </row>
    <row r="16913" spans="1:3" x14ac:dyDescent="0.15">
      <c r="A16913">
        <v>8090</v>
      </c>
      <c r="B16913" t="s">
        <v>33759</v>
      </c>
      <c r="C16913" t="s">
        <v>33760</v>
      </c>
    </row>
    <row r="16914" spans="1:3" x14ac:dyDescent="0.15">
      <c r="A16914">
        <v>8088</v>
      </c>
      <c r="B16914" t="s">
        <v>33761</v>
      </c>
      <c r="C16914" t="s">
        <v>33762</v>
      </c>
    </row>
    <row r="16915" spans="1:3" x14ac:dyDescent="0.15">
      <c r="A16915">
        <v>8087</v>
      </c>
      <c r="B16915" t="s">
        <v>33763</v>
      </c>
      <c r="C16915" t="s">
        <v>33764</v>
      </c>
    </row>
    <row r="16916" spans="1:3" x14ac:dyDescent="0.15">
      <c r="A16916">
        <v>8086</v>
      </c>
      <c r="B16916" t="s">
        <v>33765</v>
      </c>
      <c r="C16916" t="s">
        <v>33766</v>
      </c>
    </row>
    <row r="16917" spans="1:3" x14ac:dyDescent="0.15">
      <c r="A16917">
        <v>8085</v>
      </c>
      <c r="B16917" t="s">
        <v>33767</v>
      </c>
      <c r="C16917" t="s">
        <v>33768</v>
      </c>
    </row>
    <row r="16918" spans="1:3" x14ac:dyDescent="0.15">
      <c r="A16918">
        <v>8084</v>
      </c>
      <c r="B16918" t="s">
        <v>33769</v>
      </c>
      <c r="C16918" t="s">
        <v>33770</v>
      </c>
    </row>
    <row r="16919" spans="1:3" x14ac:dyDescent="0.15">
      <c r="A16919">
        <v>8083</v>
      </c>
      <c r="B16919" t="s">
        <v>33771</v>
      </c>
      <c r="C16919" t="s">
        <v>33772</v>
      </c>
    </row>
    <row r="16920" spans="1:3" x14ac:dyDescent="0.15">
      <c r="A16920">
        <v>8082</v>
      </c>
      <c r="B16920" t="s">
        <v>33773</v>
      </c>
      <c r="C16920" t="s">
        <v>33774</v>
      </c>
    </row>
    <row r="16921" spans="1:3" x14ac:dyDescent="0.15">
      <c r="A16921">
        <v>8081</v>
      </c>
      <c r="B16921" t="s">
        <v>33775</v>
      </c>
      <c r="C16921" t="s">
        <v>33776</v>
      </c>
    </row>
    <row r="16922" spans="1:3" x14ac:dyDescent="0.15">
      <c r="A16922">
        <v>8080</v>
      </c>
      <c r="B16922" t="s">
        <v>33777</v>
      </c>
      <c r="C16922" t="s">
        <v>33778</v>
      </c>
    </row>
    <row r="16923" spans="1:3" x14ac:dyDescent="0.15">
      <c r="A16923">
        <v>8079</v>
      </c>
      <c r="B16923" t="s">
        <v>33779</v>
      </c>
      <c r="C16923" t="s">
        <v>33780</v>
      </c>
    </row>
    <row r="16924" spans="1:3" x14ac:dyDescent="0.15">
      <c r="A16924">
        <v>8078</v>
      </c>
      <c r="B16924" t="s">
        <v>33781</v>
      </c>
      <c r="C16924" t="s">
        <v>33782</v>
      </c>
    </row>
    <row r="16925" spans="1:3" x14ac:dyDescent="0.15">
      <c r="A16925">
        <v>8077</v>
      </c>
      <c r="B16925" t="s">
        <v>33783</v>
      </c>
      <c r="C16925" t="s">
        <v>33784</v>
      </c>
    </row>
    <row r="16926" spans="1:3" x14ac:dyDescent="0.15">
      <c r="A16926">
        <v>8076</v>
      </c>
      <c r="B16926" t="s">
        <v>33785</v>
      </c>
      <c r="C16926" t="s">
        <v>33786</v>
      </c>
    </row>
    <row r="16927" spans="1:3" x14ac:dyDescent="0.15">
      <c r="A16927">
        <v>8075</v>
      </c>
      <c r="B16927" t="s">
        <v>33787</v>
      </c>
      <c r="C16927" t="s">
        <v>33788</v>
      </c>
    </row>
    <row r="16928" spans="1:3" x14ac:dyDescent="0.15">
      <c r="A16928">
        <v>8074</v>
      </c>
      <c r="B16928" t="s">
        <v>33789</v>
      </c>
      <c r="C16928" t="s">
        <v>33790</v>
      </c>
    </row>
    <row r="16929" spans="1:3" x14ac:dyDescent="0.15">
      <c r="A16929">
        <v>8073</v>
      </c>
      <c r="B16929" t="s">
        <v>33791</v>
      </c>
      <c r="C16929" t="s">
        <v>33792</v>
      </c>
    </row>
    <row r="16930" spans="1:3" x14ac:dyDescent="0.15">
      <c r="A16930">
        <v>8072</v>
      </c>
      <c r="B16930" t="s">
        <v>33793</v>
      </c>
      <c r="C16930" t="s">
        <v>33794</v>
      </c>
    </row>
    <row r="16931" spans="1:3" x14ac:dyDescent="0.15">
      <c r="A16931">
        <v>8071</v>
      </c>
      <c r="B16931" t="s">
        <v>33795</v>
      </c>
      <c r="C16931" t="s">
        <v>33796</v>
      </c>
    </row>
    <row r="16932" spans="1:3" x14ac:dyDescent="0.15">
      <c r="A16932">
        <v>8070</v>
      </c>
      <c r="B16932" t="s">
        <v>33797</v>
      </c>
      <c r="C16932" t="s">
        <v>33798</v>
      </c>
    </row>
    <row r="16933" spans="1:3" x14ac:dyDescent="0.15">
      <c r="A16933">
        <v>8069</v>
      </c>
      <c r="B16933" t="s">
        <v>33799</v>
      </c>
      <c r="C16933" t="s">
        <v>33800</v>
      </c>
    </row>
    <row r="16934" spans="1:3" x14ac:dyDescent="0.15">
      <c r="A16934">
        <v>8068</v>
      </c>
      <c r="B16934" t="s">
        <v>33801</v>
      </c>
      <c r="C16934" t="s">
        <v>33802</v>
      </c>
    </row>
    <row r="16935" spans="1:3" x14ac:dyDescent="0.15">
      <c r="A16935">
        <v>8067</v>
      </c>
      <c r="B16935" t="s">
        <v>33803</v>
      </c>
      <c r="C16935" t="s">
        <v>33804</v>
      </c>
    </row>
    <row r="16936" spans="1:3" x14ac:dyDescent="0.15">
      <c r="A16936">
        <v>8066</v>
      </c>
      <c r="B16936" t="s">
        <v>33805</v>
      </c>
      <c r="C16936" t="s">
        <v>33806</v>
      </c>
    </row>
    <row r="16937" spans="1:3" x14ac:dyDescent="0.15">
      <c r="A16937">
        <v>8065</v>
      </c>
      <c r="B16937" t="s">
        <v>33807</v>
      </c>
      <c r="C16937" t="s">
        <v>33808</v>
      </c>
    </row>
    <row r="16938" spans="1:3" x14ac:dyDescent="0.15">
      <c r="A16938">
        <v>8064</v>
      </c>
      <c r="B16938" t="s">
        <v>33809</v>
      </c>
      <c r="C16938" t="s">
        <v>33810</v>
      </c>
    </row>
    <row r="16939" spans="1:3" x14ac:dyDescent="0.15">
      <c r="A16939">
        <v>8063</v>
      </c>
      <c r="B16939" t="s">
        <v>33811</v>
      </c>
      <c r="C16939" t="s">
        <v>33812</v>
      </c>
    </row>
    <row r="16940" spans="1:3" x14ac:dyDescent="0.15">
      <c r="A16940">
        <v>8062</v>
      </c>
      <c r="B16940" t="s">
        <v>33813</v>
      </c>
      <c r="C16940" t="s">
        <v>33814</v>
      </c>
    </row>
    <row r="16941" spans="1:3" x14ac:dyDescent="0.15">
      <c r="A16941">
        <v>8061</v>
      </c>
      <c r="B16941" t="s">
        <v>33815</v>
      </c>
      <c r="C16941" t="s">
        <v>33816</v>
      </c>
    </row>
    <row r="16942" spans="1:3" x14ac:dyDescent="0.15">
      <c r="A16942">
        <v>8060</v>
      </c>
      <c r="B16942" t="s">
        <v>33817</v>
      </c>
      <c r="C16942" t="s">
        <v>33818</v>
      </c>
    </row>
    <row r="16943" spans="1:3" x14ac:dyDescent="0.15">
      <c r="A16943">
        <v>8059</v>
      </c>
      <c r="B16943" t="s">
        <v>33819</v>
      </c>
      <c r="C16943" t="s">
        <v>33820</v>
      </c>
    </row>
    <row r="16944" spans="1:3" x14ac:dyDescent="0.15">
      <c r="A16944">
        <v>8058</v>
      </c>
      <c r="B16944" t="s">
        <v>33821</v>
      </c>
      <c r="C16944" t="s">
        <v>33822</v>
      </c>
    </row>
    <row r="16945" spans="1:3" x14ac:dyDescent="0.15">
      <c r="A16945">
        <v>8057</v>
      </c>
      <c r="B16945" t="s">
        <v>33823</v>
      </c>
      <c r="C16945" t="s">
        <v>33824</v>
      </c>
    </row>
    <row r="16946" spans="1:3" x14ac:dyDescent="0.15">
      <c r="A16946">
        <v>8056</v>
      </c>
      <c r="B16946" t="s">
        <v>33825</v>
      </c>
      <c r="C16946" t="s">
        <v>33826</v>
      </c>
    </row>
    <row r="16947" spans="1:3" x14ac:dyDescent="0.15">
      <c r="A16947">
        <v>8055</v>
      </c>
      <c r="B16947" t="s">
        <v>33827</v>
      </c>
      <c r="C16947" t="s">
        <v>33828</v>
      </c>
    </row>
    <row r="16948" spans="1:3" x14ac:dyDescent="0.15">
      <c r="A16948">
        <v>8054</v>
      </c>
      <c r="B16948" t="s">
        <v>33829</v>
      </c>
      <c r="C16948" t="s">
        <v>33830</v>
      </c>
    </row>
    <row r="16949" spans="1:3" x14ac:dyDescent="0.15">
      <c r="A16949">
        <v>8053</v>
      </c>
      <c r="B16949" t="s">
        <v>33831</v>
      </c>
      <c r="C16949" t="s">
        <v>33832</v>
      </c>
    </row>
    <row r="16950" spans="1:3" x14ac:dyDescent="0.15">
      <c r="A16950">
        <v>8052</v>
      </c>
      <c r="B16950" t="s">
        <v>33833</v>
      </c>
      <c r="C16950" t="s">
        <v>33834</v>
      </c>
    </row>
    <row r="16951" spans="1:3" x14ac:dyDescent="0.15">
      <c r="A16951">
        <v>8051</v>
      </c>
      <c r="B16951" t="s">
        <v>33835</v>
      </c>
      <c r="C16951" t="s">
        <v>33836</v>
      </c>
    </row>
    <row r="16952" spans="1:3" x14ac:dyDescent="0.15">
      <c r="A16952">
        <v>8050</v>
      </c>
      <c r="B16952" t="s">
        <v>33837</v>
      </c>
      <c r="C16952" t="s">
        <v>33838</v>
      </c>
    </row>
    <row r="16953" spans="1:3" x14ac:dyDescent="0.15">
      <c r="A16953">
        <v>8049</v>
      </c>
      <c r="B16953" t="s">
        <v>33839</v>
      </c>
      <c r="C16953" t="s">
        <v>33840</v>
      </c>
    </row>
    <row r="16954" spans="1:3" x14ac:dyDescent="0.15">
      <c r="A16954">
        <v>8048</v>
      </c>
      <c r="B16954" t="s">
        <v>33841</v>
      </c>
      <c r="C16954" t="s">
        <v>33842</v>
      </c>
    </row>
    <row r="16955" spans="1:3" x14ac:dyDescent="0.15">
      <c r="A16955">
        <v>8047</v>
      </c>
      <c r="B16955" t="s">
        <v>33843</v>
      </c>
      <c r="C16955" t="s">
        <v>33844</v>
      </c>
    </row>
    <row r="16956" spans="1:3" x14ac:dyDescent="0.15">
      <c r="A16956">
        <v>8046</v>
      </c>
      <c r="B16956" t="s">
        <v>33845</v>
      </c>
      <c r="C16956" t="s">
        <v>33846</v>
      </c>
    </row>
    <row r="16957" spans="1:3" x14ac:dyDescent="0.15">
      <c r="A16957">
        <v>8045</v>
      </c>
      <c r="B16957" t="s">
        <v>33847</v>
      </c>
      <c r="C16957" t="s">
        <v>33848</v>
      </c>
    </row>
    <row r="16958" spans="1:3" x14ac:dyDescent="0.15">
      <c r="A16958">
        <v>8044</v>
      </c>
      <c r="B16958" t="s">
        <v>33849</v>
      </c>
      <c r="C16958" t="s">
        <v>33850</v>
      </c>
    </row>
    <row r="16959" spans="1:3" x14ac:dyDescent="0.15">
      <c r="A16959">
        <v>8043</v>
      </c>
      <c r="B16959" t="s">
        <v>33851</v>
      </c>
      <c r="C16959" t="s">
        <v>33852</v>
      </c>
    </row>
    <row r="16960" spans="1:3" x14ac:dyDescent="0.15">
      <c r="A16960">
        <v>8042</v>
      </c>
      <c r="B16960" t="s">
        <v>33853</v>
      </c>
      <c r="C16960" t="s">
        <v>33854</v>
      </c>
    </row>
    <row r="16961" spans="1:3" x14ac:dyDescent="0.15">
      <c r="A16961">
        <v>8041</v>
      </c>
      <c r="B16961" t="s">
        <v>33855</v>
      </c>
      <c r="C16961" t="s">
        <v>33856</v>
      </c>
    </row>
    <row r="16962" spans="1:3" x14ac:dyDescent="0.15">
      <c r="A16962">
        <v>8040</v>
      </c>
      <c r="B16962" t="s">
        <v>33857</v>
      </c>
      <c r="C16962" t="s">
        <v>33858</v>
      </c>
    </row>
    <row r="16963" spans="1:3" x14ac:dyDescent="0.15">
      <c r="A16963">
        <v>8039</v>
      </c>
      <c r="B16963" t="s">
        <v>33859</v>
      </c>
      <c r="C16963" t="s">
        <v>33860</v>
      </c>
    </row>
    <row r="16964" spans="1:3" x14ac:dyDescent="0.15">
      <c r="A16964">
        <v>8038</v>
      </c>
      <c r="B16964" t="s">
        <v>33861</v>
      </c>
      <c r="C16964" t="s">
        <v>33862</v>
      </c>
    </row>
    <row r="16965" spans="1:3" x14ac:dyDescent="0.15">
      <c r="A16965">
        <v>8037</v>
      </c>
      <c r="B16965" t="s">
        <v>33863</v>
      </c>
      <c r="C16965" t="s">
        <v>33864</v>
      </c>
    </row>
    <row r="16966" spans="1:3" x14ac:dyDescent="0.15">
      <c r="A16966">
        <v>8036</v>
      </c>
      <c r="B16966" t="s">
        <v>33865</v>
      </c>
      <c r="C16966" t="s">
        <v>33866</v>
      </c>
    </row>
    <row r="16967" spans="1:3" x14ac:dyDescent="0.15">
      <c r="A16967">
        <v>8035</v>
      </c>
      <c r="B16967" t="s">
        <v>33867</v>
      </c>
      <c r="C16967" t="s">
        <v>33868</v>
      </c>
    </row>
    <row r="16968" spans="1:3" x14ac:dyDescent="0.15">
      <c r="A16968">
        <v>8034</v>
      </c>
      <c r="B16968" t="s">
        <v>33869</v>
      </c>
      <c r="C16968" t="s">
        <v>33870</v>
      </c>
    </row>
    <row r="16969" spans="1:3" x14ac:dyDescent="0.15">
      <c r="A16969">
        <v>8033</v>
      </c>
      <c r="B16969" t="s">
        <v>33871</v>
      </c>
      <c r="C16969" t="s">
        <v>33872</v>
      </c>
    </row>
    <row r="16970" spans="1:3" x14ac:dyDescent="0.15">
      <c r="A16970">
        <v>8032</v>
      </c>
      <c r="B16970" t="s">
        <v>33873</v>
      </c>
      <c r="C16970" t="s">
        <v>33874</v>
      </c>
    </row>
    <row r="16971" spans="1:3" x14ac:dyDescent="0.15">
      <c r="A16971">
        <v>8031</v>
      </c>
      <c r="B16971" t="s">
        <v>33875</v>
      </c>
      <c r="C16971" t="s">
        <v>33876</v>
      </c>
    </row>
    <row r="16972" spans="1:3" x14ac:dyDescent="0.15">
      <c r="A16972">
        <v>8030</v>
      </c>
      <c r="B16972" t="s">
        <v>33877</v>
      </c>
      <c r="C16972" t="s">
        <v>33878</v>
      </c>
    </row>
    <row r="16973" spans="1:3" x14ac:dyDescent="0.15">
      <c r="A16973">
        <v>8029</v>
      </c>
      <c r="B16973" t="s">
        <v>33879</v>
      </c>
      <c r="C16973" t="s">
        <v>33880</v>
      </c>
    </row>
    <row r="16974" spans="1:3" x14ac:dyDescent="0.15">
      <c r="A16974">
        <v>8028</v>
      </c>
      <c r="B16974" t="s">
        <v>33881</v>
      </c>
      <c r="C16974" t="s">
        <v>33882</v>
      </c>
    </row>
    <row r="16975" spans="1:3" x14ac:dyDescent="0.15">
      <c r="A16975">
        <v>8027</v>
      </c>
      <c r="B16975" t="s">
        <v>33883</v>
      </c>
      <c r="C16975" t="s">
        <v>33884</v>
      </c>
    </row>
    <row r="16976" spans="1:3" x14ac:dyDescent="0.15">
      <c r="A16976">
        <v>8026</v>
      </c>
      <c r="B16976" t="s">
        <v>33885</v>
      </c>
      <c r="C16976" t="s">
        <v>33886</v>
      </c>
    </row>
    <row r="16977" spans="1:3" x14ac:dyDescent="0.15">
      <c r="A16977">
        <v>8025</v>
      </c>
      <c r="B16977" t="s">
        <v>33887</v>
      </c>
      <c r="C16977" t="s">
        <v>33888</v>
      </c>
    </row>
    <row r="16978" spans="1:3" x14ac:dyDescent="0.15">
      <c r="A16978">
        <v>8024</v>
      </c>
      <c r="B16978" t="s">
        <v>33889</v>
      </c>
      <c r="C16978" t="s">
        <v>33890</v>
      </c>
    </row>
    <row r="16979" spans="1:3" x14ac:dyDescent="0.15">
      <c r="A16979">
        <v>8023</v>
      </c>
      <c r="B16979" t="s">
        <v>33891</v>
      </c>
      <c r="C16979" t="s">
        <v>33892</v>
      </c>
    </row>
    <row r="16980" spans="1:3" x14ac:dyDescent="0.15">
      <c r="A16980">
        <v>8022</v>
      </c>
      <c r="B16980" t="s">
        <v>33893</v>
      </c>
      <c r="C16980" t="s">
        <v>33894</v>
      </c>
    </row>
    <row r="16981" spans="1:3" x14ac:dyDescent="0.15">
      <c r="A16981">
        <v>8021</v>
      </c>
      <c r="B16981" t="s">
        <v>33895</v>
      </c>
      <c r="C16981" t="s">
        <v>33896</v>
      </c>
    </row>
    <row r="16982" spans="1:3" x14ac:dyDescent="0.15">
      <c r="A16982">
        <v>8020</v>
      </c>
      <c r="B16982" t="s">
        <v>33897</v>
      </c>
      <c r="C16982" t="s">
        <v>33898</v>
      </c>
    </row>
    <row r="16983" spans="1:3" x14ac:dyDescent="0.15">
      <c r="A16983">
        <v>8019</v>
      </c>
      <c r="B16983" t="s">
        <v>33899</v>
      </c>
      <c r="C16983" t="s">
        <v>33900</v>
      </c>
    </row>
    <row r="16984" spans="1:3" x14ac:dyDescent="0.15">
      <c r="A16984">
        <v>8018</v>
      </c>
      <c r="B16984" t="s">
        <v>33901</v>
      </c>
      <c r="C16984" t="s">
        <v>33902</v>
      </c>
    </row>
    <row r="16985" spans="1:3" x14ac:dyDescent="0.15">
      <c r="A16985">
        <v>8017</v>
      </c>
      <c r="B16985" t="s">
        <v>33903</v>
      </c>
      <c r="C16985" t="s">
        <v>33904</v>
      </c>
    </row>
    <row r="16986" spans="1:3" x14ac:dyDescent="0.15">
      <c r="A16986">
        <v>8016</v>
      </c>
      <c r="B16986" t="s">
        <v>33905</v>
      </c>
      <c r="C16986" t="s">
        <v>33906</v>
      </c>
    </row>
    <row r="16987" spans="1:3" x14ac:dyDescent="0.15">
      <c r="A16987">
        <v>8015</v>
      </c>
      <c r="B16987" t="s">
        <v>33907</v>
      </c>
      <c r="C16987" t="s">
        <v>33908</v>
      </c>
    </row>
    <row r="16988" spans="1:3" x14ac:dyDescent="0.15">
      <c r="A16988">
        <v>8014</v>
      </c>
      <c r="B16988" t="s">
        <v>33909</v>
      </c>
      <c r="C16988" t="s">
        <v>33910</v>
      </c>
    </row>
    <row r="16989" spans="1:3" x14ac:dyDescent="0.15">
      <c r="A16989">
        <v>8013</v>
      </c>
      <c r="B16989" t="s">
        <v>33911</v>
      </c>
      <c r="C16989" t="s">
        <v>33912</v>
      </c>
    </row>
    <row r="16990" spans="1:3" x14ac:dyDescent="0.15">
      <c r="A16990">
        <v>8012</v>
      </c>
      <c r="B16990" t="s">
        <v>33913</v>
      </c>
      <c r="C16990" t="s">
        <v>33914</v>
      </c>
    </row>
    <row r="16991" spans="1:3" x14ac:dyDescent="0.15">
      <c r="A16991">
        <v>8011</v>
      </c>
      <c r="B16991" t="s">
        <v>33915</v>
      </c>
      <c r="C16991" t="s">
        <v>33916</v>
      </c>
    </row>
    <row r="16992" spans="1:3" x14ac:dyDescent="0.15">
      <c r="A16992">
        <v>8010</v>
      </c>
      <c r="B16992" t="s">
        <v>33917</v>
      </c>
      <c r="C16992" t="s">
        <v>33918</v>
      </c>
    </row>
    <row r="16993" spans="1:3" x14ac:dyDescent="0.15">
      <c r="A16993">
        <v>8009</v>
      </c>
      <c r="B16993" t="s">
        <v>33919</v>
      </c>
      <c r="C16993" t="s">
        <v>33920</v>
      </c>
    </row>
    <row r="16994" spans="1:3" x14ac:dyDescent="0.15">
      <c r="A16994">
        <v>8008</v>
      </c>
      <c r="B16994" t="s">
        <v>33921</v>
      </c>
      <c r="C16994" t="s">
        <v>33922</v>
      </c>
    </row>
    <row r="16995" spans="1:3" x14ac:dyDescent="0.15">
      <c r="A16995">
        <v>8007</v>
      </c>
      <c r="B16995" t="s">
        <v>33923</v>
      </c>
      <c r="C16995" t="s">
        <v>33924</v>
      </c>
    </row>
    <row r="16996" spans="1:3" x14ac:dyDescent="0.15">
      <c r="A16996">
        <v>8006</v>
      </c>
      <c r="B16996" t="s">
        <v>33925</v>
      </c>
      <c r="C16996" t="s">
        <v>33926</v>
      </c>
    </row>
    <row r="16997" spans="1:3" x14ac:dyDescent="0.15">
      <c r="A16997">
        <v>8005</v>
      </c>
      <c r="B16997" t="s">
        <v>33927</v>
      </c>
      <c r="C16997" t="s">
        <v>33928</v>
      </c>
    </row>
    <row r="16998" spans="1:3" x14ac:dyDescent="0.15">
      <c r="A16998">
        <v>8004</v>
      </c>
      <c r="B16998" t="s">
        <v>33929</v>
      </c>
      <c r="C16998" t="s">
        <v>33930</v>
      </c>
    </row>
    <row r="16999" spans="1:3" x14ac:dyDescent="0.15">
      <c r="A16999">
        <v>8003</v>
      </c>
      <c r="B16999" t="s">
        <v>33931</v>
      </c>
      <c r="C16999" t="s">
        <v>33932</v>
      </c>
    </row>
    <row r="17000" spans="1:3" x14ac:dyDescent="0.15">
      <c r="A17000">
        <v>8002</v>
      </c>
      <c r="B17000" t="s">
        <v>33933</v>
      </c>
      <c r="C17000" t="s">
        <v>33934</v>
      </c>
    </row>
    <row r="17001" spans="1:3" x14ac:dyDescent="0.15">
      <c r="A17001">
        <v>8001</v>
      </c>
      <c r="B17001" t="s">
        <v>33935</v>
      </c>
      <c r="C17001" t="s">
        <v>33936</v>
      </c>
    </row>
    <row r="17002" spans="1:3" x14ac:dyDescent="0.15">
      <c r="A17002">
        <v>8000</v>
      </c>
      <c r="B17002" t="s">
        <v>33937</v>
      </c>
      <c r="C17002" t="s">
        <v>33938</v>
      </c>
    </row>
    <row r="17003" spans="1:3" x14ac:dyDescent="0.15">
      <c r="A17003">
        <v>7999</v>
      </c>
      <c r="B17003" t="s">
        <v>33939</v>
      </c>
      <c r="C17003" t="s">
        <v>33940</v>
      </c>
    </row>
    <row r="17004" spans="1:3" x14ac:dyDescent="0.15">
      <c r="A17004">
        <v>7998</v>
      </c>
      <c r="B17004" t="s">
        <v>33941</v>
      </c>
      <c r="C17004" t="s">
        <v>33942</v>
      </c>
    </row>
    <row r="17005" spans="1:3" x14ac:dyDescent="0.15">
      <c r="A17005">
        <v>7997</v>
      </c>
      <c r="B17005" t="s">
        <v>33943</v>
      </c>
      <c r="C17005" t="s">
        <v>33944</v>
      </c>
    </row>
    <row r="17006" spans="1:3" x14ac:dyDescent="0.15">
      <c r="A17006">
        <v>7996</v>
      </c>
      <c r="B17006" t="s">
        <v>33945</v>
      </c>
      <c r="C17006" t="s">
        <v>33946</v>
      </c>
    </row>
    <row r="17007" spans="1:3" x14ac:dyDescent="0.15">
      <c r="A17007">
        <v>7995</v>
      </c>
      <c r="B17007" t="s">
        <v>33947</v>
      </c>
      <c r="C17007" t="s">
        <v>33948</v>
      </c>
    </row>
    <row r="17008" spans="1:3" x14ac:dyDescent="0.15">
      <c r="A17008">
        <v>7994</v>
      </c>
      <c r="B17008" t="s">
        <v>33949</v>
      </c>
      <c r="C17008" t="s">
        <v>33950</v>
      </c>
    </row>
    <row r="17009" spans="1:3" x14ac:dyDescent="0.15">
      <c r="A17009">
        <v>7993</v>
      </c>
      <c r="B17009" t="s">
        <v>33951</v>
      </c>
      <c r="C17009" t="s">
        <v>33952</v>
      </c>
    </row>
    <row r="17010" spans="1:3" x14ac:dyDescent="0.15">
      <c r="A17010">
        <v>7992</v>
      </c>
      <c r="B17010" t="s">
        <v>33953</v>
      </c>
      <c r="C17010" t="s">
        <v>33954</v>
      </c>
    </row>
    <row r="17011" spans="1:3" x14ac:dyDescent="0.15">
      <c r="A17011">
        <v>7991</v>
      </c>
      <c r="B17011" t="s">
        <v>33955</v>
      </c>
      <c r="C17011" t="s">
        <v>33956</v>
      </c>
    </row>
    <row r="17012" spans="1:3" x14ac:dyDescent="0.15">
      <c r="A17012">
        <v>7990</v>
      </c>
      <c r="B17012" t="s">
        <v>33957</v>
      </c>
      <c r="C17012" t="s">
        <v>33958</v>
      </c>
    </row>
    <row r="17013" spans="1:3" x14ac:dyDescent="0.15">
      <c r="A17013">
        <v>7989</v>
      </c>
      <c r="B17013" t="s">
        <v>33959</v>
      </c>
      <c r="C17013" t="s">
        <v>33960</v>
      </c>
    </row>
    <row r="17014" spans="1:3" x14ac:dyDescent="0.15">
      <c r="A17014">
        <v>7988</v>
      </c>
      <c r="B17014" t="s">
        <v>33961</v>
      </c>
      <c r="C17014" t="s">
        <v>33962</v>
      </c>
    </row>
    <row r="17015" spans="1:3" x14ac:dyDescent="0.15">
      <c r="A17015">
        <v>7987</v>
      </c>
      <c r="B17015" t="s">
        <v>33963</v>
      </c>
      <c r="C17015" t="s">
        <v>33964</v>
      </c>
    </row>
    <row r="17016" spans="1:3" x14ac:dyDescent="0.15">
      <c r="A17016">
        <v>7986</v>
      </c>
      <c r="B17016" t="s">
        <v>33965</v>
      </c>
      <c r="C17016" t="s">
        <v>33966</v>
      </c>
    </row>
    <row r="17017" spans="1:3" x14ac:dyDescent="0.15">
      <c r="A17017">
        <v>7985</v>
      </c>
      <c r="B17017" t="s">
        <v>33967</v>
      </c>
      <c r="C17017" t="s">
        <v>33968</v>
      </c>
    </row>
    <row r="17018" spans="1:3" x14ac:dyDescent="0.15">
      <c r="A17018">
        <v>7984</v>
      </c>
      <c r="B17018" t="s">
        <v>33969</v>
      </c>
      <c r="C17018" t="s">
        <v>33970</v>
      </c>
    </row>
    <row r="17019" spans="1:3" x14ac:dyDescent="0.15">
      <c r="A17019">
        <v>7983</v>
      </c>
      <c r="B17019" t="s">
        <v>33971</v>
      </c>
      <c r="C17019" t="s">
        <v>33972</v>
      </c>
    </row>
    <row r="17020" spans="1:3" x14ac:dyDescent="0.15">
      <c r="A17020">
        <v>7982</v>
      </c>
      <c r="B17020" t="s">
        <v>33973</v>
      </c>
      <c r="C17020" t="s">
        <v>33974</v>
      </c>
    </row>
    <row r="17021" spans="1:3" x14ac:dyDescent="0.15">
      <c r="A17021">
        <v>7981</v>
      </c>
      <c r="B17021" t="s">
        <v>33975</v>
      </c>
      <c r="C17021" t="s">
        <v>33976</v>
      </c>
    </row>
    <row r="17022" spans="1:3" x14ac:dyDescent="0.15">
      <c r="A17022">
        <v>7980</v>
      </c>
      <c r="B17022" t="s">
        <v>33977</v>
      </c>
      <c r="C17022" t="s">
        <v>33978</v>
      </c>
    </row>
    <row r="17023" spans="1:3" x14ac:dyDescent="0.15">
      <c r="A17023">
        <v>7979</v>
      </c>
      <c r="B17023" t="s">
        <v>33979</v>
      </c>
      <c r="C17023" t="s">
        <v>33980</v>
      </c>
    </row>
    <row r="17024" spans="1:3" x14ac:dyDescent="0.15">
      <c r="A17024">
        <v>7978</v>
      </c>
      <c r="B17024" t="s">
        <v>33981</v>
      </c>
      <c r="C17024" t="s">
        <v>33982</v>
      </c>
    </row>
    <row r="17025" spans="1:3" x14ac:dyDescent="0.15">
      <c r="A17025">
        <v>7977</v>
      </c>
      <c r="B17025" t="s">
        <v>33983</v>
      </c>
      <c r="C17025" t="s">
        <v>33984</v>
      </c>
    </row>
    <row r="17026" spans="1:3" x14ac:dyDescent="0.15">
      <c r="A17026">
        <v>7976</v>
      </c>
      <c r="B17026" t="s">
        <v>33985</v>
      </c>
      <c r="C17026" t="s">
        <v>33986</v>
      </c>
    </row>
    <row r="17027" spans="1:3" x14ac:dyDescent="0.15">
      <c r="A17027">
        <v>7975</v>
      </c>
      <c r="B17027" t="s">
        <v>33987</v>
      </c>
      <c r="C17027" t="s">
        <v>33988</v>
      </c>
    </row>
    <row r="17028" spans="1:3" x14ac:dyDescent="0.15">
      <c r="A17028">
        <v>7974</v>
      </c>
      <c r="B17028" t="s">
        <v>33989</v>
      </c>
      <c r="C17028" t="s">
        <v>33990</v>
      </c>
    </row>
    <row r="17029" spans="1:3" x14ac:dyDescent="0.15">
      <c r="A17029">
        <v>7973</v>
      </c>
      <c r="B17029" t="s">
        <v>33991</v>
      </c>
      <c r="C17029" t="s">
        <v>33992</v>
      </c>
    </row>
    <row r="17030" spans="1:3" x14ac:dyDescent="0.15">
      <c r="A17030">
        <v>7972</v>
      </c>
      <c r="B17030" t="s">
        <v>33993</v>
      </c>
      <c r="C17030" t="s">
        <v>33994</v>
      </c>
    </row>
    <row r="17031" spans="1:3" x14ac:dyDescent="0.15">
      <c r="A17031">
        <v>7971</v>
      </c>
      <c r="B17031" t="s">
        <v>33995</v>
      </c>
      <c r="C17031" t="s">
        <v>33996</v>
      </c>
    </row>
    <row r="17032" spans="1:3" x14ac:dyDescent="0.15">
      <c r="A17032">
        <v>7970</v>
      </c>
      <c r="B17032" t="s">
        <v>33997</v>
      </c>
      <c r="C17032" t="s">
        <v>33998</v>
      </c>
    </row>
    <row r="17033" spans="1:3" x14ac:dyDescent="0.15">
      <c r="A17033">
        <v>7969</v>
      </c>
      <c r="B17033" t="s">
        <v>33999</v>
      </c>
      <c r="C17033" t="s">
        <v>34000</v>
      </c>
    </row>
    <row r="17034" spans="1:3" x14ac:dyDescent="0.15">
      <c r="A17034">
        <v>7968</v>
      </c>
      <c r="B17034" t="s">
        <v>34001</v>
      </c>
      <c r="C17034" t="s">
        <v>34002</v>
      </c>
    </row>
    <row r="17035" spans="1:3" x14ac:dyDescent="0.15">
      <c r="A17035">
        <v>7967</v>
      </c>
      <c r="B17035" t="s">
        <v>34003</v>
      </c>
      <c r="C17035" t="s">
        <v>34004</v>
      </c>
    </row>
    <row r="17036" spans="1:3" x14ac:dyDescent="0.15">
      <c r="A17036">
        <v>7966</v>
      </c>
      <c r="B17036" t="s">
        <v>34005</v>
      </c>
      <c r="C17036" t="s">
        <v>34006</v>
      </c>
    </row>
    <row r="17037" spans="1:3" x14ac:dyDescent="0.15">
      <c r="A17037">
        <v>7965</v>
      </c>
      <c r="B17037" t="s">
        <v>34007</v>
      </c>
      <c r="C17037" t="s">
        <v>34008</v>
      </c>
    </row>
    <row r="17038" spans="1:3" x14ac:dyDescent="0.15">
      <c r="A17038">
        <v>7964</v>
      </c>
      <c r="B17038" t="s">
        <v>34009</v>
      </c>
      <c r="C17038" t="s">
        <v>34010</v>
      </c>
    </row>
    <row r="17039" spans="1:3" x14ac:dyDescent="0.15">
      <c r="A17039">
        <v>7963</v>
      </c>
      <c r="B17039" t="s">
        <v>34011</v>
      </c>
      <c r="C17039" t="s">
        <v>34012</v>
      </c>
    </row>
    <row r="17040" spans="1:3" x14ac:dyDescent="0.15">
      <c r="A17040">
        <v>7962</v>
      </c>
      <c r="B17040" t="s">
        <v>34013</v>
      </c>
      <c r="C17040" t="s">
        <v>34014</v>
      </c>
    </row>
    <row r="17041" spans="1:3" x14ac:dyDescent="0.15">
      <c r="A17041">
        <v>7961</v>
      </c>
      <c r="B17041" t="s">
        <v>34015</v>
      </c>
      <c r="C17041" t="s">
        <v>34016</v>
      </c>
    </row>
    <row r="17042" spans="1:3" x14ac:dyDescent="0.15">
      <c r="A17042">
        <v>7960</v>
      </c>
      <c r="B17042" t="s">
        <v>34017</v>
      </c>
      <c r="C17042" t="s">
        <v>34018</v>
      </c>
    </row>
    <row r="17043" spans="1:3" x14ac:dyDescent="0.15">
      <c r="A17043">
        <v>7959</v>
      </c>
      <c r="B17043" t="s">
        <v>34019</v>
      </c>
      <c r="C17043" t="s">
        <v>34020</v>
      </c>
    </row>
    <row r="17044" spans="1:3" x14ac:dyDescent="0.15">
      <c r="A17044">
        <v>7958</v>
      </c>
      <c r="B17044" t="s">
        <v>34021</v>
      </c>
      <c r="C17044" t="s">
        <v>34022</v>
      </c>
    </row>
    <row r="17045" spans="1:3" x14ac:dyDescent="0.15">
      <c r="A17045">
        <v>7957</v>
      </c>
      <c r="B17045" t="s">
        <v>34023</v>
      </c>
      <c r="C17045" t="s">
        <v>34024</v>
      </c>
    </row>
    <row r="17046" spans="1:3" x14ac:dyDescent="0.15">
      <c r="A17046">
        <v>7956</v>
      </c>
      <c r="B17046" t="s">
        <v>34025</v>
      </c>
      <c r="C17046" t="s">
        <v>34026</v>
      </c>
    </row>
    <row r="17047" spans="1:3" x14ac:dyDescent="0.15">
      <c r="A17047">
        <v>7955</v>
      </c>
      <c r="B17047" t="s">
        <v>34027</v>
      </c>
      <c r="C17047" t="s">
        <v>34028</v>
      </c>
    </row>
    <row r="17048" spans="1:3" x14ac:dyDescent="0.15">
      <c r="A17048">
        <v>7954</v>
      </c>
      <c r="B17048" t="s">
        <v>34029</v>
      </c>
      <c r="C17048" t="s">
        <v>34030</v>
      </c>
    </row>
    <row r="17049" spans="1:3" x14ac:dyDescent="0.15">
      <c r="A17049">
        <v>7953</v>
      </c>
      <c r="B17049" t="s">
        <v>34031</v>
      </c>
      <c r="C17049" t="s">
        <v>34032</v>
      </c>
    </row>
    <row r="17050" spans="1:3" x14ac:dyDescent="0.15">
      <c r="A17050">
        <v>7952</v>
      </c>
      <c r="B17050" t="s">
        <v>34033</v>
      </c>
      <c r="C17050" t="s">
        <v>34034</v>
      </c>
    </row>
    <row r="17051" spans="1:3" x14ac:dyDescent="0.15">
      <c r="A17051">
        <v>7951</v>
      </c>
      <c r="B17051" t="s">
        <v>34035</v>
      </c>
      <c r="C17051" t="s">
        <v>34036</v>
      </c>
    </row>
    <row r="17052" spans="1:3" x14ac:dyDescent="0.15">
      <c r="A17052">
        <v>7950</v>
      </c>
      <c r="B17052" t="s">
        <v>34037</v>
      </c>
      <c r="C17052" t="s">
        <v>34038</v>
      </c>
    </row>
    <row r="17053" spans="1:3" x14ac:dyDescent="0.15">
      <c r="A17053">
        <v>7949</v>
      </c>
      <c r="B17053" t="s">
        <v>34039</v>
      </c>
      <c r="C17053" t="s">
        <v>34040</v>
      </c>
    </row>
    <row r="17054" spans="1:3" x14ac:dyDescent="0.15">
      <c r="A17054">
        <v>7948</v>
      </c>
      <c r="B17054" t="s">
        <v>34041</v>
      </c>
      <c r="C17054" t="s">
        <v>34042</v>
      </c>
    </row>
    <row r="17055" spans="1:3" x14ac:dyDescent="0.15">
      <c r="A17055">
        <v>7947</v>
      </c>
      <c r="B17055" t="s">
        <v>34043</v>
      </c>
      <c r="C17055" t="s">
        <v>34044</v>
      </c>
    </row>
    <row r="17056" spans="1:3" x14ac:dyDescent="0.15">
      <c r="A17056">
        <v>7946</v>
      </c>
      <c r="B17056" t="s">
        <v>34045</v>
      </c>
      <c r="C17056" t="s">
        <v>34046</v>
      </c>
    </row>
    <row r="17057" spans="1:3" x14ac:dyDescent="0.15">
      <c r="A17057">
        <v>7945</v>
      </c>
      <c r="B17057" t="s">
        <v>34047</v>
      </c>
      <c r="C17057" t="s">
        <v>34048</v>
      </c>
    </row>
    <row r="17058" spans="1:3" x14ac:dyDescent="0.15">
      <c r="A17058">
        <v>7944</v>
      </c>
      <c r="B17058" t="s">
        <v>34049</v>
      </c>
      <c r="C17058" t="s">
        <v>34050</v>
      </c>
    </row>
    <row r="17059" spans="1:3" x14ac:dyDescent="0.15">
      <c r="A17059">
        <v>7943</v>
      </c>
      <c r="B17059" t="s">
        <v>34051</v>
      </c>
      <c r="C17059" t="s">
        <v>34052</v>
      </c>
    </row>
    <row r="17060" spans="1:3" x14ac:dyDescent="0.15">
      <c r="A17060">
        <v>7942</v>
      </c>
      <c r="B17060" t="s">
        <v>34053</v>
      </c>
      <c r="C17060" t="s">
        <v>34054</v>
      </c>
    </row>
    <row r="17061" spans="1:3" x14ac:dyDescent="0.15">
      <c r="A17061">
        <v>7941</v>
      </c>
      <c r="B17061" t="s">
        <v>34055</v>
      </c>
      <c r="C17061" t="s">
        <v>34056</v>
      </c>
    </row>
    <row r="17062" spans="1:3" x14ac:dyDescent="0.15">
      <c r="A17062">
        <v>7940</v>
      </c>
      <c r="B17062" t="s">
        <v>34057</v>
      </c>
      <c r="C17062" t="s">
        <v>34058</v>
      </c>
    </row>
    <row r="17063" spans="1:3" x14ac:dyDescent="0.15">
      <c r="A17063">
        <v>7939</v>
      </c>
      <c r="B17063" t="s">
        <v>34059</v>
      </c>
      <c r="C17063" t="s">
        <v>34060</v>
      </c>
    </row>
    <row r="17064" spans="1:3" x14ac:dyDescent="0.15">
      <c r="A17064">
        <v>7938</v>
      </c>
      <c r="B17064" t="s">
        <v>34061</v>
      </c>
      <c r="C17064" t="s">
        <v>34062</v>
      </c>
    </row>
    <row r="17065" spans="1:3" x14ac:dyDescent="0.15">
      <c r="A17065">
        <v>7937</v>
      </c>
      <c r="B17065" t="s">
        <v>34063</v>
      </c>
      <c r="C17065" t="s">
        <v>34064</v>
      </c>
    </row>
    <row r="17066" spans="1:3" x14ac:dyDescent="0.15">
      <c r="A17066">
        <v>7936</v>
      </c>
      <c r="B17066" t="s">
        <v>34065</v>
      </c>
      <c r="C17066" t="s">
        <v>34066</v>
      </c>
    </row>
    <row r="17067" spans="1:3" x14ac:dyDescent="0.15">
      <c r="A17067">
        <v>7935</v>
      </c>
      <c r="B17067" t="s">
        <v>34067</v>
      </c>
      <c r="C17067" t="s">
        <v>34068</v>
      </c>
    </row>
    <row r="17068" spans="1:3" x14ac:dyDescent="0.15">
      <c r="A17068">
        <v>7934</v>
      </c>
      <c r="B17068" t="s">
        <v>34069</v>
      </c>
      <c r="C17068" t="s">
        <v>34070</v>
      </c>
    </row>
    <row r="17069" spans="1:3" x14ac:dyDescent="0.15">
      <c r="A17069">
        <v>7933</v>
      </c>
      <c r="B17069" t="s">
        <v>34071</v>
      </c>
      <c r="C17069" t="s">
        <v>34072</v>
      </c>
    </row>
    <row r="17070" spans="1:3" x14ac:dyDescent="0.15">
      <c r="A17070">
        <v>7932</v>
      </c>
      <c r="B17070" t="s">
        <v>34073</v>
      </c>
      <c r="C17070" t="s">
        <v>34074</v>
      </c>
    </row>
    <row r="17071" spans="1:3" x14ac:dyDescent="0.15">
      <c r="A17071">
        <v>7931</v>
      </c>
      <c r="B17071" t="s">
        <v>34075</v>
      </c>
      <c r="C17071" t="s">
        <v>34076</v>
      </c>
    </row>
    <row r="17072" spans="1:3" x14ac:dyDescent="0.15">
      <c r="A17072">
        <v>7930</v>
      </c>
      <c r="B17072" t="s">
        <v>34077</v>
      </c>
      <c r="C17072" t="s">
        <v>34078</v>
      </c>
    </row>
    <row r="17073" spans="1:3" x14ac:dyDescent="0.15">
      <c r="A17073">
        <v>7929</v>
      </c>
      <c r="B17073" t="s">
        <v>34079</v>
      </c>
      <c r="C17073" t="s">
        <v>34080</v>
      </c>
    </row>
    <row r="17074" spans="1:3" x14ac:dyDescent="0.15">
      <c r="A17074">
        <v>7928</v>
      </c>
      <c r="B17074" t="s">
        <v>34081</v>
      </c>
      <c r="C17074" t="s">
        <v>34082</v>
      </c>
    </row>
    <row r="17075" spans="1:3" x14ac:dyDescent="0.15">
      <c r="A17075">
        <v>7927</v>
      </c>
      <c r="B17075" t="s">
        <v>34083</v>
      </c>
      <c r="C17075" t="s">
        <v>34084</v>
      </c>
    </row>
    <row r="17076" spans="1:3" x14ac:dyDescent="0.15">
      <c r="A17076">
        <v>7926</v>
      </c>
      <c r="B17076" t="s">
        <v>34085</v>
      </c>
      <c r="C17076" t="s">
        <v>34086</v>
      </c>
    </row>
    <row r="17077" spans="1:3" x14ac:dyDescent="0.15">
      <c r="A17077">
        <v>7925</v>
      </c>
      <c r="B17077" t="s">
        <v>34087</v>
      </c>
      <c r="C17077" t="s">
        <v>34088</v>
      </c>
    </row>
    <row r="17078" spans="1:3" x14ac:dyDescent="0.15">
      <c r="A17078">
        <v>7924</v>
      </c>
      <c r="B17078" t="s">
        <v>34089</v>
      </c>
      <c r="C17078" t="s">
        <v>34090</v>
      </c>
    </row>
    <row r="17079" spans="1:3" x14ac:dyDescent="0.15">
      <c r="A17079">
        <v>7923</v>
      </c>
      <c r="B17079" t="s">
        <v>34091</v>
      </c>
      <c r="C17079" t="s">
        <v>34092</v>
      </c>
    </row>
    <row r="17080" spans="1:3" x14ac:dyDescent="0.15">
      <c r="A17080">
        <v>7922</v>
      </c>
      <c r="B17080" t="s">
        <v>34093</v>
      </c>
      <c r="C17080" t="s">
        <v>34094</v>
      </c>
    </row>
    <row r="17081" spans="1:3" x14ac:dyDescent="0.15">
      <c r="A17081">
        <v>7921</v>
      </c>
      <c r="B17081" t="s">
        <v>34095</v>
      </c>
      <c r="C17081" t="s">
        <v>34096</v>
      </c>
    </row>
    <row r="17082" spans="1:3" x14ac:dyDescent="0.15">
      <c r="A17082">
        <v>7920</v>
      </c>
      <c r="B17082" t="s">
        <v>34097</v>
      </c>
      <c r="C17082" t="s">
        <v>34098</v>
      </c>
    </row>
    <row r="17083" spans="1:3" x14ac:dyDescent="0.15">
      <c r="A17083">
        <v>7919</v>
      </c>
      <c r="B17083" t="s">
        <v>34099</v>
      </c>
      <c r="C17083" t="s">
        <v>34100</v>
      </c>
    </row>
    <row r="17084" spans="1:3" x14ac:dyDescent="0.15">
      <c r="A17084">
        <v>7918</v>
      </c>
      <c r="B17084" t="s">
        <v>34101</v>
      </c>
      <c r="C17084" t="s">
        <v>34102</v>
      </c>
    </row>
    <row r="17085" spans="1:3" x14ac:dyDescent="0.15">
      <c r="A17085">
        <v>7917</v>
      </c>
      <c r="B17085" t="s">
        <v>34103</v>
      </c>
      <c r="C17085" t="s">
        <v>34104</v>
      </c>
    </row>
    <row r="17086" spans="1:3" x14ac:dyDescent="0.15">
      <c r="A17086">
        <v>7916</v>
      </c>
      <c r="B17086" t="s">
        <v>34105</v>
      </c>
      <c r="C17086" t="s">
        <v>34106</v>
      </c>
    </row>
    <row r="17087" spans="1:3" x14ac:dyDescent="0.15">
      <c r="A17087">
        <v>7915</v>
      </c>
      <c r="B17087" t="s">
        <v>34107</v>
      </c>
      <c r="C17087" t="s">
        <v>34108</v>
      </c>
    </row>
    <row r="17088" spans="1:3" x14ac:dyDescent="0.15">
      <c r="A17088">
        <v>7914</v>
      </c>
      <c r="B17088" t="s">
        <v>34109</v>
      </c>
      <c r="C17088" t="s">
        <v>34110</v>
      </c>
    </row>
    <row r="17089" spans="1:3" x14ac:dyDescent="0.15">
      <c r="A17089">
        <v>7913</v>
      </c>
      <c r="B17089" t="s">
        <v>34111</v>
      </c>
      <c r="C17089" t="s">
        <v>34112</v>
      </c>
    </row>
    <row r="17090" spans="1:3" x14ac:dyDescent="0.15">
      <c r="A17090">
        <v>7912</v>
      </c>
      <c r="B17090" t="s">
        <v>34113</v>
      </c>
      <c r="C17090" t="s">
        <v>34114</v>
      </c>
    </row>
    <row r="17091" spans="1:3" x14ac:dyDescent="0.15">
      <c r="A17091">
        <v>7911</v>
      </c>
      <c r="B17091" t="s">
        <v>34115</v>
      </c>
      <c r="C17091" t="s">
        <v>34116</v>
      </c>
    </row>
    <row r="17092" spans="1:3" x14ac:dyDescent="0.15">
      <c r="A17092">
        <v>7910</v>
      </c>
      <c r="B17092" t="s">
        <v>34117</v>
      </c>
      <c r="C17092" t="s">
        <v>34118</v>
      </c>
    </row>
    <row r="17093" spans="1:3" x14ac:dyDescent="0.15">
      <c r="A17093">
        <v>7909</v>
      </c>
      <c r="B17093" t="s">
        <v>34119</v>
      </c>
      <c r="C17093" t="s">
        <v>34120</v>
      </c>
    </row>
    <row r="17094" spans="1:3" x14ac:dyDescent="0.15">
      <c r="A17094">
        <v>7908</v>
      </c>
      <c r="B17094" t="s">
        <v>34121</v>
      </c>
      <c r="C17094" t="s">
        <v>34122</v>
      </c>
    </row>
    <row r="17095" spans="1:3" x14ac:dyDescent="0.15">
      <c r="A17095">
        <v>7907</v>
      </c>
      <c r="B17095" t="s">
        <v>34123</v>
      </c>
      <c r="C17095" t="s">
        <v>34124</v>
      </c>
    </row>
    <row r="17096" spans="1:3" x14ac:dyDescent="0.15">
      <c r="A17096">
        <v>7906</v>
      </c>
      <c r="B17096" t="s">
        <v>34125</v>
      </c>
      <c r="C17096" t="s">
        <v>34126</v>
      </c>
    </row>
    <row r="17097" spans="1:3" x14ac:dyDescent="0.15">
      <c r="A17097">
        <v>7905</v>
      </c>
      <c r="B17097" t="s">
        <v>34127</v>
      </c>
      <c r="C17097" t="s">
        <v>34128</v>
      </c>
    </row>
    <row r="17098" spans="1:3" x14ac:dyDescent="0.15">
      <c r="A17098">
        <v>7904</v>
      </c>
      <c r="B17098" t="s">
        <v>34129</v>
      </c>
      <c r="C17098" t="s">
        <v>34130</v>
      </c>
    </row>
    <row r="17099" spans="1:3" x14ac:dyDescent="0.15">
      <c r="A17099">
        <v>7903</v>
      </c>
      <c r="B17099" t="s">
        <v>34131</v>
      </c>
      <c r="C17099" t="s">
        <v>34132</v>
      </c>
    </row>
    <row r="17100" spans="1:3" x14ac:dyDescent="0.15">
      <c r="A17100">
        <v>7902</v>
      </c>
      <c r="B17100" t="s">
        <v>34133</v>
      </c>
      <c r="C17100" t="s">
        <v>34134</v>
      </c>
    </row>
    <row r="17101" spans="1:3" x14ac:dyDescent="0.15">
      <c r="A17101">
        <v>7901</v>
      </c>
      <c r="B17101" t="s">
        <v>34135</v>
      </c>
      <c r="C17101" t="s">
        <v>34136</v>
      </c>
    </row>
    <row r="17102" spans="1:3" x14ac:dyDescent="0.15">
      <c r="A17102">
        <v>7900</v>
      </c>
      <c r="B17102" t="s">
        <v>34137</v>
      </c>
      <c r="C17102" t="s">
        <v>34138</v>
      </c>
    </row>
    <row r="17103" spans="1:3" x14ac:dyDescent="0.15">
      <c r="A17103">
        <v>7899</v>
      </c>
      <c r="B17103" t="s">
        <v>34139</v>
      </c>
      <c r="C17103" t="s">
        <v>34140</v>
      </c>
    </row>
    <row r="17104" spans="1:3" x14ac:dyDescent="0.15">
      <c r="A17104">
        <v>7898</v>
      </c>
      <c r="B17104" t="s">
        <v>34141</v>
      </c>
      <c r="C17104" t="s">
        <v>34142</v>
      </c>
    </row>
    <row r="17105" spans="1:3" x14ac:dyDescent="0.15">
      <c r="A17105">
        <v>7897</v>
      </c>
      <c r="B17105" t="s">
        <v>34143</v>
      </c>
      <c r="C17105" t="s">
        <v>34144</v>
      </c>
    </row>
    <row r="17106" spans="1:3" x14ac:dyDescent="0.15">
      <c r="A17106">
        <v>7896</v>
      </c>
      <c r="B17106" t="s">
        <v>34145</v>
      </c>
      <c r="C17106" t="s">
        <v>34146</v>
      </c>
    </row>
    <row r="17107" spans="1:3" x14ac:dyDescent="0.15">
      <c r="A17107">
        <v>7895</v>
      </c>
      <c r="B17107" t="s">
        <v>34147</v>
      </c>
      <c r="C17107" t="s">
        <v>34148</v>
      </c>
    </row>
    <row r="17108" spans="1:3" x14ac:dyDescent="0.15">
      <c r="A17108">
        <v>7894</v>
      </c>
      <c r="B17108" t="s">
        <v>34149</v>
      </c>
      <c r="C17108" t="s">
        <v>34150</v>
      </c>
    </row>
    <row r="17109" spans="1:3" x14ac:dyDescent="0.15">
      <c r="A17109">
        <v>7893</v>
      </c>
      <c r="B17109" t="s">
        <v>34151</v>
      </c>
      <c r="C17109" t="s">
        <v>34152</v>
      </c>
    </row>
    <row r="17110" spans="1:3" x14ac:dyDescent="0.15">
      <c r="A17110">
        <v>7892</v>
      </c>
      <c r="B17110" t="s">
        <v>34153</v>
      </c>
      <c r="C17110" t="s">
        <v>34154</v>
      </c>
    </row>
    <row r="17111" spans="1:3" x14ac:dyDescent="0.15">
      <c r="A17111">
        <v>7891</v>
      </c>
      <c r="B17111" t="s">
        <v>34155</v>
      </c>
      <c r="C17111" t="s">
        <v>34156</v>
      </c>
    </row>
    <row r="17112" spans="1:3" x14ac:dyDescent="0.15">
      <c r="A17112">
        <v>7890</v>
      </c>
      <c r="B17112" t="s">
        <v>34157</v>
      </c>
      <c r="C17112" t="s">
        <v>34158</v>
      </c>
    </row>
    <row r="17113" spans="1:3" x14ac:dyDescent="0.15">
      <c r="A17113">
        <v>7889</v>
      </c>
      <c r="B17113" t="s">
        <v>34159</v>
      </c>
      <c r="C17113" t="s">
        <v>34160</v>
      </c>
    </row>
    <row r="17114" spans="1:3" x14ac:dyDescent="0.15">
      <c r="A17114">
        <v>7888</v>
      </c>
      <c r="B17114" t="s">
        <v>34161</v>
      </c>
      <c r="C17114" t="s">
        <v>34162</v>
      </c>
    </row>
    <row r="17115" spans="1:3" x14ac:dyDescent="0.15">
      <c r="A17115">
        <v>7887</v>
      </c>
      <c r="B17115" t="s">
        <v>34163</v>
      </c>
      <c r="C17115" t="s">
        <v>34164</v>
      </c>
    </row>
    <row r="17116" spans="1:3" x14ac:dyDescent="0.15">
      <c r="A17116">
        <v>7886</v>
      </c>
      <c r="B17116" t="s">
        <v>34165</v>
      </c>
      <c r="C17116" t="s">
        <v>34166</v>
      </c>
    </row>
    <row r="17117" spans="1:3" x14ac:dyDescent="0.15">
      <c r="A17117">
        <v>7885</v>
      </c>
      <c r="B17117" t="s">
        <v>34167</v>
      </c>
      <c r="C17117" t="s">
        <v>34168</v>
      </c>
    </row>
    <row r="17118" spans="1:3" x14ac:dyDescent="0.15">
      <c r="A17118">
        <v>7884</v>
      </c>
      <c r="B17118" t="s">
        <v>34169</v>
      </c>
      <c r="C17118" t="s">
        <v>34170</v>
      </c>
    </row>
    <row r="17119" spans="1:3" x14ac:dyDescent="0.15">
      <c r="A17119">
        <v>7883</v>
      </c>
      <c r="B17119" t="s">
        <v>34171</v>
      </c>
      <c r="C17119" t="s">
        <v>34172</v>
      </c>
    </row>
    <row r="17120" spans="1:3" x14ac:dyDescent="0.15">
      <c r="A17120">
        <v>7882</v>
      </c>
      <c r="B17120" t="s">
        <v>34173</v>
      </c>
      <c r="C17120" t="s">
        <v>34174</v>
      </c>
    </row>
    <row r="17121" spans="1:3" x14ac:dyDescent="0.15">
      <c r="A17121">
        <v>7881</v>
      </c>
      <c r="B17121" t="s">
        <v>34175</v>
      </c>
      <c r="C17121" t="s">
        <v>34176</v>
      </c>
    </row>
    <row r="17122" spans="1:3" x14ac:dyDescent="0.15">
      <c r="A17122">
        <v>7880</v>
      </c>
      <c r="B17122" t="s">
        <v>34177</v>
      </c>
      <c r="C17122" t="s">
        <v>34178</v>
      </c>
    </row>
    <row r="17123" spans="1:3" x14ac:dyDescent="0.15">
      <c r="A17123">
        <v>7879</v>
      </c>
      <c r="B17123" t="s">
        <v>34179</v>
      </c>
      <c r="C17123" t="s">
        <v>34180</v>
      </c>
    </row>
    <row r="17124" spans="1:3" x14ac:dyDescent="0.15">
      <c r="A17124">
        <v>7878</v>
      </c>
      <c r="B17124" t="s">
        <v>34181</v>
      </c>
      <c r="C17124" t="s">
        <v>34182</v>
      </c>
    </row>
    <row r="17125" spans="1:3" x14ac:dyDescent="0.15">
      <c r="A17125">
        <v>7877</v>
      </c>
      <c r="B17125" t="s">
        <v>34183</v>
      </c>
      <c r="C17125" t="s">
        <v>34184</v>
      </c>
    </row>
    <row r="17126" spans="1:3" x14ac:dyDescent="0.15">
      <c r="A17126">
        <v>7876</v>
      </c>
      <c r="B17126" t="s">
        <v>34185</v>
      </c>
      <c r="C17126" t="s">
        <v>34186</v>
      </c>
    </row>
    <row r="17127" spans="1:3" x14ac:dyDescent="0.15">
      <c r="A17127">
        <v>7875</v>
      </c>
      <c r="B17127" t="s">
        <v>34187</v>
      </c>
      <c r="C17127" t="s">
        <v>34188</v>
      </c>
    </row>
    <row r="17128" spans="1:3" x14ac:dyDescent="0.15">
      <c r="A17128">
        <v>7874</v>
      </c>
      <c r="B17128" t="s">
        <v>34189</v>
      </c>
      <c r="C17128" t="s">
        <v>34190</v>
      </c>
    </row>
    <row r="17129" spans="1:3" x14ac:dyDescent="0.15">
      <c r="A17129">
        <v>7873</v>
      </c>
      <c r="B17129" t="s">
        <v>34191</v>
      </c>
      <c r="C17129" t="s">
        <v>34192</v>
      </c>
    </row>
    <row r="17130" spans="1:3" x14ac:dyDescent="0.15">
      <c r="A17130">
        <v>7872</v>
      </c>
      <c r="B17130" t="s">
        <v>34193</v>
      </c>
      <c r="C17130" t="s">
        <v>34194</v>
      </c>
    </row>
    <row r="17131" spans="1:3" x14ac:dyDescent="0.15">
      <c r="A17131">
        <v>7871</v>
      </c>
      <c r="B17131" t="s">
        <v>34195</v>
      </c>
      <c r="C17131" t="s">
        <v>34196</v>
      </c>
    </row>
    <row r="17132" spans="1:3" x14ac:dyDescent="0.15">
      <c r="A17132">
        <v>7870</v>
      </c>
      <c r="B17132" t="s">
        <v>34197</v>
      </c>
      <c r="C17132" t="s">
        <v>34198</v>
      </c>
    </row>
    <row r="17133" spans="1:3" x14ac:dyDescent="0.15">
      <c r="A17133">
        <v>7869</v>
      </c>
      <c r="B17133" t="s">
        <v>34199</v>
      </c>
      <c r="C17133" t="s">
        <v>34200</v>
      </c>
    </row>
    <row r="17134" spans="1:3" x14ac:dyDescent="0.15">
      <c r="A17134">
        <v>7868</v>
      </c>
      <c r="B17134" t="s">
        <v>34201</v>
      </c>
      <c r="C17134" t="s">
        <v>34202</v>
      </c>
    </row>
    <row r="17135" spans="1:3" x14ac:dyDescent="0.15">
      <c r="A17135">
        <v>7867</v>
      </c>
      <c r="B17135" t="s">
        <v>34203</v>
      </c>
      <c r="C17135" t="s">
        <v>34204</v>
      </c>
    </row>
    <row r="17136" spans="1:3" x14ac:dyDescent="0.15">
      <c r="A17136">
        <v>7866</v>
      </c>
      <c r="B17136" t="s">
        <v>34205</v>
      </c>
      <c r="C17136" t="s">
        <v>34206</v>
      </c>
    </row>
    <row r="17137" spans="1:3" x14ac:dyDescent="0.15">
      <c r="A17137">
        <v>7865</v>
      </c>
      <c r="B17137" t="s">
        <v>34207</v>
      </c>
      <c r="C17137" t="s">
        <v>34208</v>
      </c>
    </row>
    <row r="17138" spans="1:3" x14ac:dyDescent="0.15">
      <c r="A17138">
        <v>7864</v>
      </c>
      <c r="B17138" t="s">
        <v>34209</v>
      </c>
      <c r="C17138" t="s">
        <v>34210</v>
      </c>
    </row>
    <row r="17139" spans="1:3" x14ac:dyDescent="0.15">
      <c r="A17139">
        <v>7863</v>
      </c>
      <c r="B17139" t="s">
        <v>34211</v>
      </c>
      <c r="C17139" t="s">
        <v>34212</v>
      </c>
    </row>
    <row r="17140" spans="1:3" x14ac:dyDescent="0.15">
      <c r="A17140">
        <v>7862</v>
      </c>
      <c r="B17140" t="s">
        <v>34213</v>
      </c>
      <c r="C17140" t="s">
        <v>34214</v>
      </c>
    </row>
    <row r="17141" spans="1:3" x14ac:dyDescent="0.15">
      <c r="A17141">
        <v>7861</v>
      </c>
      <c r="B17141" t="s">
        <v>34215</v>
      </c>
      <c r="C17141" t="s">
        <v>34216</v>
      </c>
    </row>
    <row r="17142" spans="1:3" x14ac:dyDescent="0.15">
      <c r="A17142">
        <v>7860</v>
      </c>
      <c r="B17142" t="s">
        <v>34217</v>
      </c>
      <c r="C17142" t="s">
        <v>34218</v>
      </c>
    </row>
    <row r="17143" spans="1:3" x14ac:dyDescent="0.15">
      <c r="A17143">
        <v>7859</v>
      </c>
      <c r="B17143" t="s">
        <v>34219</v>
      </c>
      <c r="C17143" t="s">
        <v>34220</v>
      </c>
    </row>
    <row r="17144" spans="1:3" x14ac:dyDescent="0.15">
      <c r="A17144">
        <v>7858</v>
      </c>
      <c r="B17144" t="s">
        <v>34221</v>
      </c>
      <c r="C17144" t="s">
        <v>34222</v>
      </c>
    </row>
    <row r="17145" spans="1:3" x14ac:dyDescent="0.15">
      <c r="A17145">
        <v>7857</v>
      </c>
      <c r="B17145" t="s">
        <v>34223</v>
      </c>
      <c r="C17145" t="s">
        <v>34224</v>
      </c>
    </row>
    <row r="17146" spans="1:3" x14ac:dyDescent="0.15">
      <c r="A17146">
        <v>7856</v>
      </c>
      <c r="B17146" t="s">
        <v>34225</v>
      </c>
      <c r="C17146" t="s">
        <v>34226</v>
      </c>
    </row>
    <row r="17147" spans="1:3" x14ac:dyDescent="0.15">
      <c r="A17147">
        <v>7855</v>
      </c>
      <c r="B17147" t="s">
        <v>34227</v>
      </c>
      <c r="C17147" t="s">
        <v>34228</v>
      </c>
    </row>
    <row r="17148" spans="1:3" x14ac:dyDescent="0.15">
      <c r="A17148">
        <v>7854</v>
      </c>
      <c r="B17148" t="s">
        <v>34229</v>
      </c>
      <c r="C17148" t="s">
        <v>34230</v>
      </c>
    </row>
    <row r="17149" spans="1:3" x14ac:dyDescent="0.15">
      <c r="A17149">
        <v>7853</v>
      </c>
      <c r="B17149" t="s">
        <v>34231</v>
      </c>
      <c r="C17149" t="s">
        <v>34232</v>
      </c>
    </row>
    <row r="17150" spans="1:3" x14ac:dyDescent="0.15">
      <c r="A17150">
        <v>7852</v>
      </c>
      <c r="B17150" t="s">
        <v>34233</v>
      </c>
      <c r="C17150" t="s">
        <v>34234</v>
      </c>
    </row>
    <row r="17151" spans="1:3" x14ac:dyDescent="0.15">
      <c r="A17151">
        <v>7851</v>
      </c>
      <c r="B17151" t="s">
        <v>34235</v>
      </c>
      <c r="C17151" t="s">
        <v>34236</v>
      </c>
    </row>
    <row r="17152" spans="1:3" x14ac:dyDescent="0.15">
      <c r="A17152">
        <v>7850</v>
      </c>
      <c r="B17152" t="s">
        <v>34237</v>
      </c>
      <c r="C17152" t="s">
        <v>34238</v>
      </c>
    </row>
    <row r="17153" spans="1:3" x14ac:dyDescent="0.15">
      <c r="A17153">
        <v>7849</v>
      </c>
      <c r="B17153" t="s">
        <v>34239</v>
      </c>
      <c r="C17153" t="s">
        <v>34240</v>
      </c>
    </row>
    <row r="17154" spans="1:3" x14ac:dyDescent="0.15">
      <c r="A17154">
        <v>7848</v>
      </c>
      <c r="B17154" t="s">
        <v>34241</v>
      </c>
      <c r="C17154" t="s">
        <v>34242</v>
      </c>
    </row>
    <row r="17155" spans="1:3" x14ac:dyDescent="0.15">
      <c r="A17155">
        <v>7847</v>
      </c>
      <c r="B17155" t="s">
        <v>34243</v>
      </c>
      <c r="C17155" t="s">
        <v>34244</v>
      </c>
    </row>
    <row r="17156" spans="1:3" x14ac:dyDescent="0.15">
      <c r="A17156">
        <v>7846</v>
      </c>
      <c r="B17156" t="s">
        <v>34245</v>
      </c>
      <c r="C17156" t="s">
        <v>34246</v>
      </c>
    </row>
    <row r="17157" spans="1:3" x14ac:dyDescent="0.15">
      <c r="A17157">
        <v>7845</v>
      </c>
      <c r="B17157" t="s">
        <v>34247</v>
      </c>
      <c r="C17157" t="s">
        <v>34248</v>
      </c>
    </row>
    <row r="17158" spans="1:3" x14ac:dyDescent="0.15">
      <c r="A17158">
        <v>7844</v>
      </c>
      <c r="B17158" t="s">
        <v>34249</v>
      </c>
      <c r="C17158" t="s">
        <v>34250</v>
      </c>
    </row>
    <row r="17159" spans="1:3" x14ac:dyDescent="0.15">
      <c r="A17159">
        <v>7843</v>
      </c>
      <c r="B17159" t="s">
        <v>34251</v>
      </c>
      <c r="C17159" t="s">
        <v>34252</v>
      </c>
    </row>
    <row r="17160" spans="1:3" x14ac:dyDescent="0.15">
      <c r="A17160">
        <v>7842</v>
      </c>
      <c r="B17160" t="s">
        <v>34253</v>
      </c>
      <c r="C17160" t="s">
        <v>34254</v>
      </c>
    </row>
    <row r="17161" spans="1:3" x14ac:dyDescent="0.15">
      <c r="A17161">
        <v>7841</v>
      </c>
      <c r="B17161" t="s">
        <v>34255</v>
      </c>
      <c r="C17161" t="s">
        <v>34256</v>
      </c>
    </row>
    <row r="17162" spans="1:3" x14ac:dyDescent="0.15">
      <c r="A17162">
        <v>7840</v>
      </c>
      <c r="B17162" t="s">
        <v>34257</v>
      </c>
      <c r="C17162" t="s">
        <v>34258</v>
      </c>
    </row>
    <row r="17163" spans="1:3" x14ac:dyDescent="0.15">
      <c r="A17163">
        <v>7839</v>
      </c>
      <c r="B17163" t="s">
        <v>34259</v>
      </c>
      <c r="C17163" t="s">
        <v>34260</v>
      </c>
    </row>
    <row r="17164" spans="1:3" x14ac:dyDescent="0.15">
      <c r="A17164">
        <v>7838</v>
      </c>
      <c r="B17164" t="s">
        <v>34261</v>
      </c>
      <c r="C17164" t="s">
        <v>34262</v>
      </c>
    </row>
    <row r="17165" spans="1:3" x14ac:dyDescent="0.15">
      <c r="A17165">
        <v>7837</v>
      </c>
      <c r="B17165" t="s">
        <v>34263</v>
      </c>
      <c r="C17165" t="s">
        <v>34264</v>
      </c>
    </row>
    <row r="17166" spans="1:3" x14ac:dyDescent="0.15">
      <c r="A17166">
        <v>7836</v>
      </c>
      <c r="B17166" t="s">
        <v>34265</v>
      </c>
      <c r="C17166" t="s">
        <v>3823</v>
      </c>
    </row>
    <row r="17167" spans="1:3" x14ac:dyDescent="0.15">
      <c r="A17167">
        <v>7835</v>
      </c>
      <c r="B17167" t="s">
        <v>34266</v>
      </c>
      <c r="C17167" t="s">
        <v>34267</v>
      </c>
    </row>
    <row r="17168" spans="1:3" x14ac:dyDescent="0.15">
      <c r="A17168">
        <v>7834</v>
      </c>
      <c r="B17168" t="s">
        <v>34268</v>
      </c>
      <c r="C17168" t="s">
        <v>34269</v>
      </c>
    </row>
    <row r="17169" spans="1:3" x14ac:dyDescent="0.15">
      <c r="A17169">
        <v>7833</v>
      </c>
      <c r="B17169" t="s">
        <v>34270</v>
      </c>
      <c r="C17169" t="s">
        <v>34271</v>
      </c>
    </row>
    <row r="17170" spans="1:3" x14ac:dyDescent="0.15">
      <c r="A17170">
        <v>7832</v>
      </c>
      <c r="B17170" t="s">
        <v>34272</v>
      </c>
      <c r="C17170" t="s">
        <v>34273</v>
      </c>
    </row>
    <row r="17171" spans="1:3" x14ac:dyDescent="0.15">
      <c r="A17171">
        <v>7831</v>
      </c>
      <c r="B17171" t="s">
        <v>34274</v>
      </c>
      <c r="C17171" t="s">
        <v>34275</v>
      </c>
    </row>
    <row r="17172" spans="1:3" x14ac:dyDescent="0.15">
      <c r="A17172">
        <v>7830</v>
      </c>
      <c r="B17172" t="s">
        <v>34276</v>
      </c>
      <c r="C17172" t="s">
        <v>34277</v>
      </c>
    </row>
    <row r="17173" spans="1:3" x14ac:dyDescent="0.15">
      <c r="A17173">
        <v>7829</v>
      </c>
      <c r="B17173" t="s">
        <v>34278</v>
      </c>
      <c r="C17173" t="s">
        <v>34279</v>
      </c>
    </row>
    <row r="17174" spans="1:3" x14ac:dyDescent="0.15">
      <c r="A17174">
        <v>7828</v>
      </c>
      <c r="B17174" t="s">
        <v>34280</v>
      </c>
      <c r="C17174" t="s">
        <v>34281</v>
      </c>
    </row>
    <row r="17175" spans="1:3" x14ac:dyDescent="0.15">
      <c r="A17175">
        <v>7827</v>
      </c>
      <c r="B17175" t="s">
        <v>34282</v>
      </c>
      <c r="C17175" t="s">
        <v>34283</v>
      </c>
    </row>
    <row r="17176" spans="1:3" x14ac:dyDescent="0.15">
      <c r="A17176">
        <v>7826</v>
      </c>
      <c r="B17176" t="s">
        <v>34284</v>
      </c>
      <c r="C17176" t="s">
        <v>34285</v>
      </c>
    </row>
    <row r="17177" spans="1:3" x14ac:dyDescent="0.15">
      <c r="A17177">
        <v>7825</v>
      </c>
      <c r="B17177" t="s">
        <v>34286</v>
      </c>
      <c r="C17177" t="s">
        <v>34287</v>
      </c>
    </row>
    <row r="17178" spans="1:3" x14ac:dyDescent="0.15">
      <c r="A17178">
        <v>7824</v>
      </c>
      <c r="B17178" t="s">
        <v>34288</v>
      </c>
      <c r="C17178" t="s">
        <v>34289</v>
      </c>
    </row>
    <row r="17179" spans="1:3" x14ac:dyDescent="0.15">
      <c r="A17179">
        <v>7823</v>
      </c>
      <c r="B17179" t="s">
        <v>34290</v>
      </c>
      <c r="C17179" t="s">
        <v>34291</v>
      </c>
    </row>
    <row r="17180" spans="1:3" x14ac:dyDescent="0.15">
      <c r="A17180">
        <v>7822</v>
      </c>
      <c r="B17180" t="s">
        <v>34292</v>
      </c>
      <c r="C17180" t="s">
        <v>34293</v>
      </c>
    </row>
    <row r="17181" spans="1:3" x14ac:dyDescent="0.15">
      <c r="A17181">
        <v>7821</v>
      </c>
      <c r="B17181" t="s">
        <v>34294</v>
      </c>
      <c r="C17181" t="s">
        <v>34295</v>
      </c>
    </row>
    <row r="17182" spans="1:3" x14ac:dyDescent="0.15">
      <c r="A17182">
        <v>7820</v>
      </c>
      <c r="B17182" t="s">
        <v>34296</v>
      </c>
      <c r="C17182" t="s">
        <v>34297</v>
      </c>
    </row>
    <row r="17183" spans="1:3" x14ac:dyDescent="0.15">
      <c r="A17183">
        <v>7819</v>
      </c>
      <c r="B17183" t="s">
        <v>34298</v>
      </c>
      <c r="C17183" t="s">
        <v>34299</v>
      </c>
    </row>
    <row r="17184" spans="1:3" x14ac:dyDescent="0.15">
      <c r="A17184">
        <v>7818</v>
      </c>
      <c r="B17184" t="s">
        <v>34300</v>
      </c>
      <c r="C17184" t="s">
        <v>34301</v>
      </c>
    </row>
    <row r="17185" spans="1:3" x14ac:dyDescent="0.15">
      <c r="A17185">
        <v>7817</v>
      </c>
      <c r="B17185" t="s">
        <v>34302</v>
      </c>
      <c r="C17185" t="s">
        <v>34303</v>
      </c>
    </row>
    <row r="17186" spans="1:3" x14ac:dyDescent="0.15">
      <c r="A17186">
        <v>7816</v>
      </c>
      <c r="B17186" t="s">
        <v>34304</v>
      </c>
      <c r="C17186" t="s">
        <v>34305</v>
      </c>
    </row>
    <row r="17187" spans="1:3" x14ac:dyDescent="0.15">
      <c r="A17187">
        <v>7815</v>
      </c>
      <c r="B17187" t="s">
        <v>34306</v>
      </c>
      <c r="C17187" t="s">
        <v>34307</v>
      </c>
    </row>
    <row r="17188" spans="1:3" x14ac:dyDescent="0.15">
      <c r="A17188">
        <v>7814</v>
      </c>
      <c r="B17188" t="s">
        <v>34308</v>
      </c>
      <c r="C17188" t="s">
        <v>34309</v>
      </c>
    </row>
    <row r="17189" spans="1:3" x14ac:dyDescent="0.15">
      <c r="A17189">
        <v>7813</v>
      </c>
      <c r="B17189" t="s">
        <v>34310</v>
      </c>
      <c r="C17189" t="s">
        <v>34311</v>
      </c>
    </row>
    <row r="17190" spans="1:3" x14ac:dyDescent="0.15">
      <c r="A17190">
        <v>7812</v>
      </c>
      <c r="B17190" t="s">
        <v>34312</v>
      </c>
      <c r="C17190" t="s">
        <v>34313</v>
      </c>
    </row>
    <row r="17191" spans="1:3" x14ac:dyDescent="0.15">
      <c r="A17191">
        <v>7811</v>
      </c>
      <c r="B17191" t="s">
        <v>34314</v>
      </c>
      <c r="C17191" t="s">
        <v>34315</v>
      </c>
    </row>
    <row r="17192" spans="1:3" x14ac:dyDescent="0.15">
      <c r="A17192">
        <v>7810</v>
      </c>
      <c r="B17192" t="s">
        <v>34316</v>
      </c>
      <c r="C17192" t="s">
        <v>34317</v>
      </c>
    </row>
    <row r="17193" spans="1:3" x14ac:dyDescent="0.15">
      <c r="A17193">
        <v>7809</v>
      </c>
      <c r="B17193" t="s">
        <v>34318</v>
      </c>
      <c r="C17193" t="s">
        <v>34319</v>
      </c>
    </row>
    <row r="17194" spans="1:3" x14ac:dyDescent="0.15">
      <c r="A17194">
        <v>7808</v>
      </c>
      <c r="B17194" t="s">
        <v>34320</v>
      </c>
      <c r="C17194" t="s">
        <v>34321</v>
      </c>
    </row>
    <row r="17195" spans="1:3" x14ac:dyDescent="0.15">
      <c r="A17195">
        <v>7807</v>
      </c>
      <c r="B17195" t="s">
        <v>34322</v>
      </c>
      <c r="C17195" t="s">
        <v>34323</v>
      </c>
    </row>
    <row r="17196" spans="1:3" x14ac:dyDescent="0.15">
      <c r="A17196">
        <v>7806</v>
      </c>
      <c r="B17196" t="s">
        <v>34324</v>
      </c>
      <c r="C17196" t="s">
        <v>34325</v>
      </c>
    </row>
    <row r="17197" spans="1:3" x14ac:dyDescent="0.15">
      <c r="A17197">
        <v>7805</v>
      </c>
      <c r="B17197" t="s">
        <v>34326</v>
      </c>
      <c r="C17197" t="s">
        <v>34327</v>
      </c>
    </row>
    <row r="17198" spans="1:3" x14ac:dyDescent="0.15">
      <c r="A17198">
        <v>7804</v>
      </c>
      <c r="B17198" t="s">
        <v>34328</v>
      </c>
      <c r="C17198" t="s">
        <v>34329</v>
      </c>
    </row>
    <row r="17199" spans="1:3" x14ac:dyDescent="0.15">
      <c r="A17199">
        <v>7803</v>
      </c>
      <c r="B17199" t="s">
        <v>34330</v>
      </c>
      <c r="C17199" t="s">
        <v>34331</v>
      </c>
    </row>
    <row r="17200" spans="1:3" x14ac:dyDescent="0.15">
      <c r="A17200">
        <v>7802</v>
      </c>
      <c r="B17200" t="s">
        <v>34332</v>
      </c>
      <c r="C17200" t="s">
        <v>34333</v>
      </c>
    </row>
    <row r="17201" spans="1:3" x14ac:dyDescent="0.15">
      <c r="A17201">
        <v>7801</v>
      </c>
      <c r="B17201" t="s">
        <v>34334</v>
      </c>
      <c r="C17201" t="s">
        <v>34335</v>
      </c>
    </row>
    <row r="17202" spans="1:3" x14ac:dyDescent="0.15">
      <c r="A17202">
        <v>7800</v>
      </c>
      <c r="B17202" t="s">
        <v>34336</v>
      </c>
      <c r="C17202" t="s">
        <v>34337</v>
      </c>
    </row>
    <row r="17203" spans="1:3" x14ac:dyDescent="0.15">
      <c r="A17203">
        <v>7799</v>
      </c>
      <c r="B17203" t="s">
        <v>34338</v>
      </c>
      <c r="C17203" t="s">
        <v>34339</v>
      </c>
    </row>
    <row r="17204" spans="1:3" x14ac:dyDescent="0.15">
      <c r="A17204">
        <v>7798</v>
      </c>
      <c r="B17204" t="s">
        <v>34340</v>
      </c>
      <c r="C17204" t="s">
        <v>34341</v>
      </c>
    </row>
    <row r="17205" spans="1:3" x14ac:dyDescent="0.15">
      <c r="A17205">
        <v>7797</v>
      </c>
      <c r="B17205" t="s">
        <v>34342</v>
      </c>
      <c r="C17205" t="s">
        <v>34343</v>
      </c>
    </row>
    <row r="17206" spans="1:3" x14ac:dyDescent="0.15">
      <c r="A17206">
        <v>7796</v>
      </c>
      <c r="B17206" t="s">
        <v>34344</v>
      </c>
      <c r="C17206" t="s">
        <v>34345</v>
      </c>
    </row>
    <row r="17207" spans="1:3" x14ac:dyDescent="0.15">
      <c r="A17207">
        <v>7795</v>
      </c>
      <c r="B17207" t="s">
        <v>34346</v>
      </c>
      <c r="C17207" t="s">
        <v>34347</v>
      </c>
    </row>
    <row r="17208" spans="1:3" x14ac:dyDescent="0.15">
      <c r="A17208">
        <v>7794</v>
      </c>
      <c r="B17208" t="s">
        <v>34348</v>
      </c>
      <c r="C17208" t="s">
        <v>34349</v>
      </c>
    </row>
    <row r="17209" spans="1:3" x14ac:dyDescent="0.15">
      <c r="A17209">
        <v>7793</v>
      </c>
      <c r="B17209" t="s">
        <v>34350</v>
      </c>
      <c r="C17209" t="s">
        <v>34351</v>
      </c>
    </row>
    <row r="17210" spans="1:3" x14ac:dyDescent="0.15">
      <c r="A17210">
        <v>7792</v>
      </c>
      <c r="B17210" t="s">
        <v>34352</v>
      </c>
      <c r="C17210" t="s">
        <v>34353</v>
      </c>
    </row>
    <row r="17211" spans="1:3" x14ac:dyDescent="0.15">
      <c r="A17211">
        <v>7791</v>
      </c>
      <c r="B17211" t="s">
        <v>34354</v>
      </c>
      <c r="C17211" t="s">
        <v>34355</v>
      </c>
    </row>
    <row r="17212" spans="1:3" x14ac:dyDescent="0.15">
      <c r="A17212">
        <v>7790</v>
      </c>
      <c r="B17212" t="s">
        <v>34356</v>
      </c>
      <c r="C17212" t="s">
        <v>34357</v>
      </c>
    </row>
    <row r="17213" spans="1:3" x14ac:dyDescent="0.15">
      <c r="A17213">
        <v>7789</v>
      </c>
      <c r="B17213" t="s">
        <v>34358</v>
      </c>
      <c r="C17213" t="s">
        <v>34359</v>
      </c>
    </row>
    <row r="17214" spans="1:3" x14ac:dyDescent="0.15">
      <c r="A17214">
        <v>7788</v>
      </c>
      <c r="B17214" t="s">
        <v>34360</v>
      </c>
      <c r="C17214" t="s">
        <v>34361</v>
      </c>
    </row>
    <row r="17215" spans="1:3" x14ac:dyDescent="0.15">
      <c r="A17215">
        <v>7787</v>
      </c>
      <c r="B17215" t="s">
        <v>34362</v>
      </c>
      <c r="C17215" t="s">
        <v>34363</v>
      </c>
    </row>
    <row r="17216" spans="1:3" x14ac:dyDescent="0.15">
      <c r="A17216">
        <v>7786</v>
      </c>
      <c r="B17216" t="s">
        <v>34364</v>
      </c>
      <c r="C17216" t="s">
        <v>34365</v>
      </c>
    </row>
    <row r="17217" spans="1:3" x14ac:dyDescent="0.15">
      <c r="A17217">
        <v>7785</v>
      </c>
      <c r="B17217" t="s">
        <v>34366</v>
      </c>
      <c r="C17217" t="s">
        <v>34367</v>
      </c>
    </row>
    <row r="17218" spans="1:3" x14ac:dyDescent="0.15">
      <c r="A17218">
        <v>7784</v>
      </c>
      <c r="B17218" t="s">
        <v>34368</v>
      </c>
      <c r="C17218" t="s">
        <v>34369</v>
      </c>
    </row>
    <row r="17219" spans="1:3" x14ac:dyDescent="0.15">
      <c r="A17219">
        <v>7783</v>
      </c>
      <c r="B17219" t="s">
        <v>34370</v>
      </c>
      <c r="C17219" t="s">
        <v>34371</v>
      </c>
    </row>
    <row r="17220" spans="1:3" x14ac:dyDescent="0.15">
      <c r="A17220">
        <v>7782</v>
      </c>
      <c r="B17220" t="s">
        <v>34372</v>
      </c>
      <c r="C17220" t="s">
        <v>34373</v>
      </c>
    </row>
    <row r="17221" spans="1:3" x14ac:dyDescent="0.15">
      <c r="A17221">
        <v>7781</v>
      </c>
      <c r="B17221" t="s">
        <v>34374</v>
      </c>
      <c r="C17221" t="s">
        <v>34375</v>
      </c>
    </row>
    <row r="17222" spans="1:3" x14ac:dyDescent="0.15">
      <c r="A17222">
        <v>7780</v>
      </c>
      <c r="B17222" t="s">
        <v>34376</v>
      </c>
      <c r="C17222" t="s">
        <v>34377</v>
      </c>
    </row>
    <row r="17223" spans="1:3" x14ac:dyDescent="0.15">
      <c r="A17223">
        <v>7779</v>
      </c>
      <c r="B17223" t="s">
        <v>34378</v>
      </c>
      <c r="C17223" t="s">
        <v>34379</v>
      </c>
    </row>
    <row r="17224" spans="1:3" x14ac:dyDescent="0.15">
      <c r="A17224">
        <v>7778</v>
      </c>
      <c r="B17224" t="s">
        <v>34380</v>
      </c>
      <c r="C17224" t="s">
        <v>34381</v>
      </c>
    </row>
    <row r="17225" spans="1:3" x14ac:dyDescent="0.15">
      <c r="A17225">
        <v>7777</v>
      </c>
      <c r="B17225" t="s">
        <v>34382</v>
      </c>
      <c r="C17225" t="s">
        <v>34383</v>
      </c>
    </row>
    <row r="17226" spans="1:3" x14ac:dyDescent="0.15">
      <c r="A17226">
        <v>7776</v>
      </c>
      <c r="B17226" t="s">
        <v>34384</v>
      </c>
      <c r="C17226" t="s">
        <v>34385</v>
      </c>
    </row>
    <row r="17227" spans="1:3" x14ac:dyDescent="0.15">
      <c r="A17227">
        <v>7775</v>
      </c>
      <c r="B17227" t="s">
        <v>34386</v>
      </c>
      <c r="C17227" t="s">
        <v>34387</v>
      </c>
    </row>
    <row r="17228" spans="1:3" x14ac:dyDescent="0.15">
      <c r="A17228">
        <v>7774</v>
      </c>
      <c r="B17228" t="s">
        <v>34388</v>
      </c>
      <c r="C17228" t="s">
        <v>34389</v>
      </c>
    </row>
    <row r="17229" spans="1:3" x14ac:dyDescent="0.15">
      <c r="A17229">
        <v>7773</v>
      </c>
      <c r="B17229" t="s">
        <v>34390</v>
      </c>
      <c r="C17229" t="s">
        <v>34391</v>
      </c>
    </row>
    <row r="17230" spans="1:3" x14ac:dyDescent="0.15">
      <c r="A17230">
        <v>7772</v>
      </c>
      <c r="B17230" t="s">
        <v>34392</v>
      </c>
      <c r="C17230" t="s">
        <v>34393</v>
      </c>
    </row>
    <row r="17231" spans="1:3" x14ac:dyDescent="0.15">
      <c r="A17231">
        <v>7771</v>
      </c>
      <c r="B17231" t="s">
        <v>34394</v>
      </c>
      <c r="C17231" t="s">
        <v>34395</v>
      </c>
    </row>
    <row r="17232" spans="1:3" x14ac:dyDescent="0.15">
      <c r="A17232">
        <v>7770</v>
      </c>
      <c r="B17232" t="s">
        <v>34396</v>
      </c>
      <c r="C17232" t="s">
        <v>34397</v>
      </c>
    </row>
    <row r="17233" spans="1:3" x14ac:dyDescent="0.15">
      <c r="A17233">
        <v>7769</v>
      </c>
      <c r="B17233" t="s">
        <v>34398</v>
      </c>
      <c r="C17233" t="s">
        <v>34399</v>
      </c>
    </row>
    <row r="17234" spans="1:3" x14ac:dyDescent="0.15">
      <c r="A17234">
        <v>7768</v>
      </c>
      <c r="B17234" t="s">
        <v>34400</v>
      </c>
      <c r="C17234" t="s">
        <v>34401</v>
      </c>
    </row>
    <row r="17235" spans="1:3" x14ac:dyDescent="0.15">
      <c r="A17235">
        <v>7767</v>
      </c>
      <c r="B17235" t="s">
        <v>34402</v>
      </c>
      <c r="C17235" t="s">
        <v>34403</v>
      </c>
    </row>
    <row r="17236" spans="1:3" x14ac:dyDescent="0.15">
      <c r="A17236">
        <v>7766</v>
      </c>
      <c r="B17236" t="s">
        <v>34404</v>
      </c>
      <c r="C17236" t="s">
        <v>34405</v>
      </c>
    </row>
    <row r="17237" spans="1:3" x14ac:dyDescent="0.15">
      <c r="A17237">
        <v>7765</v>
      </c>
      <c r="B17237" t="s">
        <v>34406</v>
      </c>
      <c r="C17237" t="s">
        <v>34407</v>
      </c>
    </row>
    <row r="17238" spans="1:3" x14ac:dyDescent="0.15">
      <c r="A17238">
        <v>7764</v>
      </c>
      <c r="B17238" t="s">
        <v>34408</v>
      </c>
      <c r="C17238" t="s">
        <v>34409</v>
      </c>
    </row>
    <row r="17239" spans="1:3" x14ac:dyDescent="0.15">
      <c r="A17239">
        <v>7763</v>
      </c>
      <c r="B17239" t="s">
        <v>34410</v>
      </c>
      <c r="C17239" t="s">
        <v>34411</v>
      </c>
    </row>
    <row r="17240" spans="1:3" x14ac:dyDescent="0.15">
      <c r="A17240">
        <v>7762</v>
      </c>
      <c r="B17240" t="s">
        <v>34412</v>
      </c>
      <c r="C17240" t="s">
        <v>34413</v>
      </c>
    </row>
    <row r="17241" spans="1:3" x14ac:dyDescent="0.15">
      <c r="A17241">
        <v>7761</v>
      </c>
      <c r="B17241" t="s">
        <v>34414</v>
      </c>
      <c r="C17241" t="s">
        <v>34415</v>
      </c>
    </row>
    <row r="17242" spans="1:3" x14ac:dyDescent="0.15">
      <c r="A17242">
        <v>7760</v>
      </c>
      <c r="B17242" t="s">
        <v>34416</v>
      </c>
      <c r="C17242" t="s">
        <v>34417</v>
      </c>
    </row>
    <row r="17243" spans="1:3" x14ac:dyDescent="0.15">
      <c r="A17243">
        <v>7759</v>
      </c>
      <c r="B17243" t="s">
        <v>34418</v>
      </c>
      <c r="C17243" t="s">
        <v>34419</v>
      </c>
    </row>
    <row r="17244" spans="1:3" x14ac:dyDescent="0.15">
      <c r="A17244">
        <v>7758</v>
      </c>
      <c r="B17244" t="s">
        <v>34420</v>
      </c>
      <c r="C17244" t="s">
        <v>34421</v>
      </c>
    </row>
    <row r="17245" spans="1:3" x14ac:dyDescent="0.15">
      <c r="A17245">
        <v>7757</v>
      </c>
      <c r="B17245" t="s">
        <v>34422</v>
      </c>
      <c r="C17245" t="s">
        <v>34423</v>
      </c>
    </row>
    <row r="17246" spans="1:3" x14ac:dyDescent="0.15">
      <c r="A17246">
        <v>7756</v>
      </c>
      <c r="B17246" t="s">
        <v>34424</v>
      </c>
      <c r="C17246" t="s">
        <v>34425</v>
      </c>
    </row>
    <row r="17247" spans="1:3" x14ac:dyDescent="0.15">
      <c r="A17247">
        <v>7755</v>
      </c>
      <c r="B17247" t="s">
        <v>34426</v>
      </c>
      <c r="C17247" t="s">
        <v>34427</v>
      </c>
    </row>
    <row r="17248" spans="1:3" x14ac:dyDescent="0.15">
      <c r="A17248">
        <v>7753</v>
      </c>
      <c r="B17248" t="s">
        <v>34428</v>
      </c>
      <c r="C17248" t="s">
        <v>34429</v>
      </c>
    </row>
    <row r="17249" spans="1:3" x14ac:dyDescent="0.15">
      <c r="A17249">
        <v>7752</v>
      </c>
      <c r="B17249" t="s">
        <v>34430</v>
      </c>
      <c r="C17249" t="s">
        <v>34431</v>
      </c>
    </row>
    <row r="17250" spans="1:3" x14ac:dyDescent="0.15">
      <c r="A17250">
        <v>7751</v>
      </c>
      <c r="B17250" t="s">
        <v>34432</v>
      </c>
      <c r="C17250" t="s">
        <v>34433</v>
      </c>
    </row>
    <row r="17251" spans="1:3" x14ac:dyDescent="0.15">
      <c r="A17251">
        <v>7750</v>
      </c>
      <c r="B17251" t="s">
        <v>34434</v>
      </c>
      <c r="C17251" t="s">
        <v>34435</v>
      </c>
    </row>
    <row r="17252" spans="1:3" x14ac:dyDescent="0.15">
      <c r="A17252">
        <v>7749</v>
      </c>
      <c r="B17252" t="s">
        <v>34436</v>
      </c>
      <c r="C17252" t="s">
        <v>34437</v>
      </c>
    </row>
    <row r="17253" spans="1:3" x14ac:dyDescent="0.15">
      <c r="A17253">
        <v>7748</v>
      </c>
      <c r="B17253" t="s">
        <v>34438</v>
      </c>
      <c r="C17253" t="s">
        <v>34439</v>
      </c>
    </row>
    <row r="17254" spans="1:3" x14ac:dyDescent="0.15">
      <c r="A17254">
        <v>7747</v>
      </c>
      <c r="B17254" t="s">
        <v>34440</v>
      </c>
      <c r="C17254" t="s">
        <v>34441</v>
      </c>
    </row>
    <row r="17255" spans="1:3" x14ac:dyDescent="0.15">
      <c r="A17255">
        <v>7746</v>
      </c>
      <c r="B17255" t="s">
        <v>34442</v>
      </c>
      <c r="C17255" t="s">
        <v>34443</v>
      </c>
    </row>
    <row r="17256" spans="1:3" x14ac:dyDescent="0.15">
      <c r="A17256">
        <v>7745</v>
      </c>
      <c r="B17256" t="s">
        <v>34444</v>
      </c>
      <c r="C17256" t="s">
        <v>34445</v>
      </c>
    </row>
    <row r="17257" spans="1:3" x14ac:dyDescent="0.15">
      <c r="A17257">
        <v>7744</v>
      </c>
      <c r="B17257" t="s">
        <v>34446</v>
      </c>
      <c r="C17257" t="s">
        <v>34447</v>
      </c>
    </row>
    <row r="17258" spans="1:3" x14ac:dyDescent="0.15">
      <c r="A17258">
        <v>7743</v>
      </c>
      <c r="B17258" t="s">
        <v>34448</v>
      </c>
      <c r="C17258" t="s">
        <v>34449</v>
      </c>
    </row>
    <row r="17259" spans="1:3" x14ac:dyDescent="0.15">
      <c r="A17259">
        <v>7742</v>
      </c>
      <c r="B17259" t="s">
        <v>34450</v>
      </c>
      <c r="C17259" t="s">
        <v>34451</v>
      </c>
    </row>
    <row r="17260" spans="1:3" x14ac:dyDescent="0.15">
      <c r="A17260">
        <v>7741</v>
      </c>
      <c r="B17260" t="s">
        <v>34452</v>
      </c>
      <c r="C17260" t="s">
        <v>34453</v>
      </c>
    </row>
    <row r="17261" spans="1:3" x14ac:dyDescent="0.15">
      <c r="A17261">
        <v>7740</v>
      </c>
      <c r="B17261" t="s">
        <v>34454</v>
      </c>
      <c r="C17261" t="s">
        <v>34455</v>
      </c>
    </row>
    <row r="17262" spans="1:3" x14ac:dyDescent="0.15">
      <c r="A17262">
        <v>7739</v>
      </c>
      <c r="B17262" t="s">
        <v>34456</v>
      </c>
      <c r="C17262" t="s">
        <v>34457</v>
      </c>
    </row>
    <row r="17263" spans="1:3" x14ac:dyDescent="0.15">
      <c r="A17263">
        <v>7737</v>
      </c>
      <c r="B17263" t="s">
        <v>34458</v>
      </c>
      <c r="C17263" t="s">
        <v>34459</v>
      </c>
    </row>
    <row r="17264" spans="1:3" x14ac:dyDescent="0.15">
      <c r="A17264">
        <v>7736</v>
      </c>
      <c r="B17264" t="s">
        <v>34460</v>
      </c>
      <c r="C17264" t="s">
        <v>34461</v>
      </c>
    </row>
    <row r="17265" spans="1:3" x14ac:dyDescent="0.15">
      <c r="A17265">
        <v>7735</v>
      </c>
      <c r="B17265" t="s">
        <v>34462</v>
      </c>
      <c r="C17265" t="s">
        <v>34463</v>
      </c>
    </row>
    <row r="17266" spans="1:3" x14ac:dyDescent="0.15">
      <c r="A17266">
        <v>7734</v>
      </c>
      <c r="B17266" t="s">
        <v>34464</v>
      </c>
      <c r="C17266" t="s">
        <v>34465</v>
      </c>
    </row>
    <row r="17267" spans="1:3" x14ac:dyDescent="0.15">
      <c r="A17267">
        <v>7733</v>
      </c>
      <c r="B17267" t="s">
        <v>34466</v>
      </c>
      <c r="C17267" t="s">
        <v>34467</v>
      </c>
    </row>
    <row r="17268" spans="1:3" x14ac:dyDescent="0.15">
      <c r="A17268">
        <v>7732</v>
      </c>
      <c r="B17268" t="s">
        <v>34468</v>
      </c>
      <c r="C17268" t="s">
        <v>34469</v>
      </c>
    </row>
    <row r="17269" spans="1:3" x14ac:dyDescent="0.15">
      <c r="A17269">
        <v>7731</v>
      </c>
      <c r="B17269" t="s">
        <v>34470</v>
      </c>
      <c r="C17269" t="s">
        <v>34471</v>
      </c>
    </row>
    <row r="17270" spans="1:3" x14ac:dyDescent="0.15">
      <c r="A17270">
        <v>7730</v>
      </c>
      <c r="B17270" t="s">
        <v>34472</v>
      </c>
      <c r="C17270" t="s">
        <v>34473</v>
      </c>
    </row>
    <row r="17271" spans="1:3" x14ac:dyDescent="0.15">
      <c r="A17271">
        <v>7729</v>
      </c>
      <c r="B17271" t="s">
        <v>34474</v>
      </c>
      <c r="C17271" t="s">
        <v>34475</v>
      </c>
    </row>
    <row r="17272" spans="1:3" x14ac:dyDescent="0.15">
      <c r="A17272">
        <v>7728</v>
      </c>
      <c r="B17272" t="s">
        <v>34476</v>
      </c>
      <c r="C17272" t="s">
        <v>34477</v>
      </c>
    </row>
    <row r="17273" spans="1:3" x14ac:dyDescent="0.15">
      <c r="A17273">
        <v>7727</v>
      </c>
      <c r="B17273" t="s">
        <v>34478</v>
      </c>
      <c r="C17273" t="s">
        <v>34479</v>
      </c>
    </row>
    <row r="17274" spans="1:3" x14ac:dyDescent="0.15">
      <c r="A17274">
        <v>7726</v>
      </c>
      <c r="B17274" t="s">
        <v>34480</v>
      </c>
      <c r="C17274" t="s">
        <v>34481</v>
      </c>
    </row>
    <row r="17275" spans="1:3" x14ac:dyDescent="0.15">
      <c r="A17275">
        <v>7725</v>
      </c>
      <c r="B17275" t="s">
        <v>34482</v>
      </c>
      <c r="C17275" t="s">
        <v>34483</v>
      </c>
    </row>
    <row r="17276" spans="1:3" x14ac:dyDescent="0.15">
      <c r="A17276">
        <v>7724</v>
      </c>
      <c r="B17276" t="s">
        <v>34484</v>
      </c>
      <c r="C17276" t="s">
        <v>34485</v>
      </c>
    </row>
    <row r="17277" spans="1:3" x14ac:dyDescent="0.15">
      <c r="A17277">
        <v>7723</v>
      </c>
      <c r="B17277" t="s">
        <v>34486</v>
      </c>
      <c r="C17277" t="s">
        <v>34487</v>
      </c>
    </row>
    <row r="17278" spans="1:3" x14ac:dyDescent="0.15">
      <c r="A17278">
        <v>7722</v>
      </c>
      <c r="B17278" t="s">
        <v>34488</v>
      </c>
      <c r="C17278" t="s">
        <v>34489</v>
      </c>
    </row>
    <row r="17279" spans="1:3" x14ac:dyDescent="0.15">
      <c r="A17279">
        <v>7721</v>
      </c>
      <c r="B17279" t="s">
        <v>34490</v>
      </c>
      <c r="C17279" t="s">
        <v>34491</v>
      </c>
    </row>
    <row r="17280" spans="1:3" x14ac:dyDescent="0.15">
      <c r="A17280">
        <v>7720</v>
      </c>
      <c r="B17280" t="s">
        <v>34492</v>
      </c>
      <c r="C17280" t="s">
        <v>34493</v>
      </c>
    </row>
    <row r="17281" spans="1:3" x14ac:dyDescent="0.15">
      <c r="A17281">
        <v>7719</v>
      </c>
      <c r="B17281" t="s">
        <v>34494</v>
      </c>
      <c r="C17281" t="s">
        <v>34495</v>
      </c>
    </row>
    <row r="17282" spans="1:3" x14ac:dyDescent="0.15">
      <c r="A17282">
        <v>7718</v>
      </c>
      <c r="B17282" t="s">
        <v>34496</v>
      </c>
      <c r="C17282" t="s">
        <v>34497</v>
      </c>
    </row>
    <row r="17283" spans="1:3" x14ac:dyDescent="0.15">
      <c r="A17283">
        <v>7717</v>
      </c>
      <c r="B17283" t="s">
        <v>34498</v>
      </c>
      <c r="C17283" t="s">
        <v>34499</v>
      </c>
    </row>
    <row r="17284" spans="1:3" x14ac:dyDescent="0.15">
      <c r="A17284">
        <v>7716</v>
      </c>
      <c r="B17284" t="s">
        <v>34500</v>
      </c>
      <c r="C17284" t="s">
        <v>34501</v>
      </c>
    </row>
    <row r="17285" spans="1:3" x14ac:dyDescent="0.15">
      <c r="A17285">
        <v>7715</v>
      </c>
      <c r="B17285" t="s">
        <v>34502</v>
      </c>
      <c r="C17285" t="s">
        <v>34503</v>
      </c>
    </row>
    <row r="17286" spans="1:3" x14ac:dyDescent="0.15">
      <c r="A17286">
        <v>7714</v>
      </c>
      <c r="B17286" t="s">
        <v>34504</v>
      </c>
      <c r="C17286" t="s">
        <v>34505</v>
      </c>
    </row>
    <row r="17287" spans="1:3" x14ac:dyDescent="0.15">
      <c r="A17287">
        <v>7713</v>
      </c>
      <c r="B17287" t="s">
        <v>34506</v>
      </c>
      <c r="C17287" t="s">
        <v>34507</v>
      </c>
    </row>
    <row r="17288" spans="1:3" x14ac:dyDescent="0.15">
      <c r="A17288">
        <v>7712</v>
      </c>
      <c r="B17288" t="s">
        <v>34508</v>
      </c>
      <c r="C17288" t="s">
        <v>34509</v>
      </c>
    </row>
    <row r="17289" spans="1:3" x14ac:dyDescent="0.15">
      <c r="A17289">
        <v>7711</v>
      </c>
      <c r="B17289" t="s">
        <v>34510</v>
      </c>
      <c r="C17289" t="s">
        <v>34511</v>
      </c>
    </row>
    <row r="17290" spans="1:3" x14ac:dyDescent="0.15">
      <c r="A17290">
        <v>7710</v>
      </c>
      <c r="B17290" t="s">
        <v>34512</v>
      </c>
      <c r="C17290" t="s">
        <v>34513</v>
      </c>
    </row>
    <row r="17291" spans="1:3" x14ac:dyDescent="0.15">
      <c r="A17291">
        <v>7709</v>
      </c>
      <c r="B17291" t="s">
        <v>34514</v>
      </c>
      <c r="C17291" t="s">
        <v>34515</v>
      </c>
    </row>
    <row r="17292" spans="1:3" x14ac:dyDescent="0.15">
      <c r="A17292">
        <v>7708</v>
      </c>
      <c r="B17292" t="s">
        <v>34516</v>
      </c>
      <c r="C17292" t="s">
        <v>34517</v>
      </c>
    </row>
    <row r="17293" spans="1:3" x14ac:dyDescent="0.15">
      <c r="A17293">
        <v>7707</v>
      </c>
      <c r="B17293" t="s">
        <v>34518</v>
      </c>
      <c r="C17293" t="s">
        <v>34519</v>
      </c>
    </row>
    <row r="17294" spans="1:3" x14ac:dyDescent="0.15">
      <c r="A17294">
        <v>7706</v>
      </c>
      <c r="B17294" t="s">
        <v>34520</v>
      </c>
      <c r="C17294" t="s">
        <v>34521</v>
      </c>
    </row>
    <row r="17295" spans="1:3" x14ac:dyDescent="0.15">
      <c r="A17295">
        <v>7705</v>
      </c>
      <c r="B17295" t="s">
        <v>34522</v>
      </c>
      <c r="C17295" t="s">
        <v>34523</v>
      </c>
    </row>
    <row r="17296" spans="1:3" x14ac:dyDescent="0.15">
      <c r="A17296">
        <v>7704</v>
      </c>
      <c r="B17296" t="s">
        <v>34524</v>
      </c>
      <c r="C17296" t="s">
        <v>34525</v>
      </c>
    </row>
    <row r="17297" spans="1:3" x14ac:dyDescent="0.15">
      <c r="A17297">
        <v>7703</v>
      </c>
      <c r="B17297" t="s">
        <v>34526</v>
      </c>
      <c r="C17297" t="s">
        <v>34527</v>
      </c>
    </row>
    <row r="17298" spans="1:3" x14ac:dyDescent="0.15">
      <c r="A17298">
        <v>7702</v>
      </c>
      <c r="B17298" t="s">
        <v>34528</v>
      </c>
      <c r="C17298" t="s">
        <v>34529</v>
      </c>
    </row>
    <row r="17299" spans="1:3" x14ac:dyDescent="0.15">
      <c r="A17299">
        <v>7701</v>
      </c>
      <c r="B17299" t="s">
        <v>34530</v>
      </c>
      <c r="C17299" t="s">
        <v>34531</v>
      </c>
    </row>
    <row r="17300" spans="1:3" x14ac:dyDescent="0.15">
      <c r="A17300">
        <v>7700</v>
      </c>
      <c r="B17300" t="s">
        <v>34532</v>
      </c>
      <c r="C17300" t="s">
        <v>34533</v>
      </c>
    </row>
    <row r="17301" spans="1:3" x14ac:dyDescent="0.15">
      <c r="A17301">
        <v>7699</v>
      </c>
      <c r="B17301" t="s">
        <v>34534</v>
      </c>
      <c r="C17301" t="s">
        <v>34535</v>
      </c>
    </row>
    <row r="17302" spans="1:3" x14ac:dyDescent="0.15">
      <c r="A17302">
        <v>7698</v>
      </c>
      <c r="B17302" t="s">
        <v>34536</v>
      </c>
      <c r="C17302" t="s">
        <v>34537</v>
      </c>
    </row>
    <row r="17303" spans="1:3" x14ac:dyDescent="0.15">
      <c r="A17303">
        <v>7697</v>
      </c>
      <c r="B17303" t="s">
        <v>34538</v>
      </c>
      <c r="C17303" t="s">
        <v>34539</v>
      </c>
    </row>
    <row r="17304" spans="1:3" x14ac:dyDescent="0.15">
      <c r="A17304">
        <v>7696</v>
      </c>
      <c r="B17304" t="s">
        <v>34540</v>
      </c>
      <c r="C17304" t="s">
        <v>34541</v>
      </c>
    </row>
    <row r="17305" spans="1:3" x14ac:dyDescent="0.15">
      <c r="A17305">
        <v>7695</v>
      </c>
      <c r="B17305" t="s">
        <v>34542</v>
      </c>
      <c r="C17305" t="s">
        <v>34543</v>
      </c>
    </row>
    <row r="17306" spans="1:3" x14ac:dyDescent="0.15">
      <c r="A17306">
        <v>7694</v>
      </c>
      <c r="B17306" t="s">
        <v>34544</v>
      </c>
      <c r="C17306" t="s">
        <v>34545</v>
      </c>
    </row>
    <row r="17307" spans="1:3" x14ac:dyDescent="0.15">
      <c r="A17307">
        <v>7693</v>
      </c>
      <c r="B17307" t="s">
        <v>34546</v>
      </c>
      <c r="C17307" t="s">
        <v>34547</v>
      </c>
    </row>
    <row r="17308" spans="1:3" x14ac:dyDescent="0.15">
      <c r="A17308">
        <v>7692</v>
      </c>
      <c r="B17308" t="s">
        <v>34548</v>
      </c>
      <c r="C17308" t="s">
        <v>34549</v>
      </c>
    </row>
    <row r="17309" spans="1:3" x14ac:dyDescent="0.15">
      <c r="A17309">
        <v>7691</v>
      </c>
      <c r="B17309" t="s">
        <v>34550</v>
      </c>
      <c r="C17309" t="s">
        <v>34551</v>
      </c>
    </row>
    <row r="17310" spans="1:3" x14ac:dyDescent="0.15">
      <c r="A17310">
        <v>7690</v>
      </c>
      <c r="B17310" t="s">
        <v>34552</v>
      </c>
      <c r="C17310" t="s">
        <v>34553</v>
      </c>
    </row>
    <row r="17311" spans="1:3" x14ac:dyDescent="0.15">
      <c r="A17311">
        <v>7689</v>
      </c>
      <c r="B17311" t="s">
        <v>34554</v>
      </c>
      <c r="C17311" t="s">
        <v>34555</v>
      </c>
    </row>
    <row r="17312" spans="1:3" x14ac:dyDescent="0.15">
      <c r="A17312">
        <v>7688</v>
      </c>
      <c r="B17312" t="s">
        <v>34556</v>
      </c>
      <c r="C17312" t="s">
        <v>34557</v>
      </c>
    </row>
    <row r="17313" spans="1:3" x14ac:dyDescent="0.15">
      <c r="A17313">
        <v>7687</v>
      </c>
      <c r="B17313" t="s">
        <v>34558</v>
      </c>
      <c r="C17313" t="s">
        <v>34559</v>
      </c>
    </row>
    <row r="17314" spans="1:3" x14ac:dyDescent="0.15">
      <c r="A17314">
        <v>7686</v>
      </c>
      <c r="B17314" t="s">
        <v>34560</v>
      </c>
      <c r="C17314" t="s">
        <v>34561</v>
      </c>
    </row>
    <row r="17315" spans="1:3" x14ac:dyDescent="0.15">
      <c r="A17315">
        <v>7685</v>
      </c>
      <c r="B17315" t="s">
        <v>34562</v>
      </c>
      <c r="C17315" t="s">
        <v>34563</v>
      </c>
    </row>
    <row r="17316" spans="1:3" x14ac:dyDescent="0.15">
      <c r="A17316">
        <v>7684</v>
      </c>
      <c r="B17316" t="s">
        <v>34564</v>
      </c>
      <c r="C17316" t="s">
        <v>34565</v>
      </c>
    </row>
    <row r="17317" spans="1:3" x14ac:dyDescent="0.15">
      <c r="A17317">
        <v>7683</v>
      </c>
      <c r="B17317" t="s">
        <v>34566</v>
      </c>
      <c r="C17317" t="s">
        <v>34567</v>
      </c>
    </row>
    <row r="17318" spans="1:3" x14ac:dyDescent="0.15">
      <c r="A17318">
        <v>7682</v>
      </c>
      <c r="B17318" t="s">
        <v>34568</v>
      </c>
      <c r="C17318" t="s">
        <v>34569</v>
      </c>
    </row>
    <row r="17319" spans="1:3" x14ac:dyDescent="0.15">
      <c r="A17319">
        <v>7681</v>
      </c>
      <c r="B17319" t="s">
        <v>34570</v>
      </c>
      <c r="C17319" t="s">
        <v>34571</v>
      </c>
    </row>
    <row r="17320" spans="1:3" x14ac:dyDescent="0.15">
      <c r="A17320">
        <v>7680</v>
      </c>
      <c r="B17320" t="s">
        <v>34572</v>
      </c>
      <c r="C17320" t="s">
        <v>34573</v>
      </c>
    </row>
    <row r="17321" spans="1:3" x14ac:dyDescent="0.15">
      <c r="A17321">
        <v>7679</v>
      </c>
      <c r="B17321" t="s">
        <v>34574</v>
      </c>
      <c r="C17321" t="s">
        <v>34575</v>
      </c>
    </row>
    <row r="17322" spans="1:3" x14ac:dyDescent="0.15">
      <c r="A17322">
        <v>7678</v>
      </c>
      <c r="B17322" t="s">
        <v>34576</v>
      </c>
      <c r="C17322" t="s">
        <v>34577</v>
      </c>
    </row>
    <row r="17323" spans="1:3" x14ac:dyDescent="0.15">
      <c r="A17323">
        <v>7677</v>
      </c>
      <c r="B17323" t="s">
        <v>34578</v>
      </c>
      <c r="C17323" t="s">
        <v>34579</v>
      </c>
    </row>
    <row r="17324" spans="1:3" x14ac:dyDescent="0.15">
      <c r="A17324">
        <v>7676</v>
      </c>
      <c r="B17324" t="s">
        <v>34580</v>
      </c>
      <c r="C17324" t="s">
        <v>34581</v>
      </c>
    </row>
    <row r="17325" spans="1:3" x14ac:dyDescent="0.15">
      <c r="A17325">
        <v>7675</v>
      </c>
      <c r="B17325" t="s">
        <v>34582</v>
      </c>
      <c r="C17325" t="s">
        <v>34583</v>
      </c>
    </row>
    <row r="17326" spans="1:3" x14ac:dyDescent="0.15">
      <c r="A17326">
        <v>7674</v>
      </c>
      <c r="B17326" t="s">
        <v>34584</v>
      </c>
      <c r="C17326" t="s">
        <v>34585</v>
      </c>
    </row>
    <row r="17327" spans="1:3" x14ac:dyDescent="0.15">
      <c r="A17327">
        <v>7673</v>
      </c>
      <c r="B17327" t="s">
        <v>34586</v>
      </c>
      <c r="C17327" t="s">
        <v>34587</v>
      </c>
    </row>
    <row r="17328" spans="1:3" x14ac:dyDescent="0.15">
      <c r="A17328">
        <v>7672</v>
      </c>
      <c r="B17328" t="s">
        <v>34588</v>
      </c>
      <c r="C17328" t="s">
        <v>34589</v>
      </c>
    </row>
    <row r="17329" spans="1:3" x14ac:dyDescent="0.15">
      <c r="A17329">
        <v>7671</v>
      </c>
      <c r="B17329" t="s">
        <v>34590</v>
      </c>
      <c r="C17329" t="s">
        <v>34591</v>
      </c>
    </row>
    <row r="17330" spans="1:3" x14ac:dyDescent="0.15">
      <c r="A17330">
        <v>7670</v>
      </c>
      <c r="B17330" t="s">
        <v>34592</v>
      </c>
      <c r="C17330" t="s">
        <v>34593</v>
      </c>
    </row>
    <row r="17331" spans="1:3" x14ac:dyDescent="0.15">
      <c r="A17331">
        <v>7669</v>
      </c>
      <c r="B17331" t="s">
        <v>34594</v>
      </c>
      <c r="C17331" t="s">
        <v>34595</v>
      </c>
    </row>
    <row r="17332" spans="1:3" x14ac:dyDescent="0.15">
      <c r="A17332">
        <v>7668</v>
      </c>
      <c r="B17332" t="s">
        <v>34596</v>
      </c>
      <c r="C17332" t="s">
        <v>34597</v>
      </c>
    </row>
    <row r="17333" spans="1:3" x14ac:dyDescent="0.15">
      <c r="A17333">
        <v>7667</v>
      </c>
      <c r="B17333" t="s">
        <v>34598</v>
      </c>
      <c r="C17333" t="s">
        <v>34599</v>
      </c>
    </row>
    <row r="17334" spans="1:3" x14ac:dyDescent="0.15">
      <c r="A17334">
        <v>7666</v>
      </c>
      <c r="B17334" t="s">
        <v>34600</v>
      </c>
      <c r="C17334" t="s">
        <v>34601</v>
      </c>
    </row>
    <row r="17335" spans="1:3" x14ac:dyDescent="0.15">
      <c r="A17335">
        <v>7665</v>
      </c>
      <c r="B17335" t="s">
        <v>34602</v>
      </c>
      <c r="C17335" t="s">
        <v>34603</v>
      </c>
    </row>
    <row r="17336" spans="1:3" x14ac:dyDescent="0.15">
      <c r="A17336">
        <v>7664</v>
      </c>
      <c r="B17336" t="s">
        <v>34604</v>
      </c>
      <c r="C17336" t="s">
        <v>34605</v>
      </c>
    </row>
    <row r="17337" spans="1:3" x14ac:dyDescent="0.15">
      <c r="A17337">
        <v>7663</v>
      </c>
      <c r="B17337" t="s">
        <v>34606</v>
      </c>
      <c r="C17337" t="s">
        <v>34607</v>
      </c>
    </row>
    <row r="17338" spans="1:3" x14ac:dyDescent="0.15">
      <c r="A17338">
        <v>7662</v>
      </c>
      <c r="B17338" t="s">
        <v>34608</v>
      </c>
      <c r="C17338" t="s">
        <v>34609</v>
      </c>
    </row>
    <row r="17339" spans="1:3" x14ac:dyDescent="0.15">
      <c r="A17339">
        <v>7661</v>
      </c>
      <c r="B17339" t="s">
        <v>34610</v>
      </c>
      <c r="C17339" t="s">
        <v>34611</v>
      </c>
    </row>
    <row r="17340" spans="1:3" x14ac:dyDescent="0.15">
      <c r="A17340">
        <v>7660</v>
      </c>
      <c r="B17340" t="s">
        <v>34612</v>
      </c>
      <c r="C17340" t="s">
        <v>34613</v>
      </c>
    </row>
    <row r="17341" spans="1:3" x14ac:dyDescent="0.15">
      <c r="A17341">
        <v>7659</v>
      </c>
      <c r="B17341" t="s">
        <v>34614</v>
      </c>
      <c r="C17341" t="s">
        <v>34615</v>
      </c>
    </row>
    <row r="17342" spans="1:3" x14ac:dyDescent="0.15">
      <c r="A17342">
        <v>7658</v>
      </c>
      <c r="B17342" t="s">
        <v>34616</v>
      </c>
      <c r="C17342" t="s">
        <v>34617</v>
      </c>
    </row>
    <row r="17343" spans="1:3" x14ac:dyDescent="0.15">
      <c r="A17343">
        <v>7657</v>
      </c>
      <c r="B17343" t="s">
        <v>34618</v>
      </c>
      <c r="C17343" t="s">
        <v>34619</v>
      </c>
    </row>
    <row r="17344" spans="1:3" x14ac:dyDescent="0.15">
      <c r="A17344">
        <v>7656</v>
      </c>
      <c r="B17344" t="s">
        <v>34620</v>
      </c>
      <c r="C17344" t="s">
        <v>34621</v>
      </c>
    </row>
    <row r="17345" spans="1:3" x14ac:dyDescent="0.15">
      <c r="A17345">
        <v>7655</v>
      </c>
      <c r="B17345" t="s">
        <v>34622</v>
      </c>
      <c r="C17345" t="s">
        <v>34623</v>
      </c>
    </row>
    <row r="17346" spans="1:3" x14ac:dyDescent="0.15">
      <c r="A17346">
        <v>7654</v>
      </c>
      <c r="B17346" t="s">
        <v>34624</v>
      </c>
      <c r="C17346" t="s">
        <v>34625</v>
      </c>
    </row>
    <row r="17347" spans="1:3" x14ac:dyDescent="0.15">
      <c r="A17347">
        <v>7653</v>
      </c>
      <c r="B17347" t="s">
        <v>34626</v>
      </c>
      <c r="C17347" t="s">
        <v>34627</v>
      </c>
    </row>
    <row r="17348" spans="1:3" x14ac:dyDescent="0.15">
      <c r="A17348">
        <v>7652</v>
      </c>
      <c r="B17348" t="s">
        <v>34628</v>
      </c>
      <c r="C17348" t="s">
        <v>34629</v>
      </c>
    </row>
    <row r="17349" spans="1:3" x14ac:dyDescent="0.15">
      <c r="A17349">
        <v>7651</v>
      </c>
      <c r="B17349" t="s">
        <v>34630</v>
      </c>
      <c r="C17349" t="s">
        <v>34631</v>
      </c>
    </row>
    <row r="17350" spans="1:3" x14ac:dyDescent="0.15">
      <c r="A17350">
        <v>7650</v>
      </c>
      <c r="B17350" t="s">
        <v>34632</v>
      </c>
      <c r="C17350" t="s">
        <v>34633</v>
      </c>
    </row>
    <row r="17351" spans="1:3" x14ac:dyDescent="0.15">
      <c r="A17351">
        <v>7649</v>
      </c>
      <c r="B17351" t="s">
        <v>34634</v>
      </c>
      <c r="C17351" t="s">
        <v>34635</v>
      </c>
    </row>
    <row r="17352" spans="1:3" x14ac:dyDescent="0.15">
      <c r="A17352">
        <v>7648</v>
      </c>
      <c r="B17352" t="s">
        <v>34636</v>
      </c>
      <c r="C17352" t="s">
        <v>34637</v>
      </c>
    </row>
    <row r="17353" spans="1:3" x14ac:dyDescent="0.15">
      <c r="A17353">
        <v>7647</v>
      </c>
      <c r="B17353" t="s">
        <v>34638</v>
      </c>
      <c r="C17353" t="s">
        <v>34639</v>
      </c>
    </row>
    <row r="17354" spans="1:3" x14ac:dyDescent="0.15">
      <c r="A17354">
        <v>7646</v>
      </c>
      <c r="B17354" t="s">
        <v>34640</v>
      </c>
      <c r="C17354" t="s">
        <v>34641</v>
      </c>
    </row>
    <row r="17355" spans="1:3" x14ac:dyDescent="0.15">
      <c r="A17355">
        <v>7645</v>
      </c>
      <c r="B17355" t="s">
        <v>34642</v>
      </c>
      <c r="C17355" t="s">
        <v>34643</v>
      </c>
    </row>
    <row r="17356" spans="1:3" x14ac:dyDescent="0.15">
      <c r="A17356">
        <v>7644</v>
      </c>
      <c r="B17356" t="s">
        <v>34644</v>
      </c>
      <c r="C17356" t="s">
        <v>34645</v>
      </c>
    </row>
    <row r="17357" spans="1:3" x14ac:dyDescent="0.15">
      <c r="A17357">
        <v>7643</v>
      </c>
      <c r="B17357" t="s">
        <v>34646</v>
      </c>
      <c r="C17357" t="s">
        <v>34647</v>
      </c>
    </row>
    <row r="17358" spans="1:3" x14ac:dyDescent="0.15">
      <c r="A17358">
        <v>7642</v>
      </c>
      <c r="B17358" t="s">
        <v>34648</v>
      </c>
      <c r="C17358" t="s">
        <v>34649</v>
      </c>
    </row>
    <row r="17359" spans="1:3" x14ac:dyDescent="0.15">
      <c r="A17359">
        <v>7641</v>
      </c>
      <c r="B17359" t="s">
        <v>34650</v>
      </c>
      <c r="C17359" t="s">
        <v>34651</v>
      </c>
    </row>
    <row r="17360" spans="1:3" x14ac:dyDescent="0.15">
      <c r="A17360">
        <v>7640</v>
      </c>
      <c r="B17360" t="s">
        <v>34652</v>
      </c>
      <c r="C17360" t="s">
        <v>34653</v>
      </c>
    </row>
    <row r="17361" spans="1:3" x14ac:dyDescent="0.15">
      <c r="A17361">
        <v>7639</v>
      </c>
      <c r="B17361" t="s">
        <v>34654</v>
      </c>
      <c r="C17361" t="s">
        <v>34655</v>
      </c>
    </row>
    <row r="17362" spans="1:3" x14ac:dyDescent="0.15">
      <c r="A17362">
        <v>7638</v>
      </c>
      <c r="B17362" t="s">
        <v>34656</v>
      </c>
      <c r="C17362" t="s">
        <v>34657</v>
      </c>
    </row>
    <row r="17363" spans="1:3" x14ac:dyDescent="0.15">
      <c r="A17363">
        <v>7637</v>
      </c>
      <c r="B17363" t="s">
        <v>34658</v>
      </c>
      <c r="C17363" t="s">
        <v>34659</v>
      </c>
    </row>
    <row r="17364" spans="1:3" x14ac:dyDescent="0.15">
      <c r="A17364">
        <v>7636</v>
      </c>
      <c r="B17364" t="s">
        <v>34660</v>
      </c>
      <c r="C17364" t="s">
        <v>34661</v>
      </c>
    </row>
    <row r="17365" spans="1:3" x14ac:dyDescent="0.15">
      <c r="A17365">
        <v>7635</v>
      </c>
      <c r="B17365" t="s">
        <v>34662</v>
      </c>
      <c r="C17365" t="s">
        <v>34663</v>
      </c>
    </row>
    <row r="17366" spans="1:3" x14ac:dyDescent="0.15">
      <c r="A17366">
        <v>7634</v>
      </c>
      <c r="B17366" t="s">
        <v>34664</v>
      </c>
      <c r="C17366" t="s">
        <v>34665</v>
      </c>
    </row>
    <row r="17367" spans="1:3" x14ac:dyDescent="0.15">
      <c r="A17367">
        <v>7633</v>
      </c>
      <c r="B17367" t="s">
        <v>34666</v>
      </c>
      <c r="C17367" t="s">
        <v>34667</v>
      </c>
    </row>
    <row r="17368" spans="1:3" x14ac:dyDescent="0.15">
      <c r="A17368">
        <v>7632</v>
      </c>
      <c r="B17368" t="s">
        <v>34668</v>
      </c>
      <c r="C17368" t="s">
        <v>34669</v>
      </c>
    </row>
    <row r="17369" spans="1:3" x14ac:dyDescent="0.15">
      <c r="A17369">
        <v>7631</v>
      </c>
      <c r="B17369" t="s">
        <v>34670</v>
      </c>
      <c r="C17369" t="s">
        <v>34671</v>
      </c>
    </row>
    <row r="17370" spans="1:3" x14ac:dyDescent="0.15">
      <c r="A17370">
        <v>7630</v>
      </c>
      <c r="B17370" t="s">
        <v>34672</v>
      </c>
      <c r="C17370" t="s">
        <v>34673</v>
      </c>
    </row>
    <row r="17371" spans="1:3" x14ac:dyDescent="0.15">
      <c r="A17371">
        <v>7629</v>
      </c>
      <c r="B17371" t="s">
        <v>34674</v>
      </c>
      <c r="C17371" t="s">
        <v>34675</v>
      </c>
    </row>
    <row r="17372" spans="1:3" x14ac:dyDescent="0.15">
      <c r="A17372">
        <v>7628</v>
      </c>
      <c r="B17372" t="s">
        <v>34676</v>
      </c>
      <c r="C17372" t="s">
        <v>34677</v>
      </c>
    </row>
    <row r="17373" spans="1:3" x14ac:dyDescent="0.15">
      <c r="A17373">
        <v>7627</v>
      </c>
      <c r="B17373" t="s">
        <v>34678</v>
      </c>
      <c r="C17373" t="s">
        <v>34679</v>
      </c>
    </row>
    <row r="17374" spans="1:3" x14ac:dyDescent="0.15">
      <c r="A17374">
        <v>7626</v>
      </c>
      <c r="B17374" t="s">
        <v>34680</v>
      </c>
      <c r="C17374" t="s">
        <v>34681</v>
      </c>
    </row>
    <row r="17375" spans="1:3" x14ac:dyDescent="0.15">
      <c r="A17375">
        <v>7625</v>
      </c>
      <c r="B17375" t="s">
        <v>34682</v>
      </c>
      <c r="C17375" t="s">
        <v>34683</v>
      </c>
    </row>
    <row r="17376" spans="1:3" x14ac:dyDescent="0.15">
      <c r="A17376">
        <v>7624</v>
      </c>
      <c r="B17376" t="s">
        <v>34684</v>
      </c>
      <c r="C17376" t="s">
        <v>34685</v>
      </c>
    </row>
    <row r="17377" spans="1:3" x14ac:dyDescent="0.15">
      <c r="A17377">
        <v>7623</v>
      </c>
      <c r="B17377" t="s">
        <v>34686</v>
      </c>
      <c r="C17377" t="s">
        <v>34687</v>
      </c>
    </row>
    <row r="17378" spans="1:3" x14ac:dyDescent="0.15">
      <c r="A17378">
        <v>7622</v>
      </c>
      <c r="B17378" t="s">
        <v>34688</v>
      </c>
      <c r="C17378" t="s">
        <v>34689</v>
      </c>
    </row>
    <row r="17379" spans="1:3" x14ac:dyDescent="0.15">
      <c r="A17379">
        <v>7621</v>
      </c>
      <c r="B17379" t="s">
        <v>34690</v>
      </c>
      <c r="C17379" t="s">
        <v>34691</v>
      </c>
    </row>
    <row r="17380" spans="1:3" x14ac:dyDescent="0.15">
      <c r="A17380">
        <v>7620</v>
      </c>
      <c r="B17380" t="s">
        <v>34692</v>
      </c>
      <c r="C17380" t="s">
        <v>34693</v>
      </c>
    </row>
    <row r="17381" spans="1:3" x14ac:dyDescent="0.15">
      <c r="A17381">
        <v>7619</v>
      </c>
      <c r="B17381" t="s">
        <v>34694</v>
      </c>
      <c r="C17381" t="s">
        <v>34695</v>
      </c>
    </row>
    <row r="17382" spans="1:3" x14ac:dyDescent="0.15">
      <c r="A17382">
        <v>7618</v>
      </c>
      <c r="B17382" t="s">
        <v>34696</v>
      </c>
      <c r="C17382" t="s">
        <v>34697</v>
      </c>
    </row>
    <row r="17383" spans="1:3" x14ac:dyDescent="0.15">
      <c r="A17383">
        <v>7617</v>
      </c>
      <c r="B17383" t="s">
        <v>34698</v>
      </c>
      <c r="C17383" t="s">
        <v>34699</v>
      </c>
    </row>
    <row r="17384" spans="1:3" x14ac:dyDescent="0.15">
      <c r="A17384">
        <v>7616</v>
      </c>
      <c r="B17384" t="s">
        <v>34700</v>
      </c>
      <c r="C17384" t="s">
        <v>34701</v>
      </c>
    </row>
    <row r="17385" spans="1:3" x14ac:dyDescent="0.15">
      <c r="A17385">
        <v>7615</v>
      </c>
      <c r="B17385" t="s">
        <v>34702</v>
      </c>
      <c r="C17385" t="s">
        <v>34703</v>
      </c>
    </row>
    <row r="17386" spans="1:3" x14ac:dyDescent="0.15">
      <c r="A17386">
        <v>7614</v>
      </c>
      <c r="B17386" t="s">
        <v>34704</v>
      </c>
      <c r="C17386" t="s">
        <v>34705</v>
      </c>
    </row>
    <row r="17387" spans="1:3" x14ac:dyDescent="0.15">
      <c r="A17387">
        <v>7613</v>
      </c>
      <c r="B17387" t="s">
        <v>34706</v>
      </c>
      <c r="C17387" t="s">
        <v>34707</v>
      </c>
    </row>
    <row r="17388" spans="1:3" x14ac:dyDescent="0.15">
      <c r="A17388">
        <v>7612</v>
      </c>
      <c r="B17388" t="s">
        <v>34708</v>
      </c>
      <c r="C17388" t="s">
        <v>34709</v>
      </c>
    </row>
    <row r="17389" spans="1:3" x14ac:dyDescent="0.15">
      <c r="A17389">
        <v>7611</v>
      </c>
      <c r="B17389" t="s">
        <v>34710</v>
      </c>
      <c r="C17389" t="s">
        <v>34711</v>
      </c>
    </row>
    <row r="17390" spans="1:3" x14ac:dyDescent="0.15">
      <c r="A17390">
        <v>7610</v>
      </c>
      <c r="B17390" t="s">
        <v>34712</v>
      </c>
      <c r="C17390" t="s">
        <v>34713</v>
      </c>
    </row>
    <row r="17391" spans="1:3" x14ac:dyDescent="0.15">
      <c r="A17391">
        <v>7609</v>
      </c>
      <c r="B17391" t="s">
        <v>34714</v>
      </c>
      <c r="C17391" t="s">
        <v>34715</v>
      </c>
    </row>
    <row r="17392" spans="1:3" x14ac:dyDescent="0.15">
      <c r="A17392">
        <v>7608</v>
      </c>
      <c r="B17392" t="s">
        <v>34716</v>
      </c>
      <c r="C17392" t="s">
        <v>34717</v>
      </c>
    </row>
    <row r="17393" spans="1:3" x14ac:dyDescent="0.15">
      <c r="A17393">
        <v>7607</v>
      </c>
      <c r="B17393" t="s">
        <v>34718</v>
      </c>
      <c r="C17393" t="s">
        <v>34719</v>
      </c>
    </row>
    <row r="17394" spans="1:3" x14ac:dyDescent="0.15">
      <c r="A17394">
        <v>7606</v>
      </c>
      <c r="B17394" t="s">
        <v>34720</v>
      </c>
      <c r="C17394" t="s">
        <v>34721</v>
      </c>
    </row>
    <row r="17395" spans="1:3" x14ac:dyDescent="0.15">
      <c r="A17395">
        <v>7605</v>
      </c>
      <c r="B17395" t="s">
        <v>34722</v>
      </c>
      <c r="C17395" t="s">
        <v>34723</v>
      </c>
    </row>
    <row r="17396" spans="1:3" x14ac:dyDescent="0.15">
      <c r="A17396">
        <v>7604</v>
      </c>
      <c r="B17396" t="s">
        <v>34724</v>
      </c>
      <c r="C17396" t="s">
        <v>34725</v>
      </c>
    </row>
    <row r="17397" spans="1:3" x14ac:dyDescent="0.15">
      <c r="A17397">
        <v>7603</v>
      </c>
      <c r="B17397" t="s">
        <v>34726</v>
      </c>
      <c r="C17397" t="s">
        <v>34727</v>
      </c>
    </row>
    <row r="17398" spans="1:3" x14ac:dyDescent="0.15">
      <c r="A17398">
        <v>7602</v>
      </c>
      <c r="B17398" t="s">
        <v>34728</v>
      </c>
      <c r="C17398" t="s">
        <v>34729</v>
      </c>
    </row>
    <row r="17399" spans="1:3" x14ac:dyDescent="0.15">
      <c r="A17399">
        <v>7601</v>
      </c>
      <c r="B17399" t="s">
        <v>34730</v>
      </c>
      <c r="C17399" t="s">
        <v>34731</v>
      </c>
    </row>
    <row r="17400" spans="1:3" x14ac:dyDescent="0.15">
      <c r="A17400">
        <v>7600</v>
      </c>
      <c r="B17400" t="s">
        <v>34732</v>
      </c>
      <c r="C17400" t="s">
        <v>34733</v>
      </c>
    </row>
    <row r="17401" spans="1:3" x14ac:dyDescent="0.15">
      <c r="A17401">
        <v>7599</v>
      </c>
      <c r="B17401" t="s">
        <v>34734</v>
      </c>
      <c r="C17401" t="s">
        <v>34735</v>
      </c>
    </row>
    <row r="17402" spans="1:3" x14ac:dyDescent="0.15">
      <c r="A17402">
        <v>7598</v>
      </c>
      <c r="B17402" t="s">
        <v>34736</v>
      </c>
      <c r="C17402" t="s">
        <v>34737</v>
      </c>
    </row>
    <row r="17403" spans="1:3" x14ac:dyDescent="0.15">
      <c r="A17403">
        <v>7597</v>
      </c>
      <c r="B17403" t="s">
        <v>34738</v>
      </c>
      <c r="C17403" t="s">
        <v>34739</v>
      </c>
    </row>
    <row r="17404" spans="1:3" x14ac:dyDescent="0.15">
      <c r="A17404">
        <v>7596</v>
      </c>
      <c r="B17404" t="s">
        <v>34740</v>
      </c>
      <c r="C17404" t="s">
        <v>34741</v>
      </c>
    </row>
    <row r="17405" spans="1:3" x14ac:dyDescent="0.15">
      <c r="A17405">
        <v>7595</v>
      </c>
      <c r="B17405" t="s">
        <v>34742</v>
      </c>
      <c r="C17405" t="s">
        <v>34743</v>
      </c>
    </row>
    <row r="17406" spans="1:3" x14ac:dyDescent="0.15">
      <c r="A17406">
        <v>7594</v>
      </c>
      <c r="B17406" t="s">
        <v>34744</v>
      </c>
      <c r="C17406" t="s">
        <v>34745</v>
      </c>
    </row>
    <row r="17407" spans="1:3" x14ac:dyDescent="0.15">
      <c r="A17407">
        <v>7593</v>
      </c>
      <c r="B17407" t="s">
        <v>34746</v>
      </c>
      <c r="C17407" t="s">
        <v>34747</v>
      </c>
    </row>
    <row r="17408" spans="1:3" x14ac:dyDescent="0.15">
      <c r="A17408">
        <v>7592</v>
      </c>
      <c r="B17408" t="s">
        <v>34748</v>
      </c>
      <c r="C17408" t="s">
        <v>34749</v>
      </c>
    </row>
    <row r="17409" spans="1:3" x14ac:dyDescent="0.15">
      <c r="A17409">
        <v>7591</v>
      </c>
      <c r="B17409" t="s">
        <v>34750</v>
      </c>
      <c r="C17409" t="s">
        <v>34751</v>
      </c>
    </row>
    <row r="17410" spans="1:3" x14ac:dyDescent="0.15">
      <c r="A17410">
        <v>7590</v>
      </c>
      <c r="B17410" t="s">
        <v>34752</v>
      </c>
      <c r="C17410" t="s">
        <v>34753</v>
      </c>
    </row>
    <row r="17411" spans="1:3" x14ac:dyDescent="0.15">
      <c r="A17411">
        <v>7589</v>
      </c>
      <c r="B17411" t="s">
        <v>34754</v>
      </c>
      <c r="C17411" t="s">
        <v>34755</v>
      </c>
    </row>
    <row r="17412" spans="1:3" x14ac:dyDescent="0.15">
      <c r="A17412">
        <v>7588</v>
      </c>
      <c r="B17412" t="s">
        <v>34756</v>
      </c>
      <c r="C17412" t="s">
        <v>34757</v>
      </c>
    </row>
    <row r="17413" spans="1:3" x14ac:dyDescent="0.15">
      <c r="A17413">
        <v>7587</v>
      </c>
      <c r="B17413" t="s">
        <v>34758</v>
      </c>
      <c r="C17413" t="s">
        <v>34759</v>
      </c>
    </row>
    <row r="17414" spans="1:3" x14ac:dyDescent="0.15">
      <c r="A17414">
        <v>7586</v>
      </c>
      <c r="B17414" t="s">
        <v>34760</v>
      </c>
      <c r="C17414" t="s">
        <v>34761</v>
      </c>
    </row>
    <row r="17415" spans="1:3" x14ac:dyDescent="0.15">
      <c r="A17415">
        <v>7585</v>
      </c>
      <c r="B17415" t="s">
        <v>34762</v>
      </c>
      <c r="C17415" t="s">
        <v>34763</v>
      </c>
    </row>
    <row r="17416" spans="1:3" x14ac:dyDescent="0.15">
      <c r="A17416">
        <v>7584</v>
      </c>
      <c r="B17416" t="s">
        <v>34764</v>
      </c>
      <c r="C17416" t="s">
        <v>34765</v>
      </c>
    </row>
    <row r="17417" spans="1:3" x14ac:dyDescent="0.15">
      <c r="A17417">
        <v>7583</v>
      </c>
      <c r="B17417" t="s">
        <v>34766</v>
      </c>
      <c r="C17417" t="s">
        <v>34767</v>
      </c>
    </row>
    <row r="17418" spans="1:3" x14ac:dyDescent="0.15">
      <c r="A17418">
        <v>7582</v>
      </c>
      <c r="B17418" t="s">
        <v>34768</v>
      </c>
      <c r="C17418" t="s">
        <v>34769</v>
      </c>
    </row>
    <row r="17419" spans="1:3" x14ac:dyDescent="0.15">
      <c r="A17419">
        <v>7581</v>
      </c>
      <c r="B17419" t="s">
        <v>34770</v>
      </c>
      <c r="C17419" t="s">
        <v>34771</v>
      </c>
    </row>
    <row r="17420" spans="1:3" x14ac:dyDescent="0.15">
      <c r="A17420">
        <v>7580</v>
      </c>
      <c r="B17420" t="s">
        <v>34772</v>
      </c>
      <c r="C17420" t="s">
        <v>34773</v>
      </c>
    </row>
    <row r="17421" spans="1:3" x14ac:dyDescent="0.15">
      <c r="A17421">
        <v>7579</v>
      </c>
      <c r="B17421" t="s">
        <v>34774</v>
      </c>
      <c r="C17421" t="s">
        <v>34775</v>
      </c>
    </row>
    <row r="17422" spans="1:3" x14ac:dyDescent="0.15">
      <c r="A17422">
        <v>7578</v>
      </c>
      <c r="B17422" t="s">
        <v>34776</v>
      </c>
      <c r="C17422" t="s">
        <v>34777</v>
      </c>
    </row>
    <row r="17423" spans="1:3" x14ac:dyDescent="0.15">
      <c r="A17423">
        <v>7577</v>
      </c>
      <c r="B17423" t="s">
        <v>34778</v>
      </c>
      <c r="C17423" t="s">
        <v>34779</v>
      </c>
    </row>
    <row r="17424" spans="1:3" x14ac:dyDescent="0.15">
      <c r="A17424">
        <v>7576</v>
      </c>
      <c r="B17424" t="s">
        <v>34780</v>
      </c>
      <c r="C17424" t="s">
        <v>34781</v>
      </c>
    </row>
    <row r="17425" spans="1:3" x14ac:dyDescent="0.15">
      <c r="A17425">
        <v>7575</v>
      </c>
      <c r="B17425" t="s">
        <v>34782</v>
      </c>
      <c r="C17425" t="s">
        <v>34783</v>
      </c>
    </row>
    <row r="17426" spans="1:3" x14ac:dyDescent="0.15">
      <c r="A17426">
        <v>7574</v>
      </c>
      <c r="B17426" t="s">
        <v>34784</v>
      </c>
      <c r="C17426" t="s">
        <v>34785</v>
      </c>
    </row>
    <row r="17427" spans="1:3" x14ac:dyDescent="0.15">
      <c r="A17427">
        <v>7573</v>
      </c>
      <c r="B17427" t="s">
        <v>34786</v>
      </c>
      <c r="C17427" t="s">
        <v>34787</v>
      </c>
    </row>
    <row r="17428" spans="1:3" x14ac:dyDescent="0.15">
      <c r="A17428">
        <v>7572</v>
      </c>
      <c r="B17428" t="s">
        <v>34788</v>
      </c>
      <c r="C17428" t="s">
        <v>34789</v>
      </c>
    </row>
    <row r="17429" spans="1:3" x14ac:dyDescent="0.15">
      <c r="A17429">
        <v>7571</v>
      </c>
      <c r="B17429" t="s">
        <v>34790</v>
      </c>
      <c r="C17429" t="s">
        <v>34791</v>
      </c>
    </row>
    <row r="17430" spans="1:3" x14ac:dyDescent="0.15">
      <c r="A17430">
        <v>7570</v>
      </c>
      <c r="B17430" t="s">
        <v>34792</v>
      </c>
      <c r="C17430" t="s">
        <v>34793</v>
      </c>
    </row>
    <row r="17431" spans="1:3" x14ac:dyDescent="0.15">
      <c r="A17431">
        <v>7569</v>
      </c>
      <c r="B17431" t="s">
        <v>34794</v>
      </c>
      <c r="C17431" t="s">
        <v>34795</v>
      </c>
    </row>
    <row r="17432" spans="1:3" x14ac:dyDescent="0.15">
      <c r="A17432">
        <v>7568</v>
      </c>
      <c r="B17432" t="s">
        <v>34796</v>
      </c>
      <c r="C17432" t="s">
        <v>34797</v>
      </c>
    </row>
    <row r="17433" spans="1:3" x14ac:dyDescent="0.15">
      <c r="A17433">
        <v>7567</v>
      </c>
      <c r="B17433" t="s">
        <v>34798</v>
      </c>
      <c r="C17433" t="s">
        <v>34799</v>
      </c>
    </row>
    <row r="17434" spans="1:3" x14ac:dyDescent="0.15">
      <c r="A17434">
        <v>7566</v>
      </c>
      <c r="B17434" t="s">
        <v>34800</v>
      </c>
      <c r="C17434" t="s">
        <v>34801</v>
      </c>
    </row>
    <row r="17435" spans="1:3" x14ac:dyDescent="0.15">
      <c r="A17435">
        <v>7565</v>
      </c>
      <c r="B17435" t="s">
        <v>34802</v>
      </c>
      <c r="C17435" t="s">
        <v>34803</v>
      </c>
    </row>
    <row r="17436" spans="1:3" x14ac:dyDescent="0.15">
      <c r="A17436">
        <v>7564</v>
      </c>
      <c r="B17436" t="s">
        <v>34804</v>
      </c>
      <c r="C17436" t="s">
        <v>34805</v>
      </c>
    </row>
    <row r="17437" spans="1:3" x14ac:dyDescent="0.15">
      <c r="A17437">
        <v>7563</v>
      </c>
      <c r="B17437" t="s">
        <v>34806</v>
      </c>
      <c r="C17437" t="s">
        <v>34807</v>
      </c>
    </row>
    <row r="17438" spans="1:3" x14ac:dyDescent="0.15">
      <c r="A17438">
        <v>7562</v>
      </c>
      <c r="B17438" t="s">
        <v>34808</v>
      </c>
      <c r="C17438" t="s">
        <v>34809</v>
      </c>
    </row>
    <row r="17439" spans="1:3" x14ac:dyDescent="0.15">
      <c r="A17439">
        <v>7561</v>
      </c>
      <c r="B17439" t="s">
        <v>34810</v>
      </c>
      <c r="C17439" t="s">
        <v>34811</v>
      </c>
    </row>
    <row r="17440" spans="1:3" x14ac:dyDescent="0.15">
      <c r="A17440">
        <v>7560</v>
      </c>
      <c r="B17440" t="s">
        <v>34812</v>
      </c>
      <c r="C17440" t="s">
        <v>34813</v>
      </c>
    </row>
    <row r="17441" spans="1:3" x14ac:dyDescent="0.15">
      <c r="A17441">
        <v>7559</v>
      </c>
      <c r="B17441" t="s">
        <v>34814</v>
      </c>
      <c r="C17441" t="s">
        <v>34815</v>
      </c>
    </row>
    <row r="17442" spans="1:3" x14ac:dyDescent="0.15">
      <c r="A17442">
        <v>7558</v>
      </c>
      <c r="B17442" t="s">
        <v>34816</v>
      </c>
      <c r="C17442" t="s">
        <v>34817</v>
      </c>
    </row>
    <row r="17443" spans="1:3" x14ac:dyDescent="0.15">
      <c r="A17443">
        <v>7557</v>
      </c>
      <c r="B17443" t="s">
        <v>34818</v>
      </c>
      <c r="C17443" t="s">
        <v>34819</v>
      </c>
    </row>
    <row r="17444" spans="1:3" x14ac:dyDescent="0.15">
      <c r="A17444">
        <v>7556</v>
      </c>
      <c r="B17444" t="s">
        <v>34820</v>
      </c>
      <c r="C17444" t="s">
        <v>34821</v>
      </c>
    </row>
    <row r="17445" spans="1:3" x14ac:dyDescent="0.15">
      <c r="A17445">
        <v>7555</v>
      </c>
      <c r="B17445" t="s">
        <v>34822</v>
      </c>
      <c r="C17445" t="s">
        <v>34823</v>
      </c>
    </row>
    <row r="17446" spans="1:3" x14ac:dyDescent="0.15">
      <c r="A17446">
        <v>7554</v>
      </c>
      <c r="B17446" t="s">
        <v>34824</v>
      </c>
      <c r="C17446" t="s">
        <v>34825</v>
      </c>
    </row>
    <row r="17447" spans="1:3" x14ac:dyDescent="0.15">
      <c r="A17447">
        <v>7553</v>
      </c>
      <c r="B17447" t="s">
        <v>34826</v>
      </c>
      <c r="C17447" t="s">
        <v>34827</v>
      </c>
    </row>
    <row r="17448" spans="1:3" x14ac:dyDescent="0.15">
      <c r="A17448">
        <v>7552</v>
      </c>
      <c r="B17448" t="s">
        <v>34828</v>
      </c>
      <c r="C17448" t="s">
        <v>34829</v>
      </c>
    </row>
    <row r="17449" spans="1:3" x14ac:dyDescent="0.15">
      <c r="A17449">
        <v>7551</v>
      </c>
      <c r="B17449" t="s">
        <v>34830</v>
      </c>
      <c r="C17449" t="s">
        <v>34831</v>
      </c>
    </row>
    <row r="17450" spans="1:3" x14ac:dyDescent="0.15">
      <c r="A17450">
        <v>7550</v>
      </c>
      <c r="B17450" t="s">
        <v>34832</v>
      </c>
      <c r="C17450" t="s">
        <v>34833</v>
      </c>
    </row>
    <row r="17451" spans="1:3" x14ac:dyDescent="0.15">
      <c r="A17451">
        <v>7549</v>
      </c>
      <c r="B17451" t="s">
        <v>34834</v>
      </c>
      <c r="C17451" t="s">
        <v>34835</v>
      </c>
    </row>
    <row r="17452" spans="1:3" x14ac:dyDescent="0.15">
      <c r="A17452">
        <v>7548</v>
      </c>
      <c r="B17452" t="s">
        <v>34836</v>
      </c>
      <c r="C17452" t="s">
        <v>34837</v>
      </c>
    </row>
    <row r="17453" spans="1:3" x14ac:dyDescent="0.15">
      <c r="A17453">
        <v>7547</v>
      </c>
      <c r="B17453" t="s">
        <v>34838</v>
      </c>
      <c r="C17453" t="s">
        <v>34839</v>
      </c>
    </row>
    <row r="17454" spans="1:3" x14ac:dyDescent="0.15">
      <c r="A17454">
        <v>7546</v>
      </c>
      <c r="B17454" t="s">
        <v>34840</v>
      </c>
      <c r="C17454" t="s">
        <v>34841</v>
      </c>
    </row>
    <row r="17455" spans="1:3" x14ac:dyDescent="0.15">
      <c r="A17455">
        <v>7545</v>
      </c>
      <c r="B17455" t="s">
        <v>34842</v>
      </c>
      <c r="C17455" t="s">
        <v>34843</v>
      </c>
    </row>
    <row r="17456" spans="1:3" x14ac:dyDescent="0.15">
      <c r="A17456">
        <v>7544</v>
      </c>
      <c r="B17456" t="s">
        <v>34844</v>
      </c>
      <c r="C17456" t="s">
        <v>34845</v>
      </c>
    </row>
    <row r="17457" spans="1:3" x14ac:dyDescent="0.15">
      <c r="A17457">
        <v>7543</v>
      </c>
      <c r="B17457" t="s">
        <v>34846</v>
      </c>
      <c r="C17457" t="s">
        <v>34847</v>
      </c>
    </row>
    <row r="17458" spans="1:3" x14ac:dyDescent="0.15">
      <c r="A17458">
        <v>7542</v>
      </c>
      <c r="B17458" t="s">
        <v>34848</v>
      </c>
      <c r="C17458" t="s">
        <v>34849</v>
      </c>
    </row>
    <row r="17459" spans="1:3" x14ac:dyDescent="0.15">
      <c r="A17459">
        <v>7541</v>
      </c>
      <c r="B17459" t="s">
        <v>34850</v>
      </c>
      <c r="C17459" t="s">
        <v>34851</v>
      </c>
    </row>
    <row r="17460" spans="1:3" x14ac:dyDescent="0.15">
      <c r="A17460">
        <v>7540</v>
      </c>
      <c r="B17460" t="s">
        <v>34852</v>
      </c>
      <c r="C17460" t="s">
        <v>34853</v>
      </c>
    </row>
    <row r="17461" spans="1:3" x14ac:dyDescent="0.15">
      <c r="A17461">
        <v>7539</v>
      </c>
      <c r="B17461" t="s">
        <v>34854</v>
      </c>
      <c r="C17461" t="s">
        <v>34855</v>
      </c>
    </row>
    <row r="17462" spans="1:3" x14ac:dyDescent="0.15">
      <c r="A17462">
        <v>7538</v>
      </c>
      <c r="B17462" t="s">
        <v>34856</v>
      </c>
      <c r="C17462" t="s">
        <v>34857</v>
      </c>
    </row>
    <row r="17463" spans="1:3" x14ac:dyDescent="0.15">
      <c r="A17463">
        <v>7537</v>
      </c>
      <c r="B17463" t="s">
        <v>34858</v>
      </c>
      <c r="C17463" t="s">
        <v>34859</v>
      </c>
    </row>
    <row r="17464" spans="1:3" x14ac:dyDescent="0.15">
      <c r="A17464">
        <v>7536</v>
      </c>
      <c r="B17464" t="s">
        <v>34860</v>
      </c>
      <c r="C17464" t="s">
        <v>34861</v>
      </c>
    </row>
    <row r="17465" spans="1:3" x14ac:dyDescent="0.15">
      <c r="A17465">
        <v>7535</v>
      </c>
      <c r="B17465" t="s">
        <v>34862</v>
      </c>
      <c r="C17465" t="s">
        <v>34863</v>
      </c>
    </row>
    <row r="17466" spans="1:3" x14ac:dyDescent="0.15">
      <c r="A17466">
        <v>7534</v>
      </c>
      <c r="B17466" t="s">
        <v>34864</v>
      </c>
      <c r="C17466" t="s">
        <v>34865</v>
      </c>
    </row>
    <row r="17467" spans="1:3" x14ac:dyDescent="0.15">
      <c r="A17467">
        <v>7533</v>
      </c>
      <c r="B17467" t="s">
        <v>34866</v>
      </c>
      <c r="C17467" t="s">
        <v>34867</v>
      </c>
    </row>
    <row r="17468" spans="1:3" x14ac:dyDescent="0.15">
      <c r="A17468">
        <v>7532</v>
      </c>
      <c r="B17468" t="s">
        <v>34868</v>
      </c>
      <c r="C17468" t="s">
        <v>34869</v>
      </c>
    </row>
    <row r="17469" spans="1:3" x14ac:dyDescent="0.15">
      <c r="A17469">
        <v>7531</v>
      </c>
      <c r="B17469" t="s">
        <v>34870</v>
      </c>
      <c r="C17469" t="s">
        <v>34871</v>
      </c>
    </row>
    <row r="17470" spans="1:3" x14ac:dyDescent="0.15">
      <c r="A17470">
        <v>7530</v>
      </c>
      <c r="B17470" t="s">
        <v>34872</v>
      </c>
      <c r="C17470" t="s">
        <v>34873</v>
      </c>
    </row>
    <row r="17471" spans="1:3" x14ac:dyDescent="0.15">
      <c r="A17471">
        <v>7529</v>
      </c>
      <c r="B17471" t="s">
        <v>34874</v>
      </c>
      <c r="C17471" t="s">
        <v>34875</v>
      </c>
    </row>
    <row r="17472" spans="1:3" x14ac:dyDescent="0.15">
      <c r="A17472">
        <v>7528</v>
      </c>
      <c r="B17472" t="s">
        <v>34876</v>
      </c>
      <c r="C17472" t="s">
        <v>34877</v>
      </c>
    </row>
    <row r="17473" spans="1:3" x14ac:dyDescent="0.15">
      <c r="A17473">
        <v>7527</v>
      </c>
      <c r="B17473" t="s">
        <v>34878</v>
      </c>
      <c r="C17473" t="s">
        <v>34879</v>
      </c>
    </row>
    <row r="17474" spans="1:3" x14ac:dyDescent="0.15">
      <c r="A17474">
        <v>7526</v>
      </c>
      <c r="B17474" t="s">
        <v>34880</v>
      </c>
      <c r="C17474" t="s">
        <v>34881</v>
      </c>
    </row>
    <row r="17475" spans="1:3" x14ac:dyDescent="0.15">
      <c r="A17475">
        <v>7525</v>
      </c>
      <c r="B17475" t="s">
        <v>34882</v>
      </c>
      <c r="C17475" t="s">
        <v>34883</v>
      </c>
    </row>
    <row r="17476" spans="1:3" x14ac:dyDescent="0.15">
      <c r="A17476">
        <v>7524</v>
      </c>
      <c r="B17476" t="s">
        <v>34884</v>
      </c>
      <c r="C17476" t="s">
        <v>34885</v>
      </c>
    </row>
    <row r="17477" spans="1:3" x14ac:dyDescent="0.15">
      <c r="A17477">
        <v>7523</v>
      </c>
      <c r="B17477" t="s">
        <v>34886</v>
      </c>
      <c r="C17477" t="s">
        <v>34887</v>
      </c>
    </row>
    <row r="17478" spans="1:3" x14ac:dyDescent="0.15">
      <c r="A17478">
        <v>7522</v>
      </c>
      <c r="B17478" t="s">
        <v>34888</v>
      </c>
      <c r="C17478" t="s">
        <v>34889</v>
      </c>
    </row>
    <row r="17479" spans="1:3" x14ac:dyDescent="0.15">
      <c r="A17479">
        <v>7521</v>
      </c>
      <c r="B17479" t="s">
        <v>34890</v>
      </c>
      <c r="C17479" t="s">
        <v>34891</v>
      </c>
    </row>
    <row r="17480" spans="1:3" x14ac:dyDescent="0.15">
      <c r="A17480">
        <v>7520</v>
      </c>
      <c r="B17480" t="s">
        <v>34892</v>
      </c>
      <c r="C17480" t="s">
        <v>34893</v>
      </c>
    </row>
    <row r="17481" spans="1:3" x14ac:dyDescent="0.15">
      <c r="A17481">
        <v>7519</v>
      </c>
      <c r="B17481" t="s">
        <v>34894</v>
      </c>
      <c r="C17481" t="s">
        <v>34895</v>
      </c>
    </row>
    <row r="17482" spans="1:3" x14ac:dyDescent="0.15">
      <c r="A17482">
        <v>7518</v>
      </c>
      <c r="B17482" t="s">
        <v>34896</v>
      </c>
      <c r="C17482" t="s">
        <v>34897</v>
      </c>
    </row>
    <row r="17483" spans="1:3" x14ac:dyDescent="0.15">
      <c r="A17483">
        <v>7517</v>
      </c>
      <c r="B17483" t="s">
        <v>34898</v>
      </c>
      <c r="C17483" t="s">
        <v>34899</v>
      </c>
    </row>
    <row r="17484" spans="1:3" x14ac:dyDescent="0.15">
      <c r="A17484">
        <v>7516</v>
      </c>
      <c r="B17484" t="s">
        <v>34900</v>
      </c>
      <c r="C17484" t="s">
        <v>34901</v>
      </c>
    </row>
    <row r="17485" spans="1:3" x14ac:dyDescent="0.15">
      <c r="A17485">
        <v>7515</v>
      </c>
      <c r="B17485" t="s">
        <v>34902</v>
      </c>
      <c r="C17485" t="s">
        <v>34903</v>
      </c>
    </row>
    <row r="17486" spans="1:3" x14ac:dyDescent="0.15">
      <c r="A17486">
        <v>7514</v>
      </c>
      <c r="B17486" t="s">
        <v>34904</v>
      </c>
      <c r="C17486" t="s">
        <v>34905</v>
      </c>
    </row>
    <row r="17487" spans="1:3" x14ac:dyDescent="0.15">
      <c r="A17487">
        <v>7513</v>
      </c>
      <c r="B17487" t="s">
        <v>34906</v>
      </c>
      <c r="C17487" t="s">
        <v>34907</v>
      </c>
    </row>
    <row r="17488" spans="1:3" x14ac:dyDescent="0.15">
      <c r="A17488">
        <v>7512</v>
      </c>
      <c r="B17488" t="s">
        <v>34908</v>
      </c>
      <c r="C17488" t="s">
        <v>34909</v>
      </c>
    </row>
    <row r="17489" spans="1:3" x14ac:dyDescent="0.15">
      <c r="A17489">
        <v>7511</v>
      </c>
      <c r="B17489" t="s">
        <v>34910</v>
      </c>
      <c r="C17489" t="s">
        <v>34911</v>
      </c>
    </row>
    <row r="17490" spans="1:3" x14ac:dyDescent="0.15">
      <c r="A17490">
        <v>7510</v>
      </c>
      <c r="B17490" t="s">
        <v>34912</v>
      </c>
      <c r="C17490" t="s">
        <v>34913</v>
      </c>
    </row>
    <row r="17491" spans="1:3" x14ac:dyDescent="0.15">
      <c r="A17491">
        <v>7509</v>
      </c>
      <c r="B17491" t="s">
        <v>34914</v>
      </c>
      <c r="C17491" t="s">
        <v>34915</v>
      </c>
    </row>
    <row r="17492" spans="1:3" x14ac:dyDescent="0.15">
      <c r="A17492">
        <v>7508</v>
      </c>
      <c r="B17492" t="s">
        <v>34916</v>
      </c>
      <c r="C17492" t="s">
        <v>34917</v>
      </c>
    </row>
    <row r="17493" spans="1:3" x14ac:dyDescent="0.15">
      <c r="A17493">
        <v>7507</v>
      </c>
      <c r="B17493" t="s">
        <v>34918</v>
      </c>
      <c r="C17493" t="s">
        <v>34919</v>
      </c>
    </row>
    <row r="17494" spans="1:3" x14ac:dyDescent="0.15">
      <c r="A17494">
        <v>7506</v>
      </c>
      <c r="B17494" t="s">
        <v>34920</v>
      </c>
      <c r="C17494" t="s">
        <v>34921</v>
      </c>
    </row>
    <row r="17495" spans="1:3" x14ac:dyDescent="0.15">
      <c r="A17495">
        <v>7505</v>
      </c>
      <c r="B17495" t="s">
        <v>34922</v>
      </c>
      <c r="C17495" t="s">
        <v>34923</v>
      </c>
    </row>
    <row r="17496" spans="1:3" x14ac:dyDescent="0.15">
      <c r="A17496">
        <v>7504</v>
      </c>
      <c r="B17496" t="s">
        <v>34924</v>
      </c>
      <c r="C17496" t="s">
        <v>34925</v>
      </c>
    </row>
    <row r="17497" spans="1:3" x14ac:dyDescent="0.15">
      <c r="A17497">
        <v>7503</v>
      </c>
      <c r="B17497" t="s">
        <v>34926</v>
      </c>
      <c r="C17497" t="s">
        <v>34927</v>
      </c>
    </row>
    <row r="17498" spans="1:3" x14ac:dyDescent="0.15">
      <c r="A17498">
        <v>7502</v>
      </c>
      <c r="B17498" t="s">
        <v>34928</v>
      </c>
      <c r="C17498" t="s">
        <v>34929</v>
      </c>
    </row>
    <row r="17499" spans="1:3" x14ac:dyDescent="0.15">
      <c r="A17499">
        <v>7501</v>
      </c>
      <c r="B17499" t="s">
        <v>34930</v>
      </c>
      <c r="C17499" t="s">
        <v>34931</v>
      </c>
    </row>
    <row r="17500" spans="1:3" x14ac:dyDescent="0.15">
      <c r="A17500">
        <v>7500</v>
      </c>
      <c r="B17500" t="s">
        <v>34932</v>
      </c>
      <c r="C17500" t="s">
        <v>34933</v>
      </c>
    </row>
    <row r="17501" spans="1:3" x14ac:dyDescent="0.15">
      <c r="A17501">
        <v>7499</v>
      </c>
      <c r="B17501" t="s">
        <v>34934</v>
      </c>
      <c r="C17501" t="s">
        <v>34935</v>
      </c>
    </row>
    <row r="17502" spans="1:3" x14ac:dyDescent="0.15">
      <c r="A17502">
        <v>7498</v>
      </c>
      <c r="B17502" t="s">
        <v>34936</v>
      </c>
      <c r="C17502" t="s">
        <v>34937</v>
      </c>
    </row>
    <row r="17503" spans="1:3" x14ac:dyDescent="0.15">
      <c r="A17503">
        <v>7497</v>
      </c>
      <c r="B17503" t="s">
        <v>34938</v>
      </c>
      <c r="C17503" t="s">
        <v>34939</v>
      </c>
    </row>
    <row r="17504" spans="1:3" x14ac:dyDescent="0.15">
      <c r="A17504">
        <v>7496</v>
      </c>
      <c r="B17504" t="s">
        <v>34940</v>
      </c>
      <c r="C17504" t="s">
        <v>34941</v>
      </c>
    </row>
    <row r="17505" spans="1:3" x14ac:dyDescent="0.15">
      <c r="A17505">
        <v>7495</v>
      </c>
      <c r="B17505" t="s">
        <v>34942</v>
      </c>
      <c r="C17505" t="s">
        <v>34943</v>
      </c>
    </row>
    <row r="17506" spans="1:3" x14ac:dyDescent="0.15">
      <c r="A17506">
        <v>7494</v>
      </c>
      <c r="B17506" t="s">
        <v>34944</v>
      </c>
      <c r="C17506" t="s">
        <v>34945</v>
      </c>
    </row>
    <row r="17507" spans="1:3" x14ac:dyDescent="0.15">
      <c r="A17507">
        <v>7493</v>
      </c>
      <c r="B17507" t="s">
        <v>34946</v>
      </c>
      <c r="C17507" t="s">
        <v>34947</v>
      </c>
    </row>
    <row r="17508" spans="1:3" x14ac:dyDescent="0.15">
      <c r="A17508">
        <v>7492</v>
      </c>
      <c r="B17508" t="s">
        <v>34948</v>
      </c>
      <c r="C17508" t="s">
        <v>34949</v>
      </c>
    </row>
    <row r="17509" spans="1:3" x14ac:dyDescent="0.15">
      <c r="A17509">
        <v>7491</v>
      </c>
      <c r="B17509" t="s">
        <v>34950</v>
      </c>
      <c r="C17509" t="s">
        <v>34951</v>
      </c>
    </row>
    <row r="17510" spans="1:3" x14ac:dyDescent="0.15">
      <c r="A17510">
        <v>7490</v>
      </c>
      <c r="B17510" t="s">
        <v>34952</v>
      </c>
      <c r="C17510" t="s">
        <v>34953</v>
      </c>
    </row>
    <row r="17511" spans="1:3" x14ac:dyDescent="0.15">
      <c r="A17511">
        <v>7489</v>
      </c>
      <c r="B17511" t="s">
        <v>34954</v>
      </c>
      <c r="C17511" t="s">
        <v>34955</v>
      </c>
    </row>
    <row r="17512" spans="1:3" x14ac:dyDescent="0.15">
      <c r="A17512">
        <v>7488</v>
      </c>
      <c r="B17512" t="s">
        <v>34956</v>
      </c>
      <c r="C17512" t="s">
        <v>34957</v>
      </c>
    </row>
    <row r="17513" spans="1:3" x14ac:dyDescent="0.15">
      <c r="A17513">
        <v>7487</v>
      </c>
      <c r="B17513" t="s">
        <v>34958</v>
      </c>
      <c r="C17513" t="s">
        <v>34959</v>
      </c>
    </row>
    <row r="17514" spans="1:3" x14ac:dyDescent="0.15">
      <c r="A17514">
        <v>7486</v>
      </c>
      <c r="B17514" t="s">
        <v>34960</v>
      </c>
      <c r="C17514" t="s">
        <v>34961</v>
      </c>
    </row>
    <row r="17515" spans="1:3" x14ac:dyDescent="0.15">
      <c r="A17515">
        <v>7485</v>
      </c>
      <c r="B17515" t="s">
        <v>34962</v>
      </c>
      <c r="C17515" t="s">
        <v>34963</v>
      </c>
    </row>
    <row r="17516" spans="1:3" x14ac:dyDescent="0.15">
      <c r="A17516">
        <v>7484</v>
      </c>
      <c r="B17516" t="s">
        <v>34964</v>
      </c>
      <c r="C17516" t="s">
        <v>34965</v>
      </c>
    </row>
    <row r="17517" spans="1:3" x14ac:dyDescent="0.15">
      <c r="A17517">
        <v>7483</v>
      </c>
      <c r="B17517" t="s">
        <v>34966</v>
      </c>
      <c r="C17517" t="s">
        <v>34967</v>
      </c>
    </row>
    <row r="17518" spans="1:3" x14ac:dyDescent="0.15">
      <c r="A17518">
        <v>7482</v>
      </c>
      <c r="B17518" t="s">
        <v>34968</v>
      </c>
      <c r="C17518" t="s">
        <v>34969</v>
      </c>
    </row>
    <row r="17519" spans="1:3" x14ac:dyDescent="0.15">
      <c r="A17519">
        <v>7481</v>
      </c>
      <c r="B17519" t="s">
        <v>34970</v>
      </c>
      <c r="C17519" t="s">
        <v>34971</v>
      </c>
    </row>
    <row r="17520" spans="1:3" x14ac:dyDescent="0.15">
      <c r="A17520">
        <v>7480</v>
      </c>
      <c r="B17520" t="s">
        <v>34972</v>
      </c>
      <c r="C17520" t="s">
        <v>34973</v>
      </c>
    </row>
    <row r="17521" spans="1:3" x14ac:dyDescent="0.15">
      <c r="A17521">
        <v>7479</v>
      </c>
      <c r="B17521" t="s">
        <v>34974</v>
      </c>
      <c r="C17521" t="s">
        <v>34975</v>
      </c>
    </row>
    <row r="17522" spans="1:3" x14ac:dyDescent="0.15">
      <c r="A17522">
        <v>7478</v>
      </c>
      <c r="B17522" t="s">
        <v>34976</v>
      </c>
      <c r="C17522" t="s">
        <v>34977</v>
      </c>
    </row>
    <row r="17523" spans="1:3" x14ac:dyDescent="0.15">
      <c r="A17523">
        <v>7477</v>
      </c>
      <c r="B17523" t="s">
        <v>34978</v>
      </c>
      <c r="C17523" t="s">
        <v>34979</v>
      </c>
    </row>
    <row r="17524" spans="1:3" x14ac:dyDescent="0.15">
      <c r="A17524">
        <v>7476</v>
      </c>
      <c r="B17524" t="s">
        <v>34980</v>
      </c>
      <c r="C17524" t="s">
        <v>34981</v>
      </c>
    </row>
    <row r="17525" spans="1:3" x14ac:dyDescent="0.15">
      <c r="A17525">
        <v>7475</v>
      </c>
      <c r="B17525" t="s">
        <v>34982</v>
      </c>
      <c r="C17525" t="s">
        <v>34983</v>
      </c>
    </row>
    <row r="17526" spans="1:3" x14ac:dyDescent="0.15">
      <c r="A17526">
        <v>7474</v>
      </c>
      <c r="B17526" t="s">
        <v>34984</v>
      </c>
      <c r="C17526" t="s">
        <v>34985</v>
      </c>
    </row>
    <row r="17527" spans="1:3" x14ac:dyDescent="0.15">
      <c r="A17527">
        <v>7473</v>
      </c>
      <c r="B17527" t="s">
        <v>34986</v>
      </c>
      <c r="C17527" t="s">
        <v>34987</v>
      </c>
    </row>
    <row r="17528" spans="1:3" x14ac:dyDescent="0.15">
      <c r="A17528">
        <v>7472</v>
      </c>
      <c r="B17528" t="s">
        <v>34988</v>
      </c>
      <c r="C17528" t="s">
        <v>34989</v>
      </c>
    </row>
    <row r="17529" spans="1:3" x14ac:dyDescent="0.15">
      <c r="A17529">
        <v>7471</v>
      </c>
      <c r="B17529" t="s">
        <v>34990</v>
      </c>
      <c r="C17529" t="s">
        <v>34991</v>
      </c>
    </row>
    <row r="17530" spans="1:3" x14ac:dyDescent="0.15">
      <c r="A17530">
        <v>7470</v>
      </c>
      <c r="B17530" t="s">
        <v>34992</v>
      </c>
      <c r="C17530" t="s">
        <v>34993</v>
      </c>
    </row>
    <row r="17531" spans="1:3" x14ac:dyDescent="0.15">
      <c r="A17531">
        <v>7469</v>
      </c>
      <c r="B17531" t="s">
        <v>34994</v>
      </c>
      <c r="C17531" t="s">
        <v>34995</v>
      </c>
    </row>
    <row r="17532" spans="1:3" x14ac:dyDescent="0.15">
      <c r="A17532">
        <v>7468</v>
      </c>
      <c r="B17532" t="s">
        <v>34996</v>
      </c>
      <c r="C17532" t="s">
        <v>34997</v>
      </c>
    </row>
    <row r="17533" spans="1:3" x14ac:dyDescent="0.15">
      <c r="A17533">
        <v>7467</v>
      </c>
      <c r="B17533" t="s">
        <v>34998</v>
      </c>
      <c r="C17533" t="s">
        <v>34999</v>
      </c>
    </row>
    <row r="17534" spans="1:3" x14ac:dyDescent="0.15">
      <c r="A17534">
        <v>7466</v>
      </c>
      <c r="B17534" t="s">
        <v>35000</v>
      </c>
      <c r="C17534" t="s">
        <v>35001</v>
      </c>
    </row>
    <row r="17535" spans="1:3" x14ac:dyDescent="0.15">
      <c r="A17535">
        <v>7465</v>
      </c>
      <c r="B17535" t="s">
        <v>35002</v>
      </c>
      <c r="C17535" t="s">
        <v>35003</v>
      </c>
    </row>
    <row r="17536" spans="1:3" x14ac:dyDescent="0.15">
      <c r="A17536">
        <v>7464</v>
      </c>
      <c r="B17536" t="s">
        <v>35004</v>
      </c>
      <c r="C17536" t="s">
        <v>35005</v>
      </c>
    </row>
    <row r="17537" spans="1:3" x14ac:dyDescent="0.15">
      <c r="A17537">
        <v>7463</v>
      </c>
      <c r="B17537" t="s">
        <v>35006</v>
      </c>
      <c r="C17537" t="s">
        <v>35007</v>
      </c>
    </row>
    <row r="17538" spans="1:3" x14ac:dyDescent="0.15">
      <c r="A17538">
        <v>7462</v>
      </c>
      <c r="B17538" t="s">
        <v>35008</v>
      </c>
      <c r="C17538" t="s">
        <v>35009</v>
      </c>
    </row>
    <row r="17539" spans="1:3" x14ac:dyDescent="0.15">
      <c r="A17539">
        <v>7461</v>
      </c>
      <c r="B17539" t="s">
        <v>35010</v>
      </c>
      <c r="C17539" t="s">
        <v>35011</v>
      </c>
    </row>
    <row r="17540" spans="1:3" x14ac:dyDescent="0.15">
      <c r="A17540">
        <v>7460</v>
      </c>
      <c r="B17540" t="s">
        <v>35012</v>
      </c>
      <c r="C17540" t="s">
        <v>35013</v>
      </c>
    </row>
    <row r="17541" spans="1:3" x14ac:dyDescent="0.15">
      <c r="A17541">
        <v>7459</v>
      </c>
      <c r="B17541" t="s">
        <v>35014</v>
      </c>
      <c r="C17541" t="s">
        <v>35015</v>
      </c>
    </row>
    <row r="17542" spans="1:3" x14ac:dyDescent="0.15">
      <c r="A17542">
        <v>7458</v>
      </c>
      <c r="B17542" t="s">
        <v>35016</v>
      </c>
      <c r="C17542" t="s">
        <v>35017</v>
      </c>
    </row>
    <row r="17543" spans="1:3" x14ac:dyDescent="0.15">
      <c r="A17543">
        <v>7457</v>
      </c>
      <c r="B17543" t="s">
        <v>35018</v>
      </c>
      <c r="C17543" t="s">
        <v>35019</v>
      </c>
    </row>
    <row r="17544" spans="1:3" x14ac:dyDescent="0.15">
      <c r="A17544">
        <v>7456</v>
      </c>
      <c r="B17544" t="s">
        <v>35020</v>
      </c>
      <c r="C17544" t="s">
        <v>35021</v>
      </c>
    </row>
    <row r="17545" spans="1:3" x14ac:dyDescent="0.15">
      <c r="A17545">
        <v>7455</v>
      </c>
      <c r="B17545" t="s">
        <v>35022</v>
      </c>
      <c r="C17545" t="s">
        <v>35023</v>
      </c>
    </row>
    <row r="17546" spans="1:3" x14ac:dyDescent="0.15">
      <c r="A17546">
        <v>7454</v>
      </c>
      <c r="B17546" t="s">
        <v>35024</v>
      </c>
      <c r="C17546" t="s">
        <v>35025</v>
      </c>
    </row>
    <row r="17547" spans="1:3" x14ac:dyDescent="0.15">
      <c r="A17547">
        <v>7453</v>
      </c>
      <c r="B17547" t="s">
        <v>35026</v>
      </c>
      <c r="C17547" t="s">
        <v>35027</v>
      </c>
    </row>
    <row r="17548" spans="1:3" x14ac:dyDescent="0.15">
      <c r="A17548">
        <v>7452</v>
      </c>
      <c r="B17548" t="s">
        <v>35028</v>
      </c>
      <c r="C17548" t="s">
        <v>35029</v>
      </c>
    </row>
    <row r="17549" spans="1:3" x14ac:dyDescent="0.15">
      <c r="A17549">
        <v>7451</v>
      </c>
      <c r="B17549" t="s">
        <v>35030</v>
      </c>
      <c r="C17549" t="s">
        <v>35031</v>
      </c>
    </row>
    <row r="17550" spans="1:3" x14ac:dyDescent="0.15">
      <c r="A17550">
        <v>7450</v>
      </c>
      <c r="B17550" t="s">
        <v>35032</v>
      </c>
      <c r="C17550" t="s">
        <v>35033</v>
      </c>
    </row>
    <row r="17551" spans="1:3" x14ac:dyDescent="0.15">
      <c r="A17551">
        <v>7449</v>
      </c>
      <c r="B17551" t="s">
        <v>35034</v>
      </c>
      <c r="C17551" t="s">
        <v>35035</v>
      </c>
    </row>
    <row r="17552" spans="1:3" x14ac:dyDescent="0.15">
      <c r="A17552">
        <v>7448</v>
      </c>
      <c r="B17552" t="s">
        <v>35036</v>
      </c>
      <c r="C17552" t="s">
        <v>35037</v>
      </c>
    </row>
    <row r="17553" spans="1:3" x14ac:dyDescent="0.15">
      <c r="A17553">
        <v>7447</v>
      </c>
      <c r="B17553" t="s">
        <v>35038</v>
      </c>
      <c r="C17553" t="s">
        <v>35039</v>
      </c>
    </row>
    <row r="17554" spans="1:3" x14ac:dyDescent="0.15">
      <c r="A17554">
        <v>7446</v>
      </c>
      <c r="B17554" t="s">
        <v>35040</v>
      </c>
      <c r="C17554" t="s">
        <v>35041</v>
      </c>
    </row>
    <row r="17555" spans="1:3" x14ac:dyDescent="0.15">
      <c r="A17555">
        <v>7445</v>
      </c>
      <c r="B17555" t="s">
        <v>35042</v>
      </c>
      <c r="C17555" t="s">
        <v>35043</v>
      </c>
    </row>
    <row r="17556" spans="1:3" x14ac:dyDescent="0.15">
      <c r="A17556">
        <v>7444</v>
      </c>
      <c r="B17556" t="s">
        <v>35044</v>
      </c>
      <c r="C17556" t="s">
        <v>35045</v>
      </c>
    </row>
    <row r="17557" spans="1:3" x14ac:dyDescent="0.15">
      <c r="A17557">
        <v>7443</v>
      </c>
      <c r="B17557" t="s">
        <v>35046</v>
      </c>
      <c r="C17557" t="s">
        <v>35047</v>
      </c>
    </row>
    <row r="17558" spans="1:3" x14ac:dyDescent="0.15">
      <c r="A17558">
        <v>7442</v>
      </c>
      <c r="B17558" t="s">
        <v>35048</v>
      </c>
      <c r="C17558" t="s">
        <v>35049</v>
      </c>
    </row>
    <row r="17559" spans="1:3" x14ac:dyDescent="0.15">
      <c r="A17559">
        <v>7441</v>
      </c>
      <c r="B17559" t="s">
        <v>35050</v>
      </c>
      <c r="C17559" t="s">
        <v>35051</v>
      </c>
    </row>
    <row r="17560" spans="1:3" x14ac:dyDescent="0.15">
      <c r="A17560">
        <v>7440</v>
      </c>
      <c r="B17560" t="s">
        <v>35052</v>
      </c>
      <c r="C17560" t="s">
        <v>35053</v>
      </c>
    </row>
    <row r="17561" spans="1:3" x14ac:dyDescent="0.15">
      <c r="A17561">
        <v>7439</v>
      </c>
      <c r="B17561" t="s">
        <v>35054</v>
      </c>
      <c r="C17561" t="s">
        <v>35055</v>
      </c>
    </row>
    <row r="17562" spans="1:3" x14ac:dyDescent="0.15">
      <c r="A17562">
        <v>7438</v>
      </c>
      <c r="B17562" t="s">
        <v>35056</v>
      </c>
      <c r="C17562" t="s">
        <v>35057</v>
      </c>
    </row>
    <row r="17563" spans="1:3" x14ac:dyDescent="0.15">
      <c r="A17563">
        <v>7437</v>
      </c>
      <c r="B17563" t="s">
        <v>35058</v>
      </c>
      <c r="C17563" t="s">
        <v>35059</v>
      </c>
    </row>
    <row r="17564" spans="1:3" x14ac:dyDescent="0.15">
      <c r="A17564">
        <v>7436</v>
      </c>
      <c r="B17564" t="s">
        <v>35060</v>
      </c>
      <c r="C17564" t="s">
        <v>35061</v>
      </c>
    </row>
    <row r="17565" spans="1:3" x14ac:dyDescent="0.15">
      <c r="A17565">
        <v>7435</v>
      </c>
      <c r="B17565" t="s">
        <v>35062</v>
      </c>
      <c r="C17565" t="s">
        <v>35063</v>
      </c>
    </row>
    <row r="17566" spans="1:3" x14ac:dyDescent="0.15">
      <c r="A17566">
        <v>7434</v>
      </c>
      <c r="B17566" t="s">
        <v>35064</v>
      </c>
      <c r="C17566" t="s">
        <v>35065</v>
      </c>
    </row>
    <row r="17567" spans="1:3" x14ac:dyDescent="0.15">
      <c r="A17567">
        <v>7433</v>
      </c>
      <c r="B17567" t="s">
        <v>35066</v>
      </c>
      <c r="C17567" t="s">
        <v>35067</v>
      </c>
    </row>
    <row r="17568" spans="1:3" x14ac:dyDescent="0.15">
      <c r="A17568">
        <v>7432</v>
      </c>
      <c r="B17568" t="s">
        <v>35068</v>
      </c>
      <c r="C17568" t="s">
        <v>35069</v>
      </c>
    </row>
    <row r="17569" spans="1:3" x14ac:dyDescent="0.15">
      <c r="A17569">
        <v>7431</v>
      </c>
      <c r="B17569" t="s">
        <v>35070</v>
      </c>
      <c r="C17569" t="s">
        <v>35071</v>
      </c>
    </row>
    <row r="17570" spans="1:3" x14ac:dyDescent="0.15">
      <c r="A17570">
        <v>7430</v>
      </c>
      <c r="B17570" t="s">
        <v>35072</v>
      </c>
      <c r="C17570" t="s">
        <v>35073</v>
      </c>
    </row>
    <row r="17571" spans="1:3" x14ac:dyDescent="0.15">
      <c r="A17571">
        <v>7429</v>
      </c>
      <c r="B17571" t="s">
        <v>35074</v>
      </c>
      <c r="C17571" t="s">
        <v>35075</v>
      </c>
    </row>
    <row r="17572" spans="1:3" x14ac:dyDescent="0.15">
      <c r="A17572">
        <v>7428</v>
      </c>
      <c r="B17572" t="s">
        <v>35076</v>
      </c>
      <c r="C17572" t="s">
        <v>35077</v>
      </c>
    </row>
    <row r="17573" spans="1:3" x14ac:dyDescent="0.15">
      <c r="A17573">
        <v>7427</v>
      </c>
      <c r="B17573" t="s">
        <v>35078</v>
      </c>
      <c r="C17573" t="s">
        <v>35079</v>
      </c>
    </row>
    <row r="17574" spans="1:3" x14ac:dyDescent="0.15">
      <c r="A17574">
        <v>7426</v>
      </c>
      <c r="B17574" t="s">
        <v>35080</v>
      </c>
      <c r="C17574" t="s">
        <v>35081</v>
      </c>
    </row>
    <row r="17575" spans="1:3" x14ac:dyDescent="0.15">
      <c r="A17575">
        <v>7425</v>
      </c>
      <c r="B17575" t="s">
        <v>35082</v>
      </c>
      <c r="C17575" t="s">
        <v>35083</v>
      </c>
    </row>
    <row r="17576" spans="1:3" x14ac:dyDescent="0.15">
      <c r="A17576">
        <v>7424</v>
      </c>
      <c r="B17576" t="s">
        <v>35084</v>
      </c>
      <c r="C17576" t="s">
        <v>35085</v>
      </c>
    </row>
    <row r="17577" spans="1:3" x14ac:dyDescent="0.15">
      <c r="A17577">
        <v>7423</v>
      </c>
      <c r="B17577" t="s">
        <v>35086</v>
      </c>
      <c r="C17577" t="s">
        <v>35087</v>
      </c>
    </row>
    <row r="17578" spans="1:3" x14ac:dyDescent="0.15">
      <c r="A17578">
        <v>7422</v>
      </c>
      <c r="B17578" t="s">
        <v>35088</v>
      </c>
      <c r="C17578" t="s">
        <v>35089</v>
      </c>
    </row>
    <row r="17579" spans="1:3" x14ac:dyDescent="0.15">
      <c r="A17579">
        <v>7421</v>
      </c>
      <c r="B17579" t="s">
        <v>35090</v>
      </c>
      <c r="C17579" t="s">
        <v>35091</v>
      </c>
    </row>
    <row r="17580" spans="1:3" x14ac:dyDescent="0.15">
      <c r="A17580">
        <v>7420</v>
      </c>
      <c r="B17580" t="s">
        <v>35092</v>
      </c>
      <c r="C17580" t="s">
        <v>35093</v>
      </c>
    </row>
    <row r="17581" spans="1:3" x14ac:dyDescent="0.15">
      <c r="A17581">
        <v>7419</v>
      </c>
      <c r="B17581" t="s">
        <v>35094</v>
      </c>
      <c r="C17581" t="s">
        <v>35095</v>
      </c>
    </row>
    <row r="17582" spans="1:3" x14ac:dyDescent="0.15">
      <c r="A17582">
        <v>7418</v>
      </c>
      <c r="B17582" t="s">
        <v>35096</v>
      </c>
      <c r="C17582" t="s">
        <v>35097</v>
      </c>
    </row>
    <row r="17583" spans="1:3" x14ac:dyDescent="0.15">
      <c r="A17583">
        <v>7417</v>
      </c>
      <c r="B17583" t="s">
        <v>35098</v>
      </c>
      <c r="C17583" t="s">
        <v>35099</v>
      </c>
    </row>
    <row r="17584" spans="1:3" x14ac:dyDescent="0.15">
      <c r="A17584">
        <v>7416</v>
      </c>
      <c r="B17584" t="s">
        <v>35100</v>
      </c>
      <c r="C17584" t="s">
        <v>35101</v>
      </c>
    </row>
    <row r="17585" spans="1:3" x14ac:dyDescent="0.15">
      <c r="A17585">
        <v>7415</v>
      </c>
      <c r="B17585" t="s">
        <v>35102</v>
      </c>
      <c r="C17585" t="s">
        <v>35103</v>
      </c>
    </row>
    <row r="17586" spans="1:3" x14ac:dyDescent="0.15">
      <c r="A17586">
        <v>7414</v>
      </c>
      <c r="B17586" t="s">
        <v>35104</v>
      </c>
      <c r="C17586" t="s">
        <v>35105</v>
      </c>
    </row>
    <row r="17587" spans="1:3" x14ac:dyDescent="0.15">
      <c r="A17587">
        <v>7413</v>
      </c>
      <c r="B17587" t="s">
        <v>35106</v>
      </c>
      <c r="C17587" t="s">
        <v>35107</v>
      </c>
    </row>
    <row r="17588" spans="1:3" x14ac:dyDescent="0.15">
      <c r="A17588">
        <v>7412</v>
      </c>
      <c r="B17588" t="s">
        <v>35108</v>
      </c>
      <c r="C17588" t="s">
        <v>35109</v>
      </c>
    </row>
    <row r="17589" spans="1:3" x14ac:dyDescent="0.15">
      <c r="A17589">
        <v>7411</v>
      </c>
      <c r="B17589" t="s">
        <v>35110</v>
      </c>
      <c r="C17589" t="s">
        <v>35111</v>
      </c>
    </row>
    <row r="17590" spans="1:3" x14ac:dyDescent="0.15">
      <c r="A17590">
        <v>7410</v>
      </c>
      <c r="B17590" t="s">
        <v>35112</v>
      </c>
      <c r="C17590" t="s">
        <v>35113</v>
      </c>
    </row>
    <row r="17591" spans="1:3" x14ac:dyDescent="0.15">
      <c r="A17591">
        <v>7409</v>
      </c>
      <c r="B17591" t="s">
        <v>35114</v>
      </c>
      <c r="C17591" t="s">
        <v>35115</v>
      </c>
    </row>
    <row r="17592" spans="1:3" x14ac:dyDescent="0.15">
      <c r="A17592">
        <v>7408</v>
      </c>
      <c r="B17592" t="s">
        <v>35116</v>
      </c>
      <c r="C17592" t="s">
        <v>35117</v>
      </c>
    </row>
    <row r="17593" spans="1:3" x14ac:dyDescent="0.15">
      <c r="A17593">
        <v>7407</v>
      </c>
      <c r="B17593" t="s">
        <v>35118</v>
      </c>
      <c r="C17593" t="s">
        <v>35119</v>
      </c>
    </row>
    <row r="17594" spans="1:3" x14ac:dyDescent="0.15">
      <c r="A17594">
        <v>7406</v>
      </c>
      <c r="B17594" t="s">
        <v>35120</v>
      </c>
      <c r="C17594" t="s">
        <v>35121</v>
      </c>
    </row>
    <row r="17595" spans="1:3" x14ac:dyDescent="0.15">
      <c r="A17595">
        <v>7405</v>
      </c>
      <c r="B17595" t="s">
        <v>35122</v>
      </c>
      <c r="C17595" t="s">
        <v>35123</v>
      </c>
    </row>
    <row r="17596" spans="1:3" x14ac:dyDescent="0.15">
      <c r="A17596">
        <v>7404</v>
      </c>
      <c r="B17596" t="s">
        <v>35124</v>
      </c>
      <c r="C17596" t="s">
        <v>35125</v>
      </c>
    </row>
    <row r="17597" spans="1:3" x14ac:dyDescent="0.15">
      <c r="A17597">
        <v>7403</v>
      </c>
      <c r="B17597" t="s">
        <v>35126</v>
      </c>
      <c r="C17597" t="s">
        <v>35127</v>
      </c>
    </row>
    <row r="17598" spans="1:3" x14ac:dyDescent="0.15">
      <c r="A17598">
        <v>7402</v>
      </c>
      <c r="B17598" t="s">
        <v>35128</v>
      </c>
      <c r="C17598" t="s">
        <v>35129</v>
      </c>
    </row>
    <row r="17599" spans="1:3" x14ac:dyDescent="0.15">
      <c r="A17599">
        <v>7401</v>
      </c>
      <c r="B17599" t="s">
        <v>35130</v>
      </c>
      <c r="C17599" t="s">
        <v>35131</v>
      </c>
    </row>
    <row r="17600" spans="1:3" x14ac:dyDescent="0.15">
      <c r="A17600">
        <v>7400</v>
      </c>
      <c r="B17600" t="s">
        <v>35132</v>
      </c>
      <c r="C17600" t="s">
        <v>35133</v>
      </c>
    </row>
    <row r="17601" spans="1:3" x14ac:dyDescent="0.15">
      <c r="A17601">
        <v>7399</v>
      </c>
      <c r="B17601" t="s">
        <v>35134</v>
      </c>
      <c r="C17601" t="s">
        <v>35135</v>
      </c>
    </row>
    <row r="17602" spans="1:3" x14ac:dyDescent="0.15">
      <c r="A17602">
        <v>7398</v>
      </c>
      <c r="B17602" t="s">
        <v>35136</v>
      </c>
      <c r="C17602" t="s">
        <v>35137</v>
      </c>
    </row>
    <row r="17603" spans="1:3" x14ac:dyDescent="0.15">
      <c r="A17603">
        <v>7397</v>
      </c>
      <c r="B17603" t="s">
        <v>35138</v>
      </c>
      <c r="C17603" t="s">
        <v>35139</v>
      </c>
    </row>
    <row r="17604" spans="1:3" x14ac:dyDescent="0.15">
      <c r="A17604">
        <v>7396</v>
      </c>
      <c r="B17604" t="s">
        <v>35140</v>
      </c>
      <c r="C17604" t="s">
        <v>35141</v>
      </c>
    </row>
    <row r="17605" spans="1:3" x14ac:dyDescent="0.15">
      <c r="A17605">
        <v>7395</v>
      </c>
      <c r="B17605" t="s">
        <v>35142</v>
      </c>
      <c r="C17605" t="s">
        <v>35143</v>
      </c>
    </row>
    <row r="17606" spans="1:3" x14ac:dyDescent="0.15">
      <c r="A17606">
        <v>7394</v>
      </c>
      <c r="B17606" t="s">
        <v>35144</v>
      </c>
      <c r="C17606" t="s">
        <v>35145</v>
      </c>
    </row>
    <row r="17607" spans="1:3" x14ac:dyDescent="0.15">
      <c r="A17607">
        <v>7393</v>
      </c>
      <c r="B17607" t="s">
        <v>35146</v>
      </c>
      <c r="C17607" t="s">
        <v>35147</v>
      </c>
    </row>
    <row r="17608" spans="1:3" x14ac:dyDescent="0.15">
      <c r="A17608">
        <v>7392</v>
      </c>
      <c r="B17608" t="s">
        <v>35148</v>
      </c>
      <c r="C17608" t="s">
        <v>35149</v>
      </c>
    </row>
    <row r="17609" spans="1:3" x14ac:dyDescent="0.15">
      <c r="A17609">
        <v>7391</v>
      </c>
      <c r="B17609" t="s">
        <v>35150</v>
      </c>
      <c r="C17609" t="s">
        <v>35151</v>
      </c>
    </row>
    <row r="17610" spans="1:3" x14ac:dyDescent="0.15">
      <c r="A17610">
        <v>7390</v>
      </c>
      <c r="B17610" t="s">
        <v>35152</v>
      </c>
      <c r="C17610" t="s">
        <v>35153</v>
      </c>
    </row>
    <row r="17611" spans="1:3" x14ac:dyDescent="0.15">
      <c r="A17611">
        <v>7389</v>
      </c>
      <c r="B17611" t="s">
        <v>35154</v>
      </c>
      <c r="C17611" t="s">
        <v>35155</v>
      </c>
    </row>
    <row r="17612" spans="1:3" x14ac:dyDescent="0.15">
      <c r="A17612">
        <v>7388</v>
      </c>
      <c r="B17612" t="s">
        <v>35156</v>
      </c>
      <c r="C17612" t="s">
        <v>35157</v>
      </c>
    </row>
    <row r="17613" spans="1:3" x14ac:dyDescent="0.15">
      <c r="A17613">
        <v>7387</v>
      </c>
      <c r="B17613" t="s">
        <v>35158</v>
      </c>
      <c r="C17613" t="s">
        <v>35159</v>
      </c>
    </row>
    <row r="17614" spans="1:3" x14ac:dyDescent="0.15">
      <c r="A17614">
        <v>7386</v>
      </c>
      <c r="B17614" t="s">
        <v>35160</v>
      </c>
      <c r="C17614" t="s">
        <v>35161</v>
      </c>
    </row>
    <row r="17615" spans="1:3" x14ac:dyDescent="0.15">
      <c r="A17615">
        <v>7385</v>
      </c>
      <c r="B17615" t="s">
        <v>35162</v>
      </c>
      <c r="C17615" t="s">
        <v>35163</v>
      </c>
    </row>
    <row r="17616" spans="1:3" x14ac:dyDescent="0.15">
      <c r="A17616">
        <v>7384</v>
      </c>
      <c r="B17616" t="s">
        <v>35164</v>
      </c>
      <c r="C17616" t="s">
        <v>35165</v>
      </c>
    </row>
    <row r="17617" spans="1:3" x14ac:dyDescent="0.15">
      <c r="A17617">
        <v>7383</v>
      </c>
      <c r="B17617" t="s">
        <v>35166</v>
      </c>
      <c r="C17617" t="s">
        <v>35167</v>
      </c>
    </row>
    <row r="17618" spans="1:3" x14ac:dyDescent="0.15">
      <c r="A17618">
        <v>7382</v>
      </c>
      <c r="B17618" t="s">
        <v>35168</v>
      </c>
      <c r="C17618" t="s">
        <v>35169</v>
      </c>
    </row>
    <row r="17619" spans="1:3" x14ac:dyDescent="0.15">
      <c r="A17619">
        <v>7381</v>
      </c>
      <c r="B17619" t="s">
        <v>35170</v>
      </c>
      <c r="C17619" t="s">
        <v>35171</v>
      </c>
    </row>
    <row r="17620" spans="1:3" x14ac:dyDescent="0.15">
      <c r="A17620">
        <v>7380</v>
      </c>
      <c r="B17620" t="s">
        <v>35172</v>
      </c>
      <c r="C17620" t="s">
        <v>35173</v>
      </c>
    </row>
    <row r="17621" spans="1:3" x14ac:dyDescent="0.15">
      <c r="A17621">
        <v>7379</v>
      </c>
      <c r="B17621" t="s">
        <v>35174</v>
      </c>
      <c r="C17621" t="s">
        <v>35175</v>
      </c>
    </row>
    <row r="17622" spans="1:3" x14ac:dyDescent="0.15">
      <c r="A17622">
        <v>7378</v>
      </c>
      <c r="B17622" t="s">
        <v>35176</v>
      </c>
      <c r="C17622" t="s">
        <v>35177</v>
      </c>
    </row>
    <row r="17623" spans="1:3" x14ac:dyDescent="0.15">
      <c r="A17623">
        <v>7377</v>
      </c>
      <c r="B17623" t="s">
        <v>35178</v>
      </c>
      <c r="C17623" t="s">
        <v>35179</v>
      </c>
    </row>
    <row r="17624" spans="1:3" x14ac:dyDescent="0.15">
      <c r="A17624">
        <v>7376</v>
      </c>
      <c r="B17624" t="s">
        <v>35180</v>
      </c>
      <c r="C17624" t="s">
        <v>35181</v>
      </c>
    </row>
    <row r="17625" spans="1:3" x14ac:dyDescent="0.15">
      <c r="A17625">
        <v>7375</v>
      </c>
      <c r="B17625" t="s">
        <v>35182</v>
      </c>
      <c r="C17625" t="s">
        <v>35183</v>
      </c>
    </row>
    <row r="17626" spans="1:3" x14ac:dyDescent="0.15">
      <c r="A17626">
        <v>7374</v>
      </c>
      <c r="B17626" t="s">
        <v>35184</v>
      </c>
      <c r="C17626" t="s">
        <v>35185</v>
      </c>
    </row>
    <row r="17627" spans="1:3" x14ac:dyDescent="0.15">
      <c r="A17627">
        <v>7373</v>
      </c>
      <c r="B17627" t="s">
        <v>35186</v>
      </c>
      <c r="C17627" t="s">
        <v>35187</v>
      </c>
    </row>
    <row r="17628" spans="1:3" x14ac:dyDescent="0.15">
      <c r="A17628">
        <v>7372</v>
      </c>
      <c r="B17628" t="s">
        <v>35188</v>
      </c>
      <c r="C17628" t="s">
        <v>35189</v>
      </c>
    </row>
    <row r="17629" spans="1:3" x14ac:dyDescent="0.15">
      <c r="A17629">
        <v>7371</v>
      </c>
      <c r="B17629" t="s">
        <v>35190</v>
      </c>
      <c r="C17629" t="s">
        <v>35191</v>
      </c>
    </row>
    <row r="17630" spans="1:3" x14ac:dyDescent="0.15">
      <c r="A17630">
        <v>7370</v>
      </c>
      <c r="B17630" t="s">
        <v>35192</v>
      </c>
      <c r="C17630" t="s">
        <v>35193</v>
      </c>
    </row>
    <row r="17631" spans="1:3" x14ac:dyDescent="0.15">
      <c r="A17631">
        <v>7369</v>
      </c>
      <c r="B17631" t="s">
        <v>35194</v>
      </c>
      <c r="C17631" t="s">
        <v>35195</v>
      </c>
    </row>
    <row r="17632" spans="1:3" x14ac:dyDescent="0.15">
      <c r="A17632">
        <v>7368</v>
      </c>
      <c r="B17632" t="s">
        <v>35196</v>
      </c>
      <c r="C17632" t="s">
        <v>35197</v>
      </c>
    </row>
    <row r="17633" spans="1:3" x14ac:dyDescent="0.15">
      <c r="A17633">
        <v>7367</v>
      </c>
      <c r="B17633" t="s">
        <v>35198</v>
      </c>
      <c r="C17633" t="s">
        <v>35199</v>
      </c>
    </row>
    <row r="17634" spans="1:3" x14ac:dyDescent="0.15">
      <c r="A17634">
        <v>7366</v>
      </c>
      <c r="B17634" t="s">
        <v>35200</v>
      </c>
      <c r="C17634" t="s">
        <v>35201</v>
      </c>
    </row>
    <row r="17635" spans="1:3" x14ac:dyDescent="0.15">
      <c r="A17635">
        <v>7365</v>
      </c>
      <c r="B17635" t="s">
        <v>35202</v>
      </c>
      <c r="C17635" t="s">
        <v>35203</v>
      </c>
    </row>
    <row r="17636" spans="1:3" x14ac:dyDescent="0.15">
      <c r="A17636">
        <v>7364</v>
      </c>
      <c r="B17636" t="s">
        <v>35204</v>
      </c>
      <c r="C17636" t="s">
        <v>35205</v>
      </c>
    </row>
    <row r="17637" spans="1:3" x14ac:dyDescent="0.15">
      <c r="A17637">
        <v>7363</v>
      </c>
      <c r="B17637" t="s">
        <v>35206</v>
      </c>
      <c r="C17637" t="s">
        <v>35207</v>
      </c>
    </row>
    <row r="17638" spans="1:3" x14ac:dyDescent="0.15">
      <c r="A17638">
        <v>7362</v>
      </c>
      <c r="B17638" t="s">
        <v>35208</v>
      </c>
      <c r="C17638" t="s">
        <v>35209</v>
      </c>
    </row>
    <row r="17639" spans="1:3" x14ac:dyDescent="0.15">
      <c r="A17639">
        <v>7361</v>
      </c>
      <c r="B17639" t="s">
        <v>35210</v>
      </c>
      <c r="C17639" t="s">
        <v>35211</v>
      </c>
    </row>
    <row r="17640" spans="1:3" x14ac:dyDescent="0.15">
      <c r="A17640">
        <v>7360</v>
      </c>
      <c r="B17640" t="s">
        <v>35212</v>
      </c>
      <c r="C17640" t="s">
        <v>35213</v>
      </c>
    </row>
    <row r="17641" spans="1:3" x14ac:dyDescent="0.15">
      <c r="A17641">
        <v>7359</v>
      </c>
      <c r="B17641" t="s">
        <v>35214</v>
      </c>
      <c r="C17641" t="s">
        <v>35215</v>
      </c>
    </row>
    <row r="17642" spans="1:3" x14ac:dyDescent="0.15">
      <c r="A17642">
        <v>7358</v>
      </c>
      <c r="B17642" t="s">
        <v>35216</v>
      </c>
      <c r="C17642" t="s">
        <v>35217</v>
      </c>
    </row>
    <row r="17643" spans="1:3" x14ac:dyDescent="0.15">
      <c r="A17643">
        <v>7357</v>
      </c>
      <c r="B17643" t="s">
        <v>35218</v>
      </c>
      <c r="C17643" t="s">
        <v>35219</v>
      </c>
    </row>
    <row r="17644" spans="1:3" x14ac:dyDescent="0.15">
      <c r="A17644">
        <v>7356</v>
      </c>
      <c r="B17644" t="s">
        <v>35220</v>
      </c>
      <c r="C17644" t="s">
        <v>35221</v>
      </c>
    </row>
    <row r="17645" spans="1:3" x14ac:dyDescent="0.15">
      <c r="A17645">
        <v>7355</v>
      </c>
      <c r="B17645" t="s">
        <v>35222</v>
      </c>
      <c r="C17645" t="s">
        <v>35223</v>
      </c>
    </row>
    <row r="17646" spans="1:3" x14ac:dyDescent="0.15">
      <c r="A17646">
        <v>7354</v>
      </c>
      <c r="B17646" t="s">
        <v>35224</v>
      </c>
      <c r="C17646" t="s">
        <v>35225</v>
      </c>
    </row>
    <row r="17647" spans="1:3" x14ac:dyDescent="0.15">
      <c r="A17647">
        <v>7353</v>
      </c>
      <c r="B17647" t="s">
        <v>35226</v>
      </c>
      <c r="C17647" t="s">
        <v>35227</v>
      </c>
    </row>
    <row r="17648" spans="1:3" x14ac:dyDescent="0.15">
      <c r="A17648">
        <v>7352</v>
      </c>
      <c r="B17648" t="s">
        <v>35228</v>
      </c>
      <c r="C17648" t="s">
        <v>35229</v>
      </c>
    </row>
    <row r="17649" spans="1:3" x14ac:dyDescent="0.15">
      <c r="A17649">
        <v>7351</v>
      </c>
      <c r="B17649" t="s">
        <v>35230</v>
      </c>
      <c r="C17649" t="s">
        <v>35231</v>
      </c>
    </row>
    <row r="17650" spans="1:3" x14ac:dyDescent="0.15">
      <c r="A17650">
        <v>7350</v>
      </c>
      <c r="B17650" t="s">
        <v>35232</v>
      </c>
      <c r="C17650" t="s">
        <v>35233</v>
      </c>
    </row>
    <row r="17651" spans="1:3" x14ac:dyDescent="0.15">
      <c r="A17651">
        <v>7349</v>
      </c>
      <c r="B17651" t="s">
        <v>35234</v>
      </c>
      <c r="C17651" t="s">
        <v>35235</v>
      </c>
    </row>
    <row r="17652" spans="1:3" x14ac:dyDescent="0.15">
      <c r="A17652">
        <v>7348</v>
      </c>
      <c r="B17652" t="s">
        <v>35236</v>
      </c>
      <c r="C17652" t="s">
        <v>35237</v>
      </c>
    </row>
    <row r="17653" spans="1:3" x14ac:dyDescent="0.15">
      <c r="A17653">
        <v>7347</v>
      </c>
      <c r="B17653" t="s">
        <v>35238</v>
      </c>
      <c r="C17653" t="s">
        <v>35239</v>
      </c>
    </row>
    <row r="17654" spans="1:3" x14ac:dyDescent="0.15">
      <c r="A17654">
        <v>7346</v>
      </c>
      <c r="B17654" t="s">
        <v>35240</v>
      </c>
      <c r="C17654" t="s">
        <v>35241</v>
      </c>
    </row>
    <row r="17655" spans="1:3" x14ac:dyDescent="0.15">
      <c r="A17655">
        <v>7345</v>
      </c>
      <c r="B17655" t="s">
        <v>35242</v>
      </c>
      <c r="C17655" t="s">
        <v>35243</v>
      </c>
    </row>
    <row r="17656" spans="1:3" x14ac:dyDescent="0.15">
      <c r="A17656">
        <v>7344</v>
      </c>
      <c r="B17656" t="s">
        <v>35244</v>
      </c>
      <c r="C17656" t="s">
        <v>35245</v>
      </c>
    </row>
    <row r="17657" spans="1:3" x14ac:dyDescent="0.15">
      <c r="A17657">
        <v>7343</v>
      </c>
      <c r="B17657" t="s">
        <v>35246</v>
      </c>
      <c r="C17657" t="s">
        <v>35247</v>
      </c>
    </row>
    <row r="17658" spans="1:3" x14ac:dyDescent="0.15">
      <c r="A17658">
        <v>7342</v>
      </c>
      <c r="B17658" t="s">
        <v>35248</v>
      </c>
      <c r="C17658" t="s">
        <v>35249</v>
      </c>
    </row>
    <row r="17659" spans="1:3" x14ac:dyDescent="0.15">
      <c r="A17659">
        <v>7341</v>
      </c>
      <c r="B17659" t="s">
        <v>35250</v>
      </c>
      <c r="C17659" t="s">
        <v>35251</v>
      </c>
    </row>
    <row r="17660" spans="1:3" x14ac:dyDescent="0.15">
      <c r="A17660">
        <v>7340</v>
      </c>
      <c r="B17660" t="s">
        <v>35252</v>
      </c>
      <c r="C17660" t="s">
        <v>35253</v>
      </c>
    </row>
    <row r="17661" spans="1:3" x14ac:dyDescent="0.15">
      <c r="A17661">
        <v>7339</v>
      </c>
      <c r="B17661" t="s">
        <v>35254</v>
      </c>
      <c r="C17661" t="s">
        <v>35255</v>
      </c>
    </row>
    <row r="17662" spans="1:3" x14ac:dyDescent="0.15">
      <c r="A17662">
        <v>7338</v>
      </c>
      <c r="B17662" t="s">
        <v>35256</v>
      </c>
      <c r="C17662" t="s">
        <v>35257</v>
      </c>
    </row>
    <row r="17663" spans="1:3" x14ac:dyDescent="0.15">
      <c r="A17663">
        <v>7337</v>
      </c>
      <c r="B17663" t="s">
        <v>35258</v>
      </c>
      <c r="C17663" t="s">
        <v>35259</v>
      </c>
    </row>
    <row r="17664" spans="1:3" x14ac:dyDescent="0.15">
      <c r="A17664">
        <v>7336</v>
      </c>
      <c r="B17664" t="s">
        <v>35260</v>
      </c>
      <c r="C17664" t="s">
        <v>35261</v>
      </c>
    </row>
    <row r="17665" spans="1:3" x14ac:dyDescent="0.15">
      <c r="A17665">
        <v>7335</v>
      </c>
      <c r="B17665" t="s">
        <v>35262</v>
      </c>
      <c r="C17665" t="s">
        <v>35263</v>
      </c>
    </row>
    <row r="17666" spans="1:3" x14ac:dyDescent="0.15">
      <c r="A17666">
        <v>7334</v>
      </c>
      <c r="B17666" t="s">
        <v>35264</v>
      </c>
      <c r="C17666" t="s">
        <v>35265</v>
      </c>
    </row>
    <row r="17667" spans="1:3" x14ac:dyDescent="0.15">
      <c r="A17667">
        <v>7333</v>
      </c>
      <c r="B17667" t="s">
        <v>35266</v>
      </c>
      <c r="C17667" t="s">
        <v>35267</v>
      </c>
    </row>
    <row r="17668" spans="1:3" x14ac:dyDescent="0.15">
      <c r="A17668">
        <v>7332</v>
      </c>
      <c r="B17668" t="s">
        <v>35268</v>
      </c>
      <c r="C17668" t="s">
        <v>35269</v>
      </c>
    </row>
    <row r="17669" spans="1:3" x14ac:dyDescent="0.15">
      <c r="A17669">
        <v>7331</v>
      </c>
      <c r="B17669" t="s">
        <v>35270</v>
      </c>
      <c r="C17669" t="s">
        <v>35271</v>
      </c>
    </row>
    <row r="17670" spans="1:3" x14ac:dyDescent="0.15">
      <c r="A17670">
        <v>7330</v>
      </c>
      <c r="B17670" t="s">
        <v>35272</v>
      </c>
      <c r="C17670" t="s">
        <v>35273</v>
      </c>
    </row>
    <row r="17671" spans="1:3" x14ac:dyDescent="0.15">
      <c r="A17671">
        <v>7329</v>
      </c>
      <c r="B17671" t="s">
        <v>35274</v>
      </c>
      <c r="C17671" t="s">
        <v>35275</v>
      </c>
    </row>
    <row r="17672" spans="1:3" x14ac:dyDescent="0.15">
      <c r="A17672">
        <v>7328</v>
      </c>
      <c r="B17672" t="s">
        <v>35276</v>
      </c>
      <c r="C17672" t="s">
        <v>35277</v>
      </c>
    </row>
    <row r="17673" spans="1:3" x14ac:dyDescent="0.15">
      <c r="A17673">
        <v>7327</v>
      </c>
      <c r="B17673" t="s">
        <v>35278</v>
      </c>
      <c r="C17673" t="s">
        <v>35279</v>
      </c>
    </row>
    <row r="17674" spans="1:3" x14ac:dyDescent="0.15">
      <c r="A17674">
        <v>7326</v>
      </c>
      <c r="B17674" t="s">
        <v>35280</v>
      </c>
      <c r="C17674" t="s">
        <v>35281</v>
      </c>
    </row>
    <row r="17675" spans="1:3" x14ac:dyDescent="0.15">
      <c r="A17675">
        <v>7325</v>
      </c>
      <c r="B17675" t="s">
        <v>35282</v>
      </c>
      <c r="C17675" t="s">
        <v>35283</v>
      </c>
    </row>
    <row r="17676" spans="1:3" x14ac:dyDescent="0.15">
      <c r="A17676">
        <v>7324</v>
      </c>
      <c r="B17676" t="s">
        <v>35284</v>
      </c>
      <c r="C17676" t="s">
        <v>35285</v>
      </c>
    </row>
    <row r="17677" spans="1:3" x14ac:dyDescent="0.15">
      <c r="A17677">
        <v>7323</v>
      </c>
      <c r="B17677" t="s">
        <v>35286</v>
      </c>
      <c r="C17677" t="s">
        <v>35287</v>
      </c>
    </row>
    <row r="17678" spans="1:3" x14ac:dyDescent="0.15">
      <c r="A17678">
        <v>7322</v>
      </c>
      <c r="B17678" t="s">
        <v>35288</v>
      </c>
      <c r="C17678" t="s">
        <v>35289</v>
      </c>
    </row>
    <row r="17679" spans="1:3" x14ac:dyDescent="0.15">
      <c r="A17679">
        <v>7321</v>
      </c>
      <c r="B17679" t="s">
        <v>35290</v>
      </c>
      <c r="C17679" t="s">
        <v>35291</v>
      </c>
    </row>
    <row r="17680" spans="1:3" x14ac:dyDescent="0.15">
      <c r="A17680">
        <v>7320</v>
      </c>
      <c r="B17680" t="s">
        <v>35292</v>
      </c>
      <c r="C17680" t="s">
        <v>35293</v>
      </c>
    </row>
    <row r="17681" spans="1:3" x14ac:dyDescent="0.15">
      <c r="A17681">
        <v>7319</v>
      </c>
      <c r="B17681" t="s">
        <v>35294</v>
      </c>
      <c r="C17681" t="s">
        <v>35295</v>
      </c>
    </row>
    <row r="17682" spans="1:3" x14ac:dyDescent="0.15">
      <c r="A17682">
        <v>7318</v>
      </c>
      <c r="B17682" t="s">
        <v>35296</v>
      </c>
      <c r="C17682" t="s">
        <v>35297</v>
      </c>
    </row>
    <row r="17683" spans="1:3" x14ac:dyDescent="0.15">
      <c r="A17683">
        <v>7317</v>
      </c>
      <c r="B17683" t="s">
        <v>35298</v>
      </c>
      <c r="C17683" t="s">
        <v>35299</v>
      </c>
    </row>
    <row r="17684" spans="1:3" x14ac:dyDescent="0.15">
      <c r="A17684">
        <v>7316</v>
      </c>
      <c r="B17684" t="s">
        <v>35300</v>
      </c>
      <c r="C17684" t="s">
        <v>35301</v>
      </c>
    </row>
    <row r="17685" spans="1:3" x14ac:dyDescent="0.15">
      <c r="A17685">
        <v>7315</v>
      </c>
      <c r="B17685" t="s">
        <v>35302</v>
      </c>
      <c r="C17685" t="s">
        <v>35303</v>
      </c>
    </row>
    <row r="17686" spans="1:3" x14ac:dyDescent="0.15">
      <c r="A17686">
        <v>7314</v>
      </c>
      <c r="B17686" t="s">
        <v>35304</v>
      </c>
      <c r="C17686" t="s">
        <v>35305</v>
      </c>
    </row>
    <row r="17687" spans="1:3" x14ac:dyDescent="0.15">
      <c r="A17687">
        <v>7313</v>
      </c>
      <c r="B17687" t="s">
        <v>35306</v>
      </c>
      <c r="C17687" t="s">
        <v>35307</v>
      </c>
    </row>
    <row r="17688" spans="1:3" x14ac:dyDescent="0.15">
      <c r="A17688">
        <v>7312</v>
      </c>
      <c r="B17688" t="s">
        <v>35308</v>
      </c>
      <c r="C17688" t="s">
        <v>35309</v>
      </c>
    </row>
    <row r="17689" spans="1:3" x14ac:dyDescent="0.15">
      <c r="A17689">
        <v>7311</v>
      </c>
      <c r="B17689" t="s">
        <v>35310</v>
      </c>
      <c r="C17689" t="s">
        <v>35311</v>
      </c>
    </row>
    <row r="17690" spans="1:3" x14ac:dyDescent="0.15">
      <c r="A17690">
        <v>7310</v>
      </c>
      <c r="B17690" t="s">
        <v>35312</v>
      </c>
      <c r="C17690" t="s">
        <v>35313</v>
      </c>
    </row>
    <row r="17691" spans="1:3" x14ac:dyDescent="0.15">
      <c r="A17691">
        <v>7309</v>
      </c>
      <c r="B17691" t="s">
        <v>35314</v>
      </c>
      <c r="C17691" t="s">
        <v>35315</v>
      </c>
    </row>
    <row r="17692" spans="1:3" x14ac:dyDescent="0.15">
      <c r="A17692">
        <v>7308</v>
      </c>
      <c r="B17692" t="s">
        <v>35316</v>
      </c>
      <c r="C17692" t="s">
        <v>35317</v>
      </c>
    </row>
    <row r="17693" spans="1:3" x14ac:dyDescent="0.15">
      <c r="A17693">
        <v>7307</v>
      </c>
      <c r="B17693" t="s">
        <v>35318</v>
      </c>
      <c r="C17693" t="s">
        <v>35319</v>
      </c>
    </row>
    <row r="17694" spans="1:3" x14ac:dyDescent="0.15">
      <c r="A17694">
        <v>7306</v>
      </c>
      <c r="B17694" t="s">
        <v>35320</v>
      </c>
      <c r="C17694" t="s">
        <v>35321</v>
      </c>
    </row>
    <row r="17695" spans="1:3" x14ac:dyDescent="0.15">
      <c r="A17695">
        <v>7305</v>
      </c>
      <c r="B17695" t="s">
        <v>35322</v>
      </c>
      <c r="C17695" t="s">
        <v>35323</v>
      </c>
    </row>
    <row r="17696" spans="1:3" x14ac:dyDescent="0.15">
      <c r="A17696">
        <v>7304</v>
      </c>
      <c r="B17696" t="s">
        <v>35324</v>
      </c>
      <c r="C17696" t="s">
        <v>35325</v>
      </c>
    </row>
    <row r="17697" spans="1:3" x14ac:dyDescent="0.15">
      <c r="A17697">
        <v>7303</v>
      </c>
      <c r="B17697" t="s">
        <v>35326</v>
      </c>
      <c r="C17697" t="s">
        <v>35327</v>
      </c>
    </row>
    <row r="17698" spans="1:3" x14ac:dyDescent="0.15">
      <c r="A17698">
        <v>7302</v>
      </c>
      <c r="B17698" t="s">
        <v>35328</v>
      </c>
      <c r="C17698" t="s">
        <v>35329</v>
      </c>
    </row>
    <row r="17699" spans="1:3" x14ac:dyDescent="0.15">
      <c r="A17699">
        <v>7301</v>
      </c>
      <c r="B17699" t="s">
        <v>35330</v>
      </c>
      <c r="C17699" t="s">
        <v>35331</v>
      </c>
    </row>
    <row r="17700" spans="1:3" x14ac:dyDescent="0.15">
      <c r="A17700">
        <v>7300</v>
      </c>
      <c r="B17700" t="s">
        <v>35332</v>
      </c>
      <c r="C17700" t="s">
        <v>35333</v>
      </c>
    </row>
    <row r="17701" spans="1:3" x14ac:dyDescent="0.15">
      <c r="A17701">
        <v>7299</v>
      </c>
      <c r="B17701" t="s">
        <v>35334</v>
      </c>
      <c r="C17701" t="s">
        <v>35335</v>
      </c>
    </row>
    <row r="17702" spans="1:3" x14ac:dyDescent="0.15">
      <c r="A17702">
        <v>7298</v>
      </c>
      <c r="B17702" t="s">
        <v>35336</v>
      </c>
      <c r="C17702" t="s">
        <v>35337</v>
      </c>
    </row>
    <row r="17703" spans="1:3" x14ac:dyDescent="0.15">
      <c r="A17703">
        <v>7297</v>
      </c>
      <c r="B17703" t="s">
        <v>35338</v>
      </c>
      <c r="C17703" t="s">
        <v>35339</v>
      </c>
    </row>
    <row r="17704" spans="1:3" x14ac:dyDescent="0.15">
      <c r="A17704">
        <v>7296</v>
      </c>
      <c r="B17704" t="s">
        <v>35340</v>
      </c>
      <c r="C17704" t="s">
        <v>35341</v>
      </c>
    </row>
    <row r="17705" spans="1:3" x14ac:dyDescent="0.15">
      <c r="A17705">
        <v>7295</v>
      </c>
      <c r="B17705" t="s">
        <v>35342</v>
      </c>
      <c r="C17705" t="s">
        <v>35343</v>
      </c>
    </row>
    <row r="17706" spans="1:3" x14ac:dyDescent="0.15">
      <c r="A17706">
        <v>7294</v>
      </c>
      <c r="B17706" t="s">
        <v>35344</v>
      </c>
      <c r="C17706" t="s">
        <v>35345</v>
      </c>
    </row>
    <row r="17707" spans="1:3" x14ac:dyDescent="0.15">
      <c r="A17707">
        <v>7293</v>
      </c>
      <c r="B17707" t="s">
        <v>35346</v>
      </c>
      <c r="C17707" t="s">
        <v>35347</v>
      </c>
    </row>
    <row r="17708" spans="1:3" x14ac:dyDescent="0.15">
      <c r="A17708">
        <v>7292</v>
      </c>
      <c r="B17708" t="s">
        <v>35348</v>
      </c>
      <c r="C17708" t="s">
        <v>35349</v>
      </c>
    </row>
    <row r="17709" spans="1:3" x14ac:dyDescent="0.15">
      <c r="A17709">
        <v>7291</v>
      </c>
      <c r="B17709" t="s">
        <v>35350</v>
      </c>
      <c r="C17709" t="s">
        <v>35351</v>
      </c>
    </row>
    <row r="17710" spans="1:3" x14ac:dyDescent="0.15">
      <c r="A17710">
        <v>7290</v>
      </c>
      <c r="B17710" t="s">
        <v>35352</v>
      </c>
      <c r="C17710" t="s">
        <v>35353</v>
      </c>
    </row>
    <row r="17711" spans="1:3" x14ac:dyDescent="0.15">
      <c r="A17711">
        <v>7289</v>
      </c>
      <c r="B17711" t="s">
        <v>35354</v>
      </c>
      <c r="C17711" t="s">
        <v>35355</v>
      </c>
    </row>
    <row r="17712" spans="1:3" x14ac:dyDescent="0.15">
      <c r="A17712">
        <v>7288</v>
      </c>
      <c r="B17712" t="s">
        <v>35356</v>
      </c>
      <c r="C17712" t="s">
        <v>35357</v>
      </c>
    </row>
    <row r="17713" spans="1:3" x14ac:dyDescent="0.15">
      <c r="A17713">
        <v>7287</v>
      </c>
      <c r="B17713" t="s">
        <v>35358</v>
      </c>
      <c r="C17713" t="s">
        <v>35359</v>
      </c>
    </row>
    <row r="17714" spans="1:3" x14ac:dyDescent="0.15">
      <c r="A17714">
        <v>7286</v>
      </c>
      <c r="B17714" t="s">
        <v>35360</v>
      </c>
      <c r="C17714" t="s">
        <v>35361</v>
      </c>
    </row>
    <row r="17715" spans="1:3" x14ac:dyDescent="0.15">
      <c r="A17715">
        <v>7285</v>
      </c>
      <c r="B17715" t="s">
        <v>35362</v>
      </c>
      <c r="C17715" t="s">
        <v>35363</v>
      </c>
    </row>
    <row r="17716" spans="1:3" x14ac:dyDescent="0.15">
      <c r="A17716">
        <v>7284</v>
      </c>
      <c r="B17716" t="s">
        <v>35364</v>
      </c>
      <c r="C17716" t="s">
        <v>35365</v>
      </c>
    </row>
    <row r="17717" spans="1:3" x14ac:dyDescent="0.15">
      <c r="A17717">
        <v>7283</v>
      </c>
      <c r="B17717" t="s">
        <v>35366</v>
      </c>
      <c r="C17717" t="s">
        <v>35367</v>
      </c>
    </row>
    <row r="17718" spans="1:3" x14ac:dyDescent="0.15">
      <c r="A17718">
        <v>7282</v>
      </c>
      <c r="B17718" t="s">
        <v>35368</v>
      </c>
      <c r="C17718" t="s">
        <v>35369</v>
      </c>
    </row>
    <row r="17719" spans="1:3" x14ac:dyDescent="0.15">
      <c r="A17719">
        <v>7281</v>
      </c>
      <c r="B17719" t="s">
        <v>35370</v>
      </c>
      <c r="C17719" t="s">
        <v>35371</v>
      </c>
    </row>
    <row r="17720" spans="1:3" x14ac:dyDescent="0.15">
      <c r="A17720">
        <v>7280</v>
      </c>
      <c r="B17720" t="s">
        <v>35372</v>
      </c>
      <c r="C17720" t="s">
        <v>35373</v>
      </c>
    </row>
    <row r="17721" spans="1:3" x14ac:dyDescent="0.15">
      <c r="A17721">
        <v>7279</v>
      </c>
      <c r="B17721" t="s">
        <v>35374</v>
      </c>
      <c r="C17721" t="s">
        <v>35375</v>
      </c>
    </row>
    <row r="17722" spans="1:3" x14ac:dyDescent="0.15">
      <c r="A17722">
        <v>7278</v>
      </c>
      <c r="B17722" t="s">
        <v>35376</v>
      </c>
      <c r="C17722" t="s">
        <v>35377</v>
      </c>
    </row>
    <row r="17723" spans="1:3" x14ac:dyDescent="0.15">
      <c r="A17723">
        <v>7277</v>
      </c>
      <c r="B17723" t="s">
        <v>35378</v>
      </c>
      <c r="C17723" t="s">
        <v>35379</v>
      </c>
    </row>
    <row r="17724" spans="1:3" x14ac:dyDescent="0.15">
      <c r="A17724">
        <v>7276</v>
      </c>
      <c r="B17724" t="s">
        <v>35380</v>
      </c>
      <c r="C17724" t="s">
        <v>35381</v>
      </c>
    </row>
    <row r="17725" spans="1:3" x14ac:dyDescent="0.15">
      <c r="A17725">
        <v>7275</v>
      </c>
      <c r="B17725" t="s">
        <v>35382</v>
      </c>
      <c r="C17725" t="s">
        <v>35383</v>
      </c>
    </row>
    <row r="17726" spans="1:3" x14ac:dyDescent="0.15">
      <c r="A17726">
        <v>7274</v>
      </c>
      <c r="B17726" t="s">
        <v>35384</v>
      </c>
      <c r="C17726" t="s">
        <v>35385</v>
      </c>
    </row>
    <row r="17727" spans="1:3" x14ac:dyDescent="0.15">
      <c r="A17727">
        <v>7273</v>
      </c>
      <c r="B17727" t="s">
        <v>35386</v>
      </c>
      <c r="C17727" t="s">
        <v>35387</v>
      </c>
    </row>
    <row r="17728" spans="1:3" x14ac:dyDescent="0.15">
      <c r="A17728">
        <v>7272</v>
      </c>
      <c r="B17728" t="s">
        <v>35388</v>
      </c>
      <c r="C17728" t="s">
        <v>35389</v>
      </c>
    </row>
    <row r="17729" spans="1:3" x14ac:dyDescent="0.15">
      <c r="A17729">
        <v>7271</v>
      </c>
      <c r="B17729" t="s">
        <v>35390</v>
      </c>
      <c r="C17729" t="s">
        <v>35391</v>
      </c>
    </row>
    <row r="17730" spans="1:3" x14ac:dyDescent="0.15">
      <c r="A17730">
        <v>7270</v>
      </c>
      <c r="B17730" t="s">
        <v>35392</v>
      </c>
      <c r="C17730" t="s">
        <v>35393</v>
      </c>
    </row>
    <row r="17731" spans="1:3" x14ac:dyDescent="0.15">
      <c r="A17731">
        <v>7269</v>
      </c>
      <c r="B17731" t="s">
        <v>35394</v>
      </c>
      <c r="C17731" t="s">
        <v>35395</v>
      </c>
    </row>
    <row r="17732" spans="1:3" x14ac:dyDescent="0.15">
      <c r="A17732">
        <v>7268</v>
      </c>
      <c r="B17732" t="s">
        <v>35396</v>
      </c>
      <c r="C17732" t="s">
        <v>35397</v>
      </c>
    </row>
    <row r="17733" spans="1:3" x14ac:dyDescent="0.15">
      <c r="A17733">
        <v>7267</v>
      </c>
      <c r="B17733" t="s">
        <v>35398</v>
      </c>
      <c r="C17733" t="s">
        <v>35399</v>
      </c>
    </row>
    <row r="17734" spans="1:3" x14ac:dyDescent="0.15">
      <c r="A17734">
        <v>7266</v>
      </c>
      <c r="B17734" t="s">
        <v>35400</v>
      </c>
      <c r="C17734" t="s">
        <v>35401</v>
      </c>
    </row>
    <row r="17735" spans="1:3" x14ac:dyDescent="0.15">
      <c r="A17735">
        <v>7265</v>
      </c>
      <c r="B17735" t="s">
        <v>35402</v>
      </c>
      <c r="C17735" t="s">
        <v>35403</v>
      </c>
    </row>
    <row r="17736" spans="1:3" x14ac:dyDescent="0.15">
      <c r="A17736">
        <v>7264</v>
      </c>
      <c r="B17736" t="s">
        <v>35404</v>
      </c>
      <c r="C17736" t="s">
        <v>35405</v>
      </c>
    </row>
    <row r="17737" spans="1:3" x14ac:dyDescent="0.15">
      <c r="A17737">
        <v>7263</v>
      </c>
      <c r="B17737" t="s">
        <v>35406</v>
      </c>
      <c r="C17737" t="s">
        <v>35407</v>
      </c>
    </row>
    <row r="17738" spans="1:3" x14ac:dyDescent="0.15">
      <c r="A17738">
        <v>7262</v>
      </c>
      <c r="B17738" t="s">
        <v>35408</v>
      </c>
      <c r="C17738" t="s">
        <v>35409</v>
      </c>
    </row>
    <row r="17739" spans="1:3" x14ac:dyDescent="0.15">
      <c r="A17739">
        <v>7261</v>
      </c>
      <c r="B17739" t="s">
        <v>35410</v>
      </c>
      <c r="C17739" t="s">
        <v>35411</v>
      </c>
    </row>
    <row r="17740" spans="1:3" x14ac:dyDescent="0.15">
      <c r="A17740">
        <v>7260</v>
      </c>
      <c r="B17740" t="s">
        <v>35412</v>
      </c>
      <c r="C17740" t="s">
        <v>35413</v>
      </c>
    </row>
    <row r="17741" spans="1:3" x14ac:dyDescent="0.15">
      <c r="A17741">
        <v>7259</v>
      </c>
      <c r="B17741" t="s">
        <v>35414</v>
      </c>
      <c r="C17741" t="s">
        <v>35415</v>
      </c>
    </row>
    <row r="17742" spans="1:3" x14ac:dyDescent="0.15">
      <c r="A17742">
        <v>7258</v>
      </c>
      <c r="B17742" t="s">
        <v>35416</v>
      </c>
      <c r="C17742" t="s">
        <v>35417</v>
      </c>
    </row>
    <row r="17743" spans="1:3" x14ac:dyDescent="0.15">
      <c r="A17743">
        <v>7257</v>
      </c>
      <c r="B17743" t="s">
        <v>35418</v>
      </c>
      <c r="C17743" t="s">
        <v>35419</v>
      </c>
    </row>
    <row r="17744" spans="1:3" x14ac:dyDescent="0.15">
      <c r="A17744">
        <v>7256</v>
      </c>
      <c r="B17744" t="s">
        <v>35420</v>
      </c>
      <c r="C17744" t="s">
        <v>35421</v>
      </c>
    </row>
    <row r="17745" spans="1:3" x14ac:dyDescent="0.15">
      <c r="A17745">
        <v>7255</v>
      </c>
      <c r="B17745" t="s">
        <v>35422</v>
      </c>
      <c r="C17745" t="s">
        <v>35423</v>
      </c>
    </row>
    <row r="17746" spans="1:3" x14ac:dyDescent="0.15">
      <c r="A17746">
        <v>7254</v>
      </c>
      <c r="B17746" t="s">
        <v>35424</v>
      </c>
      <c r="C17746" t="s">
        <v>35425</v>
      </c>
    </row>
    <row r="17747" spans="1:3" x14ac:dyDescent="0.15">
      <c r="A17747">
        <v>7253</v>
      </c>
      <c r="B17747" t="s">
        <v>35426</v>
      </c>
      <c r="C17747" t="s">
        <v>35427</v>
      </c>
    </row>
    <row r="17748" spans="1:3" x14ac:dyDescent="0.15">
      <c r="A17748">
        <v>7252</v>
      </c>
      <c r="B17748" t="s">
        <v>35428</v>
      </c>
      <c r="C17748" t="s">
        <v>35429</v>
      </c>
    </row>
    <row r="17749" spans="1:3" x14ac:dyDescent="0.15">
      <c r="A17749">
        <v>7251</v>
      </c>
      <c r="B17749" t="s">
        <v>35430</v>
      </c>
      <c r="C17749" t="s">
        <v>35431</v>
      </c>
    </row>
    <row r="17750" spans="1:3" x14ac:dyDescent="0.15">
      <c r="A17750">
        <v>7250</v>
      </c>
      <c r="B17750" t="s">
        <v>35432</v>
      </c>
      <c r="C17750" t="s">
        <v>35433</v>
      </c>
    </row>
    <row r="17751" spans="1:3" x14ac:dyDescent="0.15">
      <c r="A17751">
        <v>7249</v>
      </c>
      <c r="B17751" t="s">
        <v>35434</v>
      </c>
      <c r="C17751" t="s">
        <v>35435</v>
      </c>
    </row>
    <row r="17752" spans="1:3" x14ac:dyDescent="0.15">
      <c r="A17752">
        <v>7248</v>
      </c>
      <c r="B17752" t="s">
        <v>35436</v>
      </c>
      <c r="C17752" t="s">
        <v>35437</v>
      </c>
    </row>
    <row r="17753" spans="1:3" x14ac:dyDescent="0.15">
      <c r="A17753">
        <v>7247</v>
      </c>
      <c r="B17753" t="s">
        <v>35438</v>
      </c>
      <c r="C17753" t="s">
        <v>35439</v>
      </c>
    </row>
    <row r="17754" spans="1:3" x14ac:dyDescent="0.15">
      <c r="A17754">
        <v>7246</v>
      </c>
      <c r="B17754" t="s">
        <v>35440</v>
      </c>
      <c r="C17754" t="s">
        <v>35441</v>
      </c>
    </row>
    <row r="17755" spans="1:3" x14ac:dyDescent="0.15">
      <c r="A17755">
        <v>7245</v>
      </c>
      <c r="B17755" t="s">
        <v>35442</v>
      </c>
      <c r="C17755" t="s">
        <v>35443</v>
      </c>
    </row>
    <row r="17756" spans="1:3" x14ac:dyDescent="0.15">
      <c r="A17756">
        <v>7244</v>
      </c>
      <c r="B17756" t="s">
        <v>35444</v>
      </c>
      <c r="C17756" t="s">
        <v>35445</v>
      </c>
    </row>
    <row r="17757" spans="1:3" x14ac:dyDescent="0.15">
      <c r="A17757">
        <v>7243</v>
      </c>
      <c r="B17757" t="s">
        <v>35446</v>
      </c>
      <c r="C17757" t="s">
        <v>35447</v>
      </c>
    </row>
    <row r="17758" spans="1:3" x14ac:dyDescent="0.15">
      <c r="A17758">
        <v>7242</v>
      </c>
      <c r="B17758" t="s">
        <v>35448</v>
      </c>
      <c r="C17758" t="s">
        <v>35449</v>
      </c>
    </row>
    <row r="17759" spans="1:3" x14ac:dyDescent="0.15">
      <c r="A17759">
        <v>7241</v>
      </c>
      <c r="B17759" t="s">
        <v>35450</v>
      </c>
      <c r="C17759" t="s">
        <v>35451</v>
      </c>
    </row>
    <row r="17760" spans="1:3" x14ac:dyDescent="0.15">
      <c r="A17760">
        <v>7240</v>
      </c>
      <c r="B17760" t="s">
        <v>35452</v>
      </c>
      <c r="C17760" t="s">
        <v>35453</v>
      </c>
    </row>
    <row r="17761" spans="1:3" x14ac:dyDescent="0.15">
      <c r="A17761">
        <v>7239</v>
      </c>
      <c r="B17761" t="s">
        <v>35454</v>
      </c>
      <c r="C17761" t="s">
        <v>35455</v>
      </c>
    </row>
    <row r="17762" spans="1:3" x14ac:dyDescent="0.15">
      <c r="A17762">
        <v>7238</v>
      </c>
      <c r="B17762" t="s">
        <v>35456</v>
      </c>
      <c r="C17762" t="s">
        <v>35457</v>
      </c>
    </row>
    <row r="17763" spans="1:3" x14ac:dyDescent="0.15">
      <c r="A17763">
        <v>7237</v>
      </c>
      <c r="B17763" t="s">
        <v>35458</v>
      </c>
      <c r="C17763" t="s">
        <v>35459</v>
      </c>
    </row>
    <row r="17764" spans="1:3" x14ac:dyDescent="0.15">
      <c r="A17764">
        <v>7236</v>
      </c>
      <c r="B17764" t="s">
        <v>35460</v>
      </c>
      <c r="C17764" t="s">
        <v>35461</v>
      </c>
    </row>
    <row r="17765" spans="1:3" x14ac:dyDescent="0.15">
      <c r="A17765">
        <v>7235</v>
      </c>
      <c r="B17765" t="s">
        <v>35462</v>
      </c>
      <c r="C17765" t="s">
        <v>35463</v>
      </c>
    </row>
    <row r="17766" spans="1:3" x14ac:dyDescent="0.15">
      <c r="A17766">
        <v>7234</v>
      </c>
      <c r="B17766" t="s">
        <v>35464</v>
      </c>
      <c r="C17766" t="s">
        <v>35465</v>
      </c>
    </row>
    <row r="17767" spans="1:3" x14ac:dyDescent="0.15">
      <c r="A17767">
        <v>7233</v>
      </c>
      <c r="B17767" t="s">
        <v>35466</v>
      </c>
      <c r="C17767" t="s">
        <v>35467</v>
      </c>
    </row>
    <row r="17768" spans="1:3" x14ac:dyDescent="0.15">
      <c r="A17768">
        <v>7232</v>
      </c>
      <c r="B17768" t="s">
        <v>35468</v>
      </c>
      <c r="C17768" t="s">
        <v>35469</v>
      </c>
    </row>
    <row r="17769" spans="1:3" x14ac:dyDescent="0.15">
      <c r="A17769">
        <v>7231</v>
      </c>
      <c r="B17769" t="s">
        <v>35470</v>
      </c>
      <c r="C17769" t="s">
        <v>35471</v>
      </c>
    </row>
    <row r="17770" spans="1:3" x14ac:dyDescent="0.15">
      <c r="A17770">
        <v>7230</v>
      </c>
      <c r="B17770" t="s">
        <v>35472</v>
      </c>
      <c r="C17770" t="s">
        <v>35473</v>
      </c>
    </row>
    <row r="17771" spans="1:3" x14ac:dyDescent="0.15">
      <c r="A17771">
        <v>7229</v>
      </c>
      <c r="B17771" t="s">
        <v>35474</v>
      </c>
      <c r="C17771" t="s">
        <v>35475</v>
      </c>
    </row>
    <row r="17772" spans="1:3" x14ac:dyDescent="0.15">
      <c r="A17772">
        <v>7228</v>
      </c>
      <c r="B17772" t="s">
        <v>35476</v>
      </c>
      <c r="C17772" t="s">
        <v>35477</v>
      </c>
    </row>
    <row r="17773" spans="1:3" x14ac:dyDescent="0.15">
      <c r="A17773">
        <v>7227</v>
      </c>
      <c r="B17773" t="s">
        <v>35478</v>
      </c>
      <c r="C17773" t="s">
        <v>35479</v>
      </c>
    </row>
    <row r="17774" spans="1:3" x14ac:dyDescent="0.15">
      <c r="A17774">
        <v>7226</v>
      </c>
      <c r="B17774" t="s">
        <v>35480</v>
      </c>
      <c r="C17774" t="s">
        <v>35481</v>
      </c>
    </row>
    <row r="17775" spans="1:3" x14ac:dyDescent="0.15">
      <c r="A17775">
        <v>7225</v>
      </c>
      <c r="B17775" t="s">
        <v>35482</v>
      </c>
      <c r="C17775" t="s">
        <v>35483</v>
      </c>
    </row>
    <row r="17776" spans="1:3" x14ac:dyDescent="0.15">
      <c r="A17776">
        <v>7224</v>
      </c>
      <c r="B17776" t="s">
        <v>35484</v>
      </c>
      <c r="C17776" t="s">
        <v>35485</v>
      </c>
    </row>
    <row r="17777" spans="1:3" x14ac:dyDescent="0.15">
      <c r="A17777">
        <v>7223</v>
      </c>
      <c r="B17777" t="s">
        <v>35486</v>
      </c>
      <c r="C17777" t="s">
        <v>35487</v>
      </c>
    </row>
    <row r="17778" spans="1:3" x14ac:dyDescent="0.15">
      <c r="A17778">
        <v>7222</v>
      </c>
      <c r="B17778" t="s">
        <v>35488</v>
      </c>
      <c r="C17778" t="s">
        <v>35489</v>
      </c>
    </row>
    <row r="17779" spans="1:3" x14ac:dyDescent="0.15">
      <c r="A17779">
        <v>7221</v>
      </c>
      <c r="B17779" t="s">
        <v>35490</v>
      </c>
      <c r="C17779" t="s">
        <v>35491</v>
      </c>
    </row>
    <row r="17780" spans="1:3" x14ac:dyDescent="0.15">
      <c r="A17780">
        <v>7220</v>
      </c>
      <c r="B17780" t="s">
        <v>35492</v>
      </c>
      <c r="C17780" t="s">
        <v>35493</v>
      </c>
    </row>
    <row r="17781" spans="1:3" x14ac:dyDescent="0.15">
      <c r="A17781">
        <v>7219</v>
      </c>
      <c r="B17781" t="s">
        <v>35494</v>
      </c>
      <c r="C17781" t="s">
        <v>35495</v>
      </c>
    </row>
    <row r="17782" spans="1:3" x14ac:dyDescent="0.15">
      <c r="A17782">
        <v>7218</v>
      </c>
      <c r="B17782" t="s">
        <v>35496</v>
      </c>
      <c r="C17782" t="s">
        <v>35497</v>
      </c>
    </row>
    <row r="17783" spans="1:3" x14ac:dyDescent="0.15">
      <c r="A17783">
        <v>7217</v>
      </c>
      <c r="B17783" t="s">
        <v>35498</v>
      </c>
      <c r="C17783" t="s">
        <v>35499</v>
      </c>
    </row>
    <row r="17784" spans="1:3" x14ac:dyDescent="0.15">
      <c r="A17784">
        <v>7216</v>
      </c>
      <c r="B17784" t="s">
        <v>35500</v>
      </c>
      <c r="C17784" t="s">
        <v>35501</v>
      </c>
    </row>
    <row r="17785" spans="1:3" x14ac:dyDescent="0.15">
      <c r="A17785">
        <v>7215</v>
      </c>
      <c r="B17785" t="s">
        <v>35502</v>
      </c>
      <c r="C17785" t="s">
        <v>35503</v>
      </c>
    </row>
    <row r="17786" spans="1:3" x14ac:dyDescent="0.15">
      <c r="A17786">
        <v>7214</v>
      </c>
      <c r="B17786" t="s">
        <v>35504</v>
      </c>
      <c r="C17786" t="s">
        <v>35505</v>
      </c>
    </row>
    <row r="17787" spans="1:3" x14ac:dyDescent="0.15">
      <c r="A17787">
        <v>7213</v>
      </c>
      <c r="B17787" t="s">
        <v>35506</v>
      </c>
      <c r="C17787" t="s">
        <v>35507</v>
      </c>
    </row>
    <row r="17788" spans="1:3" x14ac:dyDescent="0.15">
      <c r="A17788">
        <v>7212</v>
      </c>
      <c r="B17788" t="s">
        <v>35508</v>
      </c>
      <c r="C17788" t="s">
        <v>35509</v>
      </c>
    </row>
    <row r="17789" spans="1:3" x14ac:dyDescent="0.15">
      <c r="A17789">
        <v>7211</v>
      </c>
      <c r="B17789" t="s">
        <v>35510</v>
      </c>
      <c r="C17789" t="s">
        <v>35511</v>
      </c>
    </row>
    <row r="17790" spans="1:3" x14ac:dyDescent="0.15">
      <c r="A17790">
        <v>7210</v>
      </c>
      <c r="B17790" t="s">
        <v>35512</v>
      </c>
      <c r="C17790" t="s">
        <v>35513</v>
      </c>
    </row>
    <row r="17791" spans="1:3" x14ac:dyDescent="0.15">
      <c r="A17791">
        <v>7209</v>
      </c>
      <c r="B17791" t="s">
        <v>35514</v>
      </c>
      <c r="C17791" t="s">
        <v>35515</v>
      </c>
    </row>
    <row r="17792" spans="1:3" x14ac:dyDescent="0.15">
      <c r="A17792">
        <v>7208</v>
      </c>
      <c r="B17792" t="s">
        <v>35516</v>
      </c>
      <c r="C17792" t="s">
        <v>35517</v>
      </c>
    </row>
    <row r="17793" spans="1:3" x14ac:dyDescent="0.15">
      <c r="A17793">
        <v>7207</v>
      </c>
      <c r="B17793" t="s">
        <v>35518</v>
      </c>
      <c r="C17793" t="s">
        <v>35519</v>
      </c>
    </row>
    <row r="17794" spans="1:3" x14ac:dyDescent="0.15">
      <c r="A17794">
        <v>7206</v>
      </c>
      <c r="B17794" t="s">
        <v>35520</v>
      </c>
      <c r="C17794" t="s">
        <v>35521</v>
      </c>
    </row>
    <row r="17795" spans="1:3" x14ac:dyDescent="0.15">
      <c r="A17795">
        <v>7205</v>
      </c>
      <c r="B17795" t="s">
        <v>35522</v>
      </c>
      <c r="C17795" t="s">
        <v>35523</v>
      </c>
    </row>
    <row r="17796" spans="1:3" x14ac:dyDescent="0.15">
      <c r="A17796">
        <v>7204</v>
      </c>
      <c r="B17796" t="s">
        <v>35524</v>
      </c>
      <c r="C17796" t="s">
        <v>35525</v>
      </c>
    </row>
    <row r="17797" spans="1:3" x14ac:dyDescent="0.15">
      <c r="A17797">
        <v>7203</v>
      </c>
      <c r="B17797" t="s">
        <v>35526</v>
      </c>
      <c r="C17797" t="s">
        <v>35527</v>
      </c>
    </row>
    <row r="17798" spans="1:3" x14ac:dyDescent="0.15">
      <c r="A17798">
        <v>7202</v>
      </c>
      <c r="B17798" t="s">
        <v>35528</v>
      </c>
      <c r="C17798" t="s">
        <v>35529</v>
      </c>
    </row>
    <row r="17799" spans="1:3" x14ac:dyDescent="0.15">
      <c r="A17799">
        <v>7201</v>
      </c>
      <c r="B17799" t="s">
        <v>35530</v>
      </c>
      <c r="C17799" t="s">
        <v>35531</v>
      </c>
    </row>
    <row r="17800" spans="1:3" x14ac:dyDescent="0.15">
      <c r="A17800">
        <v>7200</v>
      </c>
      <c r="B17800" t="s">
        <v>35532</v>
      </c>
      <c r="C17800" t="s">
        <v>35533</v>
      </c>
    </row>
    <row r="17801" spans="1:3" x14ac:dyDescent="0.15">
      <c r="A17801">
        <v>7199</v>
      </c>
      <c r="B17801" t="s">
        <v>35534</v>
      </c>
      <c r="C17801" t="s">
        <v>35535</v>
      </c>
    </row>
    <row r="17802" spans="1:3" x14ac:dyDescent="0.15">
      <c r="A17802">
        <v>7198</v>
      </c>
      <c r="B17802" t="s">
        <v>35536</v>
      </c>
      <c r="C17802" t="s">
        <v>35537</v>
      </c>
    </row>
    <row r="17803" spans="1:3" x14ac:dyDescent="0.15">
      <c r="A17803">
        <v>7197</v>
      </c>
      <c r="B17803" t="s">
        <v>35538</v>
      </c>
      <c r="C17803" t="s">
        <v>35539</v>
      </c>
    </row>
    <row r="17804" spans="1:3" x14ac:dyDescent="0.15">
      <c r="A17804">
        <v>7196</v>
      </c>
      <c r="B17804" t="s">
        <v>35540</v>
      </c>
      <c r="C17804" t="s">
        <v>35541</v>
      </c>
    </row>
    <row r="17805" spans="1:3" x14ac:dyDescent="0.15">
      <c r="A17805">
        <v>7195</v>
      </c>
      <c r="B17805" t="s">
        <v>35542</v>
      </c>
      <c r="C17805" t="s">
        <v>35543</v>
      </c>
    </row>
    <row r="17806" spans="1:3" x14ac:dyDescent="0.15">
      <c r="A17806">
        <v>7194</v>
      </c>
      <c r="B17806" t="s">
        <v>35544</v>
      </c>
      <c r="C17806" t="s">
        <v>35545</v>
      </c>
    </row>
    <row r="17807" spans="1:3" x14ac:dyDescent="0.15">
      <c r="A17807">
        <v>7193</v>
      </c>
      <c r="B17807" t="s">
        <v>35546</v>
      </c>
      <c r="C17807" t="s">
        <v>35547</v>
      </c>
    </row>
    <row r="17808" spans="1:3" x14ac:dyDescent="0.15">
      <c r="A17808">
        <v>7192</v>
      </c>
      <c r="B17808" t="s">
        <v>35548</v>
      </c>
      <c r="C17808" t="s">
        <v>35549</v>
      </c>
    </row>
    <row r="17809" spans="1:3" x14ac:dyDescent="0.15">
      <c r="A17809">
        <v>7191</v>
      </c>
      <c r="B17809" t="s">
        <v>35550</v>
      </c>
      <c r="C17809" t="s">
        <v>35551</v>
      </c>
    </row>
    <row r="17810" spans="1:3" x14ac:dyDescent="0.15">
      <c r="A17810">
        <v>7190</v>
      </c>
      <c r="B17810" t="s">
        <v>35552</v>
      </c>
      <c r="C17810" t="s">
        <v>35553</v>
      </c>
    </row>
    <row r="17811" spans="1:3" x14ac:dyDescent="0.15">
      <c r="A17811">
        <v>7189</v>
      </c>
      <c r="B17811" t="s">
        <v>35554</v>
      </c>
      <c r="C17811" t="s">
        <v>35555</v>
      </c>
    </row>
    <row r="17812" spans="1:3" x14ac:dyDescent="0.15">
      <c r="A17812">
        <v>7188</v>
      </c>
      <c r="B17812" t="s">
        <v>35556</v>
      </c>
      <c r="C17812" t="s">
        <v>35557</v>
      </c>
    </row>
    <row r="17813" spans="1:3" x14ac:dyDescent="0.15">
      <c r="A17813">
        <v>7187</v>
      </c>
      <c r="B17813" t="s">
        <v>35558</v>
      </c>
      <c r="C17813" t="s">
        <v>35559</v>
      </c>
    </row>
    <row r="17814" spans="1:3" x14ac:dyDescent="0.15">
      <c r="A17814">
        <v>7186</v>
      </c>
      <c r="B17814" t="s">
        <v>35560</v>
      </c>
      <c r="C17814" t="s">
        <v>35561</v>
      </c>
    </row>
    <row r="17815" spans="1:3" x14ac:dyDescent="0.15">
      <c r="A17815">
        <v>7185</v>
      </c>
      <c r="B17815" t="s">
        <v>35562</v>
      </c>
      <c r="C17815" t="s">
        <v>35563</v>
      </c>
    </row>
    <row r="17816" spans="1:3" x14ac:dyDescent="0.15">
      <c r="A17816">
        <v>7184</v>
      </c>
      <c r="B17816" t="s">
        <v>35564</v>
      </c>
      <c r="C17816" t="s">
        <v>35565</v>
      </c>
    </row>
    <row r="17817" spans="1:3" x14ac:dyDescent="0.15">
      <c r="A17817">
        <v>7183</v>
      </c>
      <c r="B17817" t="s">
        <v>35566</v>
      </c>
      <c r="C17817" t="s">
        <v>35567</v>
      </c>
    </row>
    <row r="17818" spans="1:3" x14ac:dyDescent="0.15">
      <c r="A17818">
        <v>7182</v>
      </c>
      <c r="B17818" t="s">
        <v>35568</v>
      </c>
      <c r="C17818" t="s">
        <v>35569</v>
      </c>
    </row>
    <row r="17819" spans="1:3" x14ac:dyDescent="0.15">
      <c r="A17819">
        <v>7181</v>
      </c>
      <c r="B17819" t="s">
        <v>35570</v>
      </c>
      <c r="C17819" t="s">
        <v>35571</v>
      </c>
    </row>
    <row r="17820" spans="1:3" x14ac:dyDescent="0.15">
      <c r="A17820">
        <v>7180</v>
      </c>
      <c r="B17820" t="s">
        <v>35572</v>
      </c>
      <c r="C17820" t="s">
        <v>35573</v>
      </c>
    </row>
    <row r="17821" spans="1:3" x14ac:dyDescent="0.15">
      <c r="A17821">
        <v>7179</v>
      </c>
      <c r="B17821" t="s">
        <v>35574</v>
      </c>
      <c r="C17821" t="s">
        <v>35575</v>
      </c>
    </row>
    <row r="17822" spans="1:3" x14ac:dyDescent="0.15">
      <c r="A17822">
        <v>7178</v>
      </c>
      <c r="B17822" t="s">
        <v>35576</v>
      </c>
      <c r="C17822" t="s">
        <v>35577</v>
      </c>
    </row>
    <row r="17823" spans="1:3" x14ac:dyDescent="0.15">
      <c r="A17823">
        <v>7177</v>
      </c>
      <c r="B17823" t="s">
        <v>35578</v>
      </c>
      <c r="C17823" t="s">
        <v>35579</v>
      </c>
    </row>
    <row r="17824" spans="1:3" x14ac:dyDescent="0.15">
      <c r="A17824">
        <v>7176</v>
      </c>
      <c r="B17824" t="s">
        <v>35580</v>
      </c>
      <c r="C17824" t="s">
        <v>35581</v>
      </c>
    </row>
    <row r="17825" spans="1:3" x14ac:dyDescent="0.15">
      <c r="A17825">
        <v>7175</v>
      </c>
      <c r="B17825" t="s">
        <v>35582</v>
      </c>
      <c r="C17825" t="s">
        <v>35583</v>
      </c>
    </row>
    <row r="17826" spans="1:3" x14ac:dyDescent="0.15">
      <c r="A17826">
        <v>7174</v>
      </c>
      <c r="B17826" t="s">
        <v>35584</v>
      </c>
      <c r="C17826" t="s">
        <v>35585</v>
      </c>
    </row>
    <row r="17827" spans="1:3" x14ac:dyDescent="0.15">
      <c r="A17827">
        <v>7173</v>
      </c>
      <c r="B17827" t="s">
        <v>35586</v>
      </c>
      <c r="C17827" t="s">
        <v>35587</v>
      </c>
    </row>
    <row r="17828" spans="1:3" x14ac:dyDescent="0.15">
      <c r="A17828">
        <v>7172</v>
      </c>
      <c r="B17828" t="s">
        <v>35588</v>
      </c>
      <c r="C17828" t="s">
        <v>35589</v>
      </c>
    </row>
    <row r="17829" spans="1:3" x14ac:dyDescent="0.15">
      <c r="A17829">
        <v>7171</v>
      </c>
      <c r="B17829" t="s">
        <v>35590</v>
      </c>
      <c r="C17829" t="s">
        <v>35591</v>
      </c>
    </row>
    <row r="17830" spans="1:3" x14ac:dyDescent="0.15">
      <c r="A17830">
        <v>7170</v>
      </c>
      <c r="B17830" t="s">
        <v>35592</v>
      </c>
      <c r="C17830" t="s">
        <v>35593</v>
      </c>
    </row>
    <row r="17831" spans="1:3" x14ac:dyDescent="0.15">
      <c r="A17831">
        <v>7169</v>
      </c>
      <c r="B17831" t="s">
        <v>35594</v>
      </c>
      <c r="C17831" t="s">
        <v>35595</v>
      </c>
    </row>
    <row r="17832" spans="1:3" x14ac:dyDescent="0.15">
      <c r="A17832">
        <v>7168</v>
      </c>
      <c r="B17832" t="s">
        <v>35596</v>
      </c>
      <c r="C17832" t="s">
        <v>35597</v>
      </c>
    </row>
    <row r="17833" spans="1:3" x14ac:dyDescent="0.15">
      <c r="A17833">
        <v>7167</v>
      </c>
      <c r="B17833" t="s">
        <v>35598</v>
      </c>
      <c r="C17833" t="s">
        <v>35599</v>
      </c>
    </row>
    <row r="17834" spans="1:3" x14ac:dyDescent="0.15">
      <c r="A17834">
        <v>7166</v>
      </c>
      <c r="B17834" t="s">
        <v>35600</v>
      </c>
      <c r="C17834" t="s">
        <v>35601</v>
      </c>
    </row>
    <row r="17835" spans="1:3" x14ac:dyDescent="0.15">
      <c r="A17835">
        <v>7165</v>
      </c>
      <c r="B17835" t="s">
        <v>35602</v>
      </c>
      <c r="C17835" t="s">
        <v>35603</v>
      </c>
    </row>
    <row r="17836" spans="1:3" x14ac:dyDescent="0.15">
      <c r="A17836">
        <v>7164</v>
      </c>
      <c r="B17836" t="s">
        <v>35604</v>
      </c>
      <c r="C17836" t="s">
        <v>35605</v>
      </c>
    </row>
    <row r="17837" spans="1:3" x14ac:dyDescent="0.15">
      <c r="A17837">
        <v>7163</v>
      </c>
      <c r="B17837" t="s">
        <v>35606</v>
      </c>
      <c r="C17837" t="s">
        <v>35607</v>
      </c>
    </row>
    <row r="17838" spans="1:3" x14ac:dyDescent="0.15">
      <c r="A17838">
        <v>7162</v>
      </c>
      <c r="B17838" t="s">
        <v>35608</v>
      </c>
      <c r="C17838" t="s">
        <v>35609</v>
      </c>
    </row>
    <row r="17839" spans="1:3" x14ac:dyDescent="0.15">
      <c r="A17839">
        <v>7161</v>
      </c>
      <c r="B17839" t="s">
        <v>35610</v>
      </c>
      <c r="C17839" t="s">
        <v>35611</v>
      </c>
    </row>
    <row r="17840" spans="1:3" x14ac:dyDescent="0.15">
      <c r="A17840">
        <v>7160</v>
      </c>
      <c r="B17840" t="s">
        <v>35612</v>
      </c>
      <c r="C17840" t="s">
        <v>35613</v>
      </c>
    </row>
    <row r="17841" spans="1:3" x14ac:dyDescent="0.15">
      <c r="A17841">
        <v>7159</v>
      </c>
      <c r="B17841" t="s">
        <v>35614</v>
      </c>
      <c r="C17841" t="s">
        <v>35615</v>
      </c>
    </row>
    <row r="17842" spans="1:3" x14ac:dyDescent="0.15">
      <c r="A17842">
        <v>7158</v>
      </c>
      <c r="B17842" t="s">
        <v>35616</v>
      </c>
      <c r="C17842" t="s">
        <v>35617</v>
      </c>
    </row>
    <row r="17843" spans="1:3" x14ac:dyDescent="0.15">
      <c r="A17843">
        <v>7157</v>
      </c>
      <c r="B17843" t="s">
        <v>35618</v>
      </c>
      <c r="C17843" t="s">
        <v>35619</v>
      </c>
    </row>
    <row r="17844" spans="1:3" x14ac:dyDescent="0.15">
      <c r="A17844">
        <v>7156</v>
      </c>
      <c r="B17844" t="s">
        <v>35620</v>
      </c>
      <c r="C17844" t="s">
        <v>35621</v>
      </c>
    </row>
    <row r="17845" spans="1:3" x14ac:dyDescent="0.15">
      <c r="A17845">
        <v>7155</v>
      </c>
      <c r="B17845" t="s">
        <v>35622</v>
      </c>
      <c r="C17845" t="s">
        <v>35623</v>
      </c>
    </row>
    <row r="17846" spans="1:3" x14ac:dyDescent="0.15">
      <c r="A17846">
        <v>7154</v>
      </c>
      <c r="B17846" t="s">
        <v>35624</v>
      </c>
      <c r="C17846" t="s">
        <v>35625</v>
      </c>
    </row>
    <row r="17847" spans="1:3" x14ac:dyDescent="0.15">
      <c r="A17847">
        <v>7153</v>
      </c>
      <c r="B17847" t="s">
        <v>35626</v>
      </c>
      <c r="C17847" t="s">
        <v>35627</v>
      </c>
    </row>
    <row r="17848" spans="1:3" x14ac:dyDescent="0.15">
      <c r="A17848">
        <v>7152</v>
      </c>
      <c r="B17848" t="s">
        <v>35628</v>
      </c>
      <c r="C17848" t="s">
        <v>35629</v>
      </c>
    </row>
    <row r="17849" spans="1:3" x14ac:dyDescent="0.15">
      <c r="A17849">
        <v>7151</v>
      </c>
      <c r="B17849" t="s">
        <v>35630</v>
      </c>
      <c r="C17849" t="s">
        <v>35631</v>
      </c>
    </row>
    <row r="17850" spans="1:3" x14ac:dyDescent="0.15">
      <c r="A17850">
        <v>7150</v>
      </c>
      <c r="B17850" t="s">
        <v>35632</v>
      </c>
      <c r="C17850" t="s">
        <v>35633</v>
      </c>
    </row>
    <row r="17851" spans="1:3" x14ac:dyDescent="0.15">
      <c r="A17851">
        <v>7149</v>
      </c>
      <c r="B17851" t="s">
        <v>35634</v>
      </c>
      <c r="C17851" t="s">
        <v>35635</v>
      </c>
    </row>
    <row r="17852" spans="1:3" x14ac:dyDescent="0.15">
      <c r="A17852">
        <v>7148</v>
      </c>
      <c r="B17852" t="s">
        <v>35636</v>
      </c>
      <c r="C17852" t="s">
        <v>35637</v>
      </c>
    </row>
    <row r="17853" spans="1:3" x14ac:dyDescent="0.15">
      <c r="A17853">
        <v>7147</v>
      </c>
      <c r="B17853" t="s">
        <v>35638</v>
      </c>
      <c r="C17853" t="s">
        <v>35639</v>
      </c>
    </row>
    <row r="17854" spans="1:3" x14ac:dyDescent="0.15">
      <c r="A17854">
        <v>7146</v>
      </c>
      <c r="B17854" t="s">
        <v>35640</v>
      </c>
      <c r="C17854" t="s">
        <v>35641</v>
      </c>
    </row>
    <row r="17855" spans="1:3" x14ac:dyDescent="0.15">
      <c r="A17855">
        <v>7145</v>
      </c>
      <c r="B17855" t="s">
        <v>35642</v>
      </c>
      <c r="C17855" t="s">
        <v>35643</v>
      </c>
    </row>
    <row r="17856" spans="1:3" x14ac:dyDescent="0.15">
      <c r="A17856">
        <v>7144</v>
      </c>
      <c r="B17856" t="s">
        <v>35644</v>
      </c>
      <c r="C17856" t="s">
        <v>35645</v>
      </c>
    </row>
    <row r="17857" spans="1:3" x14ac:dyDescent="0.15">
      <c r="A17857">
        <v>7143</v>
      </c>
      <c r="B17857" t="s">
        <v>35646</v>
      </c>
      <c r="C17857" t="s">
        <v>35647</v>
      </c>
    </row>
    <row r="17858" spans="1:3" x14ac:dyDescent="0.15">
      <c r="A17858">
        <v>7142</v>
      </c>
      <c r="B17858" t="s">
        <v>35648</v>
      </c>
      <c r="C17858" t="s">
        <v>35649</v>
      </c>
    </row>
    <row r="17859" spans="1:3" x14ac:dyDescent="0.15">
      <c r="A17859">
        <v>7141</v>
      </c>
      <c r="B17859" t="s">
        <v>35650</v>
      </c>
      <c r="C17859" t="s">
        <v>35651</v>
      </c>
    </row>
    <row r="17860" spans="1:3" x14ac:dyDescent="0.15">
      <c r="A17860">
        <v>7140</v>
      </c>
      <c r="B17860" t="s">
        <v>35652</v>
      </c>
      <c r="C17860" t="s">
        <v>35653</v>
      </c>
    </row>
    <row r="17861" spans="1:3" x14ac:dyDescent="0.15">
      <c r="A17861">
        <v>7139</v>
      </c>
      <c r="B17861" t="s">
        <v>35654</v>
      </c>
      <c r="C17861" t="s">
        <v>35655</v>
      </c>
    </row>
    <row r="17862" spans="1:3" x14ac:dyDescent="0.15">
      <c r="A17862">
        <v>7138</v>
      </c>
      <c r="B17862" t="s">
        <v>35656</v>
      </c>
      <c r="C17862" t="s">
        <v>35657</v>
      </c>
    </row>
    <row r="17863" spans="1:3" x14ac:dyDescent="0.15">
      <c r="A17863">
        <v>7137</v>
      </c>
      <c r="B17863" t="s">
        <v>35658</v>
      </c>
      <c r="C17863" t="s">
        <v>35659</v>
      </c>
    </row>
    <row r="17864" spans="1:3" x14ac:dyDescent="0.15">
      <c r="A17864">
        <v>7136</v>
      </c>
      <c r="B17864" t="s">
        <v>35660</v>
      </c>
      <c r="C17864" t="s">
        <v>35661</v>
      </c>
    </row>
    <row r="17865" spans="1:3" x14ac:dyDescent="0.15">
      <c r="A17865">
        <v>7135</v>
      </c>
      <c r="B17865" t="s">
        <v>35662</v>
      </c>
      <c r="C17865" t="s">
        <v>35663</v>
      </c>
    </row>
    <row r="17866" spans="1:3" x14ac:dyDescent="0.15">
      <c r="A17866">
        <v>7134</v>
      </c>
      <c r="B17866" t="s">
        <v>35664</v>
      </c>
      <c r="C17866" t="s">
        <v>35665</v>
      </c>
    </row>
    <row r="17867" spans="1:3" x14ac:dyDescent="0.15">
      <c r="A17867">
        <v>7133</v>
      </c>
      <c r="B17867" t="s">
        <v>35666</v>
      </c>
      <c r="C17867" t="s">
        <v>35667</v>
      </c>
    </row>
    <row r="17868" spans="1:3" x14ac:dyDescent="0.15">
      <c r="A17868">
        <v>7132</v>
      </c>
      <c r="B17868" t="s">
        <v>35668</v>
      </c>
      <c r="C17868" t="s">
        <v>35669</v>
      </c>
    </row>
    <row r="17869" spans="1:3" x14ac:dyDescent="0.15">
      <c r="A17869">
        <v>7131</v>
      </c>
      <c r="B17869" t="s">
        <v>35670</v>
      </c>
      <c r="C17869" t="s">
        <v>35671</v>
      </c>
    </row>
    <row r="17870" spans="1:3" x14ac:dyDescent="0.15">
      <c r="A17870">
        <v>7130</v>
      </c>
      <c r="B17870" t="s">
        <v>35672</v>
      </c>
      <c r="C17870" t="s">
        <v>35673</v>
      </c>
    </row>
    <row r="17871" spans="1:3" x14ac:dyDescent="0.15">
      <c r="A17871">
        <v>7129</v>
      </c>
      <c r="B17871" t="s">
        <v>35674</v>
      </c>
      <c r="C17871" t="s">
        <v>35675</v>
      </c>
    </row>
    <row r="17872" spans="1:3" x14ac:dyDescent="0.15">
      <c r="A17872">
        <v>7128</v>
      </c>
      <c r="B17872" t="s">
        <v>35676</v>
      </c>
      <c r="C17872" t="s">
        <v>35677</v>
      </c>
    </row>
    <row r="17873" spans="1:3" x14ac:dyDescent="0.15">
      <c r="A17873">
        <v>7127</v>
      </c>
      <c r="B17873" t="s">
        <v>35678</v>
      </c>
      <c r="C17873" t="s">
        <v>35679</v>
      </c>
    </row>
    <row r="17874" spans="1:3" x14ac:dyDescent="0.15">
      <c r="A17874">
        <v>7126</v>
      </c>
      <c r="B17874" t="s">
        <v>35680</v>
      </c>
      <c r="C17874" t="s">
        <v>35681</v>
      </c>
    </row>
    <row r="17875" spans="1:3" x14ac:dyDescent="0.15">
      <c r="A17875">
        <v>7125</v>
      </c>
      <c r="B17875" t="s">
        <v>35682</v>
      </c>
      <c r="C17875" t="s">
        <v>35683</v>
      </c>
    </row>
    <row r="17876" spans="1:3" x14ac:dyDescent="0.15">
      <c r="A17876">
        <v>7124</v>
      </c>
      <c r="B17876" t="s">
        <v>35684</v>
      </c>
      <c r="C17876" t="s">
        <v>35685</v>
      </c>
    </row>
    <row r="17877" spans="1:3" x14ac:dyDescent="0.15">
      <c r="A17877">
        <v>7123</v>
      </c>
      <c r="B17877" t="s">
        <v>35686</v>
      </c>
      <c r="C17877" t="s">
        <v>35687</v>
      </c>
    </row>
    <row r="17878" spans="1:3" x14ac:dyDescent="0.15">
      <c r="A17878">
        <v>7122</v>
      </c>
      <c r="B17878" t="s">
        <v>35688</v>
      </c>
      <c r="C17878" t="s">
        <v>35689</v>
      </c>
    </row>
    <row r="17879" spans="1:3" x14ac:dyDescent="0.15">
      <c r="A17879">
        <v>7121</v>
      </c>
      <c r="B17879" t="s">
        <v>35690</v>
      </c>
      <c r="C17879" t="s">
        <v>35691</v>
      </c>
    </row>
    <row r="17880" spans="1:3" x14ac:dyDescent="0.15">
      <c r="A17880">
        <v>7120</v>
      </c>
      <c r="B17880" t="s">
        <v>35692</v>
      </c>
      <c r="C17880" t="s">
        <v>35693</v>
      </c>
    </row>
    <row r="17881" spans="1:3" x14ac:dyDescent="0.15">
      <c r="A17881">
        <v>7119</v>
      </c>
      <c r="B17881" t="s">
        <v>35694</v>
      </c>
      <c r="C17881" t="s">
        <v>35695</v>
      </c>
    </row>
    <row r="17882" spans="1:3" x14ac:dyDescent="0.15">
      <c r="A17882">
        <v>7118</v>
      </c>
      <c r="B17882" t="s">
        <v>35696</v>
      </c>
      <c r="C17882" t="s">
        <v>35697</v>
      </c>
    </row>
    <row r="17883" spans="1:3" x14ac:dyDescent="0.15">
      <c r="A17883">
        <v>7117</v>
      </c>
      <c r="B17883" t="s">
        <v>35698</v>
      </c>
      <c r="C17883" t="s">
        <v>35699</v>
      </c>
    </row>
    <row r="17884" spans="1:3" x14ac:dyDescent="0.15">
      <c r="A17884">
        <v>7116</v>
      </c>
      <c r="B17884" t="s">
        <v>35700</v>
      </c>
      <c r="C17884" t="s">
        <v>35701</v>
      </c>
    </row>
    <row r="17885" spans="1:3" x14ac:dyDescent="0.15">
      <c r="A17885">
        <v>7115</v>
      </c>
      <c r="B17885" t="s">
        <v>35702</v>
      </c>
      <c r="C17885" t="s">
        <v>35703</v>
      </c>
    </row>
    <row r="17886" spans="1:3" x14ac:dyDescent="0.15">
      <c r="A17886">
        <v>7114</v>
      </c>
      <c r="B17886" t="s">
        <v>35704</v>
      </c>
      <c r="C17886" t="s">
        <v>35705</v>
      </c>
    </row>
    <row r="17887" spans="1:3" x14ac:dyDescent="0.15">
      <c r="A17887">
        <v>7113</v>
      </c>
      <c r="B17887" t="s">
        <v>35706</v>
      </c>
      <c r="C17887" t="s">
        <v>35707</v>
      </c>
    </row>
    <row r="17888" spans="1:3" x14ac:dyDescent="0.15">
      <c r="A17888">
        <v>7112</v>
      </c>
      <c r="B17888" t="s">
        <v>35708</v>
      </c>
      <c r="C17888" t="s">
        <v>35709</v>
      </c>
    </row>
    <row r="17889" spans="1:3" x14ac:dyDescent="0.15">
      <c r="A17889">
        <v>7111</v>
      </c>
      <c r="B17889" t="s">
        <v>35710</v>
      </c>
      <c r="C17889" t="s">
        <v>35711</v>
      </c>
    </row>
    <row r="17890" spans="1:3" x14ac:dyDescent="0.15">
      <c r="A17890">
        <v>7110</v>
      </c>
      <c r="B17890" t="s">
        <v>35712</v>
      </c>
      <c r="C17890" t="s">
        <v>35713</v>
      </c>
    </row>
    <row r="17891" spans="1:3" x14ac:dyDescent="0.15">
      <c r="A17891">
        <v>7109</v>
      </c>
      <c r="B17891" t="s">
        <v>35714</v>
      </c>
      <c r="C17891" t="s">
        <v>35715</v>
      </c>
    </row>
    <row r="17892" spans="1:3" x14ac:dyDescent="0.15">
      <c r="A17892">
        <v>7108</v>
      </c>
      <c r="B17892" t="s">
        <v>35716</v>
      </c>
      <c r="C17892" t="s">
        <v>35717</v>
      </c>
    </row>
    <row r="17893" spans="1:3" x14ac:dyDescent="0.15">
      <c r="A17893">
        <v>7107</v>
      </c>
      <c r="B17893" t="s">
        <v>35718</v>
      </c>
      <c r="C17893" t="s">
        <v>35719</v>
      </c>
    </row>
    <row r="17894" spans="1:3" x14ac:dyDescent="0.15">
      <c r="A17894">
        <v>7106</v>
      </c>
      <c r="B17894" t="s">
        <v>35720</v>
      </c>
      <c r="C17894" t="s">
        <v>35721</v>
      </c>
    </row>
    <row r="17895" spans="1:3" x14ac:dyDescent="0.15">
      <c r="A17895">
        <v>7105</v>
      </c>
      <c r="B17895" t="s">
        <v>35722</v>
      </c>
      <c r="C17895" t="s">
        <v>35723</v>
      </c>
    </row>
    <row r="17896" spans="1:3" x14ac:dyDescent="0.15">
      <c r="A17896">
        <v>7104</v>
      </c>
      <c r="B17896" t="s">
        <v>35724</v>
      </c>
      <c r="C17896" t="s">
        <v>35725</v>
      </c>
    </row>
    <row r="17897" spans="1:3" x14ac:dyDescent="0.15">
      <c r="A17897">
        <v>7103</v>
      </c>
      <c r="B17897" t="s">
        <v>35726</v>
      </c>
      <c r="C17897" t="s">
        <v>35727</v>
      </c>
    </row>
    <row r="17898" spans="1:3" x14ac:dyDescent="0.15">
      <c r="A17898">
        <v>7102</v>
      </c>
      <c r="B17898" t="s">
        <v>35728</v>
      </c>
      <c r="C17898" t="s">
        <v>35729</v>
      </c>
    </row>
    <row r="17899" spans="1:3" x14ac:dyDescent="0.15">
      <c r="A17899">
        <v>7101</v>
      </c>
      <c r="B17899" t="s">
        <v>35730</v>
      </c>
      <c r="C17899" t="s">
        <v>35731</v>
      </c>
    </row>
    <row r="17900" spans="1:3" x14ac:dyDescent="0.15">
      <c r="A17900">
        <v>7100</v>
      </c>
      <c r="B17900" t="s">
        <v>35732</v>
      </c>
      <c r="C17900" t="s">
        <v>35733</v>
      </c>
    </row>
    <row r="17901" spans="1:3" x14ac:dyDescent="0.15">
      <c r="A17901">
        <v>7099</v>
      </c>
      <c r="B17901" t="s">
        <v>35734</v>
      </c>
      <c r="C17901" t="s">
        <v>35735</v>
      </c>
    </row>
    <row r="17902" spans="1:3" x14ac:dyDescent="0.15">
      <c r="A17902">
        <v>7098</v>
      </c>
      <c r="B17902" t="s">
        <v>35736</v>
      </c>
      <c r="C17902" t="s">
        <v>35737</v>
      </c>
    </row>
    <row r="17903" spans="1:3" x14ac:dyDescent="0.15">
      <c r="A17903">
        <v>7097</v>
      </c>
      <c r="B17903" t="s">
        <v>35738</v>
      </c>
      <c r="C17903" t="s">
        <v>35739</v>
      </c>
    </row>
    <row r="17904" spans="1:3" x14ac:dyDescent="0.15">
      <c r="A17904">
        <v>7096</v>
      </c>
      <c r="B17904" t="s">
        <v>35740</v>
      </c>
      <c r="C17904" t="s">
        <v>35741</v>
      </c>
    </row>
    <row r="17905" spans="1:3" x14ac:dyDescent="0.15">
      <c r="A17905">
        <v>7095</v>
      </c>
      <c r="B17905" t="s">
        <v>35742</v>
      </c>
      <c r="C17905" t="s">
        <v>35743</v>
      </c>
    </row>
    <row r="17906" spans="1:3" x14ac:dyDescent="0.15">
      <c r="A17906">
        <v>7094</v>
      </c>
      <c r="B17906" t="s">
        <v>35744</v>
      </c>
      <c r="C17906" t="s">
        <v>35745</v>
      </c>
    </row>
    <row r="17907" spans="1:3" x14ac:dyDescent="0.15">
      <c r="A17907">
        <v>7093</v>
      </c>
      <c r="B17907" t="s">
        <v>35746</v>
      </c>
      <c r="C17907" t="s">
        <v>35747</v>
      </c>
    </row>
    <row r="17908" spans="1:3" x14ac:dyDescent="0.15">
      <c r="A17908">
        <v>7092</v>
      </c>
      <c r="B17908" t="s">
        <v>35748</v>
      </c>
      <c r="C17908" t="s">
        <v>35749</v>
      </c>
    </row>
    <row r="17909" spans="1:3" x14ac:dyDescent="0.15">
      <c r="A17909">
        <v>7091</v>
      </c>
      <c r="B17909" t="s">
        <v>35750</v>
      </c>
      <c r="C17909" t="s">
        <v>35751</v>
      </c>
    </row>
    <row r="17910" spans="1:3" x14ac:dyDescent="0.15">
      <c r="A17910">
        <v>7090</v>
      </c>
      <c r="B17910" t="s">
        <v>35752</v>
      </c>
      <c r="C17910" t="s">
        <v>35753</v>
      </c>
    </row>
    <row r="17911" spans="1:3" x14ac:dyDescent="0.15">
      <c r="A17911">
        <v>7089</v>
      </c>
      <c r="B17911" t="s">
        <v>35754</v>
      </c>
      <c r="C17911" t="s">
        <v>35755</v>
      </c>
    </row>
    <row r="17912" spans="1:3" x14ac:dyDescent="0.15">
      <c r="A17912">
        <v>7088</v>
      </c>
      <c r="B17912" t="s">
        <v>35756</v>
      </c>
      <c r="C17912" t="s">
        <v>35757</v>
      </c>
    </row>
    <row r="17913" spans="1:3" x14ac:dyDescent="0.15">
      <c r="A17913">
        <v>7087</v>
      </c>
      <c r="B17913" t="s">
        <v>35758</v>
      </c>
      <c r="C17913" t="s">
        <v>35759</v>
      </c>
    </row>
    <row r="17914" spans="1:3" x14ac:dyDescent="0.15">
      <c r="A17914">
        <v>7086</v>
      </c>
      <c r="B17914" t="s">
        <v>35760</v>
      </c>
      <c r="C17914" t="s">
        <v>35761</v>
      </c>
    </row>
    <row r="17915" spans="1:3" x14ac:dyDescent="0.15">
      <c r="A17915">
        <v>7085</v>
      </c>
      <c r="B17915" t="s">
        <v>35762</v>
      </c>
      <c r="C17915" t="s">
        <v>35763</v>
      </c>
    </row>
    <row r="17916" spans="1:3" x14ac:dyDescent="0.15">
      <c r="A17916">
        <v>7084</v>
      </c>
      <c r="B17916" t="s">
        <v>35764</v>
      </c>
      <c r="C17916" t="s">
        <v>35765</v>
      </c>
    </row>
    <row r="17917" spans="1:3" x14ac:dyDescent="0.15">
      <c r="A17917">
        <v>7083</v>
      </c>
      <c r="B17917" t="s">
        <v>35766</v>
      </c>
      <c r="C17917" t="s">
        <v>35767</v>
      </c>
    </row>
    <row r="17918" spans="1:3" x14ac:dyDescent="0.15">
      <c r="A17918">
        <v>7082</v>
      </c>
      <c r="B17918" t="s">
        <v>35768</v>
      </c>
      <c r="C17918" t="s">
        <v>35769</v>
      </c>
    </row>
    <row r="17919" spans="1:3" x14ac:dyDescent="0.15">
      <c r="A17919">
        <v>7081</v>
      </c>
      <c r="B17919" t="s">
        <v>35770</v>
      </c>
      <c r="C17919" t="s">
        <v>35771</v>
      </c>
    </row>
    <row r="17920" spans="1:3" x14ac:dyDescent="0.15">
      <c r="A17920">
        <v>7080</v>
      </c>
      <c r="B17920" t="s">
        <v>35772</v>
      </c>
      <c r="C17920" t="s">
        <v>35773</v>
      </c>
    </row>
    <row r="17921" spans="1:3" x14ac:dyDescent="0.15">
      <c r="A17921">
        <v>7079</v>
      </c>
      <c r="B17921" t="s">
        <v>35774</v>
      </c>
      <c r="C17921" t="s">
        <v>35775</v>
      </c>
    </row>
    <row r="17922" spans="1:3" x14ac:dyDescent="0.15">
      <c r="A17922">
        <v>7078</v>
      </c>
      <c r="B17922" t="s">
        <v>35776</v>
      </c>
      <c r="C17922" t="s">
        <v>35777</v>
      </c>
    </row>
    <row r="17923" spans="1:3" x14ac:dyDescent="0.15">
      <c r="A17923">
        <v>7077</v>
      </c>
      <c r="B17923" t="s">
        <v>35778</v>
      </c>
      <c r="C17923" t="s">
        <v>35779</v>
      </c>
    </row>
    <row r="17924" spans="1:3" x14ac:dyDescent="0.15">
      <c r="A17924">
        <v>7076</v>
      </c>
      <c r="B17924" t="s">
        <v>35780</v>
      </c>
      <c r="C17924" t="s">
        <v>35781</v>
      </c>
    </row>
    <row r="17925" spans="1:3" x14ac:dyDescent="0.15">
      <c r="A17925">
        <v>7075</v>
      </c>
      <c r="B17925" t="s">
        <v>35782</v>
      </c>
      <c r="C17925" t="s">
        <v>35783</v>
      </c>
    </row>
    <row r="17926" spans="1:3" x14ac:dyDescent="0.15">
      <c r="A17926">
        <v>7074</v>
      </c>
      <c r="B17926" t="s">
        <v>35784</v>
      </c>
      <c r="C17926" t="s">
        <v>35785</v>
      </c>
    </row>
    <row r="17927" spans="1:3" x14ac:dyDescent="0.15">
      <c r="A17927">
        <v>7073</v>
      </c>
      <c r="B17927" t="s">
        <v>35786</v>
      </c>
      <c r="C17927" t="s">
        <v>35787</v>
      </c>
    </row>
    <row r="17928" spans="1:3" x14ac:dyDescent="0.15">
      <c r="A17928">
        <v>7072</v>
      </c>
      <c r="B17928" t="s">
        <v>35788</v>
      </c>
      <c r="C17928" t="s">
        <v>35789</v>
      </c>
    </row>
    <row r="17929" spans="1:3" x14ac:dyDescent="0.15">
      <c r="A17929">
        <v>7071</v>
      </c>
      <c r="B17929" t="s">
        <v>35790</v>
      </c>
      <c r="C17929" t="s">
        <v>35791</v>
      </c>
    </row>
    <row r="17930" spans="1:3" x14ac:dyDescent="0.15">
      <c r="A17930">
        <v>7070</v>
      </c>
      <c r="B17930" t="s">
        <v>35792</v>
      </c>
      <c r="C17930" t="s">
        <v>35793</v>
      </c>
    </row>
    <row r="17931" spans="1:3" x14ac:dyDescent="0.15">
      <c r="A17931">
        <v>7069</v>
      </c>
      <c r="B17931" t="s">
        <v>35794</v>
      </c>
      <c r="C17931" t="s">
        <v>35795</v>
      </c>
    </row>
    <row r="17932" spans="1:3" x14ac:dyDescent="0.15">
      <c r="A17932">
        <v>7068</v>
      </c>
      <c r="B17932" t="s">
        <v>35796</v>
      </c>
      <c r="C17932" t="s">
        <v>35797</v>
      </c>
    </row>
    <row r="17933" spans="1:3" x14ac:dyDescent="0.15">
      <c r="A17933">
        <v>7067</v>
      </c>
      <c r="B17933" t="s">
        <v>35798</v>
      </c>
      <c r="C17933" t="s">
        <v>35799</v>
      </c>
    </row>
    <row r="17934" spans="1:3" x14ac:dyDescent="0.15">
      <c r="A17934">
        <v>7066</v>
      </c>
      <c r="B17934" t="s">
        <v>35800</v>
      </c>
      <c r="C17934" t="s">
        <v>35801</v>
      </c>
    </row>
    <row r="17935" spans="1:3" x14ac:dyDescent="0.15">
      <c r="A17935">
        <v>7065</v>
      </c>
      <c r="B17935" t="s">
        <v>35802</v>
      </c>
      <c r="C17935" t="s">
        <v>35803</v>
      </c>
    </row>
    <row r="17936" spans="1:3" x14ac:dyDescent="0.15">
      <c r="A17936">
        <v>7064</v>
      </c>
      <c r="B17936" t="s">
        <v>35804</v>
      </c>
      <c r="C17936" t="s">
        <v>35805</v>
      </c>
    </row>
    <row r="17937" spans="1:3" x14ac:dyDescent="0.15">
      <c r="A17937">
        <v>7063</v>
      </c>
      <c r="B17937" t="s">
        <v>35806</v>
      </c>
      <c r="C17937" t="s">
        <v>35807</v>
      </c>
    </row>
    <row r="17938" spans="1:3" x14ac:dyDescent="0.15">
      <c r="A17938">
        <v>7062</v>
      </c>
      <c r="B17938" t="s">
        <v>35808</v>
      </c>
      <c r="C17938" t="s">
        <v>35809</v>
      </c>
    </row>
    <row r="17939" spans="1:3" x14ac:dyDescent="0.15">
      <c r="A17939">
        <v>7061</v>
      </c>
      <c r="B17939" t="s">
        <v>35810</v>
      </c>
      <c r="C17939" t="s">
        <v>35811</v>
      </c>
    </row>
    <row r="17940" spans="1:3" x14ac:dyDescent="0.15">
      <c r="A17940">
        <v>7060</v>
      </c>
      <c r="B17940" t="s">
        <v>35812</v>
      </c>
      <c r="C17940" t="s">
        <v>35813</v>
      </c>
    </row>
    <row r="17941" spans="1:3" x14ac:dyDescent="0.15">
      <c r="A17941">
        <v>7059</v>
      </c>
      <c r="B17941" t="s">
        <v>35814</v>
      </c>
      <c r="C17941" t="s">
        <v>35815</v>
      </c>
    </row>
    <row r="17942" spans="1:3" x14ac:dyDescent="0.15">
      <c r="A17942">
        <v>7058</v>
      </c>
      <c r="B17942" t="s">
        <v>35816</v>
      </c>
      <c r="C17942" t="s">
        <v>35817</v>
      </c>
    </row>
    <row r="17943" spans="1:3" x14ac:dyDescent="0.15">
      <c r="A17943">
        <v>7057</v>
      </c>
      <c r="B17943" t="s">
        <v>35818</v>
      </c>
      <c r="C17943" t="s">
        <v>35819</v>
      </c>
    </row>
    <row r="17944" spans="1:3" x14ac:dyDescent="0.15">
      <c r="A17944">
        <v>7056</v>
      </c>
      <c r="B17944" t="s">
        <v>35820</v>
      </c>
      <c r="C17944" t="s">
        <v>35821</v>
      </c>
    </row>
    <row r="17945" spans="1:3" x14ac:dyDescent="0.15">
      <c r="A17945">
        <v>7055</v>
      </c>
      <c r="B17945" t="s">
        <v>35822</v>
      </c>
      <c r="C17945" t="s">
        <v>35823</v>
      </c>
    </row>
    <row r="17946" spans="1:3" x14ac:dyDescent="0.15">
      <c r="A17946">
        <v>7054</v>
      </c>
      <c r="B17946" t="s">
        <v>35824</v>
      </c>
      <c r="C17946" t="s">
        <v>35825</v>
      </c>
    </row>
    <row r="17947" spans="1:3" x14ac:dyDescent="0.15">
      <c r="A17947">
        <v>7053</v>
      </c>
      <c r="B17947" t="s">
        <v>35826</v>
      </c>
      <c r="C17947" t="s">
        <v>35827</v>
      </c>
    </row>
    <row r="17948" spans="1:3" x14ac:dyDescent="0.15">
      <c r="A17948">
        <v>7052</v>
      </c>
      <c r="B17948" t="s">
        <v>35828</v>
      </c>
      <c r="C17948" t="s">
        <v>35829</v>
      </c>
    </row>
    <row r="17949" spans="1:3" x14ac:dyDescent="0.15">
      <c r="A17949">
        <v>7051</v>
      </c>
      <c r="B17949" t="s">
        <v>35830</v>
      </c>
      <c r="C17949" t="s">
        <v>35831</v>
      </c>
    </row>
    <row r="17950" spans="1:3" x14ac:dyDescent="0.15">
      <c r="A17950">
        <v>7050</v>
      </c>
      <c r="B17950" t="s">
        <v>35832</v>
      </c>
      <c r="C17950" t="s">
        <v>35833</v>
      </c>
    </row>
    <row r="17951" spans="1:3" x14ac:dyDescent="0.15">
      <c r="A17951">
        <v>7049</v>
      </c>
      <c r="B17951" t="s">
        <v>35834</v>
      </c>
      <c r="C17951" t="s">
        <v>35835</v>
      </c>
    </row>
    <row r="17952" spans="1:3" x14ac:dyDescent="0.15">
      <c r="A17952">
        <v>7048</v>
      </c>
      <c r="B17952" t="s">
        <v>35836</v>
      </c>
      <c r="C17952" t="s">
        <v>35837</v>
      </c>
    </row>
    <row r="17953" spans="1:3" x14ac:dyDescent="0.15">
      <c r="A17953">
        <v>7047</v>
      </c>
      <c r="B17953" t="s">
        <v>35838</v>
      </c>
      <c r="C17953" t="s">
        <v>35839</v>
      </c>
    </row>
    <row r="17954" spans="1:3" x14ac:dyDescent="0.15">
      <c r="A17954">
        <v>7046</v>
      </c>
      <c r="B17954" t="s">
        <v>35840</v>
      </c>
      <c r="C17954" t="s">
        <v>35841</v>
      </c>
    </row>
    <row r="17955" spans="1:3" x14ac:dyDescent="0.15">
      <c r="A17955">
        <v>7045</v>
      </c>
      <c r="B17955" t="s">
        <v>35842</v>
      </c>
      <c r="C17955" t="s">
        <v>35843</v>
      </c>
    </row>
    <row r="17956" spans="1:3" x14ac:dyDescent="0.15">
      <c r="A17956">
        <v>7044</v>
      </c>
      <c r="B17956" t="s">
        <v>35844</v>
      </c>
      <c r="C17956" t="s">
        <v>35845</v>
      </c>
    </row>
    <row r="17957" spans="1:3" x14ac:dyDescent="0.15">
      <c r="A17957">
        <v>7043</v>
      </c>
      <c r="B17957" t="s">
        <v>35846</v>
      </c>
      <c r="C17957" t="s">
        <v>35847</v>
      </c>
    </row>
    <row r="17958" spans="1:3" x14ac:dyDescent="0.15">
      <c r="A17958">
        <v>7042</v>
      </c>
      <c r="B17958" t="s">
        <v>35848</v>
      </c>
      <c r="C17958" t="s">
        <v>35849</v>
      </c>
    </row>
    <row r="17959" spans="1:3" x14ac:dyDescent="0.15">
      <c r="A17959">
        <v>7041</v>
      </c>
      <c r="B17959" t="s">
        <v>35850</v>
      </c>
      <c r="C17959" t="s">
        <v>35851</v>
      </c>
    </row>
    <row r="17960" spans="1:3" x14ac:dyDescent="0.15">
      <c r="A17960">
        <v>7040</v>
      </c>
      <c r="B17960" t="s">
        <v>35852</v>
      </c>
      <c r="C17960" t="s">
        <v>35853</v>
      </c>
    </row>
    <row r="17961" spans="1:3" x14ac:dyDescent="0.15">
      <c r="A17961">
        <v>7039</v>
      </c>
      <c r="B17961" t="s">
        <v>35854</v>
      </c>
      <c r="C17961" t="s">
        <v>35855</v>
      </c>
    </row>
    <row r="17962" spans="1:3" x14ac:dyDescent="0.15">
      <c r="A17962">
        <v>7038</v>
      </c>
      <c r="B17962" t="s">
        <v>35856</v>
      </c>
      <c r="C17962" t="s">
        <v>35857</v>
      </c>
    </row>
    <row r="17963" spans="1:3" x14ac:dyDescent="0.15">
      <c r="A17963">
        <v>7037</v>
      </c>
      <c r="B17963" t="s">
        <v>35858</v>
      </c>
      <c r="C17963" t="s">
        <v>35859</v>
      </c>
    </row>
    <row r="17964" spans="1:3" x14ac:dyDescent="0.15">
      <c r="A17964">
        <v>7036</v>
      </c>
      <c r="B17964" t="s">
        <v>35860</v>
      </c>
      <c r="C17964" t="s">
        <v>35861</v>
      </c>
    </row>
    <row r="17965" spans="1:3" x14ac:dyDescent="0.15">
      <c r="A17965">
        <v>7035</v>
      </c>
      <c r="B17965" t="s">
        <v>35862</v>
      </c>
      <c r="C17965" t="s">
        <v>35863</v>
      </c>
    </row>
    <row r="17966" spans="1:3" x14ac:dyDescent="0.15">
      <c r="A17966">
        <v>7034</v>
      </c>
      <c r="B17966" t="s">
        <v>35864</v>
      </c>
      <c r="C17966" t="s">
        <v>35865</v>
      </c>
    </row>
    <row r="17967" spans="1:3" x14ac:dyDescent="0.15">
      <c r="A17967">
        <v>7033</v>
      </c>
      <c r="B17967" t="s">
        <v>35866</v>
      </c>
      <c r="C17967" t="s">
        <v>35867</v>
      </c>
    </row>
    <row r="17968" spans="1:3" x14ac:dyDescent="0.15">
      <c r="A17968">
        <v>7032</v>
      </c>
      <c r="B17968" t="s">
        <v>35868</v>
      </c>
      <c r="C17968" t="s">
        <v>35869</v>
      </c>
    </row>
    <row r="17969" spans="1:3" x14ac:dyDescent="0.15">
      <c r="A17969">
        <v>7031</v>
      </c>
      <c r="B17969" t="s">
        <v>35870</v>
      </c>
      <c r="C17969" t="s">
        <v>35871</v>
      </c>
    </row>
    <row r="17970" spans="1:3" x14ac:dyDescent="0.15">
      <c r="A17970">
        <v>7030</v>
      </c>
      <c r="B17970" t="s">
        <v>35872</v>
      </c>
      <c r="C17970" t="s">
        <v>35873</v>
      </c>
    </row>
    <row r="17971" spans="1:3" x14ac:dyDescent="0.15">
      <c r="A17971">
        <v>7029</v>
      </c>
      <c r="B17971" t="s">
        <v>35874</v>
      </c>
      <c r="C17971" t="s">
        <v>35875</v>
      </c>
    </row>
    <row r="17972" spans="1:3" x14ac:dyDescent="0.15">
      <c r="A17972">
        <v>7028</v>
      </c>
      <c r="B17972" t="s">
        <v>35876</v>
      </c>
      <c r="C17972" t="s">
        <v>35877</v>
      </c>
    </row>
    <row r="17973" spans="1:3" x14ac:dyDescent="0.15">
      <c r="A17973">
        <v>7027</v>
      </c>
      <c r="B17973" t="s">
        <v>35878</v>
      </c>
      <c r="C17973" t="s">
        <v>35879</v>
      </c>
    </row>
    <row r="17974" spans="1:3" x14ac:dyDescent="0.15">
      <c r="A17974">
        <v>7026</v>
      </c>
      <c r="B17974" t="s">
        <v>35880</v>
      </c>
      <c r="C17974" t="s">
        <v>35881</v>
      </c>
    </row>
    <row r="17975" spans="1:3" x14ac:dyDescent="0.15">
      <c r="A17975">
        <v>7025</v>
      </c>
      <c r="B17975" t="s">
        <v>35882</v>
      </c>
      <c r="C17975" t="s">
        <v>35883</v>
      </c>
    </row>
    <row r="17976" spans="1:3" x14ac:dyDescent="0.15">
      <c r="A17976">
        <v>7024</v>
      </c>
      <c r="B17976" t="s">
        <v>35884</v>
      </c>
      <c r="C17976" t="s">
        <v>35885</v>
      </c>
    </row>
    <row r="17977" spans="1:3" x14ac:dyDescent="0.15">
      <c r="A17977">
        <v>7023</v>
      </c>
      <c r="B17977" t="s">
        <v>35886</v>
      </c>
      <c r="C17977" t="s">
        <v>35887</v>
      </c>
    </row>
    <row r="17978" spans="1:3" x14ac:dyDescent="0.15">
      <c r="A17978">
        <v>7022</v>
      </c>
      <c r="B17978" t="s">
        <v>35888</v>
      </c>
      <c r="C17978" t="s">
        <v>35889</v>
      </c>
    </row>
    <row r="17979" spans="1:3" x14ac:dyDescent="0.15">
      <c r="A17979">
        <v>7021</v>
      </c>
      <c r="B17979" t="s">
        <v>35890</v>
      </c>
      <c r="C17979" t="s">
        <v>35891</v>
      </c>
    </row>
    <row r="17980" spans="1:3" x14ac:dyDescent="0.15">
      <c r="A17980">
        <v>7020</v>
      </c>
      <c r="B17980" t="s">
        <v>35892</v>
      </c>
      <c r="C17980" t="s">
        <v>35893</v>
      </c>
    </row>
    <row r="17981" spans="1:3" x14ac:dyDescent="0.15">
      <c r="A17981">
        <v>7019</v>
      </c>
      <c r="B17981" t="s">
        <v>35894</v>
      </c>
      <c r="C17981" t="s">
        <v>35895</v>
      </c>
    </row>
    <row r="17982" spans="1:3" x14ac:dyDescent="0.15">
      <c r="A17982">
        <v>7018</v>
      </c>
      <c r="B17982" t="s">
        <v>35896</v>
      </c>
      <c r="C17982" t="s">
        <v>35897</v>
      </c>
    </row>
    <row r="17983" spans="1:3" x14ac:dyDescent="0.15">
      <c r="A17983">
        <v>7017</v>
      </c>
      <c r="B17983" t="s">
        <v>35898</v>
      </c>
      <c r="C17983" t="s">
        <v>35899</v>
      </c>
    </row>
    <row r="17984" spans="1:3" x14ac:dyDescent="0.15">
      <c r="A17984">
        <v>7016</v>
      </c>
      <c r="B17984" t="s">
        <v>35900</v>
      </c>
      <c r="C17984" t="s">
        <v>35901</v>
      </c>
    </row>
    <row r="17985" spans="1:3" x14ac:dyDescent="0.15">
      <c r="A17985">
        <v>7015</v>
      </c>
      <c r="B17985" t="s">
        <v>35902</v>
      </c>
      <c r="C17985" t="s">
        <v>35903</v>
      </c>
    </row>
    <row r="17986" spans="1:3" x14ac:dyDescent="0.15">
      <c r="A17986">
        <v>7014</v>
      </c>
      <c r="B17986" t="s">
        <v>35904</v>
      </c>
      <c r="C17986" t="s">
        <v>35905</v>
      </c>
    </row>
    <row r="17987" spans="1:3" x14ac:dyDescent="0.15">
      <c r="A17987">
        <v>7013</v>
      </c>
      <c r="B17987" t="s">
        <v>35906</v>
      </c>
      <c r="C17987" t="s">
        <v>35907</v>
      </c>
    </row>
    <row r="17988" spans="1:3" x14ac:dyDescent="0.15">
      <c r="A17988">
        <v>7012</v>
      </c>
      <c r="B17988" t="s">
        <v>35908</v>
      </c>
      <c r="C17988" t="s">
        <v>35909</v>
      </c>
    </row>
    <row r="17989" spans="1:3" x14ac:dyDescent="0.15">
      <c r="A17989">
        <v>7011</v>
      </c>
      <c r="B17989" t="s">
        <v>35910</v>
      </c>
      <c r="C17989" t="s">
        <v>35911</v>
      </c>
    </row>
    <row r="17990" spans="1:3" x14ac:dyDescent="0.15">
      <c r="A17990">
        <v>7010</v>
      </c>
      <c r="B17990" t="s">
        <v>35912</v>
      </c>
      <c r="C17990" t="s">
        <v>35913</v>
      </c>
    </row>
    <row r="17991" spans="1:3" x14ac:dyDescent="0.15">
      <c r="A17991">
        <v>7009</v>
      </c>
      <c r="B17991" t="s">
        <v>35914</v>
      </c>
      <c r="C17991" t="s">
        <v>35915</v>
      </c>
    </row>
    <row r="17992" spans="1:3" x14ac:dyDescent="0.15">
      <c r="A17992">
        <v>7008</v>
      </c>
      <c r="B17992" t="s">
        <v>35916</v>
      </c>
      <c r="C17992" t="s">
        <v>35917</v>
      </c>
    </row>
    <row r="17993" spans="1:3" x14ac:dyDescent="0.15">
      <c r="A17993">
        <v>7007</v>
      </c>
      <c r="B17993" t="s">
        <v>35918</v>
      </c>
      <c r="C17993" t="s">
        <v>35919</v>
      </c>
    </row>
    <row r="17994" spans="1:3" x14ac:dyDescent="0.15">
      <c r="A17994">
        <v>7006</v>
      </c>
      <c r="B17994" t="s">
        <v>35920</v>
      </c>
      <c r="C17994" t="s">
        <v>35921</v>
      </c>
    </row>
    <row r="17995" spans="1:3" x14ac:dyDescent="0.15">
      <c r="A17995">
        <v>7005</v>
      </c>
      <c r="B17995" t="s">
        <v>35922</v>
      </c>
      <c r="C17995" t="s">
        <v>35923</v>
      </c>
    </row>
    <row r="17996" spans="1:3" x14ac:dyDescent="0.15">
      <c r="A17996">
        <v>7004</v>
      </c>
      <c r="B17996" t="s">
        <v>35924</v>
      </c>
      <c r="C17996" t="s">
        <v>35925</v>
      </c>
    </row>
    <row r="17997" spans="1:3" x14ac:dyDescent="0.15">
      <c r="A17997">
        <v>7003</v>
      </c>
      <c r="B17997" t="s">
        <v>35926</v>
      </c>
      <c r="C17997" t="s">
        <v>35927</v>
      </c>
    </row>
    <row r="17998" spans="1:3" x14ac:dyDescent="0.15">
      <c r="A17998">
        <v>7002</v>
      </c>
      <c r="B17998" t="s">
        <v>35928</v>
      </c>
      <c r="C17998" t="s">
        <v>35929</v>
      </c>
    </row>
    <row r="17999" spans="1:3" x14ac:dyDescent="0.15">
      <c r="A17999">
        <v>7001</v>
      </c>
      <c r="B17999" t="s">
        <v>35930</v>
      </c>
      <c r="C17999" t="s">
        <v>35931</v>
      </c>
    </row>
    <row r="18000" spans="1:3" x14ac:dyDescent="0.15">
      <c r="A18000">
        <v>7000</v>
      </c>
      <c r="B18000" t="s">
        <v>35932</v>
      </c>
      <c r="C18000" t="s">
        <v>35933</v>
      </c>
    </row>
    <row r="18001" spans="1:3" x14ac:dyDescent="0.15">
      <c r="A18001">
        <v>6999</v>
      </c>
      <c r="B18001" t="s">
        <v>35934</v>
      </c>
      <c r="C18001" t="s">
        <v>35935</v>
      </c>
    </row>
    <row r="18002" spans="1:3" x14ac:dyDescent="0.15">
      <c r="A18002">
        <v>6998</v>
      </c>
      <c r="B18002" t="s">
        <v>35936</v>
      </c>
      <c r="C18002" t="s">
        <v>35937</v>
      </c>
    </row>
    <row r="18003" spans="1:3" x14ac:dyDescent="0.15">
      <c r="A18003">
        <v>6997</v>
      </c>
      <c r="B18003" t="s">
        <v>35938</v>
      </c>
      <c r="C18003" t="s">
        <v>35939</v>
      </c>
    </row>
    <row r="18004" spans="1:3" x14ac:dyDescent="0.15">
      <c r="A18004">
        <v>6996</v>
      </c>
      <c r="B18004" t="s">
        <v>35940</v>
      </c>
      <c r="C18004" t="s">
        <v>35941</v>
      </c>
    </row>
    <row r="18005" spans="1:3" x14ac:dyDescent="0.15">
      <c r="A18005">
        <v>6995</v>
      </c>
      <c r="B18005" t="s">
        <v>35942</v>
      </c>
      <c r="C18005" t="s">
        <v>35943</v>
      </c>
    </row>
    <row r="18006" spans="1:3" x14ac:dyDescent="0.15">
      <c r="A18006">
        <v>6994</v>
      </c>
      <c r="B18006" t="s">
        <v>35944</v>
      </c>
      <c r="C18006" t="s">
        <v>35945</v>
      </c>
    </row>
    <row r="18007" spans="1:3" x14ac:dyDescent="0.15">
      <c r="A18007">
        <v>6993</v>
      </c>
      <c r="B18007" t="s">
        <v>35946</v>
      </c>
      <c r="C18007" t="s">
        <v>35947</v>
      </c>
    </row>
    <row r="18008" spans="1:3" x14ac:dyDescent="0.15">
      <c r="A18008">
        <v>6992</v>
      </c>
      <c r="B18008" t="s">
        <v>35948</v>
      </c>
      <c r="C18008" t="s">
        <v>35949</v>
      </c>
    </row>
    <row r="18009" spans="1:3" x14ac:dyDescent="0.15">
      <c r="A18009">
        <v>6991</v>
      </c>
      <c r="B18009" t="s">
        <v>35950</v>
      </c>
      <c r="C18009" t="s">
        <v>35951</v>
      </c>
    </row>
    <row r="18010" spans="1:3" x14ac:dyDescent="0.15">
      <c r="A18010">
        <v>6990</v>
      </c>
      <c r="B18010" t="s">
        <v>35952</v>
      </c>
      <c r="C18010" t="s">
        <v>35953</v>
      </c>
    </row>
    <row r="18011" spans="1:3" x14ac:dyDescent="0.15">
      <c r="A18011">
        <v>6989</v>
      </c>
      <c r="B18011" t="s">
        <v>35954</v>
      </c>
      <c r="C18011" t="s">
        <v>35955</v>
      </c>
    </row>
    <row r="18012" spans="1:3" x14ac:dyDescent="0.15">
      <c r="A18012">
        <v>6988</v>
      </c>
      <c r="B18012" t="s">
        <v>35956</v>
      </c>
      <c r="C18012" t="s">
        <v>35957</v>
      </c>
    </row>
    <row r="18013" spans="1:3" x14ac:dyDescent="0.15">
      <c r="A18013">
        <v>6987</v>
      </c>
      <c r="B18013" t="s">
        <v>35958</v>
      </c>
      <c r="C18013" t="s">
        <v>35959</v>
      </c>
    </row>
    <row r="18014" spans="1:3" x14ac:dyDescent="0.15">
      <c r="A18014">
        <v>6986</v>
      </c>
      <c r="B18014" t="s">
        <v>35960</v>
      </c>
      <c r="C18014" t="s">
        <v>35961</v>
      </c>
    </row>
    <row r="18015" spans="1:3" x14ac:dyDescent="0.15">
      <c r="A18015">
        <v>6985</v>
      </c>
      <c r="B18015" t="s">
        <v>35962</v>
      </c>
      <c r="C18015" t="s">
        <v>35963</v>
      </c>
    </row>
    <row r="18016" spans="1:3" x14ac:dyDescent="0.15">
      <c r="A18016">
        <v>6984</v>
      </c>
      <c r="B18016" t="s">
        <v>35964</v>
      </c>
      <c r="C18016" t="s">
        <v>35965</v>
      </c>
    </row>
    <row r="18017" spans="1:3" x14ac:dyDescent="0.15">
      <c r="A18017">
        <v>6983</v>
      </c>
      <c r="B18017" t="s">
        <v>35966</v>
      </c>
      <c r="C18017" t="s">
        <v>35967</v>
      </c>
    </row>
    <row r="18018" spans="1:3" x14ac:dyDescent="0.15">
      <c r="A18018">
        <v>6982</v>
      </c>
      <c r="B18018" t="s">
        <v>35968</v>
      </c>
      <c r="C18018" t="s">
        <v>35969</v>
      </c>
    </row>
    <row r="18019" spans="1:3" x14ac:dyDescent="0.15">
      <c r="A18019">
        <v>6981</v>
      </c>
      <c r="B18019" t="s">
        <v>35970</v>
      </c>
      <c r="C18019" t="s">
        <v>35971</v>
      </c>
    </row>
    <row r="18020" spans="1:3" x14ac:dyDescent="0.15">
      <c r="A18020">
        <v>6980</v>
      </c>
      <c r="B18020" t="s">
        <v>35972</v>
      </c>
      <c r="C18020" t="s">
        <v>35973</v>
      </c>
    </row>
    <row r="18021" spans="1:3" x14ac:dyDescent="0.15">
      <c r="A18021">
        <v>6979</v>
      </c>
      <c r="B18021" t="s">
        <v>35974</v>
      </c>
      <c r="C18021" t="s">
        <v>35975</v>
      </c>
    </row>
    <row r="18022" spans="1:3" x14ac:dyDescent="0.15">
      <c r="A18022">
        <v>6978</v>
      </c>
      <c r="B18022" t="s">
        <v>35976</v>
      </c>
      <c r="C18022" t="s">
        <v>35977</v>
      </c>
    </row>
    <row r="18023" spans="1:3" x14ac:dyDescent="0.15">
      <c r="A18023">
        <v>6977</v>
      </c>
      <c r="B18023" t="s">
        <v>35978</v>
      </c>
      <c r="C18023" t="s">
        <v>35979</v>
      </c>
    </row>
    <row r="18024" spans="1:3" x14ac:dyDescent="0.15">
      <c r="A18024">
        <v>6976</v>
      </c>
      <c r="B18024" t="s">
        <v>35980</v>
      </c>
      <c r="C18024" t="s">
        <v>35981</v>
      </c>
    </row>
    <row r="18025" spans="1:3" x14ac:dyDescent="0.15">
      <c r="A18025">
        <v>6975</v>
      </c>
      <c r="B18025" t="s">
        <v>35982</v>
      </c>
      <c r="C18025" t="s">
        <v>35983</v>
      </c>
    </row>
    <row r="18026" spans="1:3" x14ac:dyDescent="0.15">
      <c r="A18026">
        <v>6973</v>
      </c>
      <c r="B18026" t="s">
        <v>35984</v>
      </c>
      <c r="C18026" t="s">
        <v>35985</v>
      </c>
    </row>
    <row r="18027" spans="1:3" x14ac:dyDescent="0.15">
      <c r="A18027">
        <v>6972</v>
      </c>
      <c r="B18027" t="s">
        <v>35986</v>
      </c>
      <c r="C18027" t="s">
        <v>35987</v>
      </c>
    </row>
    <row r="18028" spans="1:3" x14ac:dyDescent="0.15">
      <c r="A18028">
        <v>6971</v>
      </c>
      <c r="B18028" t="s">
        <v>35988</v>
      </c>
      <c r="C18028" t="s">
        <v>35989</v>
      </c>
    </row>
    <row r="18029" spans="1:3" x14ac:dyDescent="0.15">
      <c r="A18029">
        <v>6970</v>
      </c>
      <c r="B18029" t="s">
        <v>35990</v>
      </c>
      <c r="C18029" t="s">
        <v>35991</v>
      </c>
    </row>
    <row r="18030" spans="1:3" x14ac:dyDescent="0.15">
      <c r="A18030">
        <v>6969</v>
      </c>
      <c r="B18030" t="s">
        <v>35992</v>
      </c>
      <c r="C18030" t="s">
        <v>35993</v>
      </c>
    </row>
    <row r="18031" spans="1:3" x14ac:dyDescent="0.15">
      <c r="A18031">
        <v>6968</v>
      </c>
      <c r="B18031" t="s">
        <v>35994</v>
      </c>
      <c r="C18031" t="s">
        <v>35995</v>
      </c>
    </row>
    <row r="18032" spans="1:3" x14ac:dyDescent="0.15">
      <c r="A18032">
        <v>6967</v>
      </c>
      <c r="B18032" t="s">
        <v>35996</v>
      </c>
      <c r="C18032" t="s">
        <v>35997</v>
      </c>
    </row>
    <row r="18033" spans="1:3" x14ac:dyDescent="0.15">
      <c r="A18033">
        <v>6966</v>
      </c>
      <c r="B18033" t="s">
        <v>35998</v>
      </c>
      <c r="C18033" t="s">
        <v>35999</v>
      </c>
    </row>
    <row r="18034" spans="1:3" x14ac:dyDescent="0.15">
      <c r="A18034">
        <v>6965</v>
      </c>
      <c r="B18034" t="s">
        <v>36000</v>
      </c>
      <c r="C18034" t="s">
        <v>36001</v>
      </c>
    </row>
    <row r="18035" spans="1:3" x14ac:dyDescent="0.15">
      <c r="A18035">
        <v>6964</v>
      </c>
      <c r="B18035" t="s">
        <v>36002</v>
      </c>
      <c r="C18035" t="s">
        <v>36003</v>
      </c>
    </row>
    <row r="18036" spans="1:3" x14ac:dyDescent="0.15">
      <c r="A18036">
        <v>6963</v>
      </c>
      <c r="B18036" t="s">
        <v>36004</v>
      </c>
      <c r="C18036" t="s">
        <v>36005</v>
      </c>
    </row>
    <row r="18037" spans="1:3" x14ac:dyDescent="0.15">
      <c r="A18037">
        <v>6962</v>
      </c>
      <c r="B18037" t="s">
        <v>36006</v>
      </c>
      <c r="C18037" t="s">
        <v>36007</v>
      </c>
    </row>
    <row r="18038" spans="1:3" x14ac:dyDescent="0.15">
      <c r="A18038">
        <v>6961</v>
      </c>
      <c r="B18038" t="s">
        <v>36008</v>
      </c>
      <c r="C18038" t="s">
        <v>36009</v>
      </c>
    </row>
    <row r="18039" spans="1:3" x14ac:dyDescent="0.15">
      <c r="A18039">
        <v>6960</v>
      </c>
      <c r="B18039" t="s">
        <v>36010</v>
      </c>
      <c r="C18039" t="s">
        <v>36011</v>
      </c>
    </row>
    <row r="18040" spans="1:3" x14ac:dyDescent="0.15">
      <c r="A18040">
        <v>6959</v>
      </c>
      <c r="B18040" t="s">
        <v>36012</v>
      </c>
      <c r="C18040" t="s">
        <v>36013</v>
      </c>
    </row>
    <row r="18041" spans="1:3" x14ac:dyDescent="0.15">
      <c r="A18041">
        <v>6958</v>
      </c>
      <c r="B18041" t="s">
        <v>36014</v>
      </c>
      <c r="C18041" t="s">
        <v>36015</v>
      </c>
    </row>
    <row r="18042" spans="1:3" x14ac:dyDescent="0.15">
      <c r="A18042">
        <v>6957</v>
      </c>
      <c r="B18042" t="s">
        <v>36016</v>
      </c>
      <c r="C18042" t="s">
        <v>36017</v>
      </c>
    </row>
    <row r="18043" spans="1:3" x14ac:dyDescent="0.15">
      <c r="A18043">
        <v>6956</v>
      </c>
      <c r="B18043" t="s">
        <v>36018</v>
      </c>
      <c r="C18043" t="s">
        <v>36019</v>
      </c>
    </row>
    <row r="18044" spans="1:3" x14ac:dyDescent="0.15">
      <c r="A18044">
        <v>6955</v>
      </c>
      <c r="B18044" t="s">
        <v>36020</v>
      </c>
      <c r="C18044" t="s">
        <v>36021</v>
      </c>
    </row>
    <row r="18045" spans="1:3" x14ac:dyDescent="0.15">
      <c r="A18045">
        <v>6954</v>
      </c>
      <c r="B18045" t="s">
        <v>36022</v>
      </c>
      <c r="C18045" t="s">
        <v>36023</v>
      </c>
    </row>
    <row r="18046" spans="1:3" x14ac:dyDescent="0.15">
      <c r="A18046">
        <v>6953</v>
      </c>
      <c r="B18046" t="s">
        <v>36024</v>
      </c>
      <c r="C18046" t="s">
        <v>36025</v>
      </c>
    </row>
    <row r="18047" spans="1:3" x14ac:dyDescent="0.15">
      <c r="A18047">
        <v>6952</v>
      </c>
      <c r="B18047" t="s">
        <v>36026</v>
      </c>
      <c r="C18047" t="s">
        <v>36027</v>
      </c>
    </row>
    <row r="18048" spans="1:3" x14ac:dyDescent="0.15">
      <c r="A18048">
        <v>6951</v>
      </c>
      <c r="B18048" t="s">
        <v>36028</v>
      </c>
      <c r="C18048" t="s">
        <v>36029</v>
      </c>
    </row>
    <row r="18049" spans="1:3" x14ac:dyDescent="0.15">
      <c r="A18049">
        <v>6950</v>
      </c>
      <c r="B18049" t="s">
        <v>36030</v>
      </c>
      <c r="C18049" t="s">
        <v>36031</v>
      </c>
    </row>
    <row r="18050" spans="1:3" x14ac:dyDescent="0.15">
      <c r="A18050">
        <v>6949</v>
      </c>
      <c r="B18050" t="s">
        <v>36032</v>
      </c>
      <c r="C18050" t="s">
        <v>36033</v>
      </c>
    </row>
    <row r="18051" spans="1:3" x14ac:dyDescent="0.15">
      <c r="A18051">
        <v>6948</v>
      </c>
      <c r="B18051" t="s">
        <v>36034</v>
      </c>
      <c r="C18051" t="s">
        <v>36035</v>
      </c>
    </row>
    <row r="18052" spans="1:3" x14ac:dyDescent="0.15">
      <c r="A18052">
        <v>6947</v>
      </c>
      <c r="B18052" t="s">
        <v>36036</v>
      </c>
      <c r="C18052" t="s">
        <v>36037</v>
      </c>
    </row>
    <row r="18053" spans="1:3" x14ac:dyDescent="0.15">
      <c r="A18053">
        <v>6946</v>
      </c>
      <c r="B18053" t="s">
        <v>36038</v>
      </c>
      <c r="C18053" t="s">
        <v>36039</v>
      </c>
    </row>
    <row r="18054" spans="1:3" x14ac:dyDescent="0.15">
      <c r="A18054">
        <v>6945</v>
      </c>
      <c r="B18054" t="s">
        <v>36040</v>
      </c>
      <c r="C18054" t="s">
        <v>36041</v>
      </c>
    </row>
    <row r="18055" spans="1:3" x14ac:dyDescent="0.15">
      <c r="A18055">
        <v>6944</v>
      </c>
      <c r="B18055" t="s">
        <v>36042</v>
      </c>
      <c r="C18055" t="s">
        <v>36043</v>
      </c>
    </row>
    <row r="18056" spans="1:3" x14ac:dyDescent="0.15">
      <c r="A18056">
        <v>6943</v>
      </c>
      <c r="B18056" t="s">
        <v>36044</v>
      </c>
      <c r="C18056" t="s">
        <v>36045</v>
      </c>
    </row>
    <row r="18057" spans="1:3" x14ac:dyDescent="0.15">
      <c r="A18057">
        <v>6942</v>
      </c>
      <c r="B18057" t="s">
        <v>36046</v>
      </c>
      <c r="C18057" t="s">
        <v>36047</v>
      </c>
    </row>
    <row r="18058" spans="1:3" x14ac:dyDescent="0.15">
      <c r="A18058">
        <v>6941</v>
      </c>
      <c r="B18058" t="s">
        <v>36048</v>
      </c>
      <c r="C18058" t="s">
        <v>36049</v>
      </c>
    </row>
    <row r="18059" spans="1:3" x14ac:dyDescent="0.15">
      <c r="A18059">
        <v>6940</v>
      </c>
      <c r="B18059" t="s">
        <v>36050</v>
      </c>
      <c r="C18059" t="s">
        <v>36051</v>
      </c>
    </row>
    <row r="18060" spans="1:3" x14ac:dyDescent="0.15">
      <c r="A18060">
        <v>6939</v>
      </c>
      <c r="B18060" t="s">
        <v>36052</v>
      </c>
      <c r="C18060" t="s">
        <v>36053</v>
      </c>
    </row>
    <row r="18061" spans="1:3" x14ac:dyDescent="0.15">
      <c r="A18061">
        <v>6938</v>
      </c>
      <c r="B18061" t="s">
        <v>36054</v>
      </c>
      <c r="C18061" t="s">
        <v>36055</v>
      </c>
    </row>
    <row r="18062" spans="1:3" x14ac:dyDescent="0.15">
      <c r="A18062">
        <v>6937</v>
      </c>
      <c r="B18062" t="s">
        <v>36056</v>
      </c>
      <c r="C18062" t="s">
        <v>36057</v>
      </c>
    </row>
    <row r="18063" spans="1:3" x14ac:dyDescent="0.15">
      <c r="A18063">
        <v>6936</v>
      </c>
      <c r="B18063" t="s">
        <v>36058</v>
      </c>
      <c r="C18063" t="s">
        <v>36059</v>
      </c>
    </row>
    <row r="18064" spans="1:3" x14ac:dyDescent="0.15">
      <c r="A18064">
        <v>6935</v>
      </c>
      <c r="B18064" t="s">
        <v>36060</v>
      </c>
      <c r="C18064" t="s">
        <v>36061</v>
      </c>
    </row>
    <row r="18065" spans="1:3" x14ac:dyDescent="0.15">
      <c r="A18065">
        <v>6934</v>
      </c>
      <c r="B18065" t="s">
        <v>36062</v>
      </c>
      <c r="C18065" t="s">
        <v>36063</v>
      </c>
    </row>
    <row r="18066" spans="1:3" x14ac:dyDescent="0.15">
      <c r="A18066">
        <v>6933</v>
      </c>
      <c r="B18066" t="s">
        <v>36064</v>
      </c>
      <c r="C18066" t="s">
        <v>36065</v>
      </c>
    </row>
    <row r="18067" spans="1:3" x14ac:dyDescent="0.15">
      <c r="A18067">
        <v>6932</v>
      </c>
      <c r="B18067" t="s">
        <v>36066</v>
      </c>
      <c r="C18067" t="s">
        <v>36067</v>
      </c>
    </row>
    <row r="18068" spans="1:3" x14ac:dyDescent="0.15">
      <c r="A18068">
        <v>6931</v>
      </c>
      <c r="B18068" t="s">
        <v>36068</v>
      </c>
      <c r="C18068" t="s">
        <v>36069</v>
      </c>
    </row>
    <row r="18069" spans="1:3" x14ac:dyDescent="0.15">
      <c r="A18069">
        <v>6930</v>
      </c>
      <c r="B18069" t="s">
        <v>36070</v>
      </c>
      <c r="C18069" t="s">
        <v>36071</v>
      </c>
    </row>
    <row r="18070" spans="1:3" x14ac:dyDescent="0.15">
      <c r="A18070">
        <v>6929</v>
      </c>
      <c r="B18070" t="s">
        <v>36072</v>
      </c>
      <c r="C18070" t="s">
        <v>36073</v>
      </c>
    </row>
    <row r="18071" spans="1:3" x14ac:dyDescent="0.15">
      <c r="A18071">
        <v>6928</v>
      </c>
      <c r="B18071" t="s">
        <v>36074</v>
      </c>
      <c r="C18071" t="s">
        <v>36075</v>
      </c>
    </row>
    <row r="18072" spans="1:3" x14ac:dyDescent="0.15">
      <c r="A18072">
        <v>6927</v>
      </c>
      <c r="B18072" t="s">
        <v>36076</v>
      </c>
      <c r="C18072" t="s">
        <v>36077</v>
      </c>
    </row>
    <row r="18073" spans="1:3" x14ac:dyDescent="0.15">
      <c r="A18073">
        <v>6926</v>
      </c>
      <c r="B18073" t="s">
        <v>36078</v>
      </c>
      <c r="C18073" t="s">
        <v>36079</v>
      </c>
    </row>
    <row r="18074" spans="1:3" x14ac:dyDescent="0.15">
      <c r="A18074">
        <v>6925</v>
      </c>
      <c r="B18074" t="s">
        <v>36080</v>
      </c>
      <c r="C18074" t="s">
        <v>36081</v>
      </c>
    </row>
    <row r="18075" spans="1:3" x14ac:dyDescent="0.15">
      <c r="A18075">
        <v>6924</v>
      </c>
      <c r="B18075" t="s">
        <v>36082</v>
      </c>
      <c r="C18075" t="s">
        <v>36083</v>
      </c>
    </row>
    <row r="18076" spans="1:3" x14ac:dyDescent="0.15">
      <c r="A18076">
        <v>6923</v>
      </c>
      <c r="B18076" t="s">
        <v>36084</v>
      </c>
      <c r="C18076" t="s">
        <v>36085</v>
      </c>
    </row>
    <row r="18077" spans="1:3" x14ac:dyDescent="0.15">
      <c r="A18077">
        <v>6922</v>
      </c>
      <c r="B18077" t="s">
        <v>36086</v>
      </c>
      <c r="C18077" t="s">
        <v>36087</v>
      </c>
    </row>
    <row r="18078" spans="1:3" x14ac:dyDescent="0.15">
      <c r="A18078">
        <v>6921</v>
      </c>
      <c r="B18078" t="s">
        <v>36088</v>
      </c>
      <c r="C18078" t="s">
        <v>36089</v>
      </c>
    </row>
    <row r="18079" spans="1:3" x14ac:dyDescent="0.15">
      <c r="A18079">
        <v>6920</v>
      </c>
      <c r="B18079" t="s">
        <v>36090</v>
      </c>
      <c r="C18079" t="s">
        <v>36091</v>
      </c>
    </row>
    <row r="18080" spans="1:3" x14ac:dyDescent="0.15">
      <c r="A18080">
        <v>6919</v>
      </c>
      <c r="B18080" t="s">
        <v>36092</v>
      </c>
      <c r="C18080" t="s">
        <v>36093</v>
      </c>
    </row>
    <row r="18081" spans="1:3" x14ac:dyDescent="0.15">
      <c r="A18081">
        <v>6918</v>
      </c>
      <c r="B18081" t="s">
        <v>36094</v>
      </c>
      <c r="C18081" t="s">
        <v>36095</v>
      </c>
    </row>
    <row r="18082" spans="1:3" x14ac:dyDescent="0.15">
      <c r="A18082">
        <v>6917</v>
      </c>
      <c r="B18082" t="s">
        <v>36096</v>
      </c>
      <c r="C18082" t="s">
        <v>36097</v>
      </c>
    </row>
    <row r="18083" spans="1:3" x14ac:dyDescent="0.15">
      <c r="A18083">
        <v>6916</v>
      </c>
      <c r="B18083" t="s">
        <v>36098</v>
      </c>
      <c r="C18083" t="s">
        <v>36099</v>
      </c>
    </row>
    <row r="18084" spans="1:3" x14ac:dyDescent="0.15">
      <c r="A18084">
        <v>6915</v>
      </c>
      <c r="B18084" t="s">
        <v>36100</v>
      </c>
      <c r="C18084" t="s">
        <v>36101</v>
      </c>
    </row>
    <row r="18085" spans="1:3" x14ac:dyDescent="0.15">
      <c r="A18085">
        <v>6914</v>
      </c>
      <c r="B18085" t="s">
        <v>36102</v>
      </c>
      <c r="C18085" t="s">
        <v>36103</v>
      </c>
    </row>
    <row r="18086" spans="1:3" x14ac:dyDescent="0.15">
      <c r="A18086">
        <v>6913</v>
      </c>
      <c r="B18086" t="s">
        <v>36104</v>
      </c>
      <c r="C18086" t="s">
        <v>36105</v>
      </c>
    </row>
    <row r="18087" spans="1:3" x14ac:dyDescent="0.15">
      <c r="A18087">
        <v>6912</v>
      </c>
      <c r="B18087" t="s">
        <v>36106</v>
      </c>
      <c r="C18087" t="s">
        <v>36107</v>
      </c>
    </row>
    <row r="18088" spans="1:3" x14ac:dyDescent="0.15">
      <c r="A18088">
        <v>6911</v>
      </c>
      <c r="B18088" t="s">
        <v>36108</v>
      </c>
      <c r="C18088" t="s">
        <v>36109</v>
      </c>
    </row>
    <row r="18089" spans="1:3" x14ac:dyDescent="0.15">
      <c r="A18089">
        <v>6910</v>
      </c>
      <c r="B18089" t="s">
        <v>36110</v>
      </c>
      <c r="C18089" t="s">
        <v>36111</v>
      </c>
    </row>
    <row r="18090" spans="1:3" x14ac:dyDescent="0.15">
      <c r="A18090">
        <v>6909</v>
      </c>
      <c r="B18090" t="s">
        <v>36112</v>
      </c>
      <c r="C18090" t="s">
        <v>36113</v>
      </c>
    </row>
    <row r="18091" spans="1:3" x14ac:dyDescent="0.15">
      <c r="A18091">
        <v>6908</v>
      </c>
      <c r="B18091" t="s">
        <v>36114</v>
      </c>
      <c r="C18091" t="s">
        <v>36115</v>
      </c>
    </row>
    <row r="18092" spans="1:3" x14ac:dyDescent="0.15">
      <c r="A18092">
        <v>6907</v>
      </c>
      <c r="B18092" t="s">
        <v>36116</v>
      </c>
      <c r="C18092" t="s">
        <v>36117</v>
      </c>
    </row>
    <row r="18093" spans="1:3" x14ac:dyDescent="0.15">
      <c r="A18093">
        <v>6906</v>
      </c>
      <c r="B18093" t="s">
        <v>36118</v>
      </c>
      <c r="C18093" t="s">
        <v>36119</v>
      </c>
    </row>
    <row r="18094" spans="1:3" x14ac:dyDescent="0.15">
      <c r="A18094">
        <v>6905</v>
      </c>
      <c r="B18094" t="s">
        <v>36120</v>
      </c>
      <c r="C18094" t="s">
        <v>36121</v>
      </c>
    </row>
    <row r="18095" spans="1:3" x14ac:dyDescent="0.15">
      <c r="A18095">
        <v>6904</v>
      </c>
      <c r="B18095" t="s">
        <v>36122</v>
      </c>
      <c r="C18095" t="s">
        <v>36123</v>
      </c>
    </row>
    <row r="18096" spans="1:3" x14ac:dyDescent="0.15">
      <c r="A18096">
        <v>6903</v>
      </c>
      <c r="B18096" t="s">
        <v>36124</v>
      </c>
      <c r="C18096" t="s">
        <v>36125</v>
      </c>
    </row>
    <row r="18097" spans="1:3" x14ac:dyDescent="0.15">
      <c r="A18097">
        <v>6902</v>
      </c>
      <c r="B18097" t="s">
        <v>36126</v>
      </c>
      <c r="C18097" t="s">
        <v>36127</v>
      </c>
    </row>
    <row r="18098" spans="1:3" x14ac:dyDescent="0.15">
      <c r="A18098">
        <v>6901</v>
      </c>
      <c r="B18098" t="s">
        <v>36128</v>
      </c>
      <c r="C18098" t="s">
        <v>36129</v>
      </c>
    </row>
    <row r="18099" spans="1:3" x14ac:dyDescent="0.15">
      <c r="A18099">
        <v>6900</v>
      </c>
      <c r="B18099" t="s">
        <v>36130</v>
      </c>
      <c r="C18099" t="s">
        <v>36131</v>
      </c>
    </row>
    <row r="18100" spans="1:3" x14ac:dyDescent="0.15">
      <c r="A18100">
        <v>6899</v>
      </c>
      <c r="B18100" t="s">
        <v>36132</v>
      </c>
      <c r="C18100" t="s">
        <v>36133</v>
      </c>
    </row>
    <row r="18101" spans="1:3" x14ac:dyDescent="0.15">
      <c r="A18101">
        <v>6898</v>
      </c>
      <c r="B18101" t="s">
        <v>36134</v>
      </c>
      <c r="C18101" t="s">
        <v>36135</v>
      </c>
    </row>
    <row r="18102" spans="1:3" x14ac:dyDescent="0.15">
      <c r="A18102">
        <v>6897</v>
      </c>
      <c r="B18102" t="s">
        <v>36136</v>
      </c>
      <c r="C18102" t="s">
        <v>36137</v>
      </c>
    </row>
    <row r="18103" spans="1:3" x14ac:dyDescent="0.15">
      <c r="A18103">
        <v>6896</v>
      </c>
      <c r="B18103" t="s">
        <v>36138</v>
      </c>
      <c r="C18103" t="s">
        <v>36139</v>
      </c>
    </row>
    <row r="18104" spans="1:3" x14ac:dyDescent="0.15">
      <c r="A18104">
        <v>6895</v>
      </c>
      <c r="B18104" t="s">
        <v>36140</v>
      </c>
      <c r="C18104" t="s">
        <v>36141</v>
      </c>
    </row>
    <row r="18105" spans="1:3" x14ac:dyDescent="0.15">
      <c r="A18105">
        <v>6894</v>
      </c>
      <c r="B18105" t="s">
        <v>36142</v>
      </c>
      <c r="C18105" t="s">
        <v>36143</v>
      </c>
    </row>
    <row r="18106" spans="1:3" x14ac:dyDescent="0.15">
      <c r="A18106">
        <v>6893</v>
      </c>
      <c r="B18106" t="s">
        <v>36144</v>
      </c>
      <c r="C18106" t="s">
        <v>36145</v>
      </c>
    </row>
    <row r="18107" spans="1:3" x14ac:dyDescent="0.15">
      <c r="A18107">
        <v>6892</v>
      </c>
      <c r="B18107" t="s">
        <v>36146</v>
      </c>
      <c r="C18107" t="s">
        <v>36147</v>
      </c>
    </row>
    <row r="18108" spans="1:3" x14ac:dyDescent="0.15">
      <c r="A18108">
        <v>6891</v>
      </c>
      <c r="B18108" t="s">
        <v>36148</v>
      </c>
      <c r="C18108" t="s">
        <v>36149</v>
      </c>
    </row>
    <row r="18109" spans="1:3" x14ac:dyDescent="0.15">
      <c r="A18109">
        <v>6890</v>
      </c>
      <c r="B18109" t="s">
        <v>36150</v>
      </c>
      <c r="C18109" t="s">
        <v>36151</v>
      </c>
    </row>
    <row r="18110" spans="1:3" x14ac:dyDescent="0.15">
      <c r="A18110">
        <v>6889</v>
      </c>
      <c r="B18110" t="s">
        <v>36152</v>
      </c>
      <c r="C18110" t="s">
        <v>36153</v>
      </c>
    </row>
    <row r="18111" spans="1:3" x14ac:dyDescent="0.15">
      <c r="A18111">
        <v>6888</v>
      </c>
      <c r="B18111" t="s">
        <v>36154</v>
      </c>
      <c r="C18111" t="s">
        <v>36155</v>
      </c>
    </row>
    <row r="18112" spans="1:3" x14ac:dyDescent="0.15">
      <c r="A18112">
        <v>6887</v>
      </c>
      <c r="B18112" t="s">
        <v>36156</v>
      </c>
      <c r="C18112" t="s">
        <v>36157</v>
      </c>
    </row>
    <row r="18113" spans="1:3" x14ac:dyDescent="0.15">
      <c r="A18113">
        <v>6886</v>
      </c>
      <c r="B18113" t="s">
        <v>36158</v>
      </c>
      <c r="C18113" t="s">
        <v>36159</v>
      </c>
    </row>
    <row r="18114" spans="1:3" x14ac:dyDescent="0.15">
      <c r="A18114">
        <v>6885</v>
      </c>
      <c r="B18114" t="s">
        <v>36160</v>
      </c>
      <c r="C18114" t="s">
        <v>36161</v>
      </c>
    </row>
    <row r="18115" spans="1:3" x14ac:dyDescent="0.15">
      <c r="A18115">
        <v>6884</v>
      </c>
      <c r="B18115" t="s">
        <v>36162</v>
      </c>
      <c r="C18115" t="s">
        <v>36163</v>
      </c>
    </row>
    <row r="18116" spans="1:3" x14ac:dyDescent="0.15">
      <c r="A18116">
        <v>6883</v>
      </c>
      <c r="B18116" t="s">
        <v>36164</v>
      </c>
      <c r="C18116" t="s">
        <v>36165</v>
      </c>
    </row>
    <row r="18117" spans="1:3" x14ac:dyDescent="0.15">
      <c r="A18117">
        <v>6882</v>
      </c>
      <c r="B18117" t="s">
        <v>36166</v>
      </c>
      <c r="C18117" t="s">
        <v>36167</v>
      </c>
    </row>
    <row r="18118" spans="1:3" x14ac:dyDescent="0.15">
      <c r="A18118">
        <v>6881</v>
      </c>
      <c r="B18118" t="s">
        <v>36168</v>
      </c>
      <c r="C18118" t="s">
        <v>36169</v>
      </c>
    </row>
    <row r="18119" spans="1:3" x14ac:dyDescent="0.15">
      <c r="A18119">
        <v>6880</v>
      </c>
      <c r="B18119" t="s">
        <v>36170</v>
      </c>
      <c r="C18119" t="s">
        <v>36171</v>
      </c>
    </row>
    <row r="18120" spans="1:3" x14ac:dyDescent="0.15">
      <c r="A18120">
        <v>6879</v>
      </c>
      <c r="B18120" t="s">
        <v>36172</v>
      </c>
      <c r="C18120" t="s">
        <v>36173</v>
      </c>
    </row>
    <row r="18121" spans="1:3" x14ac:dyDescent="0.15">
      <c r="A18121">
        <v>6878</v>
      </c>
      <c r="B18121" t="s">
        <v>36174</v>
      </c>
      <c r="C18121" t="s">
        <v>36175</v>
      </c>
    </row>
    <row r="18122" spans="1:3" x14ac:dyDescent="0.15">
      <c r="A18122">
        <v>6877</v>
      </c>
      <c r="B18122" t="s">
        <v>36176</v>
      </c>
      <c r="C18122" t="s">
        <v>36177</v>
      </c>
    </row>
    <row r="18123" spans="1:3" x14ac:dyDescent="0.15">
      <c r="A18123">
        <v>6876</v>
      </c>
      <c r="B18123" t="s">
        <v>36178</v>
      </c>
      <c r="C18123" t="s">
        <v>36179</v>
      </c>
    </row>
    <row r="18124" spans="1:3" x14ac:dyDescent="0.15">
      <c r="A18124">
        <v>6875</v>
      </c>
      <c r="B18124" t="s">
        <v>36180</v>
      </c>
      <c r="C18124" t="s">
        <v>36181</v>
      </c>
    </row>
    <row r="18125" spans="1:3" x14ac:dyDescent="0.15">
      <c r="A18125">
        <v>6874</v>
      </c>
      <c r="B18125" t="s">
        <v>36182</v>
      </c>
      <c r="C18125" t="s">
        <v>36183</v>
      </c>
    </row>
    <row r="18126" spans="1:3" x14ac:dyDescent="0.15">
      <c r="A18126">
        <v>6873</v>
      </c>
      <c r="B18126" t="s">
        <v>36184</v>
      </c>
      <c r="C18126" t="s">
        <v>36185</v>
      </c>
    </row>
    <row r="18127" spans="1:3" x14ac:dyDescent="0.15">
      <c r="A18127">
        <v>6872</v>
      </c>
      <c r="B18127" t="s">
        <v>36186</v>
      </c>
      <c r="C18127" t="s">
        <v>36187</v>
      </c>
    </row>
    <row r="18128" spans="1:3" x14ac:dyDescent="0.15">
      <c r="A18128">
        <v>6871</v>
      </c>
      <c r="B18128" t="s">
        <v>36188</v>
      </c>
      <c r="C18128" t="s">
        <v>36189</v>
      </c>
    </row>
    <row r="18129" spans="1:3" x14ac:dyDescent="0.15">
      <c r="A18129">
        <v>6870</v>
      </c>
      <c r="B18129" t="s">
        <v>36190</v>
      </c>
      <c r="C18129" t="s">
        <v>36191</v>
      </c>
    </row>
    <row r="18130" spans="1:3" x14ac:dyDescent="0.15">
      <c r="A18130">
        <v>6869</v>
      </c>
      <c r="B18130" t="s">
        <v>36192</v>
      </c>
      <c r="C18130" t="s">
        <v>36193</v>
      </c>
    </row>
    <row r="18131" spans="1:3" x14ac:dyDescent="0.15">
      <c r="A18131">
        <v>6868</v>
      </c>
      <c r="B18131" t="s">
        <v>36194</v>
      </c>
      <c r="C18131" t="s">
        <v>36195</v>
      </c>
    </row>
    <row r="18132" spans="1:3" x14ac:dyDescent="0.15">
      <c r="A18132">
        <v>6867</v>
      </c>
      <c r="B18132" t="s">
        <v>36196</v>
      </c>
      <c r="C18132" t="s">
        <v>36197</v>
      </c>
    </row>
    <row r="18133" spans="1:3" x14ac:dyDescent="0.15">
      <c r="A18133">
        <v>6866</v>
      </c>
      <c r="B18133" t="s">
        <v>36198</v>
      </c>
      <c r="C18133" t="s">
        <v>36199</v>
      </c>
    </row>
    <row r="18134" spans="1:3" x14ac:dyDescent="0.15">
      <c r="A18134">
        <v>6865</v>
      </c>
      <c r="B18134" t="s">
        <v>36200</v>
      </c>
      <c r="C18134" t="s">
        <v>36201</v>
      </c>
    </row>
    <row r="18135" spans="1:3" x14ac:dyDescent="0.15">
      <c r="A18135">
        <v>6864</v>
      </c>
      <c r="B18135" t="s">
        <v>36202</v>
      </c>
      <c r="C18135" t="s">
        <v>36203</v>
      </c>
    </row>
    <row r="18136" spans="1:3" x14ac:dyDescent="0.15">
      <c r="A18136">
        <v>6863</v>
      </c>
      <c r="B18136" t="s">
        <v>36204</v>
      </c>
      <c r="C18136" t="s">
        <v>36205</v>
      </c>
    </row>
    <row r="18137" spans="1:3" x14ac:dyDescent="0.15">
      <c r="A18137">
        <v>6862</v>
      </c>
      <c r="B18137" t="s">
        <v>36206</v>
      </c>
      <c r="C18137" t="s">
        <v>36207</v>
      </c>
    </row>
    <row r="18138" spans="1:3" x14ac:dyDescent="0.15">
      <c r="A18138">
        <v>6861</v>
      </c>
      <c r="B18138" t="s">
        <v>36208</v>
      </c>
      <c r="C18138" t="s">
        <v>36209</v>
      </c>
    </row>
    <row r="18139" spans="1:3" x14ac:dyDescent="0.15">
      <c r="A18139">
        <v>6860</v>
      </c>
      <c r="B18139" t="s">
        <v>36210</v>
      </c>
      <c r="C18139" t="s">
        <v>36211</v>
      </c>
    </row>
    <row r="18140" spans="1:3" x14ac:dyDescent="0.15">
      <c r="A18140">
        <v>6859</v>
      </c>
      <c r="B18140" t="s">
        <v>36212</v>
      </c>
      <c r="C18140" t="s">
        <v>36213</v>
      </c>
    </row>
    <row r="18141" spans="1:3" x14ac:dyDescent="0.15">
      <c r="A18141">
        <v>6858</v>
      </c>
      <c r="B18141" t="s">
        <v>36214</v>
      </c>
      <c r="C18141" t="s">
        <v>36215</v>
      </c>
    </row>
    <row r="18142" spans="1:3" x14ac:dyDescent="0.15">
      <c r="A18142">
        <v>6857</v>
      </c>
      <c r="B18142" t="s">
        <v>36216</v>
      </c>
      <c r="C18142" t="s">
        <v>36217</v>
      </c>
    </row>
    <row r="18143" spans="1:3" x14ac:dyDescent="0.15">
      <c r="A18143">
        <v>6856</v>
      </c>
      <c r="B18143" t="s">
        <v>36218</v>
      </c>
      <c r="C18143" t="s">
        <v>36219</v>
      </c>
    </row>
    <row r="18144" spans="1:3" x14ac:dyDescent="0.15">
      <c r="A18144">
        <v>6855</v>
      </c>
      <c r="B18144" t="s">
        <v>36220</v>
      </c>
      <c r="C18144" t="s">
        <v>36221</v>
      </c>
    </row>
    <row r="18145" spans="1:3" x14ac:dyDescent="0.15">
      <c r="A18145">
        <v>6854</v>
      </c>
      <c r="B18145" t="s">
        <v>36222</v>
      </c>
      <c r="C18145" t="s">
        <v>36223</v>
      </c>
    </row>
    <row r="18146" spans="1:3" x14ac:dyDescent="0.15">
      <c r="A18146">
        <v>6853</v>
      </c>
      <c r="B18146" t="s">
        <v>36224</v>
      </c>
      <c r="C18146" t="s">
        <v>36225</v>
      </c>
    </row>
    <row r="18147" spans="1:3" x14ac:dyDescent="0.15">
      <c r="A18147">
        <v>6852</v>
      </c>
      <c r="B18147" t="s">
        <v>36226</v>
      </c>
      <c r="C18147" t="s">
        <v>36227</v>
      </c>
    </row>
    <row r="18148" spans="1:3" x14ac:dyDescent="0.15">
      <c r="A18148">
        <v>6851</v>
      </c>
      <c r="B18148" t="s">
        <v>36228</v>
      </c>
      <c r="C18148" t="s">
        <v>3319</v>
      </c>
    </row>
    <row r="18149" spans="1:3" x14ac:dyDescent="0.15">
      <c r="A18149">
        <v>6850</v>
      </c>
      <c r="B18149" t="s">
        <v>36229</v>
      </c>
      <c r="C18149" t="s">
        <v>36230</v>
      </c>
    </row>
    <row r="18150" spans="1:3" x14ac:dyDescent="0.15">
      <c r="A18150">
        <v>6849</v>
      </c>
      <c r="B18150" t="s">
        <v>36231</v>
      </c>
      <c r="C18150" t="s">
        <v>36232</v>
      </c>
    </row>
    <row r="18151" spans="1:3" x14ac:dyDescent="0.15">
      <c r="A18151">
        <v>6848</v>
      </c>
      <c r="B18151" t="s">
        <v>36233</v>
      </c>
      <c r="C18151" t="s">
        <v>36234</v>
      </c>
    </row>
    <row r="18152" spans="1:3" x14ac:dyDescent="0.15">
      <c r="A18152">
        <v>6847</v>
      </c>
      <c r="B18152" t="s">
        <v>36235</v>
      </c>
      <c r="C18152" t="s">
        <v>36236</v>
      </c>
    </row>
    <row r="18153" spans="1:3" x14ac:dyDescent="0.15">
      <c r="A18153">
        <v>6846</v>
      </c>
      <c r="B18153" t="s">
        <v>36237</v>
      </c>
      <c r="C18153" t="s">
        <v>36238</v>
      </c>
    </row>
    <row r="18154" spans="1:3" x14ac:dyDescent="0.15">
      <c r="A18154">
        <v>6845</v>
      </c>
      <c r="B18154" t="s">
        <v>36239</v>
      </c>
      <c r="C18154" t="s">
        <v>36240</v>
      </c>
    </row>
    <row r="18155" spans="1:3" x14ac:dyDescent="0.15">
      <c r="A18155">
        <v>6844</v>
      </c>
      <c r="B18155" t="s">
        <v>36241</v>
      </c>
      <c r="C18155" t="s">
        <v>36242</v>
      </c>
    </row>
    <row r="18156" spans="1:3" x14ac:dyDescent="0.15">
      <c r="A18156">
        <v>6843</v>
      </c>
      <c r="B18156" t="s">
        <v>36243</v>
      </c>
      <c r="C18156" t="s">
        <v>36244</v>
      </c>
    </row>
    <row r="18157" spans="1:3" x14ac:dyDescent="0.15">
      <c r="A18157">
        <v>6842</v>
      </c>
      <c r="B18157" t="s">
        <v>36245</v>
      </c>
      <c r="C18157" t="s">
        <v>36246</v>
      </c>
    </row>
    <row r="18158" spans="1:3" x14ac:dyDescent="0.15">
      <c r="A18158">
        <v>6841</v>
      </c>
      <c r="B18158" t="s">
        <v>36247</v>
      </c>
      <c r="C18158" t="s">
        <v>36248</v>
      </c>
    </row>
    <row r="18159" spans="1:3" x14ac:dyDescent="0.15">
      <c r="A18159">
        <v>6840</v>
      </c>
      <c r="B18159" t="s">
        <v>36249</v>
      </c>
      <c r="C18159" t="s">
        <v>36250</v>
      </c>
    </row>
    <row r="18160" spans="1:3" x14ac:dyDescent="0.15">
      <c r="A18160">
        <v>6839</v>
      </c>
      <c r="B18160" t="s">
        <v>36251</v>
      </c>
      <c r="C18160" t="s">
        <v>36252</v>
      </c>
    </row>
    <row r="18161" spans="1:3" x14ac:dyDescent="0.15">
      <c r="A18161">
        <v>6838</v>
      </c>
      <c r="B18161" t="s">
        <v>36253</v>
      </c>
      <c r="C18161" t="s">
        <v>36254</v>
      </c>
    </row>
    <row r="18162" spans="1:3" x14ac:dyDescent="0.15">
      <c r="A18162">
        <v>6837</v>
      </c>
      <c r="B18162" t="s">
        <v>36255</v>
      </c>
      <c r="C18162" t="s">
        <v>36256</v>
      </c>
    </row>
    <row r="18163" spans="1:3" x14ac:dyDescent="0.15">
      <c r="A18163">
        <v>6836</v>
      </c>
      <c r="B18163" t="s">
        <v>36257</v>
      </c>
      <c r="C18163" t="s">
        <v>36258</v>
      </c>
    </row>
    <row r="18164" spans="1:3" x14ac:dyDescent="0.15">
      <c r="A18164">
        <v>6835</v>
      </c>
      <c r="B18164" t="s">
        <v>36259</v>
      </c>
      <c r="C18164" t="s">
        <v>36260</v>
      </c>
    </row>
    <row r="18165" spans="1:3" x14ac:dyDescent="0.15">
      <c r="A18165">
        <v>6834</v>
      </c>
      <c r="B18165" t="s">
        <v>36261</v>
      </c>
      <c r="C18165" t="s">
        <v>36262</v>
      </c>
    </row>
    <row r="18166" spans="1:3" x14ac:dyDescent="0.15">
      <c r="A18166">
        <v>6833</v>
      </c>
      <c r="B18166" t="s">
        <v>36263</v>
      </c>
      <c r="C18166" t="s">
        <v>36264</v>
      </c>
    </row>
    <row r="18167" spans="1:3" x14ac:dyDescent="0.15">
      <c r="A18167">
        <v>6832</v>
      </c>
      <c r="B18167" t="s">
        <v>36265</v>
      </c>
      <c r="C18167" t="s">
        <v>36266</v>
      </c>
    </row>
    <row r="18168" spans="1:3" x14ac:dyDescent="0.15">
      <c r="A18168">
        <v>6831</v>
      </c>
      <c r="B18168" t="s">
        <v>36267</v>
      </c>
      <c r="C18168" t="s">
        <v>36268</v>
      </c>
    </row>
    <row r="18169" spans="1:3" x14ac:dyDescent="0.15">
      <c r="A18169">
        <v>6830</v>
      </c>
      <c r="B18169" t="s">
        <v>36269</v>
      </c>
      <c r="C18169" t="s">
        <v>36270</v>
      </c>
    </row>
    <row r="18170" spans="1:3" x14ac:dyDescent="0.15">
      <c r="A18170">
        <v>6829</v>
      </c>
      <c r="B18170" t="s">
        <v>36271</v>
      </c>
      <c r="C18170" t="s">
        <v>36272</v>
      </c>
    </row>
    <row r="18171" spans="1:3" x14ac:dyDescent="0.15">
      <c r="A18171">
        <v>6828</v>
      </c>
      <c r="B18171" t="s">
        <v>36273</v>
      </c>
      <c r="C18171" t="s">
        <v>36274</v>
      </c>
    </row>
    <row r="18172" spans="1:3" x14ac:dyDescent="0.15">
      <c r="A18172">
        <v>6827</v>
      </c>
      <c r="B18172" t="s">
        <v>36275</v>
      </c>
      <c r="C18172" t="s">
        <v>36276</v>
      </c>
    </row>
    <row r="18173" spans="1:3" x14ac:dyDescent="0.15">
      <c r="A18173">
        <v>6826</v>
      </c>
      <c r="B18173" t="s">
        <v>36277</v>
      </c>
      <c r="C18173" t="s">
        <v>36278</v>
      </c>
    </row>
    <row r="18174" spans="1:3" x14ac:dyDescent="0.15">
      <c r="A18174">
        <v>6825</v>
      </c>
      <c r="B18174" t="s">
        <v>36279</v>
      </c>
      <c r="C18174" t="s">
        <v>36280</v>
      </c>
    </row>
    <row r="18175" spans="1:3" x14ac:dyDescent="0.15">
      <c r="A18175">
        <v>6824</v>
      </c>
      <c r="B18175" t="s">
        <v>36281</v>
      </c>
      <c r="C18175" t="s">
        <v>36282</v>
      </c>
    </row>
    <row r="18176" spans="1:3" x14ac:dyDescent="0.15">
      <c r="A18176">
        <v>6823</v>
      </c>
      <c r="B18176" t="s">
        <v>36283</v>
      </c>
      <c r="C18176" t="s">
        <v>36284</v>
      </c>
    </row>
    <row r="18177" spans="1:3" x14ac:dyDescent="0.15">
      <c r="A18177">
        <v>6822</v>
      </c>
      <c r="B18177" t="s">
        <v>36285</v>
      </c>
      <c r="C18177" t="s">
        <v>36286</v>
      </c>
    </row>
    <row r="18178" spans="1:3" x14ac:dyDescent="0.15">
      <c r="A18178">
        <v>6821</v>
      </c>
      <c r="B18178" t="s">
        <v>36287</v>
      </c>
      <c r="C18178" t="s">
        <v>36288</v>
      </c>
    </row>
    <row r="18179" spans="1:3" x14ac:dyDescent="0.15">
      <c r="A18179">
        <v>6820</v>
      </c>
      <c r="B18179" t="s">
        <v>36289</v>
      </c>
      <c r="C18179" t="s">
        <v>36290</v>
      </c>
    </row>
    <row r="18180" spans="1:3" x14ac:dyDescent="0.15">
      <c r="A18180">
        <v>6819</v>
      </c>
      <c r="B18180" t="s">
        <v>36291</v>
      </c>
      <c r="C18180" t="s">
        <v>36292</v>
      </c>
    </row>
    <row r="18181" spans="1:3" x14ac:dyDescent="0.15">
      <c r="A18181">
        <v>6818</v>
      </c>
      <c r="B18181" t="s">
        <v>36293</v>
      </c>
      <c r="C18181" t="s">
        <v>36294</v>
      </c>
    </row>
    <row r="18182" spans="1:3" x14ac:dyDescent="0.15">
      <c r="A18182">
        <v>6817</v>
      </c>
      <c r="B18182" t="s">
        <v>36295</v>
      </c>
      <c r="C18182" t="s">
        <v>36296</v>
      </c>
    </row>
    <row r="18183" spans="1:3" x14ac:dyDescent="0.15">
      <c r="A18183">
        <v>6816</v>
      </c>
      <c r="B18183" t="s">
        <v>36297</v>
      </c>
      <c r="C18183" t="s">
        <v>36298</v>
      </c>
    </row>
    <row r="18184" spans="1:3" x14ac:dyDescent="0.15">
      <c r="A18184">
        <v>6815</v>
      </c>
      <c r="B18184" t="s">
        <v>36299</v>
      </c>
      <c r="C18184" t="s">
        <v>36300</v>
      </c>
    </row>
    <row r="18185" spans="1:3" x14ac:dyDescent="0.15">
      <c r="A18185">
        <v>6814</v>
      </c>
      <c r="B18185" t="s">
        <v>36301</v>
      </c>
      <c r="C18185" t="s">
        <v>36302</v>
      </c>
    </row>
    <row r="18186" spans="1:3" x14ac:dyDescent="0.15">
      <c r="A18186">
        <v>6813</v>
      </c>
      <c r="B18186" t="s">
        <v>36303</v>
      </c>
      <c r="C18186" t="s">
        <v>36304</v>
      </c>
    </row>
    <row r="18187" spans="1:3" x14ac:dyDescent="0.15">
      <c r="A18187">
        <v>6812</v>
      </c>
      <c r="B18187" t="s">
        <v>36305</v>
      </c>
      <c r="C18187" t="s">
        <v>36306</v>
      </c>
    </row>
    <row r="18188" spans="1:3" x14ac:dyDescent="0.15">
      <c r="A18188">
        <v>6811</v>
      </c>
      <c r="B18188" t="s">
        <v>36307</v>
      </c>
      <c r="C18188" t="s">
        <v>36308</v>
      </c>
    </row>
    <row r="18189" spans="1:3" x14ac:dyDescent="0.15">
      <c r="A18189">
        <v>6810</v>
      </c>
      <c r="B18189" t="s">
        <v>36309</v>
      </c>
      <c r="C18189" t="s">
        <v>36310</v>
      </c>
    </row>
    <row r="18190" spans="1:3" x14ac:dyDescent="0.15">
      <c r="A18190">
        <v>6809</v>
      </c>
      <c r="B18190" t="s">
        <v>36311</v>
      </c>
      <c r="C18190" t="s">
        <v>36312</v>
      </c>
    </row>
    <row r="18191" spans="1:3" x14ac:dyDescent="0.15">
      <c r="A18191">
        <v>6808</v>
      </c>
      <c r="B18191" t="s">
        <v>36313</v>
      </c>
      <c r="C18191" t="s">
        <v>36314</v>
      </c>
    </row>
    <row r="18192" spans="1:3" x14ac:dyDescent="0.15">
      <c r="A18192">
        <v>6807</v>
      </c>
      <c r="B18192" t="s">
        <v>36315</v>
      </c>
      <c r="C18192" t="s">
        <v>36316</v>
      </c>
    </row>
    <row r="18193" spans="1:3" x14ac:dyDescent="0.15">
      <c r="A18193">
        <v>6806</v>
      </c>
      <c r="B18193" t="s">
        <v>36317</v>
      </c>
      <c r="C18193" t="s">
        <v>36318</v>
      </c>
    </row>
    <row r="18194" spans="1:3" x14ac:dyDescent="0.15">
      <c r="A18194">
        <v>6805</v>
      </c>
      <c r="B18194" t="s">
        <v>36319</v>
      </c>
      <c r="C18194" t="s">
        <v>36320</v>
      </c>
    </row>
    <row r="18195" spans="1:3" x14ac:dyDescent="0.15">
      <c r="A18195">
        <v>6804</v>
      </c>
      <c r="B18195" t="s">
        <v>36321</v>
      </c>
      <c r="C18195" t="s">
        <v>36322</v>
      </c>
    </row>
    <row r="18196" spans="1:3" x14ac:dyDescent="0.15">
      <c r="A18196">
        <v>6803</v>
      </c>
      <c r="B18196" t="s">
        <v>36323</v>
      </c>
      <c r="C18196" t="s">
        <v>36324</v>
      </c>
    </row>
    <row r="18197" spans="1:3" x14ac:dyDescent="0.15">
      <c r="A18197">
        <v>6802</v>
      </c>
      <c r="B18197" t="s">
        <v>36325</v>
      </c>
      <c r="C18197" t="s">
        <v>36326</v>
      </c>
    </row>
    <row r="18198" spans="1:3" x14ac:dyDescent="0.15">
      <c r="A18198">
        <v>6801</v>
      </c>
      <c r="B18198" t="s">
        <v>36327</v>
      </c>
      <c r="C18198" t="s">
        <v>36328</v>
      </c>
    </row>
    <row r="18199" spans="1:3" x14ac:dyDescent="0.15">
      <c r="A18199">
        <v>6800</v>
      </c>
      <c r="B18199" t="s">
        <v>36329</v>
      </c>
      <c r="C18199" t="s">
        <v>36330</v>
      </c>
    </row>
    <row r="18200" spans="1:3" x14ac:dyDescent="0.15">
      <c r="A18200">
        <v>6799</v>
      </c>
      <c r="B18200" t="s">
        <v>36331</v>
      </c>
      <c r="C18200" t="s">
        <v>36332</v>
      </c>
    </row>
    <row r="18201" spans="1:3" x14ac:dyDescent="0.15">
      <c r="A18201">
        <v>6798</v>
      </c>
      <c r="B18201" t="s">
        <v>36333</v>
      </c>
      <c r="C18201" t="s">
        <v>36334</v>
      </c>
    </row>
    <row r="18202" spans="1:3" x14ac:dyDescent="0.15">
      <c r="A18202">
        <v>6797</v>
      </c>
      <c r="B18202" t="s">
        <v>36335</v>
      </c>
      <c r="C18202" t="s">
        <v>36336</v>
      </c>
    </row>
    <row r="18203" spans="1:3" x14ac:dyDescent="0.15">
      <c r="A18203">
        <v>6796</v>
      </c>
      <c r="B18203" t="s">
        <v>36337</v>
      </c>
      <c r="C18203" t="s">
        <v>36338</v>
      </c>
    </row>
    <row r="18204" spans="1:3" x14ac:dyDescent="0.15">
      <c r="A18204">
        <v>6795</v>
      </c>
      <c r="B18204" t="s">
        <v>36339</v>
      </c>
      <c r="C18204" t="s">
        <v>36340</v>
      </c>
    </row>
    <row r="18205" spans="1:3" x14ac:dyDescent="0.15">
      <c r="A18205">
        <v>6794</v>
      </c>
      <c r="B18205" t="s">
        <v>36341</v>
      </c>
      <c r="C18205" t="s">
        <v>36342</v>
      </c>
    </row>
    <row r="18206" spans="1:3" x14ac:dyDescent="0.15">
      <c r="A18206">
        <v>6793</v>
      </c>
      <c r="B18206" t="s">
        <v>36343</v>
      </c>
      <c r="C18206" t="s">
        <v>36344</v>
      </c>
    </row>
    <row r="18207" spans="1:3" x14ac:dyDescent="0.15">
      <c r="A18207">
        <v>6792</v>
      </c>
      <c r="B18207" t="s">
        <v>36345</v>
      </c>
      <c r="C18207" t="s">
        <v>36346</v>
      </c>
    </row>
    <row r="18208" spans="1:3" x14ac:dyDescent="0.15">
      <c r="A18208">
        <v>6791</v>
      </c>
      <c r="B18208" t="s">
        <v>36347</v>
      </c>
      <c r="C18208" t="s">
        <v>36348</v>
      </c>
    </row>
    <row r="18209" spans="1:3" x14ac:dyDescent="0.15">
      <c r="A18209">
        <v>6790</v>
      </c>
      <c r="B18209" t="s">
        <v>36349</v>
      </c>
      <c r="C18209" t="s">
        <v>36350</v>
      </c>
    </row>
    <row r="18210" spans="1:3" x14ac:dyDescent="0.15">
      <c r="A18210">
        <v>6789</v>
      </c>
      <c r="B18210" t="s">
        <v>36351</v>
      </c>
      <c r="C18210" t="s">
        <v>36352</v>
      </c>
    </row>
    <row r="18211" spans="1:3" x14ac:dyDescent="0.15">
      <c r="A18211">
        <v>6788</v>
      </c>
      <c r="B18211" t="s">
        <v>36353</v>
      </c>
      <c r="C18211" t="s">
        <v>36354</v>
      </c>
    </row>
    <row r="18212" spans="1:3" x14ac:dyDescent="0.15">
      <c r="A18212">
        <v>6787</v>
      </c>
      <c r="B18212" t="s">
        <v>36355</v>
      </c>
      <c r="C18212" t="s">
        <v>36356</v>
      </c>
    </row>
    <row r="18213" spans="1:3" x14ac:dyDescent="0.15">
      <c r="A18213">
        <v>6786</v>
      </c>
      <c r="B18213" t="s">
        <v>36357</v>
      </c>
      <c r="C18213" t="s">
        <v>36358</v>
      </c>
    </row>
    <row r="18214" spans="1:3" x14ac:dyDescent="0.15">
      <c r="A18214">
        <v>6785</v>
      </c>
      <c r="B18214" t="s">
        <v>36359</v>
      </c>
      <c r="C18214" t="s">
        <v>36360</v>
      </c>
    </row>
    <row r="18215" spans="1:3" x14ac:dyDescent="0.15">
      <c r="A18215">
        <v>6784</v>
      </c>
      <c r="B18215" t="s">
        <v>36361</v>
      </c>
      <c r="C18215" t="s">
        <v>36362</v>
      </c>
    </row>
    <row r="18216" spans="1:3" x14ac:dyDescent="0.15">
      <c r="A18216">
        <v>6783</v>
      </c>
      <c r="B18216" t="s">
        <v>36363</v>
      </c>
      <c r="C18216" t="s">
        <v>36364</v>
      </c>
    </row>
    <row r="18217" spans="1:3" x14ac:dyDescent="0.15">
      <c r="A18217">
        <v>6782</v>
      </c>
      <c r="B18217" t="s">
        <v>36365</v>
      </c>
      <c r="C18217" t="s">
        <v>36366</v>
      </c>
    </row>
    <row r="18218" spans="1:3" x14ac:dyDescent="0.15">
      <c r="A18218">
        <v>6781</v>
      </c>
      <c r="B18218" t="s">
        <v>36367</v>
      </c>
      <c r="C18218" t="s">
        <v>36368</v>
      </c>
    </row>
    <row r="18219" spans="1:3" x14ac:dyDescent="0.15">
      <c r="A18219">
        <v>6780</v>
      </c>
      <c r="B18219" t="s">
        <v>36369</v>
      </c>
      <c r="C18219" t="s">
        <v>36370</v>
      </c>
    </row>
    <row r="18220" spans="1:3" x14ac:dyDescent="0.15">
      <c r="A18220">
        <v>6779</v>
      </c>
      <c r="B18220" t="s">
        <v>36371</v>
      </c>
      <c r="C18220" t="s">
        <v>36372</v>
      </c>
    </row>
    <row r="18221" spans="1:3" x14ac:dyDescent="0.15">
      <c r="A18221">
        <v>6778</v>
      </c>
      <c r="B18221" t="s">
        <v>36373</v>
      </c>
      <c r="C18221" t="s">
        <v>36374</v>
      </c>
    </row>
    <row r="18222" spans="1:3" x14ac:dyDescent="0.15">
      <c r="A18222">
        <v>6777</v>
      </c>
      <c r="B18222" t="s">
        <v>36375</v>
      </c>
      <c r="C18222" t="s">
        <v>36376</v>
      </c>
    </row>
    <row r="18223" spans="1:3" x14ac:dyDescent="0.15">
      <c r="A18223">
        <v>6775</v>
      </c>
      <c r="B18223" t="s">
        <v>36377</v>
      </c>
      <c r="C18223" t="s">
        <v>36378</v>
      </c>
    </row>
    <row r="18224" spans="1:3" x14ac:dyDescent="0.15">
      <c r="A18224">
        <v>6774</v>
      </c>
      <c r="B18224" t="s">
        <v>36379</v>
      </c>
      <c r="C18224" t="s">
        <v>36380</v>
      </c>
    </row>
    <row r="18225" spans="1:3" x14ac:dyDescent="0.15">
      <c r="A18225">
        <v>6773</v>
      </c>
      <c r="B18225" t="s">
        <v>36381</v>
      </c>
      <c r="C18225" t="s">
        <v>36382</v>
      </c>
    </row>
    <row r="18226" spans="1:3" x14ac:dyDescent="0.15">
      <c r="A18226">
        <v>6772</v>
      </c>
      <c r="B18226" t="s">
        <v>36383</v>
      </c>
      <c r="C18226" t="s">
        <v>36384</v>
      </c>
    </row>
    <row r="18227" spans="1:3" x14ac:dyDescent="0.15">
      <c r="A18227">
        <v>6771</v>
      </c>
      <c r="B18227" t="s">
        <v>36385</v>
      </c>
      <c r="C18227" t="s">
        <v>36386</v>
      </c>
    </row>
    <row r="18228" spans="1:3" x14ac:dyDescent="0.15">
      <c r="A18228">
        <v>6770</v>
      </c>
      <c r="B18228" t="s">
        <v>36387</v>
      </c>
      <c r="C18228" t="s">
        <v>36388</v>
      </c>
    </row>
    <row r="18229" spans="1:3" x14ac:dyDescent="0.15">
      <c r="A18229">
        <v>6769</v>
      </c>
      <c r="B18229" t="s">
        <v>36389</v>
      </c>
      <c r="C18229" t="s">
        <v>36390</v>
      </c>
    </row>
    <row r="18230" spans="1:3" x14ac:dyDescent="0.15">
      <c r="A18230">
        <v>6768</v>
      </c>
      <c r="B18230" t="s">
        <v>36391</v>
      </c>
      <c r="C18230" t="s">
        <v>36392</v>
      </c>
    </row>
    <row r="18231" spans="1:3" x14ac:dyDescent="0.15">
      <c r="A18231">
        <v>6767</v>
      </c>
      <c r="B18231" t="s">
        <v>36393</v>
      </c>
      <c r="C18231" t="s">
        <v>36394</v>
      </c>
    </row>
    <row r="18232" spans="1:3" x14ac:dyDescent="0.15">
      <c r="A18232">
        <v>6766</v>
      </c>
      <c r="B18232" t="s">
        <v>36395</v>
      </c>
      <c r="C18232" t="s">
        <v>36396</v>
      </c>
    </row>
    <row r="18233" spans="1:3" x14ac:dyDescent="0.15">
      <c r="A18233">
        <v>6765</v>
      </c>
      <c r="B18233" t="s">
        <v>36397</v>
      </c>
      <c r="C18233" t="s">
        <v>36398</v>
      </c>
    </row>
    <row r="18234" spans="1:3" x14ac:dyDescent="0.15">
      <c r="A18234">
        <v>6764</v>
      </c>
      <c r="B18234" t="s">
        <v>36399</v>
      </c>
      <c r="C18234" t="s">
        <v>36400</v>
      </c>
    </row>
    <row r="18235" spans="1:3" x14ac:dyDescent="0.15">
      <c r="A18235">
        <v>6763</v>
      </c>
      <c r="B18235" t="s">
        <v>36401</v>
      </c>
      <c r="C18235" t="s">
        <v>36402</v>
      </c>
    </row>
    <row r="18236" spans="1:3" x14ac:dyDescent="0.15">
      <c r="A18236">
        <v>6762</v>
      </c>
      <c r="B18236" t="s">
        <v>36403</v>
      </c>
      <c r="C18236" t="s">
        <v>36404</v>
      </c>
    </row>
    <row r="18237" spans="1:3" x14ac:dyDescent="0.15">
      <c r="A18237">
        <v>6761</v>
      </c>
      <c r="B18237" t="s">
        <v>36405</v>
      </c>
      <c r="C18237" t="s">
        <v>36406</v>
      </c>
    </row>
    <row r="18238" spans="1:3" x14ac:dyDescent="0.15">
      <c r="A18238">
        <v>6760</v>
      </c>
      <c r="B18238" t="s">
        <v>36407</v>
      </c>
      <c r="C18238" t="s">
        <v>36408</v>
      </c>
    </row>
    <row r="18239" spans="1:3" x14ac:dyDescent="0.15">
      <c r="A18239">
        <v>6759</v>
      </c>
      <c r="B18239" t="s">
        <v>36409</v>
      </c>
      <c r="C18239" t="s">
        <v>36410</v>
      </c>
    </row>
    <row r="18240" spans="1:3" x14ac:dyDescent="0.15">
      <c r="A18240">
        <v>6758</v>
      </c>
      <c r="B18240" t="s">
        <v>36411</v>
      </c>
      <c r="C18240" t="s">
        <v>36412</v>
      </c>
    </row>
    <row r="18241" spans="1:3" x14ac:dyDescent="0.15">
      <c r="A18241">
        <v>6757</v>
      </c>
      <c r="B18241" t="s">
        <v>36413</v>
      </c>
      <c r="C18241" t="s">
        <v>36414</v>
      </c>
    </row>
    <row r="18242" spans="1:3" x14ac:dyDescent="0.15">
      <c r="A18242">
        <v>6756</v>
      </c>
      <c r="B18242" t="s">
        <v>36415</v>
      </c>
      <c r="C18242" t="s">
        <v>36416</v>
      </c>
    </row>
    <row r="18243" spans="1:3" x14ac:dyDescent="0.15">
      <c r="A18243">
        <v>6755</v>
      </c>
      <c r="B18243" t="s">
        <v>36417</v>
      </c>
      <c r="C18243" t="s">
        <v>36418</v>
      </c>
    </row>
    <row r="18244" spans="1:3" x14ac:dyDescent="0.15">
      <c r="A18244">
        <v>6754</v>
      </c>
      <c r="B18244" t="s">
        <v>36419</v>
      </c>
      <c r="C18244" t="s">
        <v>36420</v>
      </c>
    </row>
    <row r="18245" spans="1:3" x14ac:dyDescent="0.15">
      <c r="A18245">
        <v>6753</v>
      </c>
      <c r="B18245" t="s">
        <v>36421</v>
      </c>
      <c r="C18245" t="s">
        <v>36422</v>
      </c>
    </row>
    <row r="18246" spans="1:3" x14ac:dyDescent="0.15">
      <c r="A18246">
        <v>6752</v>
      </c>
      <c r="B18246" t="s">
        <v>36423</v>
      </c>
      <c r="C18246" t="s">
        <v>36424</v>
      </c>
    </row>
    <row r="18247" spans="1:3" x14ac:dyDescent="0.15">
      <c r="A18247">
        <v>6751</v>
      </c>
      <c r="B18247" t="s">
        <v>36425</v>
      </c>
      <c r="C18247" t="s">
        <v>36426</v>
      </c>
    </row>
    <row r="18248" spans="1:3" x14ac:dyDescent="0.15">
      <c r="A18248">
        <v>6750</v>
      </c>
      <c r="B18248" t="s">
        <v>36427</v>
      </c>
      <c r="C18248" t="s">
        <v>36428</v>
      </c>
    </row>
    <row r="18249" spans="1:3" x14ac:dyDescent="0.15">
      <c r="A18249">
        <v>6749</v>
      </c>
      <c r="B18249" t="s">
        <v>36429</v>
      </c>
      <c r="C18249" t="s">
        <v>36430</v>
      </c>
    </row>
    <row r="18250" spans="1:3" x14ac:dyDescent="0.15">
      <c r="A18250">
        <v>6748</v>
      </c>
      <c r="B18250" t="s">
        <v>36431</v>
      </c>
      <c r="C18250" t="s">
        <v>36432</v>
      </c>
    </row>
    <row r="18251" spans="1:3" x14ac:dyDescent="0.15">
      <c r="A18251">
        <v>6747</v>
      </c>
      <c r="B18251" t="s">
        <v>36433</v>
      </c>
      <c r="C18251" t="s">
        <v>36434</v>
      </c>
    </row>
    <row r="18252" spans="1:3" x14ac:dyDescent="0.15">
      <c r="A18252">
        <v>6746</v>
      </c>
      <c r="B18252" t="s">
        <v>36435</v>
      </c>
      <c r="C18252" t="s">
        <v>36436</v>
      </c>
    </row>
    <row r="18253" spans="1:3" x14ac:dyDescent="0.15">
      <c r="A18253">
        <v>6745</v>
      </c>
      <c r="B18253" t="s">
        <v>36437</v>
      </c>
      <c r="C18253" t="s">
        <v>36438</v>
      </c>
    </row>
    <row r="18254" spans="1:3" x14ac:dyDescent="0.15">
      <c r="A18254">
        <v>6744</v>
      </c>
      <c r="B18254" t="s">
        <v>36439</v>
      </c>
      <c r="C18254" t="s">
        <v>36440</v>
      </c>
    </row>
    <row r="18255" spans="1:3" x14ac:dyDescent="0.15">
      <c r="A18255">
        <v>6743</v>
      </c>
      <c r="B18255" t="s">
        <v>36441</v>
      </c>
      <c r="C18255" t="s">
        <v>36442</v>
      </c>
    </row>
    <row r="18256" spans="1:3" x14ac:dyDescent="0.15">
      <c r="A18256">
        <v>6742</v>
      </c>
      <c r="B18256" t="s">
        <v>36443</v>
      </c>
      <c r="C18256" t="s">
        <v>36444</v>
      </c>
    </row>
    <row r="18257" spans="1:3" x14ac:dyDescent="0.15">
      <c r="A18257">
        <v>6741</v>
      </c>
      <c r="B18257" t="s">
        <v>36445</v>
      </c>
      <c r="C18257" t="s">
        <v>36446</v>
      </c>
    </row>
    <row r="18258" spans="1:3" x14ac:dyDescent="0.15">
      <c r="A18258">
        <v>6740</v>
      </c>
      <c r="B18258" t="s">
        <v>36447</v>
      </c>
      <c r="C18258" t="s">
        <v>36448</v>
      </c>
    </row>
    <row r="18259" spans="1:3" x14ac:dyDescent="0.15">
      <c r="A18259">
        <v>6739</v>
      </c>
      <c r="B18259" t="s">
        <v>36449</v>
      </c>
      <c r="C18259" t="s">
        <v>36450</v>
      </c>
    </row>
    <row r="18260" spans="1:3" x14ac:dyDescent="0.15">
      <c r="A18260">
        <v>6738</v>
      </c>
      <c r="B18260" t="s">
        <v>36451</v>
      </c>
      <c r="C18260" t="s">
        <v>36452</v>
      </c>
    </row>
    <row r="18261" spans="1:3" x14ac:dyDescent="0.15">
      <c r="A18261">
        <v>6737</v>
      </c>
      <c r="B18261" t="s">
        <v>36453</v>
      </c>
      <c r="C18261" t="s">
        <v>36454</v>
      </c>
    </row>
    <row r="18262" spans="1:3" x14ac:dyDescent="0.15">
      <c r="A18262">
        <v>6736</v>
      </c>
      <c r="B18262" t="s">
        <v>36455</v>
      </c>
      <c r="C18262" t="s">
        <v>36456</v>
      </c>
    </row>
    <row r="18263" spans="1:3" x14ac:dyDescent="0.15">
      <c r="A18263">
        <v>6735</v>
      </c>
      <c r="B18263" t="s">
        <v>36457</v>
      </c>
      <c r="C18263" t="s">
        <v>36458</v>
      </c>
    </row>
    <row r="18264" spans="1:3" x14ac:dyDescent="0.15">
      <c r="A18264">
        <v>6734</v>
      </c>
      <c r="B18264" t="s">
        <v>36459</v>
      </c>
      <c r="C18264" t="s">
        <v>36460</v>
      </c>
    </row>
    <row r="18265" spans="1:3" x14ac:dyDescent="0.15">
      <c r="A18265">
        <v>6733</v>
      </c>
      <c r="B18265" t="s">
        <v>36461</v>
      </c>
      <c r="C18265" t="s">
        <v>36462</v>
      </c>
    </row>
    <row r="18266" spans="1:3" x14ac:dyDescent="0.15">
      <c r="A18266">
        <v>6732</v>
      </c>
      <c r="B18266" t="s">
        <v>36463</v>
      </c>
      <c r="C18266" t="s">
        <v>36464</v>
      </c>
    </row>
    <row r="18267" spans="1:3" x14ac:dyDescent="0.15">
      <c r="A18267">
        <v>6731</v>
      </c>
      <c r="B18267" t="s">
        <v>36465</v>
      </c>
      <c r="C18267" t="s">
        <v>36466</v>
      </c>
    </row>
    <row r="18268" spans="1:3" x14ac:dyDescent="0.15">
      <c r="A18268">
        <v>6730</v>
      </c>
      <c r="B18268" t="s">
        <v>36467</v>
      </c>
      <c r="C18268" t="s">
        <v>36468</v>
      </c>
    </row>
    <row r="18269" spans="1:3" x14ac:dyDescent="0.15">
      <c r="A18269">
        <v>6729</v>
      </c>
      <c r="B18269" t="s">
        <v>36469</v>
      </c>
      <c r="C18269" t="s">
        <v>36470</v>
      </c>
    </row>
    <row r="18270" spans="1:3" x14ac:dyDescent="0.15">
      <c r="A18270">
        <v>6728</v>
      </c>
      <c r="B18270" t="s">
        <v>36471</v>
      </c>
      <c r="C18270" t="s">
        <v>36472</v>
      </c>
    </row>
    <row r="18271" spans="1:3" x14ac:dyDescent="0.15">
      <c r="A18271">
        <v>6727</v>
      </c>
      <c r="B18271" t="s">
        <v>36473</v>
      </c>
      <c r="C18271" t="s">
        <v>36474</v>
      </c>
    </row>
    <row r="18272" spans="1:3" x14ac:dyDescent="0.15">
      <c r="A18272">
        <v>6726</v>
      </c>
      <c r="B18272" t="s">
        <v>36475</v>
      </c>
      <c r="C18272" t="s">
        <v>36476</v>
      </c>
    </row>
    <row r="18273" spans="1:3" x14ac:dyDescent="0.15">
      <c r="A18273">
        <v>6725</v>
      </c>
      <c r="B18273" t="s">
        <v>36477</v>
      </c>
      <c r="C18273" t="s">
        <v>36478</v>
      </c>
    </row>
    <row r="18274" spans="1:3" x14ac:dyDescent="0.15">
      <c r="A18274">
        <v>6724</v>
      </c>
      <c r="B18274" t="s">
        <v>36479</v>
      </c>
      <c r="C18274" t="s">
        <v>36480</v>
      </c>
    </row>
    <row r="18275" spans="1:3" x14ac:dyDescent="0.15">
      <c r="A18275">
        <v>6723</v>
      </c>
      <c r="B18275" t="s">
        <v>36481</v>
      </c>
      <c r="C18275" t="s">
        <v>36482</v>
      </c>
    </row>
    <row r="18276" spans="1:3" x14ac:dyDescent="0.15">
      <c r="A18276">
        <v>6722</v>
      </c>
      <c r="B18276" t="s">
        <v>36483</v>
      </c>
      <c r="C18276" t="s">
        <v>36484</v>
      </c>
    </row>
    <row r="18277" spans="1:3" x14ac:dyDescent="0.15">
      <c r="A18277">
        <v>6721</v>
      </c>
      <c r="B18277" t="s">
        <v>36485</v>
      </c>
      <c r="C18277" t="s">
        <v>36486</v>
      </c>
    </row>
    <row r="18278" spans="1:3" x14ac:dyDescent="0.15">
      <c r="A18278">
        <v>6720</v>
      </c>
      <c r="B18278" t="s">
        <v>36487</v>
      </c>
      <c r="C18278" t="s">
        <v>36488</v>
      </c>
    </row>
    <row r="18279" spans="1:3" x14ac:dyDescent="0.15">
      <c r="A18279">
        <v>6719</v>
      </c>
      <c r="B18279" t="s">
        <v>36489</v>
      </c>
      <c r="C18279" t="s">
        <v>36490</v>
      </c>
    </row>
    <row r="18280" spans="1:3" x14ac:dyDescent="0.15">
      <c r="A18280">
        <v>6718</v>
      </c>
      <c r="B18280" t="s">
        <v>36491</v>
      </c>
      <c r="C18280" t="s">
        <v>36492</v>
      </c>
    </row>
    <row r="18281" spans="1:3" x14ac:dyDescent="0.15">
      <c r="A18281">
        <v>6717</v>
      </c>
      <c r="B18281" t="s">
        <v>36493</v>
      </c>
      <c r="C18281" t="s">
        <v>36494</v>
      </c>
    </row>
    <row r="18282" spans="1:3" x14ac:dyDescent="0.15">
      <c r="A18282">
        <v>6716</v>
      </c>
      <c r="B18282" t="s">
        <v>36495</v>
      </c>
      <c r="C18282" t="s">
        <v>4725</v>
      </c>
    </row>
    <row r="18283" spans="1:3" x14ac:dyDescent="0.15">
      <c r="A18283">
        <v>6715</v>
      </c>
      <c r="B18283" t="s">
        <v>36496</v>
      </c>
      <c r="C18283" t="s">
        <v>36497</v>
      </c>
    </row>
    <row r="18284" spans="1:3" x14ac:dyDescent="0.15">
      <c r="A18284">
        <v>6714</v>
      </c>
      <c r="B18284" t="s">
        <v>36498</v>
      </c>
      <c r="C18284" t="s">
        <v>36499</v>
      </c>
    </row>
    <row r="18285" spans="1:3" x14ac:dyDescent="0.15">
      <c r="A18285">
        <v>6713</v>
      </c>
      <c r="B18285" t="s">
        <v>36500</v>
      </c>
      <c r="C18285" t="s">
        <v>36501</v>
      </c>
    </row>
    <row r="18286" spans="1:3" x14ac:dyDescent="0.15">
      <c r="A18286">
        <v>6712</v>
      </c>
      <c r="B18286" t="s">
        <v>36502</v>
      </c>
      <c r="C18286" t="s">
        <v>36503</v>
      </c>
    </row>
    <row r="18287" spans="1:3" x14ac:dyDescent="0.15">
      <c r="A18287">
        <v>6711</v>
      </c>
      <c r="B18287" t="s">
        <v>36504</v>
      </c>
      <c r="C18287" t="s">
        <v>36505</v>
      </c>
    </row>
    <row r="18288" spans="1:3" x14ac:dyDescent="0.15">
      <c r="A18288">
        <v>6710</v>
      </c>
      <c r="B18288" t="s">
        <v>36506</v>
      </c>
      <c r="C18288" t="s">
        <v>36507</v>
      </c>
    </row>
    <row r="18289" spans="1:3" x14ac:dyDescent="0.15">
      <c r="A18289">
        <v>6709</v>
      </c>
      <c r="B18289" t="s">
        <v>36508</v>
      </c>
      <c r="C18289" t="s">
        <v>36509</v>
      </c>
    </row>
    <row r="18290" spans="1:3" x14ac:dyDescent="0.15">
      <c r="A18290">
        <v>6708</v>
      </c>
      <c r="B18290" t="s">
        <v>36510</v>
      </c>
      <c r="C18290" t="s">
        <v>36511</v>
      </c>
    </row>
    <row r="18291" spans="1:3" x14ac:dyDescent="0.15">
      <c r="A18291">
        <v>6707</v>
      </c>
      <c r="B18291" t="s">
        <v>36512</v>
      </c>
      <c r="C18291" t="s">
        <v>36513</v>
      </c>
    </row>
    <row r="18292" spans="1:3" x14ac:dyDescent="0.15">
      <c r="A18292">
        <v>6706</v>
      </c>
      <c r="B18292" t="s">
        <v>36514</v>
      </c>
      <c r="C18292" t="s">
        <v>36515</v>
      </c>
    </row>
    <row r="18293" spans="1:3" x14ac:dyDescent="0.15">
      <c r="A18293">
        <v>6705</v>
      </c>
      <c r="B18293" t="s">
        <v>36516</v>
      </c>
      <c r="C18293" t="s">
        <v>36517</v>
      </c>
    </row>
    <row r="18294" spans="1:3" x14ac:dyDescent="0.15">
      <c r="A18294">
        <v>6704</v>
      </c>
      <c r="B18294" t="s">
        <v>36518</v>
      </c>
      <c r="C18294" t="s">
        <v>36519</v>
      </c>
    </row>
    <row r="18295" spans="1:3" x14ac:dyDescent="0.15">
      <c r="A18295">
        <v>6703</v>
      </c>
      <c r="B18295" t="s">
        <v>36520</v>
      </c>
      <c r="C18295" t="s">
        <v>36521</v>
      </c>
    </row>
    <row r="18296" spans="1:3" x14ac:dyDescent="0.15">
      <c r="A18296">
        <v>6702</v>
      </c>
      <c r="B18296" t="s">
        <v>36522</v>
      </c>
      <c r="C18296" t="s">
        <v>36523</v>
      </c>
    </row>
    <row r="18297" spans="1:3" x14ac:dyDescent="0.15">
      <c r="A18297">
        <v>6701</v>
      </c>
      <c r="B18297" t="s">
        <v>36524</v>
      </c>
      <c r="C18297" t="s">
        <v>36525</v>
      </c>
    </row>
    <row r="18298" spans="1:3" x14ac:dyDescent="0.15">
      <c r="A18298">
        <v>6700</v>
      </c>
      <c r="B18298" t="s">
        <v>36526</v>
      </c>
      <c r="C18298" t="s">
        <v>36527</v>
      </c>
    </row>
    <row r="18299" spans="1:3" x14ac:dyDescent="0.15">
      <c r="A18299">
        <v>6699</v>
      </c>
      <c r="B18299" t="s">
        <v>36528</v>
      </c>
      <c r="C18299" t="s">
        <v>36529</v>
      </c>
    </row>
    <row r="18300" spans="1:3" x14ac:dyDescent="0.15">
      <c r="A18300">
        <v>6698</v>
      </c>
      <c r="B18300" t="s">
        <v>36530</v>
      </c>
      <c r="C18300" t="s">
        <v>36531</v>
      </c>
    </row>
    <row r="18301" spans="1:3" x14ac:dyDescent="0.15">
      <c r="A18301">
        <v>6697</v>
      </c>
      <c r="B18301" t="s">
        <v>36532</v>
      </c>
      <c r="C18301" t="s">
        <v>36533</v>
      </c>
    </row>
    <row r="18302" spans="1:3" x14ac:dyDescent="0.15">
      <c r="A18302">
        <v>6696</v>
      </c>
      <c r="B18302" t="s">
        <v>36534</v>
      </c>
      <c r="C18302" t="s">
        <v>36535</v>
      </c>
    </row>
    <row r="18303" spans="1:3" x14ac:dyDescent="0.15">
      <c r="A18303">
        <v>6695</v>
      </c>
      <c r="B18303" t="s">
        <v>36536</v>
      </c>
      <c r="C18303" t="s">
        <v>36537</v>
      </c>
    </row>
    <row r="18304" spans="1:3" x14ac:dyDescent="0.15">
      <c r="A18304">
        <v>6694</v>
      </c>
      <c r="B18304" t="s">
        <v>36538</v>
      </c>
      <c r="C18304" t="s">
        <v>36539</v>
      </c>
    </row>
    <row r="18305" spans="1:3" x14ac:dyDescent="0.15">
      <c r="A18305">
        <v>6693</v>
      </c>
      <c r="B18305" t="s">
        <v>36540</v>
      </c>
      <c r="C18305" t="s">
        <v>36541</v>
      </c>
    </row>
    <row r="18306" spans="1:3" x14ac:dyDescent="0.15">
      <c r="A18306">
        <v>6692</v>
      </c>
      <c r="B18306" t="s">
        <v>36542</v>
      </c>
      <c r="C18306" t="s">
        <v>36543</v>
      </c>
    </row>
    <row r="18307" spans="1:3" x14ac:dyDescent="0.15">
      <c r="A18307">
        <v>6691</v>
      </c>
      <c r="B18307" t="s">
        <v>36544</v>
      </c>
      <c r="C18307" t="s">
        <v>36545</v>
      </c>
    </row>
    <row r="18308" spans="1:3" x14ac:dyDescent="0.15">
      <c r="A18308">
        <v>6690</v>
      </c>
      <c r="B18308" t="s">
        <v>36546</v>
      </c>
      <c r="C18308" t="s">
        <v>36547</v>
      </c>
    </row>
    <row r="18309" spans="1:3" x14ac:dyDescent="0.15">
      <c r="A18309">
        <v>6689</v>
      </c>
      <c r="B18309" t="s">
        <v>36548</v>
      </c>
      <c r="C18309" t="s">
        <v>36549</v>
      </c>
    </row>
    <row r="18310" spans="1:3" x14ac:dyDescent="0.15">
      <c r="A18310">
        <v>6688</v>
      </c>
      <c r="B18310" t="s">
        <v>36550</v>
      </c>
      <c r="C18310" t="s">
        <v>36551</v>
      </c>
    </row>
    <row r="18311" spans="1:3" x14ac:dyDescent="0.15">
      <c r="A18311">
        <v>6687</v>
      </c>
      <c r="B18311" t="s">
        <v>36552</v>
      </c>
      <c r="C18311" t="s">
        <v>36553</v>
      </c>
    </row>
    <row r="18312" spans="1:3" x14ac:dyDescent="0.15">
      <c r="A18312">
        <v>6686</v>
      </c>
      <c r="B18312" t="s">
        <v>36554</v>
      </c>
      <c r="C18312" t="s">
        <v>36555</v>
      </c>
    </row>
    <row r="18313" spans="1:3" x14ac:dyDescent="0.15">
      <c r="A18313">
        <v>6685</v>
      </c>
      <c r="B18313" t="s">
        <v>36556</v>
      </c>
      <c r="C18313" t="s">
        <v>36557</v>
      </c>
    </row>
    <row r="18314" spans="1:3" x14ac:dyDescent="0.15">
      <c r="A18314">
        <v>6684</v>
      </c>
      <c r="B18314" t="s">
        <v>36558</v>
      </c>
      <c r="C18314" t="s">
        <v>36559</v>
      </c>
    </row>
    <row r="18315" spans="1:3" x14ac:dyDescent="0.15">
      <c r="A18315">
        <v>6683</v>
      </c>
      <c r="B18315" t="s">
        <v>36560</v>
      </c>
      <c r="C18315" t="s">
        <v>36561</v>
      </c>
    </row>
    <row r="18316" spans="1:3" x14ac:dyDescent="0.15">
      <c r="A18316">
        <v>6682</v>
      </c>
      <c r="B18316" t="s">
        <v>36562</v>
      </c>
      <c r="C18316" t="s">
        <v>36563</v>
      </c>
    </row>
    <row r="18317" spans="1:3" x14ac:dyDescent="0.15">
      <c r="A18317">
        <v>6681</v>
      </c>
      <c r="B18317" t="s">
        <v>36564</v>
      </c>
      <c r="C18317" t="s">
        <v>36565</v>
      </c>
    </row>
    <row r="18318" spans="1:3" x14ac:dyDescent="0.15">
      <c r="A18318">
        <v>6680</v>
      </c>
      <c r="B18318" t="s">
        <v>36566</v>
      </c>
      <c r="C18318" t="s">
        <v>36567</v>
      </c>
    </row>
    <row r="18319" spans="1:3" x14ac:dyDescent="0.15">
      <c r="A18319">
        <v>6679</v>
      </c>
      <c r="B18319" t="s">
        <v>36568</v>
      </c>
      <c r="C18319" t="s">
        <v>36569</v>
      </c>
    </row>
    <row r="18320" spans="1:3" x14ac:dyDescent="0.15">
      <c r="A18320">
        <v>6678</v>
      </c>
      <c r="B18320" t="s">
        <v>36570</v>
      </c>
      <c r="C18320" t="s">
        <v>36571</v>
      </c>
    </row>
    <row r="18321" spans="1:3" x14ac:dyDescent="0.15">
      <c r="A18321">
        <v>6677</v>
      </c>
      <c r="B18321" t="s">
        <v>36572</v>
      </c>
      <c r="C18321" t="s">
        <v>36573</v>
      </c>
    </row>
    <row r="18322" spans="1:3" x14ac:dyDescent="0.15">
      <c r="A18322">
        <v>6676</v>
      </c>
      <c r="B18322" t="s">
        <v>36574</v>
      </c>
      <c r="C18322" t="s">
        <v>36575</v>
      </c>
    </row>
    <row r="18323" spans="1:3" x14ac:dyDescent="0.15">
      <c r="A18323">
        <v>6675</v>
      </c>
      <c r="B18323" t="s">
        <v>36576</v>
      </c>
      <c r="C18323" t="s">
        <v>36577</v>
      </c>
    </row>
    <row r="18324" spans="1:3" x14ac:dyDescent="0.15">
      <c r="A18324">
        <v>6674</v>
      </c>
      <c r="B18324" t="s">
        <v>36578</v>
      </c>
      <c r="C18324" t="s">
        <v>36579</v>
      </c>
    </row>
    <row r="18325" spans="1:3" x14ac:dyDescent="0.15">
      <c r="A18325">
        <v>6673</v>
      </c>
      <c r="B18325" t="s">
        <v>36580</v>
      </c>
      <c r="C18325" t="s">
        <v>36581</v>
      </c>
    </row>
    <row r="18326" spans="1:3" x14ac:dyDescent="0.15">
      <c r="A18326">
        <v>6672</v>
      </c>
      <c r="B18326" t="s">
        <v>36582</v>
      </c>
      <c r="C18326" t="s">
        <v>36583</v>
      </c>
    </row>
    <row r="18327" spans="1:3" x14ac:dyDescent="0.15">
      <c r="A18327">
        <v>6671</v>
      </c>
      <c r="B18327" t="s">
        <v>36584</v>
      </c>
      <c r="C18327" t="s">
        <v>36585</v>
      </c>
    </row>
    <row r="18328" spans="1:3" x14ac:dyDescent="0.15">
      <c r="A18328">
        <v>6670</v>
      </c>
      <c r="B18328" t="s">
        <v>36586</v>
      </c>
      <c r="C18328" t="s">
        <v>36587</v>
      </c>
    </row>
    <row r="18329" spans="1:3" x14ac:dyDescent="0.15">
      <c r="A18329">
        <v>6669</v>
      </c>
      <c r="B18329" t="s">
        <v>36588</v>
      </c>
      <c r="C18329" t="s">
        <v>36589</v>
      </c>
    </row>
    <row r="18330" spans="1:3" x14ac:dyDescent="0.15">
      <c r="A18330">
        <v>6668</v>
      </c>
      <c r="B18330" t="s">
        <v>36590</v>
      </c>
      <c r="C18330" t="s">
        <v>36591</v>
      </c>
    </row>
    <row r="18331" spans="1:3" x14ac:dyDescent="0.15">
      <c r="A18331">
        <v>6667</v>
      </c>
      <c r="B18331" t="s">
        <v>36592</v>
      </c>
      <c r="C18331" t="s">
        <v>36593</v>
      </c>
    </row>
    <row r="18332" spans="1:3" x14ac:dyDescent="0.15">
      <c r="A18332">
        <v>6666</v>
      </c>
      <c r="B18332" t="s">
        <v>36594</v>
      </c>
      <c r="C18332" t="s">
        <v>36595</v>
      </c>
    </row>
    <row r="18333" spans="1:3" x14ac:dyDescent="0.15">
      <c r="A18333">
        <v>6665</v>
      </c>
      <c r="B18333" t="s">
        <v>36596</v>
      </c>
      <c r="C18333" t="s">
        <v>36597</v>
      </c>
    </row>
    <row r="18334" spans="1:3" x14ac:dyDescent="0.15">
      <c r="A18334">
        <v>6664</v>
      </c>
      <c r="B18334" t="s">
        <v>36598</v>
      </c>
      <c r="C18334" t="s">
        <v>36599</v>
      </c>
    </row>
    <row r="18335" spans="1:3" x14ac:dyDescent="0.15">
      <c r="A18335">
        <v>6663</v>
      </c>
      <c r="B18335" t="s">
        <v>36600</v>
      </c>
      <c r="C18335" t="s">
        <v>36601</v>
      </c>
    </row>
    <row r="18336" spans="1:3" x14ac:dyDescent="0.15">
      <c r="A18336">
        <v>6662</v>
      </c>
      <c r="B18336" t="s">
        <v>36602</v>
      </c>
      <c r="C18336" t="s">
        <v>36603</v>
      </c>
    </row>
    <row r="18337" spans="1:3" x14ac:dyDescent="0.15">
      <c r="A18337">
        <v>6661</v>
      </c>
      <c r="B18337" t="s">
        <v>36604</v>
      </c>
      <c r="C18337" t="s">
        <v>36605</v>
      </c>
    </row>
    <row r="18338" spans="1:3" x14ac:dyDescent="0.15">
      <c r="A18338">
        <v>6660</v>
      </c>
      <c r="B18338" t="s">
        <v>36606</v>
      </c>
      <c r="C18338" t="s">
        <v>36607</v>
      </c>
    </row>
    <row r="18339" spans="1:3" x14ac:dyDescent="0.15">
      <c r="A18339">
        <v>6659</v>
      </c>
      <c r="B18339" t="s">
        <v>36608</v>
      </c>
      <c r="C18339" t="s">
        <v>36609</v>
      </c>
    </row>
    <row r="18340" spans="1:3" x14ac:dyDescent="0.15">
      <c r="A18340">
        <v>6658</v>
      </c>
      <c r="B18340" t="s">
        <v>36610</v>
      </c>
      <c r="C18340" t="s">
        <v>36611</v>
      </c>
    </row>
    <row r="18341" spans="1:3" x14ac:dyDescent="0.15">
      <c r="A18341">
        <v>6657</v>
      </c>
      <c r="B18341" t="s">
        <v>36612</v>
      </c>
      <c r="C18341" t="s">
        <v>36613</v>
      </c>
    </row>
    <row r="18342" spans="1:3" x14ac:dyDescent="0.15">
      <c r="A18342">
        <v>6656</v>
      </c>
      <c r="B18342" t="s">
        <v>36614</v>
      </c>
      <c r="C18342" t="s">
        <v>36615</v>
      </c>
    </row>
    <row r="18343" spans="1:3" x14ac:dyDescent="0.15">
      <c r="A18343">
        <v>6655</v>
      </c>
      <c r="B18343" t="s">
        <v>36616</v>
      </c>
      <c r="C18343" t="s">
        <v>36617</v>
      </c>
    </row>
    <row r="18344" spans="1:3" x14ac:dyDescent="0.15">
      <c r="A18344">
        <v>6654</v>
      </c>
      <c r="B18344" t="s">
        <v>36618</v>
      </c>
      <c r="C18344" t="s">
        <v>36619</v>
      </c>
    </row>
    <row r="18345" spans="1:3" x14ac:dyDescent="0.15">
      <c r="A18345">
        <v>6653</v>
      </c>
      <c r="B18345" t="s">
        <v>36620</v>
      </c>
      <c r="C18345" t="s">
        <v>36621</v>
      </c>
    </row>
    <row r="18346" spans="1:3" x14ac:dyDescent="0.15">
      <c r="A18346">
        <v>6652</v>
      </c>
      <c r="B18346" t="s">
        <v>36622</v>
      </c>
      <c r="C18346" t="s">
        <v>36623</v>
      </c>
    </row>
    <row r="18347" spans="1:3" x14ac:dyDescent="0.15">
      <c r="A18347">
        <v>6651</v>
      </c>
      <c r="B18347" t="s">
        <v>36624</v>
      </c>
      <c r="C18347" t="s">
        <v>36625</v>
      </c>
    </row>
    <row r="18348" spans="1:3" x14ac:dyDescent="0.15">
      <c r="A18348">
        <v>6650</v>
      </c>
      <c r="B18348" t="s">
        <v>36626</v>
      </c>
      <c r="C18348" t="s">
        <v>36627</v>
      </c>
    </row>
    <row r="18349" spans="1:3" x14ac:dyDescent="0.15">
      <c r="A18349">
        <v>6649</v>
      </c>
      <c r="B18349" t="s">
        <v>36628</v>
      </c>
      <c r="C18349" t="s">
        <v>36629</v>
      </c>
    </row>
    <row r="18350" spans="1:3" x14ac:dyDescent="0.15">
      <c r="A18350">
        <v>6648</v>
      </c>
      <c r="B18350" t="s">
        <v>36630</v>
      </c>
      <c r="C18350" t="s">
        <v>36631</v>
      </c>
    </row>
    <row r="18351" spans="1:3" x14ac:dyDescent="0.15">
      <c r="A18351">
        <v>6647</v>
      </c>
      <c r="B18351" t="s">
        <v>36632</v>
      </c>
      <c r="C18351" t="s">
        <v>36633</v>
      </c>
    </row>
    <row r="18352" spans="1:3" x14ac:dyDescent="0.15">
      <c r="A18352">
        <v>6646</v>
      </c>
      <c r="B18352" t="s">
        <v>36634</v>
      </c>
      <c r="C18352" t="s">
        <v>36635</v>
      </c>
    </row>
    <row r="18353" spans="1:3" x14ac:dyDescent="0.15">
      <c r="A18353">
        <v>6645</v>
      </c>
      <c r="B18353" t="s">
        <v>36636</v>
      </c>
      <c r="C18353" t="s">
        <v>36637</v>
      </c>
    </row>
    <row r="18354" spans="1:3" x14ac:dyDescent="0.15">
      <c r="A18354">
        <v>6644</v>
      </c>
      <c r="B18354" t="s">
        <v>36638</v>
      </c>
      <c r="C18354" t="s">
        <v>36639</v>
      </c>
    </row>
    <row r="18355" spans="1:3" x14ac:dyDescent="0.15">
      <c r="A18355">
        <v>6643</v>
      </c>
      <c r="B18355" t="s">
        <v>36640</v>
      </c>
      <c r="C18355" t="s">
        <v>36641</v>
      </c>
    </row>
    <row r="18356" spans="1:3" x14ac:dyDescent="0.15">
      <c r="A18356">
        <v>6642</v>
      </c>
      <c r="B18356" t="s">
        <v>36642</v>
      </c>
      <c r="C18356" t="s">
        <v>36643</v>
      </c>
    </row>
    <row r="18357" spans="1:3" x14ac:dyDescent="0.15">
      <c r="A18357">
        <v>6641</v>
      </c>
      <c r="B18357" t="s">
        <v>36644</v>
      </c>
      <c r="C18357" t="s">
        <v>36645</v>
      </c>
    </row>
    <row r="18358" spans="1:3" x14ac:dyDescent="0.15">
      <c r="A18358">
        <v>6640</v>
      </c>
      <c r="B18358" t="s">
        <v>36646</v>
      </c>
      <c r="C18358" t="s">
        <v>36647</v>
      </c>
    </row>
    <row r="18359" spans="1:3" x14ac:dyDescent="0.15">
      <c r="A18359">
        <v>6639</v>
      </c>
      <c r="B18359" t="s">
        <v>36648</v>
      </c>
      <c r="C18359" t="s">
        <v>36649</v>
      </c>
    </row>
    <row r="18360" spans="1:3" x14ac:dyDescent="0.15">
      <c r="A18360">
        <v>6638</v>
      </c>
      <c r="B18360" t="s">
        <v>36650</v>
      </c>
      <c r="C18360" t="s">
        <v>36651</v>
      </c>
    </row>
    <row r="18361" spans="1:3" x14ac:dyDescent="0.15">
      <c r="A18361">
        <v>6637</v>
      </c>
      <c r="B18361" t="s">
        <v>36652</v>
      </c>
      <c r="C18361" t="s">
        <v>36653</v>
      </c>
    </row>
    <row r="18362" spans="1:3" x14ac:dyDescent="0.15">
      <c r="A18362">
        <v>6636</v>
      </c>
      <c r="B18362" t="s">
        <v>36654</v>
      </c>
      <c r="C18362" t="s">
        <v>36655</v>
      </c>
    </row>
    <row r="18363" spans="1:3" x14ac:dyDescent="0.15">
      <c r="A18363">
        <v>6635</v>
      </c>
      <c r="B18363" t="s">
        <v>36656</v>
      </c>
      <c r="C18363" t="s">
        <v>36657</v>
      </c>
    </row>
    <row r="18364" spans="1:3" x14ac:dyDescent="0.15">
      <c r="A18364">
        <v>6634</v>
      </c>
      <c r="B18364" t="s">
        <v>36658</v>
      </c>
      <c r="C18364" t="s">
        <v>36659</v>
      </c>
    </row>
    <row r="18365" spans="1:3" x14ac:dyDescent="0.15">
      <c r="A18365">
        <v>6633</v>
      </c>
      <c r="B18365" t="s">
        <v>36660</v>
      </c>
      <c r="C18365" t="s">
        <v>36661</v>
      </c>
    </row>
    <row r="18366" spans="1:3" x14ac:dyDescent="0.15">
      <c r="A18366">
        <v>6632</v>
      </c>
      <c r="B18366" t="s">
        <v>36662</v>
      </c>
      <c r="C18366" t="s">
        <v>36663</v>
      </c>
    </row>
    <row r="18367" spans="1:3" x14ac:dyDescent="0.15">
      <c r="A18367">
        <v>6631</v>
      </c>
      <c r="B18367" t="s">
        <v>36664</v>
      </c>
      <c r="C18367" t="s">
        <v>36665</v>
      </c>
    </row>
    <row r="18368" spans="1:3" x14ac:dyDescent="0.15">
      <c r="A18368">
        <v>6630</v>
      </c>
      <c r="B18368" t="s">
        <v>36666</v>
      </c>
      <c r="C18368" t="s">
        <v>36667</v>
      </c>
    </row>
    <row r="18369" spans="1:3" x14ac:dyDescent="0.15">
      <c r="A18369">
        <v>6629</v>
      </c>
      <c r="B18369" t="s">
        <v>36668</v>
      </c>
      <c r="C18369" t="s">
        <v>36669</v>
      </c>
    </row>
    <row r="18370" spans="1:3" x14ac:dyDescent="0.15">
      <c r="A18370">
        <v>6628</v>
      </c>
      <c r="B18370" t="s">
        <v>36670</v>
      </c>
      <c r="C18370" t="s">
        <v>36671</v>
      </c>
    </row>
    <row r="18371" spans="1:3" x14ac:dyDescent="0.15">
      <c r="A18371">
        <v>6627</v>
      </c>
      <c r="B18371" t="s">
        <v>36672</v>
      </c>
      <c r="C18371" t="s">
        <v>36673</v>
      </c>
    </row>
    <row r="18372" spans="1:3" x14ac:dyDescent="0.15">
      <c r="A18372">
        <v>6626</v>
      </c>
      <c r="B18372" t="s">
        <v>36674</v>
      </c>
      <c r="C18372" t="s">
        <v>36675</v>
      </c>
    </row>
    <row r="18373" spans="1:3" x14ac:dyDescent="0.15">
      <c r="A18373">
        <v>6625</v>
      </c>
      <c r="B18373" t="s">
        <v>36676</v>
      </c>
      <c r="C18373" t="s">
        <v>36677</v>
      </c>
    </row>
    <row r="18374" spans="1:3" x14ac:dyDescent="0.15">
      <c r="A18374">
        <v>6624</v>
      </c>
      <c r="B18374" t="s">
        <v>36678</v>
      </c>
      <c r="C18374" t="s">
        <v>36679</v>
      </c>
    </row>
    <row r="18375" spans="1:3" x14ac:dyDescent="0.15">
      <c r="A18375">
        <v>6623</v>
      </c>
      <c r="B18375" t="s">
        <v>36680</v>
      </c>
      <c r="C18375" t="s">
        <v>36681</v>
      </c>
    </row>
    <row r="18376" spans="1:3" x14ac:dyDescent="0.15">
      <c r="A18376">
        <v>6622</v>
      </c>
      <c r="B18376" t="s">
        <v>36682</v>
      </c>
      <c r="C18376" t="s">
        <v>3793</v>
      </c>
    </row>
    <row r="18377" spans="1:3" x14ac:dyDescent="0.15">
      <c r="A18377">
        <v>6621</v>
      </c>
      <c r="B18377" t="s">
        <v>36683</v>
      </c>
      <c r="C18377" t="s">
        <v>36684</v>
      </c>
    </row>
    <row r="18378" spans="1:3" x14ac:dyDescent="0.15">
      <c r="A18378">
        <v>6620</v>
      </c>
      <c r="B18378" t="s">
        <v>36685</v>
      </c>
      <c r="C18378" t="s">
        <v>36686</v>
      </c>
    </row>
    <row r="18379" spans="1:3" x14ac:dyDescent="0.15">
      <c r="A18379">
        <v>6619</v>
      </c>
      <c r="B18379" t="s">
        <v>36687</v>
      </c>
      <c r="C18379" t="s">
        <v>36688</v>
      </c>
    </row>
    <row r="18380" spans="1:3" x14ac:dyDescent="0.15">
      <c r="A18380">
        <v>6618</v>
      </c>
      <c r="B18380" t="s">
        <v>36689</v>
      </c>
      <c r="C18380" t="s">
        <v>36690</v>
      </c>
    </row>
    <row r="18381" spans="1:3" x14ac:dyDescent="0.15">
      <c r="A18381">
        <v>6617</v>
      </c>
      <c r="B18381" t="s">
        <v>36691</v>
      </c>
      <c r="C18381" t="s">
        <v>36692</v>
      </c>
    </row>
    <row r="18382" spans="1:3" x14ac:dyDescent="0.15">
      <c r="A18382">
        <v>6616</v>
      </c>
      <c r="B18382" t="s">
        <v>36693</v>
      </c>
      <c r="C18382" t="s">
        <v>36694</v>
      </c>
    </row>
    <row r="18383" spans="1:3" x14ac:dyDescent="0.15">
      <c r="A18383">
        <v>6615</v>
      </c>
      <c r="B18383" t="s">
        <v>36695</v>
      </c>
      <c r="C18383" t="s">
        <v>36696</v>
      </c>
    </row>
    <row r="18384" spans="1:3" x14ac:dyDescent="0.15">
      <c r="A18384">
        <v>6614</v>
      </c>
      <c r="B18384" t="s">
        <v>36697</v>
      </c>
      <c r="C18384" t="s">
        <v>36698</v>
      </c>
    </row>
    <row r="18385" spans="1:3" x14ac:dyDescent="0.15">
      <c r="A18385">
        <v>6613</v>
      </c>
      <c r="B18385" t="s">
        <v>36699</v>
      </c>
      <c r="C18385" t="s">
        <v>36700</v>
      </c>
    </row>
    <row r="18386" spans="1:3" x14ac:dyDescent="0.15">
      <c r="A18386">
        <v>6612</v>
      </c>
      <c r="B18386" t="s">
        <v>36701</v>
      </c>
      <c r="C18386" t="s">
        <v>36702</v>
      </c>
    </row>
    <row r="18387" spans="1:3" x14ac:dyDescent="0.15">
      <c r="A18387">
        <v>6611</v>
      </c>
      <c r="B18387" t="s">
        <v>36703</v>
      </c>
      <c r="C18387" t="s">
        <v>36704</v>
      </c>
    </row>
    <row r="18388" spans="1:3" x14ac:dyDescent="0.15">
      <c r="A18388">
        <v>6610</v>
      </c>
      <c r="B18388" t="s">
        <v>36705</v>
      </c>
      <c r="C18388" t="s">
        <v>36706</v>
      </c>
    </row>
    <row r="18389" spans="1:3" x14ac:dyDescent="0.15">
      <c r="A18389">
        <v>6609</v>
      </c>
      <c r="B18389" t="s">
        <v>36707</v>
      </c>
      <c r="C18389" t="s">
        <v>36708</v>
      </c>
    </row>
    <row r="18390" spans="1:3" x14ac:dyDescent="0.15">
      <c r="A18390">
        <v>6608</v>
      </c>
      <c r="B18390" t="s">
        <v>36709</v>
      </c>
      <c r="C18390" t="s">
        <v>36710</v>
      </c>
    </row>
    <row r="18391" spans="1:3" x14ac:dyDescent="0.15">
      <c r="A18391">
        <v>6607</v>
      </c>
      <c r="B18391" t="s">
        <v>36711</v>
      </c>
      <c r="C18391" t="s">
        <v>36712</v>
      </c>
    </row>
    <row r="18392" spans="1:3" x14ac:dyDescent="0.15">
      <c r="A18392">
        <v>6606</v>
      </c>
      <c r="B18392" t="s">
        <v>36713</v>
      </c>
      <c r="C18392" t="s">
        <v>36714</v>
      </c>
    </row>
    <row r="18393" spans="1:3" x14ac:dyDescent="0.15">
      <c r="A18393">
        <v>6605</v>
      </c>
      <c r="B18393" t="s">
        <v>36715</v>
      </c>
      <c r="C18393" t="s">
        <v>36716</v>
      </c>
    </row>
    <row r="18394" spans="1:3" x14ac:dyDescent="0.15">
      <c r="A18394">
        <v>6604</v>
      </c>
      <c r="B18394" t="s">
        <v>36717</v>
      </c>
      <c r="C18394" t="s">
        <v>36718</v>
      </c>
    </row>
    <row r="18395" spans="1:3" x14ac:dyDescent="0.15">
      <c r="A18395">
        <v>6603</v>
      </c>
      <c r="B18395" t="s">
        <v>36719</v>
      </c>
      <c r="C18395" t="s">
        <v>36720</v>
      </c>
    </row>
    <row r="18396" spans="1:3" x14ac:dyDescent="0.15">
      <c r="A18396">
        <v>6602</v>
      </c>
      <c r="B18396" t="s">
        <v>36721</v>
      </c>
      <c r="C18396" t="s">
        <v>36722</v>
      </c>
    </row>
    <row r="18397" spans="1:3" x14ac:dyDescent="0.15">
      <c r="A18397">
        <v>6601</v>
      </c>
      <c r="B18397" t="s">
        <v>36723</v>
      </c>
      <c r="C18397" t="s">
        <v>36724</v>
      </c>
    </row>
    <row r="18398" spans="1:3" x14ac:dyDescent="0.15">
      <c r="A18398">
        <v>6600</v>
      </c>
      <c r="B18398" t="s">
        <v>36725</v>
      </c>
      <c r="C18398" t="s">
        <v>36726</v>
      </c>
    </row>
    <row r="18399" spans="1:3" x14ac:dyDescent="0.15">
      <c r="A18399">
        <v>6599</v>
      </c>
      <c r="B18399" t="s">
        <v>36727</v>
      </c>
      <c r="C18399" t="s">
        <v>36728</v>
      </c>
    </row>
    <row r="18400" spans="1:3" x14ac:dyDescent="0.15">
      <c r="A18400">
        <v>6598</v>
      </c>
      <c r="B18400" t="s">
        <v>36729</v>
      </c>
      <c r="C18400" t="s">
        <v>36730</v>
      </c>
    </row>
    <row r="18401" spans="1:3" x14ac:dyDescent="0.15">
      <c r="A18401">
        <v>6597</v>
      </c>
      <c r="B18401" t="s">
        <v>36731</v>
      </c>
      <c r="C18401" t="s">
        <v>36732</v>
      </c>
    </row>
    <row r="18402" spans="1:3" x14ac:dyDescent="0.15">
      <c r="A18402">
        <v>6596</v>
      </c>
      <c r="B18402" t="s">
        <v>36733</v>
      </c>
      <c r="C18402" t="s">
        <v>36734</v>
      </c>
    </row>
    <row r="18403" spans="1:3" x14ac:dyDescent="0.15">
      <c r="A18403">
        <v>6595</v>
      </c>
      <c r="B18403" t="s">
        <v>36735</v>
      </c>
      <c r="C18403" t="s">
        <v>36736</v>
      </c>
    </row>
    <row r="18404" spans="1:3" x14ac:dyDescent="0.15">
      <c r="A18404">
        <v>6594</v>
      </c>
      <c r="B18404" t="s">
        <v>36737</v>
      </c>
      <c r="C18404" t="s">
        <v>36738</v>
      </c>
    </row>
    <row r="18405" spans="1:3" x14ac:dyDescent="0.15">
      <c r="A18405">
        <v>6593</v>
      </c>
      <c r="B18405" t="s">
        <v>36739</v>
      </c>
      <c r="C18405" t="s">
        <v>36740</v>
      </c>
    </row>
    <row r="18406" spans="1:3" x14ac:dyDescent="0.15">
      <c r="A18406">
        <v>6592</v>
      </c>
      <c r="B18406" t="s">
        <v>36741</v>
      </c>
      <c r="C18406" t="s">
        <v>36742</v>
      </c>
    </row>
    <row r="18407" spans="1:3" x14ac:dyDescent="0.15">
      <c r="A18407">
        <v>6591</v>
      </c>
      <c r="B18407" t="s">
        <v>36743</v>
      </c>
      <c r="C18407" t="s">
        <v>36744</v>
      </c>
    </row>
    <row r="18408" spans="1:3" x14ac:dyDescent="0.15">
      <c r="A18408">
        <v>6590</v>
      </c>
      <c r="B18408" t="s">
        <v>36745</v>
      </c>
      <c r="C18408" t="s">
        <v>36746</v>
      </c>
    </row>
    <row r="18409" spans="1:3" x14ac:dyDescent="0.15">
      <c r="A18409">
        <v>6589</v>
      </c>
      <c r="B18409" t="s">
        <v>36747</v>
      </c>
      <c r="C18409" t="s">
        <v>36748</v>
      </c>
    </row>
    <row r="18410" spans="1:3" x14ac:dyDescent="0.15">
      <c r="A18410">
        <v>6588</v>
      </c>
      <c r="B18410" t="s">
        <v>36749</v>
      </c>
      <c r="C18410" t="s">
        <v>36750</v>
      </c>
    </row>
    <row r="18411" spans="1:3" x14ac:dyDescent="0.15">
      <c r="A18411">
        <v>6587</v>
      </c>
      <c r="B18411" t="s">
        <v>36751</v>
      </c>
      <c r="C18411" t="s">
        <v>36752</v>
      </c>
    </row>
    <row r="18412" spans="1:3" x14ac:dyDescent="0.15">
      <c r="A18412">
        <v>6586</v>
      </c>
      <c r="B18412" t="s">
        <v>36753</v>
      </c>
      <c r="C18412" t="s">
        <v>36754</v>
      </c>
    </row>
    <row r="18413" spans="1:3" x14ac:dyDescent="0.15">
      <c r="A18413">
        <v>6585</v>
      </c>
      <c r="B18413" t="s">
        <v>36755</v>
      </c>
      <c r="C18413" t="s">
        <v>36756</v>
      </c>
    </row>
    <row r="18414" spans="1:3" x14ac:dyDescent="0.15">
      <c r="A18414">
        <v>6584</v>
      </c>
      <c r="B18414" t="s">
        <v>36757</v>
      </c>
      <c r="C18414" t="s">
        <v>36758</v>
      </c>
    </row>
    <row r="18415" spans="1:3" x14ac:dyDescent="0.15">
      <c r="A18415">
        <v>6583</v>
      </c>
      <c r="B18415" t="s">
        <v>36759</v>
      </c>
      <c r="C18415" t="s">
        <v>36760</v>
      </c>
    </row>
    <row r="18416" spans="1:3" x14ac:dyDescent="0.15">
      <c r="A18416">
        <v>6582</v>
      </c>
      <c r="B18416" t="s">
        <v>36761</v>
      </c>
      <c r="C18416" t="s">
        <v>36762</v>
      </c>
    </row>
    <row r="18417" spans="1:3" x14ac:dyDescent="0.15">
      <c r="A18417">
        <v>6581</v>
      </c>
      <c r="B18417" t="s">
        <v>36763</v>
      </c>
      <c r="C18417" t="s">
        <v>36764</v>
      </c>
    </row>
    <row r="18418" spans="1:3" x14ac:dyDescent="0.15">
      <c r="A18418">
        <v>6580</v>
      </c>
      <c r="B18418" t="s">
        <v>36765</v>
      </c>
      <c r="C18418" t="s">
        <v>36766</v>
      </c>
    </row>
    <row r="18419" spans="1:3" x14ac:dyDescent="0.15">
      <c r="A18419">
        <v>6579</v>
      </c>
      <c r="B18419" t="s">
        <v>36767</v>
      </c>
      <c r="C18419" t="s">
        <v>36768</v>
      </c>
    </row>
    <row r="18420" spans="1:3" x14ac:dyDescent="0.15">
      <c r="A18420">
        <v>6578</v>
      </c>
      <c r="B18420" t="s">
        <v>36769</v>
      </c>
      <c r="C18420" t="s">
        <v>36770</v>
      </c>
    </row>
    <row r="18421" spans="1:3" x14ac:dyDescent="0.15">
      <c r="A18421">
        <v>6577</v>
      </c>
      <c r="B18421" t="s">
        <v>36771</v>
      </c>
      <c r="C18421" t="s">
        <v>36772</v>
      </c>
    </row>
    <row r="18422" spans="1:3" x14ac:dyDescent="0.15">
      <c r="A18422">
        <v>6576</v>
      </c>
      <c r="B18422" t="s">
        <v>36773</v>
      </c>
      <c r="C18422" t="s">
        <v>36774</v>
      </c>
    </row>
    <row r="18423" spans="1:3" x14ac:dyDescent="0.15">
      <c r="A18423">
        <v>6575</v>
      </c>
      <c r="B18423" t="s">
        <v>36775</v>
      </c>
      <c r="C18423" t="s">
        <v>36776</v>
      </c>
    </row>
    <row r="18424" spans="1:3" x14ac:dyDescent="0.15">
      <c r="A18424">
        <v>6574</v>
      </c>
      <c r="B18424" t="s">
        <v>36777</v>
      </c>
      <c r="C18424" t="s">
        <v>36778</v>
      </c>
    </row>
    <row r="18425" spans="1:3" x14ac:dyDescent="0.15">
      <c r="A18425">
        <v>6573</v>
      </c>
      <c r="B18425" t="s">
        <v>36779</v>
      </c>
      <c r="C18425" t="s">
        <v>36780</v>
      </c>
    </row>
    <row r="18426" spans="1:3" x14ac:dyDescent="0.15">
      <c r="A18426">
        <v>6572</v>
      </c>
      <c r="B18426" t="s">
        <v>36781</v>
      </c>
      <c r="C18426" t="s">
        <v>36782</v>
      </c>
    </row>
    <row r="18427" spans="1:3" x14ac:dyDescent="0.15">
      <c r="A18427">
        <v>6571</v>
      </c>
      <c r="B18427" t="s">
        <v>36783</v>
      </c>
      <c r="C18427" t="s">
        <v>36784</v>
      </c>
    </row>
    <row r="18428" spans="1:3" x14ac:dyDescent="0.15">
      <c r="A18428">
        <v>6570</v>
      </c>
      <c r="B18428" t="s">
        <v>36785</v>
      </c>
      <c r="C18428" t="s">
        <v>36786</v>
      </c>
    </row>
    <row r="18429" spans="1:3" x14ac:dyDescent="0.15">
      <c r="A18429">
        <v>6569</v>
      </c>
      <c r="B18429" t="s">
        <v>36787</v>
      </c>
      <c r="C18429" t="s">
        <v>36788</v>
      </c>
    </row>
    <row r="18430" spans="1:3" x14ac:dyDescent="0.15">
      <c r="A18430">
        <v>6568</v>
      </c>
      <c r="B18430" t="s">
        <v>36789</v>
      </c>
      <c r="C18430" t="s">
        <v>36790</v>
      </c>
    </row>
    <row r="18431" spans="1:3" x14ac:dyDescent="0.15">
      <c r="A18431">
        <v>6567</v>
      </c>
      <c r="B18431" t="s">
        <v>36791</v>
      </c>
      <c r="C18431" t="s">
        <v>36792</v>
      </c>
    </row>
    <row r="18432" spans="1:3" x14ac:dyDescent="0.15">
      <c r="A18432">
        <v>6566</v>
      </c>
      <c r="B18432" t="s">
        <v>36793</v>
      </c>
      <c r="C18432" t="s">
        <v>36794</v>
      </c>
    </row>
    <row r="18433" spans="1:3" x14ac:dyDescent="0.15">
      <c r="A18433">
        <v>6565</v>
      </c>
      <c r="B18433" t="s">
        <v>36795</v>
      </c>
      <c r="C18433" t="s">
        <v>36796</v>
      </c>
    </row>
    <row r="18434" spans="1:3" x14ac:dyDescent="0.15">
      <c r="A18434">
        <v>6564</v>
      </c>
      <c r="B18434" t="s">
        <v>36797</v>
      </c>
      <c r="C18434" t="s">
        <v>36798</v>
      </c>
    </row>
    <row r="18435" spans="1:3" x14ac:dyDescent="0.15">
      <c r="A18435">
        <v>6563</v>
      </c>
      <c r="B18435" t="s">
        <v>36799</v>
      </c>
      <c r="C18435" t="s">
        <v>36800</v>
      </c>
    </row>
    <row r="18436" spans="1:3" x14ac:dyDescent="0.15">
      <c r="A18436">
        <v>6562</v>
      </c>
      <c r="B18436" t="s">
        <v>36801</v>
      </c>
      <c r="C18436" t="s">
        <v>36802</v>
      </c>
    </row>
    <row r="18437" spans="1:3" x14ac:dyDescent="0.15">
      <c r="A18437">
        <v>6561</v>
      </c>
      <c r="B18437" t="s">
        <v>36803</v>
      </c>
      <c r="C18437" t="s">
        <v>36804</v>
      </c>
    </row>
    <row r="18438" spans="1:3" x14ac:dyDescent="0.15">
      <c r="A18438">
        <v>6560</v>
      </c>
      <c r="B18438" t="s">
        <v>36805</v>
      </c>
      <c r="C18438" t="s">
        <v>36806</v>
      </c>
    </row>
    <row r="18439" spans="1:3" x14ac:dyDescent="0.15">
      <c r="A18439">
        <v>6559</v>
      </c>
      <c r="B18439" t="s">
        <v>36807</v>
      </c>
      <c r="C18439" t="s">
        <v>36808</v>
      </c>
    </row>
    <row r="18440" spans="1:3" x14ac:dyDescent="0.15">
      <c r="A18440">
        <v>6558</v>
      </c>
      <c r="B18440" t="s">
        <v>36809</v>
      </c>
      <c r="C18440" t="s">
        <v>36810</v>
      </c>
    </row>
    <row r="18441" spans="1:3" x14ac:dyDescent="0.15">
      <c r="A18441">
        <v>6557</v>
      </c>
      <c r="B18441" t="s">
        <v>36811</v>
      </c>
      <c r="C18441" t="s">
        <v>36812</v>
      </c>
    </row>
    <row r="18442" spans="1:3" x14ac:dyDescent="0.15">
      <c r="A18442">
        <v>6556</v>
      </c>
      <c r="B18442" t="s">
        <v>36813</v>
      </c>
      <c r="C18442" t="s">
        <v>36814</v>
      </c>
    </row>
    <row r="18443" spans="1:3" x14ac:dyDescent="0.15">
      <c r="A18443">
        <v>6555</v>
      </c>
      <c r="B18443" t="s">
        <v>36815</v>
      </c>
      <c r="C18443" t="s">
        <v>36816</v>
      </c>
    </row>
    <row r="18444" spans="1:3" x14ac:dyDescent="0.15">
      <c r="A18444">
        <v>6554</v>
      </c>
      <c r="B18444" t="s">
        <v>36817</v>
      </c>
      <c r="C18444" t="s">
        <v>36818</v>
      </c>
    </row>
    <row r="18445" spans="1:3" x14ac:dyDescent="0.15">
      <c r="A18445">
        <v>6553</v>
      </c>
      <c r="B18445" t="s">
        <v>36819</v>
      </c>
      <c r="C18445" t="s">
        <v>36820</v>
      </c>
    </row>
    <row r="18446" spans="1:3" x14ac:dyDescent="0.15">
      <c r="A18446">
        <v>6552</v>
      </c>
      <c r="B18446" t="s">
        <v>36821</v>
      </c>
      <c r="C18446" t="s">
        <v>36822</v>
      </c>
    </row>
    <row r="18447" spans="1:3" x14ac:dyDescent="0.15">
      <c r="A18447">
        <v>6551</v>
      </c>
      <c r="B18447" t="s">
        <v>36823</v>
      </c>
      <c r="C18447" t="s">
        <v>36824</v>
      </c>
    </row>
    <row r="18448" spans="1:3" x14ac:dyDescent="0.15">
      <c r="A18448">
        <v>6550</v>
      </c>
      <c r="B18448" t="s">
        <v>36825</v>
      </c>
      <c r="C18448" t="s">
        <v>36826</v>
      </c>
    </row>
    <row r="18449" spans="1:3" x14ac:dyDescent="0.15">
      <c r="A18449">
        <v>6549</v>
      </c>
      <c r="B18449" t="s">
        <v>36827</v>
      </c>
      <c r="C18449" t="s">
        <v>36828</v>
      </c>
    </row>
    <row r="18450" spans="1:3" x14ac:dyDescent="0.15">
      <c r="A18450">
        <v>6548</v>
      </c>
      <c r="B18450" t="s">
        <v>36829</v>
      </c>
      <c r="C18450" t="s">
        <v>36830</v>
      </c>
    </row>
    <row r="18451" spans="1:3" x14ac:dyDescent="0.15">
      <c r="A18451">
        <v>6547</v>
      </c>
      <c r="B18451" t="s">
        <v>36831</v>
      </c>
      <c r="C18451" t="s">
        <v>36832</v>
      </c>
    </row>
    <row r="18452" spans="1:3" x14ac:dyDescent="0.15">
      <c r="A18452">
        <v>6546</v>
      </c>
      <c r="B18452" t="s">
        <v>36833</v>
      </c>
      <c r="C18452" t="s">
        <v>36834</v>
      </c>
    </row>
    <row r="18453" spans="1:3" x14ac:dyDescent="0.15">
      <c r="A18453">
        <v>6545</v>
      </c>
      <c r="B18453" t="s">
        <v>36835</v>
      </c>
      <c r="C18453" t="s">
        <v>36836</v>
      </c>
    </row>
    <row r="18454" spans="1:3" x14ac:dyDescent="0.15">
      <c r="A18454">
        <v>6544</v>
      </c>
      <c r="B18454" t="s">
        <v>36837</v>
      </c>
      <c r="C18454" t="s">
        <v>36838</v>
      </c>
    </row>
    <row r="18455" spans="1:3" x14ac:dyDescent="0.15">
      <c r="A18455">
        <v>6543</v>
      </c>
      <c r="B18455" t="s">
        <v>36839</v>
      </c>
      <c r="C18455" t="s">
        <v>36840</v>
      </c>
    </row>
    <row r="18456" spans="1:3" x14ac:dyDescent="0.15">
      <c r="A18456">
        <v>6542</v>
      </c>
      <c r="B18456" t="s">
        <v>36841</v>
      </c>
      <c r="C18456" t="s">
        <v>36842</v>
      </c>
    </row>
    <row r="18457" spans="1:3" x14ac:dyDescent="0.15">
      <c r="A18457">
        <v>6541</v>
      </c>
      <c r="B18457" t="s">
        <v>36843</v>
      </c>
      <c r="C18457" t="s">
        <v>36844</v>
      </c>
    </row>
    <row r="18458" spans="1:3" x14ac:dyDescent="0.15">
      <c r="A18458">
        <v>6540</v>
      </c>
      <c r="B18458" t="s">
        <v>36845</v>
      </c>
      <c r="C18458" t="s">
        <v>36846</v>
      </c>
    </row>
    <row r="18459" spans="1:3" x14ac:dyDescent="0.15">
      <c r="A18459">
        <v>6539</v>
      </c>
      <c r="B18459" t="s">
        <v>36847</v>
      </c>
      <c r="C18459" t="s">
        <v>36848</v>
      </c>
    </row>
    <row r="18460" spans="1:3" x14ac:dyDescent="0.15">
      <c r="A18460">
        <v>6538</v>
      </c>
      <c r="B18460" t="s">
        <v>36849</v>
      </c>
      <c r="C18460" t="s">
        <v>36850</v>
      </c>
    </row>
    <row r="18461" spans="1:3" x14ac:dyDescent="0.15">
      <c r="A18461">
        <v>6537</v>
      </c>
      <c r="B18461" t="s">
        <v>36851</v>
      </c>
      <c r="C18461" t="s">
        <v>36852</v>
      </c>
    </row>
    <row r="18462" spans="1:3" x14ac:dyDescent="0.15">
      <c r="A18462">
        <v>6536</v>
      </c>
      <c r="B18462" t="s">
        <v>36853</v>
      </c>
      <c r="C18462" t="s">
        <v>36854</v>
      </c>
    </row>
    <row r="18463" spans="1:3" x14ac:dyDescent="0.15">
      <c r="A18463">
        <v>6535</v>
      </c>
      <c r="B18463" t="s">
        <v>36855</v>
      </c>
      <c r="C18463" t="s">
        <v>36856</v>
      </c>
    </row>
    <row r="18464" spans="1:3" x14ac:dyDescent="0.15">
      <c r="A18464">
        <v>6534</v>
      </c>
      <c r="B18464" t="s">
        <v>36857</v>
      </c>
      <c r="C18464" t="s">
        <v>36858</v>
      </c>
    </row>
    <row r="18465" spans="1:3" x14ac:dyDescent="0.15">
      <c r="A18465">
        <v>6533</v>
      </c>
      <c r="B18465" t="s">
        <v>36859</v>
      </c>
      <c r="C18465" t="s">
        <v>36860</v>
      </c>
    </row>
    <row r="18466" spans="1:3" x14ac:dyDescent="0.15">
      <c r="A18466">
        <v>6532</v>
      </c>
      <c r="B18466" t="s">
        <v>36861</v>
      </c>
      <c r="C18466" t="s">
        <v>36862</v>
      </c>
    </row>
    <row r="18467" spans="1:3" x14ac:dyDescent="0.15">
      <c r="A18467">
        <v>6531</v>
      </c>
      <c r="B18467" t="s">
        <v>36863</v>
      </c>
      <c r="C18467" t="s">
        <v>36864</v>
      </c>
    </row>
    <row r="18468" spans="1:3" x14ac:dyDescent="0.15">
      <c r="A18468">
        <v>6530</v>
      </c>
      <c r="B18468" t="s">
        <v>36865</v>
      </c>
      <c r="C18468" t="s">
        <v>36866</v>
      </c>
    </row>
    <row r="18469" spans="1:3" x14ac:dyDescent="0.15">
      <c r="A18469">
        <v>6529</v>
      </c>
      <c r="B18469" t="s">
        <v>36867</v>
      </c>
      <c r="C18469" t="s">
        <v>36868</v>
      </c>
    </row>
    <row r="18470" spans="1:3" x14ac:dyDescent="0.15">
      <c r="A18470">
        <v>6528</v>
      </c>
      <c r="B18470" t="s">
        <v>36869</v>
      </c>
      <c r="C18470" t="s">
        <v>36870</v>
      </c>
    </row>
    <row r="18471" spans="1:3" x14ac:dyDescent="0.15">
      <c r="A18471">
        <v>6527</v>
      </c>
      <c r="B18471" t="s">
        <v>36871</v>
      </c>
      <c r="C18471" t="s">
        <v>36872</v>
      </c>
    </row>
    <row r="18472" spans="1:3" x14ac:dyDescent="0.15">
      <c r="A18472">
        <v>6526</v>
      </c>
      <c r="B18472" t="s">
        <v>36873</v>
      </c>
      <c r="C18472" t="s">
        <v>36874</v>
      </c>
    </row>
    <row r="18473" spans="1:3" x14ac:dyDescent="0.15">
      <c r="A18473">
        <v>6525</v>
      </c>
      <c r="B18473" t="s">
        <v>36875</v>
      </c>
      <c r="C18473" t="s">
        <v>36876</v>
      </c>
    </row>
    <row r="18474" spans="1:3" x14ac:dyDescent="0.15">
      <c r="A18474">
        <v>6524</v>
      </c>
      <c r="B18474" t="s">
        <v>36877</v>
      </c>
      <c r="C18474" t="s">
        <v>36878</v>
      </c>
    </row>
    <row r="18475" spans="1:3" x14ac:dyDescent="0.15">
      <c r="A18475">
        <v>6523</v>
      </c>
      <c r="B18475" t="s">
        <v>36879</v>
      </c>
      <c r="C18475" t="s">
        <v>36880</v>
      </c>
    </row>
    <row r="18476" spans="1:3" x14ac:dyDescent="0.15">
      <c r="A18476">
        <v>6522</v>
      </c>
      <c r="B18476" t="s">
        <v>36881</v>
      </c>
      <c r="C18476" t="s">
        <v>36882</v>
      </c>
    </row>
    <row r="18477" spans="1:3" x14ac:dyDescent="0.15">
      <c r="A18477">
        <v>6521</v>
      </c>
      <c r="B18477" t="s">
        <v>36883</v>
      </c>
      <c r="C18477" t="s">
        <v>36884</v>
      </c>
    </row>
    <row r="18478" spans="1:3" x14ac:dyDescent="0.15">
      <c r="A18478">
        <v>6520</v>
      </c>
      <c r="B18478" t="s">
        <v>36885</v>
      </c>
      <c r="C18478" t="s">
        <v>36886</v>
      </c>
    </row>
    <row r="18479" spans="1:3" x14ac:dyDescent="0.15">
      <c r="A18479">
        <v>6519</v>
      </c>
      <c r="B18479" t="s">
        <v>36887</v>
      </c>
      <c r="C18479" t="s">
        <v>36888</v>
      </c>
    </row>
    <row r="18480" spans="1:3" x14ac:dyDescent="0.15">
      <c r="A18480">
        <v>6518</v>
      </c>
      <c r="B18480" t="s">
        <v>36889</v>
      </c>
      <c r="C18480" t="s">
        <v>36890</v>
      </c>
    </row>
    <row r="18481" spans="1:3" x14ac:dyDescent="0.15">
      <c r="A18481">
        <v>6517</v>
      </c>
      <c r="B18481" t="s">
        <v>36891</v>
      </c>
      <c r="C18481" t="s">
        <v>36892</v>
      </c>
    </row>
    <row r="18482" spans="1:3" x14ac:dyDescent="0.15">
      <c r="A18482">
        <v>6516</v>
      </c>
      <c r="B18482" t="s">
        <v>36893</v>
      </c>
      <c r="C18482" t="s">
        <v>36894</v>
      </c>
    </row>
    <row r="18483" spans="1:3" x14ac:dyDescent="0.15">
      <c r="A18483">
        <v>6515</v>
      </c>
      <c r="B18483" t="s">
        <v>36895</v>
      </c>
      <c r="C18483" t="s">
        <v>36896</v>
      </c>
    </row>
    <row r="18484" spans="1:3" x14ac:dyDescent="0.15">
      <c r="A18484">
        <v>6514</v>
      </c>
      <c r="B18484" t="s">
        <v>36897</v>
      </c>
      <c r="C18484" t="s">
        <v>36898</v>
      </c>
    </row>
    <row r="18485" spans="1:3" x14ac:dyDescent="0.15">
      <c r="A18485">
        <v>6513</v>
      </c>
      <c r="B18485" t="s">
        <v>36899</v>
      </c>
      <c r="C18485" t="s">
        <v>36900</v>
      </c>
    </row>
    <row r="18486" spans="1:3" x14ac:dyDescent="0.15">
      <c r="A18486">
        <v>6512</v>
      </c>
      <c r="B18486" t="s">
        <v>36901</v>
      </c>
      <c r="C18486" t="s">
        <v>36902</v>
      </c>
    </row>
    <row r="18487" spans="1:3" x14ac:dyDescent="0.15">
      <c r="A18487">
        <v>6511</v>
      </c>
      <c r="B18487" t="s">
        <v>36903</v>
      </c>
      <c r="C18487" t="s">
        <v>36904</v>
      </c>
    </row>
    <row r="18488" spans="1:3" x14ac:dyDescent="0.15">
      <c r="A18488">
        <v>6510</v>
      </c>
      <c r="B18488" t="s">
        <v>36905</v>
      </c>
      <c r="C18488" t="s">
        <v>36906</v>
      </c>
    </row>
    <row r="18489" spans="1:3" x14ac:dyDescent="0.15">
      <c r="A18489">
        <v>6509</v>
      </c>
      <c r="B18489" t="s">
        <v>36907</v>
      </c>
      <c r="C18489" t="s">
        <v>36908</v>
      </c>
    </row>
    <row r="18490" spans="1:3" x14ac:dyDescent="0.15">
      <c r="A18490">
        <v>6508</v>
      </c>
      <c r="B18490" t="s">
        <v>36909</v>
      </c>
      <c r="C18490" t="s">
        <v>36910</v>
      </c>
    </row>
    <row r="18491" spans="1:3" x14ac:dyDescent="0.15">
      <c r="A18491">
        <v>6507</v>
      </c>
      <c r="B18491" t="s">
        <v>36911</v>
      </c>
      <c r="C18491" t="s">
        <v>36912</v>
      </c>
    </row>
    <row r="18492" spans="1:3" x14ac:dyDescent="0.15">
      <c r="A18492">
        <v>6506</v>
      </c>
      <c r="B18492" t="s">
        <v>36913</v>
      </c>
      <c r="C18492" t="s">
        <v>36914</v>
      </c>
    </row>
    <row r="18493" spans="1:3" x14ac:dyDescent="0.15">
      <c r="A18493">
        <v>6505</v>
      </c>
      <c r="B18493" t="s">
        <v>36915</v>
      </c>
      <c r="C18493" t="s">
        <v>36916</v>
      </c>
    </row>
    <row r="18494" spans="1:3" x14ac:dyDescent="0.15">
      <c r="A18494">
        <v>6504</v>
      </c>
      <c r="B18494" t="s">
        <v>36917</v>
      </c>
      <c r="C18494" t="s">
        <v>36918</v>
      </c>
    </row>
    <row r="18495" spans="1:3" x14ac:dyDescent="0.15">
      <c r="A18495">
        <v>6503</v>
      </c>
      <c r="B18495" t="s">
        <v>36919</v>
      </c>
      <c r="C18495" t="s">
        <v>36920</v>
      </c>
    </row>
    <row r="18496" spans="1:3" x14ac:dyDescent="0.15">
      <c r="A18496">
        <v>6502</v>
      </c>
      <c r="B18496" t="s">
        <v>36921</v>
      </c>
      <c r="C18496" t="s">
        <v>36922</v>
      </c>
    </row>
    <row r="18497" spans="1:3" x14ac:dyDescent="0.15">
      <c r="A18497">
        <v>6501</v>
      </c>
      <c r="B18497" t="s">
        <v>36923</v>
      </c>
      <c r="C18497" t="s">
        <v>36924</v>
      </c>
    </row>
    <row r="18498" spans="1:3" x14ac:dyDescent="0.15">
      <c r="A18498">
        <v>6500</v>
      </c>
      <c r="B18498" t="s">
        <v>36925</v>
      </c>
      <c r="C18498" t="s">
        <v>36926</v>
      </c>
    </row>
    <row r="18499" spans="1:3" x14ac:dyDescent="0.15">
      <c r="A18499">
        <v>6499</v>
      </c>
      <c r="B18499" t="s">
        <v>36927</v>
      </c>
      <c r="C18499" t="s">
        <v>36928</v>
      </c>
    </row>
    <row r="18500" spans="1:3" x14ac:dyDescent="0.15">
      <c r="A18500">
        <v>6498</v>
      </c>
      <c r="B18500" t="s">
        <v>36929</v>
      </c>
      <c r="C18500" t="s">
        <v>36930</v>
      </c>
    </row>
    <row r="18501" spans="1:3" x14ac:dyDescent="0.15">
      <c r="A18501">
        <v>6497</v>
      </c>
      <c r="B18501" t="s">
        <v>36931</v>
      </c>
      <c r="C18501" t="s">
        <v>36932</v>
      </c>
    </row>
    <row r="18502" spans="1:3" x14ac:dyDescent="0.15">
      <c r="A18502">
        <v>6496</v>
      </c>
      <c r="B18502" t="s">
        <v>36933</v>
      </c>
      <c r="C18502" t="s">
        <v>36934</v>
      </c>
    </row>
    <row r="18503" spans="1:3" x14ac:dyDescent="0.15">
      <c r="A18503">
        <v>6495</v>
      </c>
      <c r="B18503" t="s">
        <v>36935</v>
      </c>
      <c r="C18503" t="s">
        <v>36936</v>
      </c>
    </row>
    <row r="18504" spans="1:3" x14ac:dyDescent="0.15">
      <c r="A18504">
        <v>6494</v>
      </c>
      <c r="B18504" t="s">
        <v>36937</v>
      </c>
      <c r="C18504" t="s">
        <v>36938</v>
      </c>
    </row>
    <row r="18505" spans="1:3" x14ac:dyDescent="0.15">
      <c r="A18505">
        <v>6493</v>
      </c>
      <c r="B18505" t="s">
        <v>36939</v>
      </c>
      <c r="C18505" t="s">
        <v>36940</v>
      </c>
    </row>
    <row r="18506" spans="1:3" x14ac:dyDescent="0.15">
      <c r="A18506">
        <v>6492</v>
      </c>
      <c r="B18506" t="s">
        <v>36941</v>
      </c>
      <c r="C18506" t="s">
        <v>36942</v>
      </c>
    </row>
    <row r="18507" spans="1:3" x14ac:dyDescent="0.15">
      <c r="A18507">
        <v>6491</v>
      </c>
      <c r="B18507" t="s">
        <v>36943</v>
      </c>
      <c r="C18507" t="s">
        <v>36944</v>
      </c>
    </row>
    <row r="18508" spans="1:3" x14ac:dyDescent="0.15">
      <c r="A18508">
        <v>6490</v>
      </c>
      <c r="B18508" t="s">
        <v>36945</v>
      </c>
      <c r="C18508" t="s">
        <v>36946</v>
      </c>
    </row>
    <row r="18509" spans="1:3" x14ac:dyDescent="0.15">
      <c r="A18509">
        <v>6489</v>
      </c>
      <c r="B18509" t="s">
        <v>36947</v>
      </c>
      <c r="C18509" t="s">
        <v>36948</v>
      </c>
    </row>
    <row r="18510" spans="1:3" x14ac:dyDescent="0.15">
      <c r="A18510">
        <v>6488</v>
      </c>
      <c r="B18510" t="s">
        <v>36949</v>
      </c>
      <c r="C18510" t="s">
        <v>36950</v>
      </c>
    </row>
    <row r="18511" spans="1:3" x14ac:dyDescent="0.15">
      <c r="A18511">
        <v>6487</v>
      </c>
      <c r="B18511" t="s">
        <v>36951</v>
      </c>
      <c r="C18511" t="s">
        <v>36952</v>
      </c>
    </row>
    <row r="18512" spans="1:3" x14ac:dyDescent="0.15">
      <c r="A18512">
        <v>6486</v>
      </c>
      <c r="B18512" t="s">
        <v>36953</v>
      </c>
      <c r="C18512" t="s">
        <v>36954</v>
      </c>
    </row>
    <row r="18513" spans="1:3" x14ac:dyDescent="0.15">
      <c r="A18513">
        <v>6485</v>
      </c>
      <c r="B18513" t="s">
        <v>36955</v>
      </c>
      <c r="C18513" t="s">
        <v>36956</v>
      </c>
    </row>
    <row r="18514" spans="1:3" x14ac:dyDescent="0.15">
      <c r="A18514">
        <v>6484</v>
      </c>
      <c r="B18514" t="s">
        <v>36957</v>
      </c>
      <c r="C18514" t="s">
        <v>36958</v>
      </c>
    </row>
    <row r="18515" spans="1:3" x14ac:dyDescent="0.15">
      <c r="A18515">
        <v>6483</v>
      </c>
      <c r="B18515" t="s">
        <v>36959</v>
      </c>
      <c r="C18515" t="s">
        <v>36960</v>
      </c>
    </row>
    <row r="18516" spans="1:3" x14ac:dyDescent="0.15">
      <c r="A18516">
        <v>6482</v>
      </c>
      <c r="B18516" t="s">
        <v>36961</v>
      </c>
      <c r="C18516" t="s">
        <v>36962</v>
      </c>
    </row>
    <row r="18517" spans="1:3" x14ac:dyDescent="0.15">
      <c r="A18517">
        <v>6481</v>
      </c>
      <c r="B18517" t="s">
        <v>36963</v>
      </c>
      <c r="C18517" t="s">
        <v>36964</v>
      </c>
    </row>
    <row r="18518" spans="1:3" x14ac:dyDescent="0.15">
      <c r="A18518">
        <v>6480</v>
      </c>
      <c r="B18518" t="s">
        <v>36965</v>
      </c>
      <c r="C18518" t="s">
        <v>36966</v>
      </c>
    </row>
    <row r="18519" spans="1:3" x14ac:dyDescent="0.15">
      <c r="A18519">
        <v>6479</v>
      </c>
      <c r="B18519" t="s">
        <v>36967</v>
      </c>
      <c r="C18519" t="s">
        <v>36968</v>
      </c>
    </row>
    <row r="18520" spans="1:3" x14ac:dyDescent="0.15">
      <c r="A18520">
        <v>6478</v>
      </c>
      <c r="B18520" t="s">
        <v>36969</v>
      </c>
      <c r="C18520" t="s">
        <v>36970</v>
      </c>
    </row>
    <row r="18521" spans="1:3" x14ac:dyDescent="0.15">
      <c r="A18521">
        <v>6477</v>
      </c>
      <c r="B18521" t="s">
        <v>36971</v>
      </c>
      <c r="C18521" t="s">
        <v>36972</v>
      </c>
    </row>
    <row r="18522" spans="1:3" x14ac:dyDescent="0.15">
      <c r="A18522">
        <v>6476</v>
      </c>
      <c r="B18522" t="s">
        <v>36973</v>
      </c>
      <c r="C18522" t="s">
        <v>36974</v>
      </c>
    </row>
    <row r="18523" spans="1:3" x14ac:dyDescent="0.15">
      <c r="A18523">
        <v>6475</v>
      </c>
      <c r="B18523" t="s">
        <v>36975</v>
      </c>
      <c r="C18523" t="s">
        <v>36976</v>
      </c>
    </row>
    <row r="18524" spans="1:3" x14ac:dyDescent="0.15">
      <c r="A18524">
        <v>6474</v>
      </c>
      <c r="B18524" t="s">
        <v>36977</v>
      </c>
      <c r="C18524" t="s">
        <v>36978</v>
      </c>
    </row>
    <row r="18525" spans="1:3" x14ac:dyDescent="0.15">
      <c r="A18525">
        <v>6473</v>
      </c>
      <c r="B18525" t="s">
        <v>36979</v>
      </c>
      <c r="C18525" t="s">
        <v>36980</v>
      </c>
    </row>
    <row r="18526" spans="1:3" x14ac:dyDescent="0.15">
      <c r="A18526">
        <v>6472</v>
      </c>
      <c r="B18526" t="s">
        <v>36981</v>
      </c>
      <c r="C18526" t="s">
        <v>36982</v>
      </c>
    </row>
    <row r="18527" spans="1:3" x14ac:dyDescent="0.15">
      <c r="A18527">
        <v>6471</v>
      </c>
      <c r="B18527" t="s">
        <v>36983</v>
      </c>
      <c r="C18527" t="s">
        <v>36984</v>
      </c>
    </row>
    <row r="18528" spans="1:3" x14ac:dyDescent="0.15">
      <c r="A18528">
        <v>6470</v>
      </c>
      <c r="B18528" t="s">
        <v>36985</v>
      </c>
      <c r="C18528" t="s">
        <v>36986</v>
      </c>
    </row>
    <row r="18529" spans="1:3" x14ac:dyDescent="0.15">
      <c r="A18529">
        <v>6469</v>
      </c>
      <c r="B18529" t="s">
        <v>36987</v>
      </c>
      <c r="C18529" t="s">
        <v>36988</v>
      </c>
    </row>
    <row r="18530" spans="1:3" x14ac:dyDescent="0.15">
      <c r="A18530">
        <v>6468</v>
      </c>
      <c r="B18530" t="s">
        <v>36989</v>
      </c>
      <c r="C18530" t="s">
        <v>36990</v>
      </c>
    </row>
    <row r="18531" spans="1:3" x14ac:dyDescent="0.15">
      <c r="A18531">
        <v>6467</v>
      </c>
      <c r="B18531" t="s">
        <v>36991</v>
      </c>
      <c r="C18531" t="s">
        <v>36992</v>
      </c>
    </row>
    <row r="18532" spans="1:3" x14ac:dyDescent="0.15">
      <c r="A18532">
        <v>6466</v>
      </c>
      <c r="B18532" t="s">
        <v>36993</v>
      </c>
      <c r="C18532" t="s">
        <v>36994</v>
      </c>
    </row>
    <row r="18533" spans="1:3" x14ac:dyDescent="0.15">
      <c r="A18533">
        <v>6465</v>
      </c>
      <c r="B18533" t="s">
        <v>36995</v>
      </c>
      <c r="C18533" t="s">
        <v>36996</v>
      </c>
    </row>
    <row r="18534" spans="1:3" x14ac:dyDescent="0.15">
      <c r="A18534">
        <v>6464</v>
      </c>
      <c r="B18534" t="s">
        <v>36997</v>
      </c>
      <c r="C18534" t="s">
        <v>36998</v>
      </c>
    </row>
    <row r="18535" spans="1:3" x14ac:dyDescent="0.15">
      <c r="A18535">
        <v>6463</v>
      </c>
      <c r="B18535" t="s">
        <v>36999</v>
      </c>
      <c r="C18535" t="s">
        <v>37000</v>
      </c>
    </row>
    <row r="18536" spans="1:3" x14ac:dyDescent="0.15">
      <c r="A18536">
        <v>6462</v>
      </c>
      <c r="B18536" t="s">
        <v>37001</v>
      </c>
      <c r="C18536" t="s">
        <v>37002</v>
      </c>
    </row>
    <row r="18537" spans="1:3" x14ac:dyDescent="0.15">
      <c r="A18537">
        <v>6461</v>
      </c>
      <c r="B18537" t="s">
        <v>37003</v>
      </c>
      <c r="C18537" t="s">
        <v>37004</v>
      </c>
    </row>
    <row r="18538" spans="1:3" x14ac:dyDescent="0.15">
      <c r="A18538">
        <v>6460</v>
      </c>
      <c r="B18538" t="s">
        <v>37005</v>
      </c>
      <c r="C18538" t="s">
        <v>37006</v>
      </c>
    </row>
    <row r="18539" spans="1:3" x14ac:dyDescent="0.15">
      <c r="A18539">
        <v>6459</v>
      </c>
      <c r="B18539" t="s">
        <v>37007</v>
      </c>
      <c r="C18539" t="s">
        <v>37008</v>
      </c>
    </row>
    <row r="18540" spans="1:3" x14ac:dyDescent="0.15">
      <c r="A18540">
        <v>6458</v>
      </c>
      <c r="B18540" t="s">
        <v>37009</v>
      </c>
      <c r="C18540" t="s">
        <v>37010</v>
      </c>
    </row>
    <row r="18541" spans="1:3" x14ac:dyDescent="0.15">
      <c r="A18541">
        <v>6457</v>
      </c>
      <c r="B18541" t="s">
        <v>37011</v>
      </c>
      <c r="C18541" t="s">
        <v>37012</v>
      </c>
    </row>
    <row r="18542" spans="1:3" x14ac:dyDescent="0.15">
      <c r="A18542">
        <v>6456</v>
      </c>
      <c r="B18542" t="s">
        <v>37013</v>
      </c>
      <c r="C18542" t="s">
        <v>37014</v>
      </c>
    </row>
    <row r="18543" spans="1:3" x14ac:dyDescent="0.15">
      <c r="A18543">
        <v>6455</v>
      </c>
      <c r="B18543" t="s">
        <v>37015</v>
      </c>
      <c r="C18543" t="s">
        <v>37016</v>
      </c>
    </row>
    <row r="18544" spans="1:3" x14ac:dyDescent="0.15">
      <c r="A18544">
        <v>6454</v>
      </c>
      <c r="B18544" t="s">
        <v>37017</v>
      </c>
      <c r="C18544" t="s">
        <v>37018</v>
      </c>
    </row>
    <row r="18545" spans="1:3" x14ac:dyDescent="0.15">
      <c r="A18545">
        <v>6453</v>
      </c>
      <c r="B18545" t="s">
        <v>37019</v>
      </c>
      <c r="C18545" t="s">
        <v>37020</v>
      </c>
    </row>
    <row r="18546" spans="1:3" x14ac:dyDescent="0.15">
      <c r="A18546">
        <v>6452</v>
      </c>
      <c r="B18546" t="s">
        <v>37021</v>
      </c>
      <c r="C18546" t="s">
        <v>37022</v>
      </c>
    </row>
    <row r="18547" spans="1:3" x14ac:dyDescent="0.15">
      <c r="A18547">
        <v>6451</v>
      </c>
      <c r="B18547" t="s">
        <v>37023</v>
      </c>
      <c r="C18547" t="s">
        <v>37024</v>
      </c>
    </row>
    <row r="18548" spans="1:3" x14ac:dyDescent="0.15">
      <c r="A18548">
        <v>6450</v>
      </c>
      <c r="B18548" t="s">
        <v>37025</v>
      </c>
      <c r="C18548" t="s">
        <v>37026</v>
      </c>
    </row>
    <row r="18549" spans="1:3" x14ac:dyDescent="0.15">
      <c r="A18549">
        <v>6449</v>
      </c>
      <c r="B18549" t="s">
        <v>37027</v>
      </c>
      <c r="C18549" t="s">
        <v>37028</v>
      </c>
    </row>
    <row r="18550" spans="1:3" x14ac:dyDescent="0.15">
      <c r="A18550">
        <v>6448</v>
      </c>
      <c r="B18550" t="s">
        <v>37029</v>
      </c>
      <c r="C18550" t="s">
        <v>37030</v>
      </c>
    </row>
    <row r="18551" spans="1:3" x14ac:dyDescent="0.15">
      <c r="A18551">
        <v>6447</v>
      </c>
      <c r="B18551" t="s">
        <v>37031</v>
      </c>
      <c r="C18551" t="s">
        <v>37032</v>
      </c>
    </row>
    <row r="18552" spans="1:3" x14ac:dyDescent="0.15">
      <c r="A18552">
        <v>6446</v>
      </c>
      <c r="B18552" t="s">
        <v>37033</v>
      </c>
      <c r="C18552" t="s">
        <v>37034</v>
      </c>
    </row>
    <row r="18553" spans="1:3" x14ac:dyDescent="0.15">
      <c r="A18553">
        <v>6445</v>
      </c>
      <c r="B18553" t="s">
        <v>37035</v>
      </c>
      <c r="C18553" t="s">
        <v>37036</v>
      </c>
    </row>
    <row r="18554" spans="1:3" x14ac:dyDescent="0.15">
      <c r="A18554">
        <v>6444</v>
      </c>
      <c r="B18554" t="s">
        <v>37037</v>
      </c>
      <c r="C18554" t="s">
        <v>37038</v>
      </c>
    </row>
    <row r="18555" spans="1:3" x14ac:dyDescent="0.15">
      <c r="A18555">
        <v>6443</v>
      </c>
      <c r="B18555" t="s">
        <v>37039</v>
      </c>
      <c r="C18555" t="s">
        <v>37040</v>
      </c>
    </row>
    <row r="18556" spans="1:3" x14ac:dyDescent="0.15">
      <c r="A18556">
        <v>6442</v>
      </c>
      <c r="B18556" t="s">
        <v>37041</v>
      </c>
      <c r="C18556" t="s">
        <v>37042</v>
      </c>
    </row>
    <row r="18557" spans="1:3" x14ac:dyDescent="0.15">
      <c r="A18557">
        <v>6441</v>
      </c>
      <c r="B18557" t="s">
        <v>37043</v>
      </c>
      <c r="C18557" t="s">
        <v>37044</v>
      </c>
    </row>
    <row r="18558" spans="1:3" x14ac:dyDescent="0.15">
      <c r="A18558">
        <v>6440</v>
      </c>
      <c r="B18558" t="s">
        <v>37045</v>
      </c>
      <c r="C18558" t="s">
        <v>37046</v>
      </c>
    </row>
    <row r="18559" spans="1:3" x14ac:dyDescent="0.15">
      <c r="A18559">
        <v>6439</v>
      </c>
      <c r="B18559" t="s">
        <v>37047</v>
      </c>
      <c r="C18559" t="s">
        <v>37048</v>
      </c>
    </row>
    <row r="18560" spans="1:3" x14ac:dyDescent="0.15">
      <c r="A18560">
        <v>6438</v>
      </c>
      <c r="B18560" t="s">
        <v>37049</v>
      </c>
      <c r="C18560" t="s">
        <v>37050</v>
      </c>
    </row>
    <row r="18561" spans="1:3" x14ac:dyDescent="0.15">
      <c r="A18561">
        <v>6437</v>
      </c>
      <c r="B18561" t="s">
        <v>37051</v>
      </c>
      <c r="C18561" t="s">
        <v>37052</v>
      </c>
    </row>
    <row r="18562" spans="1:3" x14ac:dyDescent="0.15">
      <c r="A18562">
        <v>6436</v>
      </c>
      <c r="B18562" t="s">
        <v>37053</v>
      </c>
      <c r="C18562" t="s">
        <v>37054</v>
      </c>
    </row>
    <row r="18563" spans="1:3" x14ac:dyDescent="0.15">
      <c r="A18563">
        <v>6435</v>
      </c>
      <c r="B18563" t="s">
        <v>37055</v>
      </c>
      <c r="C18563" t="s">
        <v>37056</v>
      </c>
    </row>
    <row r="18564" spans="1:3" x14ac:dyDescent="0.15">
      <c r="A18564">
        <v>6434</v>
      </c>
      <c r="B18564" t="s">
        <v>37057</v>
      </c>
      <c r="C18564" t="s">
        <v>37058</v>
      </c>
    </row>
    <row r="18565" spans="1:3" x14ac:dyDescent="0.15">
      <c r="A18565">
        <v>6433</v>
      </c>
      <c r="B18565" t="s">
        <v>37059</v>
      </c>
      <c r="C18565" t="s">
        <v>37060</v>
      </c>
    </row>
    <row r="18566" spans="1:3" x14ac:dyDescent="0.15">
      <c r="A18566">
        <v>6432</v>
      </c>
      <c r="B18566" t="s">
        <v>37061</v>
      </c>
      <c r="C18566" t="s">
        <v>37062</v>
      </c>
    </row>
    <row r="18567" spans="1:3" x14ac:dyDescent="0.15">
      <c r="A18567">
        <v>6431</v>
      </c>
      <c r="B18567" t="s">
        <v>37063</v>
      </c>
      <c r="C18567" t="s">
        <v>37064</v>
      </c>
    </row>
    <row r="18568" spans="1:3" x14ac:dyDescent="0.15">
      <c r="A18568">
        <v>6430</v>
      </c>
      <c r="B18568" t="s">
        <v>37065</v>
      </c>
      <c r="C18568" t="s">
        <v>37066</v>
      </c>
    </row>
    <row r="18569" spans="1:3" x14ac:dyDescent="0.15">
      <c r="A18569">
        <v>6429</v>
      </c>
      <c r="B18569" t="s">
        <v>37067</v>
      </c>
      <c r="C18569" t="s">
        <v>37068</v>
      </c>
    </row>
    <row r="18570" spans="1:3" x14ac:dyDescent="0.15">
      <c r="A18570">
        <v>6428</v>
      </c>
      <c r="B18570" t="s">
        <v>37069</v>
      </c>
      <c r="C18570" t="s">
        <v>37070</v>
      </c>
    </row>
    <row r="18571" spans="1:3" x14ac:dyDescent="0.15">
      <c r="A18571">
        <v>6427</v>
      </c>
      <c r="B18571" t="s">
        <v>37071</v>
      </c>
      <c r="C18571" t="s">
        <v>37072</v>
      </c>
    </row>
    <row r="18572" spans="1:3" x14ac:dyDescent="0.15">
      <c r="A18572">
        <v>6426</v>
      </c>
      <c r="B18572" t="s">
        <v>37073</v>
      </c>
      <c r="C18572" t="s">
        <v>37074</v>
      </c>
    </row>
    <row r="18573" spans="1:3" x14ac:dyDescent="0.15">
      <c r="A18573">
        <v>6425</v>
      </c>
      <c r="B18573" t="s">
        <v>37075</v>
      </c>
      <c r="C18573" t="s">
        <v>37076</v>
      </c>
    </row>
    <row r="18574" spans="1:3" x14ac:dyDescent="0.15">
      <c r="A18574">
        <v>6424</v>
      </c>
      <c r="B18574" t="s">
        <v>37077</v>
      </c>
      <c r="C18574" t="s">
        <v>37078</v>
      </c>
    </row>
    <row r="18575" spans="1:3" x14ac:dyDescent="0.15">
      <c r="A18575">
        <v>6423</v>
      </c>
      <c r="B18575" t="s">
        <v>37079</v>
      </c>
      <c r="C18575" t="s">
        <v>37080</v>
      </c>
    </row>
    <row r="18576" spans="1:3" x14ac:dyDescent="0.15">
      <c r="A18576">
        <v>6422</v>
      </c>
      <c r="B18576" t="s">
        <v>37081</v>
      </c>
      <c r="C18576" t="s">
        <v>37082</v>
      </c>
    </row>
    <row r="18577" spans="1:3" x14ac:dyDescent="0.15">
      <c r="A18577">
        <v>6421</v>
      </c>
      <c r="B18577" t="s">
        <v>37083</v>
      </c>
      <c r="C18577" t="s">
        <v>37084</v>
      </c>
    </row>
    <row r="18578" spans="1:3" x14ac:dyDescent="0.15">
      <c r="A18578">
        <v>6420</v>
      </c>
      <c r="B18578" t="s">
        <v>37085</v>
      </c>
      <c r="C18578" t="s">
        <v>37086</v>
      </c>
    </row>
    <row r="18579" spans="1:3" x14ac:dyDescent="0.15">
      <c r="A18579">
        <v>6419</v>
      </c>
      <c r="B18579" t="s">
        <v>37087</v>
      </c>
      <c r="C18579" t="s">
        <v>37088</v>
      </c>
    </row>
    <row r="18580" spans="1:3" x14ac:dyDescent="0.15">
      <c r="A18580">
        <v>6418</v>
      </c>
      <c r="B18580" t="s">
        <v>37089</v>
      </c>
      <c r="C18580" t="s">
        <v>37090</v>
      </c>
    </row>
    <row r="18581" spans="1:3" x14ac:dyDescent="0.15">
      <c r="A18581">
        <v>6417</v>
      </c>
      <c r="B18581" t="s">
        <v>37091</v>
      </c>
      <c r="C18581" t="s">
        <v>37092</v>
      </c>
    </row>
    <row r="18582" spans="1:3" x14ac:dyDescent="0.15">
      <c r="A18582">
        <v>6416</v>
      </c>
      <c r="B18582" t="s">
        <v>37093</v>
      </c>
      <c r="C18582" t="s">
        <v>37094</v>
      </c>
    </row>
    <row r="18583" spans="1:3" x14ac:dyDescent="0.15">
      <c r="A18583">
        <v>6415</v>
      </c>
      <c r="B18583" t="s">
        <v>37095</v>
      </c>
      <c r="C18583" t="s">
        <v>37096</v>
      </c>
    </row>
    <row r="18584" spans="1:3" x14ac:dyDescent="0.15">
      <c r="A18584">
        <v>6414</v>
      </c>
      <c r="B18584" t="s">
        <v>37097</v>
      </c>
      <c r="C18584" t="s">
        <v>37098</v>
      </c>
    </row>
    <row r="18585" spans="1:3" x14ac:dyDescent="0.15">
      <c r="A18585">
        <v>6413</v>
      </c>
      <c r="B18585" t="s">
        <v>37099</v>
      </c>
      <c r="C18585" t="s">
        <v>37100</v>
      </c>
    </row>
    <row r="18586" spans="1:3" x14ac:dyDescent="0.15">
      <c r="A18586">
        <v>6412</v>
      </c>
      <c r="B18586" t="s">
        <v>37101</v>
      </c>
      <c r="C18586" t="s">
        <v>37102</v>
      </c>
    </row>
    <row r="18587" spans="1:3" x14ac:dyDescent="0.15">
      <c r="A18587">
        <v>6411</v>
      </c>
      <c r="B18587" t="s">
        <v>37103</v>
      </c>
      <c r="C18587" t="s">
        <v>37104</v>
      </c>
    </row>
    <row r="18588" spans="1:3" x14ac:dyDescent="0.15">
      <c r="A18588">
        <v>6410</v>
      </c>
      <c r="B18588" t="s">
        <v>37105</v>
      </c>
      <c r="C18588" t="s">
        <v>37106</v>
      </c>
    </row>
    <row r="18589" spans="1:3" x14ac:dyDescent="0.15">
      <c r="A18589">
        <v>6409</v>
      </c>
      <c r="B18589" t="s">
        <v>37107</v>
      </c>
      <c r="C18589" t="s">
        <v>37108</v>
      </c>
    </row>
    <row r="18590" spans="1:3" x14ac:dyDescent="0.15">
      <c r="A18590">
        <v>6408</v>
      </c>
      <c r="B18590" t="s">
        <v>37109</v>
      </c>
      <c r="C18590" t="s">
        <v>37110</v>
      </c>
    </row>
    <row r="18591" spans="1:3" x14ac:dyDescent="0.15">
      <c r="A18591">
        <v>6407</v>
      </c>
      <c r="B18591" t="s">
        <v>37111</v>
      </c>
      <c r="C18591" t="s">
        <v>37112</v>
      </c>
    </row>
    <row r="18592" spans="1:3" x14ac:dyDescent="0.15">
      <c r="A18592">
        <v>6406</v>
      </c>
      <c r="B18592" t="s">
        <v>37113</v>
      </c>
      <c r="C18592" t="s">
        <v>37114</v>
      </c>
    </row>
    <row r="18593" spans="1:3" x14ac:dyDescent="0.15">
      <c r="A18593">
        <v>6405</v>
      </c>
      <c r="B18593" t="s">
        <v>37115</v>
      </c>
      <c r="C18593" t="s">
        <v>37116</v>
      </c>
    </row>
    <row r="18594" spans="1:3" x14ac:dyDescent="0.15">
      <c r="A18594">
        <v>6404</v>
      </c>
      <c r="B18594" t="s">
        <v>37117</v>
      </c>
      <c r="C18594" t="s">
        <v>37118</v>
      </c>
    </row>
    <row r="18595" spans="1:3" x14ac:dyDescent="0.15">
      <c r="A18595">
        <v>6403</v>
      </c>
      <c r="B18595" t="s">
        <v>37119</v>
      </c>
      <c r="C18595" t="s">
        <v>37120</v>
      </c>
    </row>
    <row r="18596" spans="1:3" x14ac:dyDescent="0.15">
      <c r="A18596">
        <v>6402</v>
      </c>
      <c r="B18596" t="s">
        <v>37121</v>
      </c>
      <c r="C18596" t="s">
        <v>37122</v>
      </c>
    </row>
    <row r="18597" spans="1:3" x14ac:dyDescent="0.15">
      <c r="A18597">
        <v>6401</v>
      </c>
      <c r="B18597" t="s">
        <v>37123</v>
      </c>
      <c r="C18597" t="s">
        <v>37124</v>
      </c>
    </row>
    <row r="18598" spans="1:3" x14ac:dyDescent="0.15">
      <c r="A18598">
        <v>6400</v>
      </c>
      <c r="B18598" t="s">
        <v>37125</v>
      </c>
      <c r="C18598" t="s">
        <v>37126</v>
      </c>
    </row>
    <row r="18599" spans="1:3" x14ac:dyDescent="0.15">
      <c r="A18599">
        <v>6399</v>
      </c>
      <c r="B18599" t="s">
        <v>37127</v>
      </c>
      <c r="C18599" t="s">
        <v>37128</v>
      </c>
    </row>
    <row r="18600" spans="1:3" x14ac:dyDescent="0.15">
      <c r="A18600">
        <v>6398</v>
      </c>
      <c r="B18600" t="s">
        <v>37129</v>
      </c>
      <c r="C18600" t="s">
        <v>37130</v>
      </c>
    </row>
    <row r="18601" spans="1:3" x14ac:dyDescent="0.15">
      <c r="A18601">
        <v>6397</v>
      </c>
      <c r="B18601" t="s">
        <v>37131</v>
      </c>
      <c r="C18601" t="s">
        <v>37132</v>
      </c>
    </row>
    <row r="18602" spans="1:3" x14ac:dyDescent="0.15">
      <c r="A18602">
        <v>6396</v>
      </c>
      <c r="B18602" t="s">
        <v>37133</v>
      </c>
      <c r="C18602" t="s">
        <v>37134</v>
      </c>
    </row>
    <row r="18603" spans="1:3" x14ac:dyDescent="0.15">
      <c r="A18603">
        <v>6395</v>
      </c>
      <c r="B18603" t="s">
        <v>37135</v>
      </c>
      <c r="C18603" t="s">
        <v>37136</v>
      </c>
    </row>
    <row r="18604" spans="1:3" x14ac:dyDescent="0.15">
      <c r="A18604">
        <v>6394</v>
      </c>
      <c r="B18604" t="s">
        <v>37137</v>
      </c>
      <c r="C18604" t="s">
        <v>37138</v>
      </c>
    </row>
    <row r="18605" spans="1:3" x14ac:dyDescent="0.15">
      <c r="A18605">
        <v>6393</v>
      </c>
      <c r="B18605" t="s">
        <v>37139</v>
      </c>
      <c r="C18605" t="s">
        <v>37140</v>
      </c>
    </row>
    <row r="18606" spans="1:3" x14ac:dyDescent="0.15">
      <c r="A18606">
        <v>6392</v>
      </c>
      <c r="B18606" t="s">
        <v>37141</v>
      </c>
      <c r="C18606" t="s">
        <v>37142</v>
      </c>
    </row>
    <row r="18607" spans="1:3" x14ac:dyDescent="0.15">
      <c r="A18607">
        <v>6391</v>
      </c>
      <c r="B18607" t="s">
        <v>37143</v>
      </c>
      <c r="C18607" t="s">
        <v>37144</v>
      </c>
    </row>
    <row r="18608" spans="1:3" x14ac:dyDescent="0.15">
      <c r="A18608">
        <v>6390</v>
      </c>
      <c r="B18608" t="s">
        <v>37145</v>
      </c>
      <c r="C18608" t="s">
        <v>37146</v>
      </c>
    </row>
    <row r="18609" spans="1:3" x14ac:dyDescent="0.15">
      <c r="A18609">
        <v>6389</v>
      </c>
      <c r="B18609" t="s">
        <v>37147</v>
      </c>
      <c r="C18609" t="s">
        <v>37148</v>
      </c>
    </row>
    <row r="18610" spans="1:3" x14ac:dyDescent="0.15">
      <c r="A18610">
        <v>6388</v>
      </c>
      <c r="B18610" t="s">
        <v>37149</v>
      </c>
      <c r="C18610" t="s">
        <v>37150</v>
      </c>
    </row>
    <row r="18611" spans="1:3" x14ac:dyDescent="0.15">
      <c r="A18611">
        <v>6387</v>
      </c>
      <c r="B18611" t="s">
        <v>37151</v>
      </c>
      <c r="C18611" t="s">
        <v>37152</v>
      </c>
    </row>
    <row r="18612" spans="1:3" x14ac:dyDescent="0.15">
      <c r="A18612">
        <v>6386</v>
      </c>
      <c r="B18612" t="s">
        <v>37153</v>
      </c>
      <c r="C18612" t="s">
        <v>37154</v>
      </c>
    </row>
    <row r="18613" spans="1:3" x14ac:dyDescent="0.15">
      <c r="A18613">
        <v>6385</v>
      </c>
      <c r="B18613" t="s">
        <v>37155</v>
      </c>
      <c r="C18613" t="s">
        <v>37156</v>
      </c>
    </row>
    <row r="18614" spans="1:3" x14ac:dyDescent="0.15">
      <c r="A18614">
        <v>6384</v>
      </c>
      <c r="B18614" t="s">
        <v>37157</v>
      </c>
      <c r="C18614" t="s">
        <v>37158</v>
      </c>
    </row>
    <row r="18615" spans="1:3" x14ac:dyDescent="0.15">
      <c r="A18615">
        <v>6383</v>
      </c>
      <c r="B18615" t="s">
        <v>37159</v>
      </c>
      <c r="C18615" t="s">
        <v>37160</v>
      </c>
    </row>
    <row r="18616" spans="1:3" x14ac:dyDescent="0.15">
      <c r="A18616">
        <v>6382</v>
      </c>
      <c r="B18616" t="s">
        <v>37161</v>
      </c>
      <c r="C18616" t="s">
        <v>37162</v>
      </c>
    </row>
    <row r="18617" spans="1:3" x14ac:dyDescent="0.15">
      <c r="A18617">
        <v>6381</v>
      </c>
      <c r="B18617" t="s">
        <v>37163</v>
      </c>
      <c r="C18617" t="s">
        <v>37164</v>
      </c>
    </row>
    <row r="18618" spans="1:3" x14ac:dyDescent="0.15">
      <c r="A18618">
        <v>6380</v>
      </c>
      <c r="B18618" t="s">
        <v>37165</v>
      </c>
      <c r="C18618" t="s">
        <v>37166</v>
      </c>
    </row>
    <row r="18619" spans="1:3" x14ac:dyDescent="0.15">
      <c r="A18619">
        <v>6379</v>
      </c>
      <c r="B18619" t="s">
        <v>37167</v>
      </c>
      <c r="C18619" t="s">
        <v>37168</v>
      </c>
    </row>
    <row r="18620" spans="1:3" x14ac:dyDescent="0.15">
      <c r="A18620">
        <v>6378</v>
      </c>
      <c r="B18620" t="s">
        <v>37169</v>
      </c>
      <c r="C18620" t="s">
        <v>37170</v>
      </c>
    </row>
    <row r="18621" spans="1:3" x14ac:dyDescent="0.15">
      <c r="A18621">
        <v>6377</v>
      </c>
      <c r="B18621" t="s">
        <v>37171</v>
      </c>
      <c r="C18621" t="s">
        <v>37172</v>
      </c>
    </row>
    <row r="18622" spans="1:3" x14ac:dyDescent="0.15">
      <c r="A18622">
        <v>6376</v>
      </c>
      <c r="B18622" t="s">
        <v>37173</v>
      </c>
      <c r="C18622" t="s">
        <v>37174</v>
      </c>
    </row>
    <row r="18623" spans="1:3" x14ac:dyDescent="0.15">
      <c r="A18623">
        <v>6375</v>
      </c>
      <c r="B18623" t="s">
        <v>37175</v>
      </c>
      <c r="C18623" t="s">
        <v>37176</v>
      </c>
    </row>
    <row r="18624" spans="1:3" x14ac:dyDescent="0.15">
      <c r="A18624">
        <v>6374</v>
      </c>
      <c r="B18624" t="s">
        <v>37177</v>
      </c>
      <c r="C18624" t="s">
        <v>37178</v>
      </c>
    </row>
    <row r="18625" spans="1:3" x14ac:dyDescent="0.15">
      <c r="A18625">
        <v>6373</v>
      </c>
      <c r="B18625" t="s">
        <v>37179</v>
      </c>
      <c r="C18625" t="s">
        <v>37180</v>
      </c>
    </row>
    <row r="18626" spans="1:3" x14ac:dyDescent="0.15">
      <c r="A18626">
        <v>6372</v>
      </c>
      <c r="B18626" t="s">
        <v>37181</v>
      </c>
      <c r="C18626" t="s">
        <v>37182</v>
      </c>
    </row>
    <row r="18627" spans="1:3" x14ac:dyDescent="0.15">
      <c r="A18627">
        <v>6371</v>
      </c>
      <c r="B18627" t="s">
        <v>37183</v>
      </c>
      <c r="C18627" t="s">
        <v>37184</v>
      </c>
    </row>
    <row r="18628" spans="1:3" x14ac:dyDescent="0.15">
      <c r="A18628">
        <v>6370</v>
      </c>
      <c r="B18628" t="s">
        <v>37185</v>
      </c>
      <c r="C18628" t="s">
        <v>37186</v>
      </c>
    </row>
    <row r="18629" spans="1:3" x14ac:dyDescent="0.15">
      <c r="A18629">
        <v>6369</v>
      </c>
      <c r="B18629" t="s">
        <v>37187</v>
      </c>
      <c r="C18629" t="s">
        <v>37188</v>
      </c>
    </row>
    <row r="18630" spans="1:3" x14ac:dyDescent="0.15">
      <c r="A18630">
        <v>6368</v>
      </c>
      <c r="B18630" t="s">
        <v>37189</v>
      </c>
      <c r="C18630" t="s">
        <v>37190</v>
      </c>
    </row>
    <row r="18631" spans="1:3" x14ac:dyDescent="0.15">
      <c r="A18631">
        <v>6367</v>
      </c>
      <c r="B18631" t="s">
        <v>37191</v>
      </c>
      <c r="C18631" t="s">
        <v>37192</v>
      </c>
    </row>
    <row r="18632" spans="1:3" x14ac:dyDescent="0.15">
      <c r="A18632">
        <v>6366</v>
      </c>
      <c r="B18632" t="s">
        <v>37193</v>
      </c>
      <c r="C18632" t="s">
        <v>37194</v>
      </c>
    </row>
    <row r="18633" spans="1:3" x14ac:dyDescent="0.15">
      <c r="A18633">
        <v>6365</v>
      </c>
      <c r="B18633" t="s">
        <v>37195</v>
      </c>
      <c r="C18633" t="s">
        <v>37196</v>
      </c>
    </row>
    <row r="18634" spans="1:3" x14ac:dyDescent="0.15">
      <c r="A18634">
        <v>6364</v>
      </c>
      <c r="B18634" t="s">
        <v>37197</v>
      </c>
      <c r="C18634" t="s">
        <v>37198</v>
      </c>
    </row>
    <row r="18635" spans="1:3" x14ac:dyDescent="0.15">
      <c r="A18635">
        <v>6363</v>
      </c>
      <c r="B18635" t="s">
        <v>37199</v>
      </c>
      <c r="C18635" t="s">
        <v>37200</v>
      </c>
    </row>
    <row r="18636" spans="1:3" x14ac:dyDescent="0.15">
      <c r="A18636">
        <v>6362</v>
      </c>
      <c r="B18636" t="s">
        <v>37201</v>
      </c>
      <c r="C18636" t="s">
        <v>37202</v>
      </c>
    </row>
    <row r="18637" spans="1:3" x14ac:dyDescent="0.15">
      <c r="A18637">
        <v>6361</v>
      </c>
      <c r="B18637" t="s">
        <v>37203</v>
      </c>
      <c r="C18637" t="s">
        <v>37204</v>
      </c>
    </row>
    <row r="18638" spans="1:3" x14ac:dyDescent="0.15">
      <c r="A18638">
        <v>6360</v>
      </c>
      <c r="B18638" t="s">
        <v>37205</v>
      </c>
      <c r="C18638" t="s">
        <v>37206</v>
      </c>
    </row>
    <row r="18639" spans="1:3" x14ac:dyDescent="0.15">
      <c r="A18639">
        <v>6359</v>
      </c>
      <c r="B18639" t="s">
        <v>37207</v>
      </c>
      <c r="C18639" t="s">
        <v>37208</v>
      </c>
    </row>
    <row r="18640" spans="1:3" x14ac:dyDescent="0.15">
      <c r="A18640">
        <v>6358</v>
      </c>
      <c r="B18640" t="s">
        <v>37209</v>
      </c>
      <c r="C18640" t="s">
        <v>37210</v>
      </c>
    </row>
    <row r="18641" spans="1:3" x14ac:dyDescent="0.15">
      <c r="A18641">
        <v>6357</v>
      </c>
      <c r="B18641" t="s">
        <v>37211</v>
      </c>
      <c r="C18641" t="s">
        <v>37212</v>
      </c>
    </row>
    <row r="18642" spans="1:3" x14ac:dyDescent="0.15">
      <c r="A18642">
        <v>6356</v>
      </c>
      <c r="B18642" t="s">
        <v>37213</v>
      </c>
      <c r="C18642" t="s">
        <v>37214</v>
      </c>
    </row>
    <row r="18643" spans="1:3" x14ac:dyDescent="0.15">
      <c r="A18643">
        <v>6355</v>
      </c>
      <c r="B18643" t="s">
        <v>37215</v>
      </c>
      <c r="C18643" t="s">
        <v>37216</v>
      </c>
    </row>
    <row r="18644" spans="1:3" x14ac:dyDescent="0.15">
      <c r="A18644">
        <v>6354</v>
      </c>
      <c r="B18644" t="s">
        <v>37217</v>
      </c>
      <c r="C18644" t="s">
        <v>37218</v>
      </c>
    </row>
    <row r="18645" spans="1:3" x14ac:dyDescent="0.15">
      <c r="A18645">
        <v>6353</v>
      </c>
      <c r="B18645" t="s">
        <v>37219</v>
      </c>
      <c r="C18645" t="s">
        <v>37220</v>
      </c>
    </row>
    <row r="18646" spans="1:3" x14ac:dyDescent="0.15">
      <c r="A18646">
        <v>6352</v>
      </c>
      <c r="B18646" t="s">
        <v>37221</v>
      </c>
      <c r="C18646" t="s">
        <v>37222</v>
      </c>
    </row>
    <row r="18647" spans="1:3" x14ac:dyDescent="0.15">
      <c r="A18647">
        <v>6351</v>
      </c>
      <c r="B18647" t="s">
        <v>37223</v>
      </c>
      <c r="C18647" t="s">
        <v>37224</v>
      </c>
    </row>
    <row r="18648" spans="1:3" x14ac:dyDescent="0.15">
      <c r="A18648">
        <v>6350</v>
      </c>
      <c r="B18648" t="s">
        <v>37225</v>
      </c>
      <c r="C18648" t="s">
        <v>37226</v>
      </c>
    </row>
    <row r="18649" spans="1:3" x14ac:dyDescent="0.15">
      <c r="A18649">
        <v>6349</v>
      </c>
      <c r="B18649" t="s">
        <v>37227</v>
      </c>
      <c r="C18649" t="s">
        <v>37228</v>
      </c>
    </row>
    <row r="18650" spans="1:3" x14ac:dyDescent="0.15">
      <c r="A18650">
        <v>6348</v>
      </c>
      <c r="B18650" t="s">
        <v>37229</v>
      </c>
      <c r="C18650" t="s">
        <v>37230</v>
      </c>
    </row>
    <row r="18651" spans="1:3" x14ac:dyDescent="0.15">
      <c r="A18651">
        <v>6347</v>
      </c>
      <c r="B18651" t="s">
        <v>37231</v>
      </c>
      <c r="C18651" t="s">
        <v>37232</v>
      </c>
    </row>
    <row r="18652" spans="1:3" x14ac:dyDescent="0.15">
      <c r="A18652">
        <v>6346</v>
      </c>
      <c r="B18652" t="s">
        <v>37233</v>
      </c>
      <c r="C18652" t="s">
        <v>37234</v>
      </c>
    </row>
    <row r="18653" spans="1:3" x14ac:dyDescent="0.15">
      <c r="A18653">
        <v>6345</v>
      </c>
      <c r="B18653" t="s">
        <v>37235</v>
      </c>
      <c r="C18653" t="s">
        <v>37236</v>
      </c>
    </row>
    <row r="18654" spans="1:3" x14ac:dyDescent="0.15">
      <c r="A18654">
        <v>6344</v>
      </c>
      <c r="B18654" t="s">
        <v>37237</v>
      </c>
      <c r="C18654" t="s">
        <v>37238</v>
      </c>
    </row>
    <row r="18655" spans="1:3" x14ac:dyDescent="0.15">
      <c r="A18655">
        <v>6343</v>
      </c>
      <c r="B18655" t="s">
        <v>37239</v>
      </c>
      <c r="C18655" t="s">
        <v>37240</v>
      </c>
    </row>
    <row r="18656" spans="1:3" x14ac:dyDescent="0.15">
      <c r="A18656">
        <v>6342</v>
      </c>
      <c r="B18656" t="s">
        <v>37241</v>
      </c>
      <c r="C18656" t="s">
        <v>37242</v>
      </c>
    </row>
    <row r="18657" spans="1:3" x14ac:dyDescent="0.15">
      <c r="A18657">
        <v>6341</v>
      </c>
      <c r="B18657" t="s">
        <v>37243</v>
      </c>
      <c r="C18657" t="s">
        <v>37244</v>
      </c>
    </row>
    <row r="18658" spans="1:3" x14ac:dyDescent="0.15">
      <c r="A18658">
        <v>6340</v>
      </c>
      <c r="B18658" t="s">
        <v>37245</v>
      </c>
      <c r="C18658" t="s">
        <v>37246</v>
      </c>
    </row>
    <row r="18659" spans="1:3" x14ac:dyDescent="0.15">
      <c r="A18659">
        <v>6339</v>
      </c>
      <c r="B18659" t="s">
        <v>37247</v>
      </c>
      <c r="C18659" t="s">
        <v>37248</v>
      </c>
    </row>
    <row r="18660" spans="1:3" x14ac:dyDescent="0.15">
      <c r="A18660">
        <v>6338</v>
      </c>
      <c r="B18660" t="s">
        <v>37249</v>
      </c>
      <c r="C18660" t="s">
        <v>37250</v>
      </c>
    </row>
    <row r="18661" spans="1:3" x14ac:dyDescent="0.15">
      <c r="A18661">
        <v>6337</v>
      </c>
      <c r="B18661" t="s">
        <v>37251</v>
      </c>
      <c r="C18661" t="s">
        <v>37252</v>
      </c>
    </row>
    <row r="18662" spans="1:3" x14ac:dyDescent="0.15">
      <c r="A18662">
        <v>6336</v>
      </c>
      <c r="B18662" t="s">
        <v>37253</v>
      </c>
      <c r="C18662" t="s">
        <v>37254</v>
      </c>
    </row>
    <row r="18663" spans="1:3" x14ac:dyDescent="0.15">
      <c r="A18663">
        <v>6335</v>
      </c>
      <c r="B18663" t="s">
        <v>37255</v>
      </c>
      <c r="C18663" t="s">
        <v>37256</v>
      </c>
    </row>
    <row r="18664" spans="1:3" x14ac:dyDescent="0.15">
      <c r="A18664">
        <v>6334</v>
      </c>
      <c r="B18664" t="s">
        <v>37257</v>
      </c>
      <c r="C18664" t="s">
        <v>37258</v>
      </c>
    </row>
    <row r="18665" spans="1:3" x14ac:dyDescent="0.15">
      <c r="A18665">
        <v>6333</v>
      </c>
      <c r="B18665" t="s">
        <v>37259</v>
      </c>
      <c r="C18665" t="s">
        <v>37260</v>
      </c>
    </row>
    <row r="18666" spans="1:3" x14ac:dyDescent="0.15">
      <c r="A18666">
        <v>6332</v>
      </c>
      <c r="B18666" t="s">
        <v>37261</v>
      </c>
      <c r="C18666" t="s">
        <v>37262</v>
      </c>
    </row>
    <row r="18667" spans="1:3" x14ac:dyDescent="0.15">
      <c r="A18667">
        <v>6331</v>
      </c>
      <c r="B18667" t="s">
        <v>37263</v>
      </c>
      <c r="C18667" t="s">
        <v>37264</v>
      </c>
    </row>
    <row r="18668" spans="1:3" x14ac:dyDescent="0.15">
      <c r="A18668">
        <v>6330</v>
      </c>
      <c r="B18668" t="s">
        <v>37265</v>
      </c>
      <c r="C18668" t="s">
        <v>37266</v>
      </c>
    </row>
    <row r="18669" spans="1:3" x14ac:dyDescent="0.15">
      <c r="A18669">
        <v>6329</v>
      </c>
      <c r="B18669" t="s">
        <v>37267</v>
      </c>
      <c r="C18669" t="s">
        <v>37268</v>
      </c>
    </row>
    <row r="18670" spans="1:3" x14ac:dyDescent="0.15">
      <c r="A18670">
        <v>6328</v>
      </c>
      <c r="B18670" t="s">
        <v>37269</v>
      </c>
      <c r="C18670" t="s">
        <v>37270</v>
      </c>
    </row>
    <row r="18671" spans="1:3" x14ac:dyDescent="0.15">
      <c r="A18671">
        <v>6327</v>
      </c>
      <c r="B18671" t="s">
        <v>37271</v>
      </c>
      <c r="C18671" t="s">
        <v>37272</v>
      </c>
    </row>
    <row r="18672" spans="1:3" x14ac:dyDescent="0.15">
      <c r="A18672">
        <v>6326</v>
      </c>
      <c r="B18672" t="s">
        <v>37273</v>
      </c>
      <c r="C18672" t="s">
        <v>37274</v>
      </c>
    </row>
    <row r="18673" spans="1:3" x14ac:dyDescent="0.15">
      <c r="A18673">
        <v>6325</v>
      </c>
      <c r="B18673" t="s">
        <v>37275</v>
      </c>
      <c r="C18673" t="s">
        <v>37276</v>
      </c>
    </row>
    <row r="18674" spans="1:3" x14ac:dyDescent="0.15">
      <c r="A18674">
        <v>6324</v>
      </c>
      <c r="B18674" t="s">
        <v>37277</v>
      </c>
      <c r="C18674" t="s">
        <v>37278</v>
      </c>
    </row>
    <row r="18675" spans="1:3" x14ac:dyDescent="0.15">
      <c r="A18675">
        <v>6323</v>
      </c>
      <c r="B18675" t="s">
        <v>37279</v>
      </c>
      <c r="C18675" t="s">
        <v>37280</v>
      </c>
    </row>
    <row r="18676" spans="1:3" x14ac:dyDescent="0.15">
      <c r="A18676">
        <v>6322</v>
      </c>
      <c r="B18676" t="s">
        <v>37281</v>
      </c>
      <c r="C18676" t="s">
        <v>37282</v>
      </c>
    </row>
    <row r="18677" spans="1:3" x14ac:dyDescent="0.15">
      <c r="A18677">
        <v>6321</v>
      </c>
      <c r="B18677" t="s">
        <v>37283</v>
      </c>
      <c r="C18677" t="s">
        <v>37284</v>
      </c>
    </row>
    <row r="18678" spans="1:3" x14ac:dyDescent="0.15">
      <c r="A18678">
        <v>6320</v>
      </c>
      <c r="B18678" t="s">
        <v>37285</v>
      </c>
      <c r="C18678" t="s">
        <v>37286</v>
      </c>
    </row>
    <row r="18679" spans="1:3" x14ac:dyDescent="0.15">
      <c r="A18679">
        <v>6319</v>
      </c>
      <c r="B18679" t="s">
        <v>37287</v>
      </c>
      <c r="C18679" t="s">
        <v>37288</v>
      </c>
    </row>
    <row r="18680" spans="1:3" x14ac:dyDescent="0.15">
      <c r="A18680">
        <v>6318</v>
      </c>
      <c r="B18680" t="s">
        <v>37289</v>
      </c>
      <c r="C18680" t="s">
        <v>37290</v>
      </c>
    </row>
    <row r="18681" spans="1:3" x14ac:dyDescent="0.15">
      <c r="A18681">
        <v>6317</v>
      </c>
      <c r="B18681" t="s">
        <v>37291</v>
      </c>
      <c r="C18681" t="s">
        <v>37292</v>
      </c>
    </row>
    <row r="18682" spans="1:3" x14ac:dyDescent="0.15">
      <c r="A18682">
        <v>6316</v>
      </c>
      <c r="B18682" t="s">
        <v>37293</v>
      </c>
      <c r="C18682" t="s">
        <v>37294</v>
      </c>
    </row>
    <row r="18683" spans="1:3" x14ac:dyDescent="0.15">
      <c r="A18683">
        <v>6315</v>
      </c>
      <c r="B18683" t="s">
        <v>37295</v>
      </c>
      <c r="C18683" t="s">
        <v>37296</v>
      </c>
    </row>
    <row r="18684" spans="1:3" x14ac:dyDescent="0.15">
      <c r="A18684">
        <v>6314</v>
      </c>
      <c r="B18684" t="s">
        <v>37297</v>
      </c>
      <c r="C18684" t="s">
        <v>37298</v>
      </c>
    </row>
    <row r="18685" spans="1:3" x14ac:dyDescent="0.15">
      <c r="A18685">
        <v>6313</v>
      </c>
      <c r="B18685" t="s">
        <v>37299</v>
      </c>
      <c r="C18685" t="s">
        <v>37300</v>
      </c>
    </row>
    <row r="18686" spans="1:3" x14ac:dyDescent="0.15">
      <c r="A18686">
        <v>6312</v>
      </c>
      <c r="B18686" t="s">
        <v>37301</v>
      </c>
      <c r="C18686" t="s">
        <v>37302</v>
      </c>
    </row>
    <row r="18687" spans="1:3" x14ac:dyDescent="0.15">
      <c r="A18687">
        <v>6311</v>
      </c>
      <c r="B18687" t="s">
        <v>37303</v>
      </c>
      <c r="C18687" t="s">
        <v>37304</v>
      </c>
    </row>
    <row r="18688" spans="1:3" x14ac:dyDescent="0.15">
      <c r="A18688">
        <v>6310</v>
      </c>
      <c r="B18688" t="s">
        <v>37305</v>
      </c>
      <c r="C18688" t="s">
        <v>37306</v>
      </c>
    </row>
    <row r="18689" spans="1:3" x14ac:dyDescent="0.15">
      <c r="A18689">
        <v>6309</v>
      </c>
      <c r="B18689" t="s">
        <v>37307</v>
      </c>
      <c r="C18689" t="s">
        <v>37308</v>
      </c>
    </row>
    <row r="18690" spans="1:3" x14ac:dyDescent="0.15">
      <c r="A18690">
        <v>6308</v>
      </c>
      <c r="B18690" t="s">
        <v>37309</v>
      </c>
      <c r="C18690" t="s">
        <v>37310</v>
      </c>
    </row>
    <row r="18691" spans="1:3" x14ac:dyDescent="0.15">
      <c r="A18691">
        <v>6307</v>
      </c>
      <c r="B18691" t="s">
        <v>37311</v>
      </c>
      <c r="C18691" t="s">
        <v>37312</v>
      </c>
    </row>
    <row r="18692" spans="1:3" x14ac:dyDescent="0.15">
      <c r="A18692">
        <v>6306</v>
      </c>
      <c r="B18692" t="s">
        <v>37313</v>
      </c>
      <c r="C18692" t="s">
        <v>37314</v>
      </c>
    </row>
    <row r="18693" spans="1:3" x14ac:dyDescent="0.15">
      <c r="A18693">
        <v>6305</v>
      </c>
      <c r="B18693" t="s">
        <v>37315</v>
      </c>
      <c r="C18693" t="s">
        <v>37316</v>
      </c>
    </row>
    <row r="18694" spans="1:3" x14ac:dyDescent="0.15">
      <c r="A18694">
        <v>6304</v>
      </c>
      <c r="B18694" t="s">
        <v>37317</v>
      </c>
      <c r="C18694" t="s">
        <v>37318</v>
      </c>
    </row>
    <row r="18695" spans="1:3" x14ac:dyDescent="0.15">
      <c r="A18695">
        <v>6303</v>
      </c>
      <c r="B18695" t="s">
        <v>37319</v>
      </c>
      <c r="C18695" t="s">
        <v>37320</v>
      </c>
    </row>
    <row r="18696" spans="1:3" x14ac:dyDescent="0.15">
      <c r="A18696">
        <v>6302</v>
      </c>
      <c r="B18696" t="s">
        <v>37321</v>
      </c>
      <c r="C18696" t="s">
        <v>37322</v>
      </c>
    </row>
    <row r="18697" spans="1:3" x14ac:dyDescent="0.15">
      <c r="A18697">
        <v>6301</v>
      </c>
      <c r="B18697" t="s">
        <v>37323</v>
      </c>
      <c r="C18697" t="s">
        <v>37324</v>
      </c>
    </row>
    <row r="18698" spans="1:3" x14ac:dyDescent="0.15">
      <c r="A18698">
        <v>6300</v>
      </c>
      <c r="B18698" t="s">
        <v>37325</v>
      </c>
      <c r="C18698" t="s">
        <v>37326</v>
      </c>
    </row>
    <row r="18699" spans="1:3" x14ac:dyDescent="0.15">
      <c r="A18699">
        <v>6299</v>
      </c>
      <c r="B18699" t="s">
        <v>37327</v>
      </c>
      <c r="C18699" t="s">
        <v>37328</v>
      </c>
    </row>
    <row r="18700" spans="1:3" x14ac:dyDescent="0.15">
      <c r="A18700">
        <v>6298</v>
      </c>
      <c r="B18700" t="s">
        <v>37329</v>
      </c>
      <c r="C18700" t="s">
        <v>37330</v>
      </c>
    </row>
    <row r="18701" spans="1:3" x14ac:dyDescent="0.15">
      <c r="A18701">
        <v>6297</v>
      </c>
      <c r="B18701" t="s">
        <v>37331</v>
      </c>
      <c r="C18701" t="s">
        <v>37332</v>
      </c>
    </row>
    <row r="18702" spans="1:3" x14ac:dyDescent="0.15">
      <c r="A18702">
        <v>6296</v>
      </c>
      <c r="B18702" t="s">
        <v>37333</v>
      </c>
      <c r="C18702" t="s">
        <v>37334</v>
      </c>
    </row>
    <row r="18703" spans="1:3" x14ac:dyDescent="0.15">
      <c r="A18703">
        <v>6295</v>
      </c>
      <c r="B18703" t="s">
        <v>37335</v>
      </c>
      <c r="C18703" t="s">
        <v>37336</v>
      </c>
    </row>
    <row r="18704" spans="1:3" x14ac:dyDescent="0.15">
      <c r="A18704">
        <v>6294</v>
      </c>
      <c r="B18704" t="s">
        <v>37337</v>
      </c>
      <c r="C18704" t="s">
        <v>37338</v>
      </c>
    </row>
    <row r="18705" spans="1:3" x14ac:dyDescent="0.15">
      <c r="A18705">
        <v>6293</v>
      </c>
      <c r="B18705" t="s">
        <v>37339</v>
      </c>
      <c r="C18705" t="s">
        <v>37340</v>
      </c>
    </row>
    <row r="18706" spans="1:3" x14ac:dyDescent="0.15">
      <c r="A18706">
        <v>6292</v>
      </c>
      <c r="B18706" t="s">
        <v>37341</v>
      </c>
      <c r="C18706" t="s">
        <v>37342</v>
      </c>
    </row>
    <row r="18707" spans="1:3" x14ac:dyDescent="0.15">
      <c r="A18707">
        <v>6291</v>
      </c>
      <c r="B18707" t="s">
        <v>37343</v>
      </c>
      <c r="C18707" t="s">
        <v>37344</v>
      </c>
    </row>
    <row r="18708" spans="1:3" x14ac:dyDescent="0.15">
      <c r="A18708">
        <v>6290</v>
      </c>
      <c r="B18708" t="s">
        <v>37345</v>
      </c>
      <c r="C18708" t="s">
        <v>37346</v>
      </c>
    </row>
    <row r="18709" spans="1:3" x14ac:dyDescent="0.15">
      <c r="A18709">
        <v>6289</v>
      </c>
      <c r="B18709" t="s">
        <v>37347</v>
      </c>
      <c r="C18709" t="s">
        <v>37348</v>
      </c>
    </row>
    <row r="18710" spans="1:3" x14ac:dyDescent="0.15">
      <c r="A18710">
        <v>6288</v>
      </c>
      <c r="B18710" t="s">
        <v>37349</v>
      </c>
      <c r="C18710" t="s">
        <v>37350</v>
      </c>
    </row>
    <row r="18711" spans="1:3" x14ac:dyDescent="0.15">
      <c r="A18711">
        <v>6287</v>
      </c>
      <c r="B18711" t="s">
        <v>37351</v>
      </c>
      <c r="C18711" t="s">
        <v>37352</v>
      </c>
    </row>
    <row r="18712" spans="1:3" x14ac:dyDescent="0.15">
      <c r="A18712">
        <v>6286</v>
      </c>
      <c r="B18712" t="s">
        <v>37353</v>
      </c>
      <c r="C18712" t="s">
        <v>37354</v>
      </c>
    </row>
    <row r="18713" spans="1:3" x14ac:dyDescent="0.15">
      <c r="A18713">
        <v>6285</v>
      </c>
      <c r="B18713" t="s">
        <v>37355</v>
      </c>
      <c r="C18713" t="s">
        <v>37356</v>
      </c>
    </row>
    <row r="18714" spans="1:3" x14ac:dyDescent="0.15">
      <c r="A18714">
        <v>6284</v>
      </c>
      <c r="B18714" t="s">
        <v>37357</v>
      </c>
      <c r="C18714" t="s">
        <v>37358</v>
      </c>
    </row>
    <row r="18715" spans="1:3" x14ac:dyDescent="0.15">
      <c r="A18715">
        <v>6283</v>
      </c>
      <c r="B18715" t="s">
        <v>37359</v>
      </c>
      <c r="C18715" t="s">
        <v>37360</v>
      </c>
    </row>
    <row r="18716" spans="1:3" x14ac:dyDescent="0.15">
      <c r="A18716">
        <v>6282</v>
      </c>
      <c r="B18716" t="s">
        <v>37361</v>
      </c>
      <c r="C18716" t="s">
        <v>37362</v>
      </c>
    </row>
    <row r="18717" spans="1:3" x14ac:dyDescent="0.15">
      <c r="A18717">
        <v>6281</v>
      </c>
      <c r="B18717" t="s">
        <v>37363</v>
      </c>
      <c r="C18717" t="s">
        <v>37364</v>
      </c>
    </row>
    <row r="18718" spans="1:3" x14ac:dyDescent="0.15">
      <c r="A18718">
        <v>6280</v>
      </c>
      <c r="B18718" t="s">
        <v>37365</v>
      </c>
      <c r="C18718" t="s">
        <v>37366</v>
      </c>
    </row>
    <row r="18719" spans="1:3" x14ac:dyDescent="0.15">
      <c r="A18719">
        <v>6279</v>
      </c>
      <c r="B18719" t="s">
        <v>37367</v>
      </c>
      <c r="C18719" t="s">
        <v>37368</v>
      </c>
    </row>
    <row r="18720" spans="1:3" x14ac:dyDescent="0.15">
      <c r="A18720">
        <v>6278</v>
      </c>
      <c r="B18720" t="s">
        <v>37369</v>
      </c>
      <c r="C18720" t="s">
        <v>37370</v>
      </c>
    </row>
    <row r="18721" spans="1:3" x14ac:dyDescent="0.15">
      <c r="A18721">
        <v>6277</v>
      </c>
      <c r="B18721" t="s">
        <v>37371</v>
      </c>
      <c r="C18721" t="s">
        <v>37372</v>
      </c>
    </row>
    <row r="18722" spans="1:3" x14ac:dyDescent="0.15">
      <c r="A18722">
        <v>6276</v>
      </c>
      <c r="B18722" t="s">
        <v>37373</v>
      </c>
      <c r="C18722" t="s">
        <v>37374</v>
      </c>
    </row>
    <row r="18723" spans="1:3" x14ac:dyDescent="0.15">
      <c r="A18723">
        <v>6275</v>
      </c>
      <c r="B18723" t="s">
        <v>37375</v>
      </c>
      <c r="C18723" t="s">
        <v>37376</v>
      </c>
    </row>
    <row r="18724" spans="1:3" x14ac:dyDescent="0.15">
      <c r="A18724">
        <v>6274</v>
      </c>
      <c r="B18724" t="s">
        <v>37377</v>
      </c>
      <c r="C18724" t="s">
        <v>5892</v>
      </c>
    </row>
    <row r="18725" spans="1:3" x14ac:dyDescent="0.15">
      <c r="A18725">
        <v>6273</v>
      </c>
      <c r="B18725" t="s">
        <v>37378</v>
      </c>
      <c r="C18725" t="s">
        <v>37379</v>
      </c>
    </row>
    <row r="18726" spans="1:3" x14ac:dyDescent="0.15">
      <c r="A18726">
        <v>6272</v>
      </c>
      <c r="B18726" t="s">
        <v>37380</v>
      </c>
      <c r="C18726" t="s">
        <v>37381</v>
      </c>
    </row>
    <row r="18727" spans="1:3" x14ac:dyDescent="0.15">
      <c r="A18727">
        <v>6271</v>
      </c>
      <c r="B18727" t="s">
        <v>37382</v>
      </c>
      <c r="C18727" t="s">
        <v>37383</v>
      </c>
    </row>
    <row r="18728" spans="1:3" x14ac:dyDescent="0.15">
      <c r="A18728">
        <v>6270</v>
      </c>
      <c r="B18728" t="s">
        <v>37384</v>
      </c>
      <c r="C18728" t="s">
        <v>37385</v>
      </c>
    </row>
    <row r="18729" spans="1:3" x14ac:dyDescent="0.15">
      <c r="A18729">
        <v>6269</v>
      </c>
      <c r="B18729" t="s">
        <v>37386</v>
      </c>
      <c r="C18729" t="s">
        <v>37387</v>
      </c>
    </row>
    <row r="18730" spans="1:3" x14ac:dyDescent="0.15">
      <c r="A18730">
        <v>6268</v>
      </c>
      <c r="B18730" t="s">
        <v>37388</v>
      </c>
      <c r="C18730" t="s">
        <v>37389</v>
      </c>
    </row>
    <row r="18731" spans="1:3" x14ac:dyDescent="0.15">
      <c r="A18731">
        <v>6267</v>
      </c>
      <c r="B18731" t="s">
        <v>37390</v>
      </c>
      <c r="C18731" t="s">
        <v>37391</v>
      </c>
    </row>
    <row r="18732" spans="1:3" x14ac:dyDescent="0.15">
      <c r="A18732">
        <v>6266</v>
      </c>
      <c r="B18732" t="s">
        <v>37392</v>
      </c>
      <c r="C18732" t="s">
        <v>37393</v>
      </c>
    </row>
    <row r="18733" spans="1:3" x14ac:dyDescent="0.15">
      <c r="A18733">
        <v>6265</v>
      </c>
      <c r="B18733" t="s">
        <v>37394</v>
      </c>
      <c r="C18733" t="s">
        <v>37395</v>
      </c>
    </row>
    <row r="18734" spans="1:3" x14ac:dyDescent="0.15">
      <c r="A18734">
        <v>6264</v>
      </c>
      <c r="B18734" t="s">
        <v>37396</v>
      </c>
      <c r="C18734" t="s">
        <v>37397</v>
      </c>
    </row>
    <row r="18735" spans="1:3" x14ac:dyDescent="0.15">
      <c r="A18735">
        <v>6263</v>
      </c>
      <c r="B18735" t="s">
        <v>37398</v>
      </c>
      <c r="C18735" t="s">
        <v>37399</v>
      </c>
    </row>
    <row r="18736" spans="1:3" x14ac:dyDescent="0.15">
      <c r="A18736">
        <v>6262</v>
      </c>
      <c r="B18736" t="s">
        <v>37400</v>
      </c>
      <c r="C18736" t="s">
        <v>37401</v>
      </c>
    </row>
    <row r="18737" spans="1:3" x14ac:dyDescent="0.15">
      <c r="A18737">
        <v>6261</v>
      </c>
      <c r="B18737" t="s">
        <v>37402</v>
      </c>
      <c r="C18737" t="s">
        <v>37403</v>
      </c>
    </row>
    <row r="18738" spans="1:3" x14ac:dyDescent="0.15">
      <c r="A18738">
        <v>6260</v>
      </c>
      <c r="B18738" t="s">
        <v>37404</v>
      </c>
      <c r="C18738" t="s">
        <v>37405</v>
      </c>
    </row>
    <row r="18739" spans="1:3" x14ac:dyDescent="0.15">
      <c r="A18739">
        <v>6259</v>
      </c>
      <c r="B18739" t="s">
        <v>37406</v>
      </c>
      <c r="C18739" t="s">
        <v>37407</v>
      </c>
    </row>
    <row r="18740" spans="1:3" x14ac:dyDescent="0.15">
      <c r="A18740">
        <v>6258</v>
      </c>
      <c r="B18740" t="s">
        <v>37408</v>
      </c>
      <c r="C18740" t="s">
        <v>37409</v>
      </c>
    </row>
    <row r="18741" spans="1:3" x14ac:dyDescent="0.15">
      <c r="A18741">
        <v>6257</v>
      </c>
      <c r="B18741" t="s">
        <v>37410</v>
      </c>
      <c r="C18741" t="s">
        <v>37411</v>
      </c>
    </row>
    <row r="18742" spans="1:3" x14ac:dyDescent="0.15">
      <c r="A18742">
        <v>6256</v>
      </c>
      <c r="B18742" t="s">
        <v>37412</v>
      </c>
      <c r="C18742" t="s">
        <v>37413</v>
      </c>
    </row>
    <row r="18743" spans="1:3" x14ac:dyDescent="0.15">
      <c r="A18743">
        <v>6255</v>
      </c>
      <c r="B18743" t="s">
        <v>37414</v>
      </c>
      <c r="C18743" t="s">
        <v>37415</v>
      </c>
    </row>
    <row r="18744" spans="1:3" x14ac:dyDescent="0.15">
      <c r="A18744">
        <v>6254</v>
      </c>
      <c r="B18744" t="s">
        <v>37416</v>
      </c>
      <c r="C18744" t="s">
        <v>37417</v>
      </c>
    </row>
    <row r="18745" spans="1:3" x14ac:dyDescent="0.15">
      <c r="A18745">
        <v>6253</v>
      </c>
      <c r="B18745" t="s">
        <v>37418</v>
      </c>
      <c r="C18745" t="s">
        <v>37419</v>
      </c>
    </row>
    <row r="18746" spans="1:3" x14ac:dyDescent="0.15">
      <c r="A18746">
        <v>6252</v>
      </c>
      <c r="B18746" t="s">
        <v>37420</v>
      </c>
      <c r="C18746" t="s">
        <v>37421</v>
      </c>
    </row>
    <row r="18747" spans="1:3" x14ac:dyDescent="0.15">
      <c r="A18747">
        <v>6251</v>
      </c>
      <c r="B18747" t="s">
        <v>37422</v>
      </c>
      <c r="C18747" t="s">
        <v>37423</v>
      </c>
    </row>
    <row r="18748" spans="1:3" x14ac:dyDescent="0.15">
      <c r="A18748">
        <v>6250</v>
      </c>
      <c r="B18748" t="s">
        <v>37424</v>
      </c>
      <c r="C18748" t="s">
        <v>37425</v>
      </c>
    </row>
    <row r="18749" spans="1:3" x14ac:dyDescent="0.15">
      <c r="A18749">
        <v>6249</v>
      </c>
      <c r="B18749" t="s">
        <v>37426</v>
      </c>
      <c r="C18749" t="s">
        <v>37427</v>
      </c>
    </row>
    <row r="18750" spans="1:3" x14ac:dyDescent="0.15">
      <c r="A18750">
        <v>6248</v>
      </c>
      <c r="B18750" t="s">
        <v>37428</v>
      </c>
      <c r="C18750" t="s">
        <v>37429</v>
      </c>
    </row>
    <row r="18751" spans="1:3" x14ac:dyDescent="0.15">
      <c r="A18751">
        <v>6247</v>
      </c>
      <c r="B18751" t="s">
        <v>37430</v>
      </c>
      <c r="C18751" t="s">
        <v>37431</v>
      </c>
    </row>
    <row r="18752" spans="1:3" x14ac:dyDescent="0.15">
      <c r="A18752">
        <v>6246</v>
      </c>
      <c r="B18752" t="s">
        <v>37432</v>
      </c>
      <c r="C18752" t="s">
        <v>37433</v>
      </c>
    </row>
    <row r="18753" spans="1:3" x14ac:dyDescent="0.15">
      <c r="A18753">
        <v>6245</v>
      </c>
      <c r="B18753" t="s">
        <v>37434</v>
      </c>
      <c r="C18753" t="s">
        <v>37435</v>
      </c>
    </row>
    <row r="18754" spans="1:3" x14ac:dyDescent="0.15">
      <c r="A18754">
        <v>6244</v>
      </c>
      <c r="B18754" t="s">
        <v>37436</v>
      </c>
      <c r="C18754" t="s">
        <v>37437</v>
      </c>
    </row>
    <row r="18755" spans="1:3" x14ac:dyDescent="0.15">
      <c r="A18755">
        <v>6243</v>
      </c>
      <c r="B18755" t="s">
        <v>37438</v>
      </c>
      <c r="C18755" t="s">
        <v>37439</v>
      </c>
    </row>
    <row r="18756" spans="1:3" x14ac:dyDescent="0.15">
      <c r="A18756">
        <v>6242</v>
      </c>
      <c r="B18756" t="s">
        <v>37440</v>
      </c>
      <c r="C18756" t="s">
        <v>37441</v>
      </c>
    </row>
    <row r="18757" spans="1:3" x14ac:dyDescent="0.15">
      <c r="A18757">
        <v>6241</v>
      </c>
      <c r="B18757" t="s">
        <v>37442</v>
      </c>
      <c r="C18757" t="s">
        <v>37443</v>
      </c>
    </row>
    <row r="18758" spans="1:3" x14ac:dyDescent="0.15">
      <c r="A18758">
        <v>6240</v>
      </c>
      <c r="B18758" t="s">
        <v>37444</v>
      </c>
      <c r="C18758" t="s">
        <v>37445</v>
      </c>
    </row>
    <row r="18759" spans="1:3" x14ac:dyDescent="0.15">
      <c r="A18759">
        <v>6239</v>
      </c>
      <c r="B18759" t="s">
        <v>37446</v>
      </c>
      <c r="C18759" t="s">
        <v>37447</v>
      </c>
    </row>
    <row r="18760" spans="1:3" x14ac:dyDescent="0.15">
      <c r="A18760">
        <v>6238</v>
      </c>
      <c r="B18760" t="s">
        <v>37448</v>
      </c>
      <c r="C18760" t="s">
        <v>37449</v>
      </c>
    </row>
    <row r="18761" spans="1:3" x14ac:dyDescent="0.15">
      <c r="A18761">
        <v>6237</v>
      </c>
      <c r="B18761" t="s">
        <v>37450</v>
      </c>
      <c r="C18761" t="s">
        <v>37451</v>
      </c>
    </row>
    <row r="18762" spans="1:3" x14ac:dyDescent="0.15">
      <c r="A18762">
        <v>6236</v>
      </c>
      <c r="B18762" t="s">
        <v>37452</v>
      </c>
      <c r="C18762" t="s">
        <v>37453</v>
      </c>
    </row>
    <row r="18763" spans="1:3" x14ac:dyDescent="0.15">
      <c r="A18763">
        <v>6235</v>
      </c>
      <c r="B18763" t="s">
        <v>37454</v>
      </c>
      <c r="C18763" t="s">
        <v>37455</v>
      </c>
    </row>
    <row r="18764" spans="1:3" x14ac:dyDescent="0.15">
      <c r="A18764">
        <v>6234</v>
      </c>
      <c r="B18764" t="s">
        <v>37456</v>
      </c>
      <c r="C18764" t="s">
        <v>37457</v>
      </c>
    </row>
    <row r="18765" spans="1:3" x14ac:dyDescent="0.15">
      <c r="A18765">
        <v>6233</v>
      </c>
      <c r="B18765" t="s">
        <v>37458</v>
      </c>
      <c r="C18765" t="s">
        <v>37459</v>
      </c>
    </row>
    <row r="18766" spans="1:3" x14ac:dyDescent="0.15">
      <c r="A18766">
        <v>6232</v>
      </c>
      <c r="B18766" t="s">
        <v>37460</v>
      </c>
      <c r="C18766" t="s">
        <v>37461</v>
      </c>
    </row>
    <row r="18767" spans="1:3" x14ac:dyDescent="0.15">
      <c r="A18767">
        <v>6231</v>
      </c>
      <c r="B18767" t="s">
        <v>37462</v>
      </c>
      <c r="C18767" t="s">
        <v>37463</v>
      </c>
    </row>
    <row r="18768" spans="1:3" x14ac:dyDescent="0.15">
      <c r="A18768">
        <v>6230</v>
      </c>
      <c r="B18768" t="s">
        <v>37464</v>
      </c>
      <c r="C18768" t="s">
        <v>37465</v>
      </c>
    </row>
    <row r="18769" spans="1:3" x14ac:dyDescent="0.15">
      <c r="A18769">
        <v>6229</v>
      </c>
      <c r="B18769" t="s">
        <v>37466</v>
      </c>
      <c r="C18769" t="s">
        <v>37467</v>
      </c>
    </row>
    <row r="18770" spans="1:3" x14ac:dyDescent="0.15">
      <c r="A18770">
        <v>6228</v>
      </c>
      <c r="B18770" t="s">
        <v>37468</v>
      </c>
      <c r="C18770" t="s">
        <v>37469</v>
      </c>
    </row>
    <row r="18771" spans="1:3" x14ac:dyDescent="0.15">
      <c r="A18771">
        <v>6227</v>
      </c>
      <c r="B18771" t="s">
        <v>37470</v>
      </c>
      <c r="C18771" t="s">
        <v>37471</v>
      </c>
    </row>
    <row r="18772" spans="1:3" x14ac:dyDescent="0.15">
      <c r="A18772">
        <v>6226</v>
      </c>
      <c r="B18772" t="s">
        <v>37472</v>
      </c>
      <c r="C18772" t="s">
        <v>37473</v>
      </c>
    </row>
    <row r="18773" spans="1:3" x14ac:dyDescent="0.15">
      <c r="A18773">
        <v>6225</v>
      </c>
      <c r="B18773" t="s">
        <v>37474</v>
      </c>
      <c r="C18773" t="s">
        <v>37475</v>
      </c>
    </row>
    <row r="18774" spans="1:3" x14ac:dyDescent="0.15">
      <c r="A18774">
        <v>6224</v>
      </c>
      <c r="B18774" t="s">
        <v>37476</v>
      </c>
      <c r="C18774" t="s">
        <v>37477</v>
      </c>
    </row>
    <row r="18775" spans="1:3" x14ac:dyDescent="0.15">
      <c r="A18775">
        <v>6223</v>
      </c>
      <c r="B18775" t="s">
        <v>37478</v>
      </c>
      <c r="C18775" t="s">
        <v>37479</v>
      </c>
    </row>
    <row r="18776" spans="1:3" x14ac:dyDescent="0.15">
      <c r="A18776">
        <v>6222</v>
      </c>
      <c r="B18776" t="s">
        <v>37480</v>
      </c>
      <c r="C18776" t="s">
        <v>37481</v>
      </c>
    </row>
    <row r="18777" spans="1:3" x14ac:dyDescent="0.15">
      <c r="A18777">
        <v>6221</v>
      </c>
      <c r="B18777" t="s">
        <v>37482</v>
      </c>
      <c r="C18777" t="s">
        <v>37483</v>
      </c>
    </row>
    <row r="18778" spans="1:3" x14ac:dyDescent="0.15">
      <c r="A18778">
        <v>6220</v>
      </c>
      <c r="B18778" t="s">
        <v>37484</v>
      </c>
      <c r="C18778" t="s">
        <v>37485</v>
      </c>
    </row>
    <row r="18779" spans="1:3" x14ac:dyDescent="0.15">
      <c r="A18779">
        <v>6219</v>
      </c>
      <c r="B18779" t="s">
        <v>37486</v>
      </c>
      <c r="C18779" t="s">
        <v>37487</v>
      </c>
    </row>
    <row r="18780" spans="1:3" x14ac:dyDescent="0.15">
      <c r="A18780">
        <v>6218</v>
      </c>
      <c r="B18780" t="s">
        <v>37488</v>
      </c>
      <c r="C18780" t="s">
        <v>37489</v>
      </c>
    </row>
    <row r="18781" spans="1:3" x14ac:dyDescent="0.15">
      <c r="A18781">
        <v>6217</v>
      </c>
      <c r="B18781" t="s">
        <v>37490</v>
      </c>
      <c r="C18781" t="s">
        <v>37491</v>
      </c>
    </row>
    <row r="18782" spans="1:3" x14ac:dyDescent="0.15">
      <c r="A18782">
        <v>6216</v>
      </c>
      <c r="B18782" t="s">
        <v>37492</v>
      </c>
      <c r="C18782" t="s">
        <v>37493</v>
      </c>
    </row>
    <row r="18783" spans="1:3" x14ac:dyDescent="0.15">
      <c r="A18783">
        <v>6215</v>
      </c>
      <c r="B18783" t="s">
        <v>37494</v>
      </c>
      <c r="C18783" t="s">
        <v>37495</v>
      </c>
    </row>
    <row r="18784" spans="1:3" x14ac:dyDescent="0.15">
      <c r="A18784">
        <v>6214</v>
      </c>
      <c r="B18784" t="s">
        <v>37496</v>
      </c>
      <c r="C18784" t="s">
        <v>37497</v>
      </c>
    </row>
    <row r="18785" spans="1:3" x14ac:dyDescent="0.15">
      <c r="A18785">
        <v>6213</v>
      </c>
      <c r="B18785" t="s">
        <v>37498</v>
      </c>
      <c r="C18785" t="s">
        <v>37499</v>
      </c>
    </row>
    <row r="18786" spans="1:3" x14ac:dyDescent="0.15">
      <c r="A18786">
        <v>6212</v>
      </c>
      <c r="B18786" t="s">
        <v>37500</v>
      </c>
      <c r="C18786" t="s">
        <v>37501</v>
      </c>
    </row>
    <row r="18787" spans="1:3" x14ac:dyDescent="0.15">
      <c r="A18787">
        <v>6211</v>
      </c>
      <c r="B18787" t="s">
        <v>37502</v>
      </c>
      <c r="C18787" t="s">
        <v>37503</v>
      </c>
    </row>
    <row r="18788" spans="1:3" x14ac:dyDescent="0.15">
      <c r="A18788">
        <v>6210</v>
      </c>
      <c r="B18788" t="s">
        <v>37504</v>
      </c>
      <c r="C18788" t="s">
        <v>37505</v>
      </c>
    </row>
    <row r="18789" spans="1:3" x14ac:dyDescent="0.15">
      <c r="A18789">
        <v>6209</v>
      </c>
      <c r="B18789" t="s">
        <v>37506</v>
      </c>
      <c r="C18789" t="s">
        <v>37507</v>
      </c>
    </row>
    <row r="18790" spans="1:3" x14ac:dyDescent="0.15">
      <c r="A18790">
        <v>6208</v>
      </c>
      <c r="B18790" t="s">
        <v>37508</v>
      </c>
      <c r="C18790" t="s">
        <v>37509</v>
      </c>
    </row>
    <row r="18791" spans="1:3" x14ac:dyDescent="0.15">
      <c r="A18791">
        <v>6207</v>
      </c>
      <c r="B18791" t="s">
        <v>37510</v>
      </c>
      <c r="C18791" t="s">
        <v>37511</v>
      </c>
    </row>
    <row r="18792" spans="1:3" x14ac:dyDescent="0.15">
      <c r="A18792">
        <v>6206</v>
      </c>
      <c r="B18792" t="s">
        <v>37512</v>
      </c>
      <c r="C18792" t="s">
        <v>37513</v>
      </c>
    </row>
    <row r="18793" spans="1:3" x14ac:dyDescent="0.15">
      <c r="A18793">
        <v>6205</v>
      </c>
      <c r="B18793" t="s">
        <v>37514</v>
      </c>
      <c r="C18793" t="s">
        <v>37515</v>
      </c>
    </row>
    <row r="18794" spans="1:3" x14ac:dyDescent="0.15">
      <c r="A18794">
        <v>6204</v>
      </c>
      <c r="B18794" t="s">
        <v>37516</v>
      </c>
      <c r="C18794" t="s">
        <v>37517</v>
      </c>
    </row>
    <row r="18795" spans="1:3" x14ac:dyDescent="0.15">
      <c r="A18795">
        <v>6203</v>
      </c>
      <c r="B18795" t="s">
        <v>37518</v>
      </c>
      <c r="C18795" t="s">
        <v>37519</v>
      </c>
    </row>
    <row r="18796" spans="1:3" x14ac:dyDescent="0.15">
      <c r="A18796">
        <v>6202</v>
      </c>
      <c r="B18796" t="s">
        <v>37520</v>
      </c>
      <c r="C18796" t="s">
        <v>37521</v>
      </c>
    </row>
    <row r="18797" spans="1:3" x14ac:dyDescent="0.15">
      <c r="A18797">
        <v>6201</v>
      </c>
      <c r="B18797" t="s">
        <v>37522</v>
      </c>
      <c r="C18797" t="s">
        <v>37523</v>
      </c>
    </row>
    <row r="18798" spans="1:3" x14ac:dyDescent="0.15">
      <c r="A18798">
        <v>6200</v>
      </c>
      <c r="B18798" t="s">
        <v>37524</v>
      </c>
      <c r="C18798" t="s">
        <v>37525</v>
      </c>
    </row>
    <row r="18799" spans="1:3" x14ac:dyDescent="0.15">
      <c r="A18799">
        <v>6199</v>
      </c>
      <c r="B18799" t="s">
        <v>37526</v>
      </c>
      <c r="C18799" t="s">
        <v>37527</v>
      </c>
    </row>
    <row r="18800" spans="1:3" x14ac:dyDescent="0.15">
      <c r="A18800">
        <v>6198</v>
      </c>
      <c r="B18800" t="s">
        <v>37528</v>
      </c>
      <c r="C18800" t="s">
        <v>37529</v>
      </c>
    </row>
    <row r="18801" spans="1:3" x14ac:dyDescent="0.15">
      <c r="A18801">
        <v>6197</v>
      </c>
      <c r="B18801" t="s">
        <v>37530</v>
      </c>
      <c r="C18801" t="s">
        <v>37531</v>
      </c>
    </row>
    <row r="18802" spans="1:3" x14ac:dyDescent="0.15">
      <c r="A18802">
        <v>6196</v>
      </c>
      <c r="B18802" t="s">
        <v>37532</v>
      </c>
      <c r="C18802" t="s">
        <v>37533</v>
      </c>
    </row>
    <row r="18803" spans="1:3" x14ac:dyDescent="0.15">
      <c r="A18803">
        <v>6195</v>
      </c>
      <c r="B18803" t="s">
        <v>37534</v>
      </c>
      <c r="C18803" t="s">
        <v>37535</v>
      </c>
    </row>
    <row r="18804" spans="1:3" x14ac:dyDescent="0.15">
      <c r="A18804">
        <v>6194</v>
      </c>
      <c r="B18804" t="s">
        <v>37536</v>
      </c>
      <c r="C18804" t="s">
        <v>37537</v>
      </c>
    </row>
    <row r="18805" spans="1:3" x14ac:dyDescent="0.15">
      <c r="A18805">
        <v>6193</v>
      </c>
      <c r="B18805" t="s">
        <v>37538</v>
      </c>
      <c r="C18805" t="s">
        <v>37539</v>
      </c>
    </row>
    <row r="18806" spans="1:3" x14ac:dyDescent="0.15">
      <c r="A18806">
        <v>6192</v>
      </c>
      <c r="B18806" t="s">
        <v>37540</v>
      </c>
      <c r="C18806" t="s">
        <v>37541</v>
      </c>
    </row>
    <row r="18807" spans="1:3" x14ac:dyDescent="0.15">
      <c r="A18807">
        <v>6191</v>
      </c>
      <c r="B18807" t="s">
        <v>37542</v>
      </c>
      <c r="C18807" t="s">
        <v>37543</v>
      </c>
    </row>
    <row r="18808" spans="1:3" x14ac:dyDescent="0.15">
      <c r="A18808">
        <v>6190</v>
      </c>
      <c r="B18808" t="s">
        <v>37544</v>
      </c>
      <c r="C18808" t="s">
        <v>37545</v>
      </c>
    </row>
    <row r="18809" spans="1:3" x14ac:dyDescent="0.15">
      <c r="A18809">
        <v>6189</v>
      </c>
      <c r="B18809" t="s">
        <v>37546</v>
      </c>
      <c r="C18809" t="s">
        <v>37547</v>
      </c>
    </row>
    <row r="18810" spans="1:3" x14ac:dyDescent="0.15">
      <c r="A18810">
        <v>6188</v>
      </c>
      <c r="B18810" t="s">
        <v>37548</v>
      </c>
      <c r="C18810" t="s">
        <v>37549</v>
      </c>
    </row>
    <row r="18811" spans="1:3" x14ac:dyDescent="0.15">
      <c r="A18811">
        <v>6187</v>
      </c>
      <c r="B18811" t="s">
        <v>37550</v>
      </c>
      <c r="C18811" t="s">
        <v>37551</v>
      </c>
    </row>
    <row r="18812" spans="1:3" x14ac:dyDescent="0.15">
      <c r="A18812">
        <v>6186</v>
      </c>
      <c r="B18812" t="s">
        <v>37552</v>
      </c>
      <c r="C18812" t="s">
        <v>37553</v>
      </c>
    </row>
    <row r="18813" spans="1:3" x14ac:dyDescent="0.15">
      <c r="A18813">
        <v>6185</v>
      </c>
      <c r="B18813" t="s">
        <v>37554</v>
      </c>
      <c r="C18813" t="s">
        <v>37555</v>
      </c>
    </row>
    <row r="18814" spans="1:3" x14ac:dyDescent="0.15">
      <c r="A18814">
        <v>6184</v>
      </c>
      <c r="B18814" t="s">
        <v>37556</v>
      </c>
      <c r="C18814" t="s">
        <v>37557</v>
      </c>
    </row>
    <row r="18815" spans="1:3" x14ac:dyDescent="0.15">
      <c r="A18815">
        <v>6183</v>
      </c>
      <c r="B18815" t="s">
        <v>37558</v>
      </c>
      <c r="C18815" t="s">
        <v>37559</v>
      </c>
    </row>
    <row r="18816" spans="1:3" x14ac:dyDescent="0.15">
      <c r="A18816">
        <v>6182</v>
      </c>
      <c r="B18816" t="s">
        <v>37560</v>
      </c>
      <c r="C18816" t="s">
        <v>37561</v>
      </c>
    </row>
    <row r="18817" spans="1:3" x14ac:dyDescent="0.15">
      <c r="A18817">
        <v>6181</v>
      </c>
      <c r="B18817" t="s">
        <v>37562</v>
      </c>
      <c r="C18817" t="s">
        <v>37563</v>
      </c>
    </row>
    <row r="18818" spans="1:3" x14ac:dyDescent="0.15">
      <c r="A18818">
        <v>6180</v>
      </c>
      <c r="B18818" t="s">
        <v>37564</v>
      </c>
      <c r="C18818" t="s">
        <v>37565</v>
      </c>
    </row>
    <row r="18819" spans="1:3" x14ac:dyDescent="0.15">
      <c r="A18819">
        <v>6179</v>
      </c>
      <c r="B18819" t="s">
        <v>37566</v>
      </c>
      <c r="C18819" t="s">
        <v>37567</v>
      </c>
    </row>
    <row r="18820" spans="1:3" x14ac:dyDescent="0.15">
      <c r="A18820">
        <v>6178</v>
      </c>
      <c r="B18820" t="s">
        <v>37568</v>
      </c>
      <c r="C18820" t="s">
        <v>37569</v>
      </c>
    </row>
    <row r="18821" spans="1:3" x14ac:dyDescent="0.15">
      <c r="A18821">
        <v>6177</v>
      </c>
      <c r="B18821" t="s">
        <v>37570</v>
      </c>
      <c r="C18821" t="s">
        <v>37571</v>
      </c>
    </row>
    <row r="18822" spans="1:3" x14ac:dyDescent="0.15">
      <c r="A18822">
        <v>6176</v>
      </c>
      <c r="B18822" t="s">
        <v>37572</v>
      </c>
      <c r="C18822" t="s">
        <v>37573</v>
      </c>
    </row>
    <row r="18823" spans="1:3" x14ac:dyDescent="0.15">
      <c r="A18823">
        <v>6175</v>
      </c>
      <c r="B18823" t="s">
        <v>37574</v>
      </c>
      <c r="C18823" t="s">
        <v>37575</v>
      </c>
    </row>
    <row r="18824" spans="1:3" x14ac:dyDescent="0.15">
      <c r="A18824">
        <v>6174</v>
      </c>
      <c r="B18824" t="s">
        <v>37576</v>
      </c>
      <c r="C18824" t="s">
        <v>37577</v>
      </c>
    </row>
    <row r="18825" spans="1:3" x14ac:dyDescent="0.15">
      <c r="A18825">
        <v>6173</v>
      </c>
      <c r="B18825" t="s">
        <v>37578</v>
      </c>
      <c r="C18825" t="s">
        <v>37579</v>
      </c>
    </row>
    <row r="18826" spans="1:3" x14ac:dyDescent="0.15">
      <c r="A18826">
        <v>6172</v>
      </c>
      <c r="B18826" t="s">
        <v>37580</v>
      </c>
      <c r="C18826" t="s">
        <v>37581</v>
      </c>
    </row>
    <row r="18827" spans="1:3" x14ac:dyDescent="0.15">
      <c r="A18827">
        <v>6171</v>
      </c>
      <c r="B18827" t="s">
        <v>37582</v>
      </c>
      <c r="C18827" t="s">
        <v>37583</v>
      </c>
    </row>
    <row r="18828" spans="1:3" x14ac:dyDescent="0.15">
      <c r="A18828">
        <v>6170</v>
      </c>
      <c r="B18828" t="s">
        <v>37584</v>
      </c>
      <c r="C18828" t="s">
        <v>37585</v>
      </c>
    </row>
    <row r="18829" spans="1:3" x14ac:dyDescent="0.15">
      <c r="A18829">
        <v>6169</v>
      </c>
      <c r="B18829" t="s">
        <v>37586</v>
      </c>
      <c r="C18829" t="s">
        <v>37587</v>
      </c>
    </row>
    <row r="18830" spans="1:3" x14ac:dyDescent="0.15">
      <c r="A18830">
        <v>6168</v>
      </c>
      <c r="B18830" t="s">
        <v>37588</v>
      </c>
      <c r="C18830" t="s">
        <v>37589</v>
      </c>
    </row>
    <row r="18831" spans="1:3" x14ac:dyDescent="0.15">
      <c r="A18831">
        <v>6167</v>
      </c>
      <c r="B18831" t="s">
        <v>37590</v>
      </c>
      <c r="C18831" t="s">
        <v>37591</v>
      </c>
    </row>
    <row r="18832" spans="1:3" x14ac:dyDescent="0.15">
      <c r="A18832">
        <v>6166</v>
      </c>
      <c r="B18832" t="s">
        <v>37592</v>
      </c>
      <c r="C18832" t="s">
        <v>37593</v>
      </c>
    </row>
    <row r="18833" spans="1:3" x14ac:dyDescent="0.15">
      <c r="A18833">
        <v>6165</v>
      </c>
      <c r="B18833" t="s">
        <v>37594</v>
      </c>
      <c r="C18833" t="s">
        <v>37595</v>
      </c>
    </row>
    <row r="18834" spans="1:3" x14ac:dyDescent="0.15">
      <c r="A18834">
        <v>6164</v>
      </c>
      <c r="B18834" t="s">
        <v>37596</v>
      </c>
      <c r="C18834" t="s">
        <v>37597</v>
      </c>
    </row>
    <row r="18835" spans="1:3" x14ac:dyDescent="0.15">
      <c r="A18835">
        <v>6163</v>
      </c>
      <c r="B18835" t="s">
        <v>37598</v>
      </c>
      <c r="C18835" t="s">
        <v>37599</v>
      </c>
    </row>
    <row r="18836" spans="1:3" x14ac:dyDescent="0.15">
      <c r="A18836">
        <v>6162</v>
      </c>
      <c r="B18836" t="s">
        <v>37600</v>
      </c>
      <c r="C18836" t="s">
        <v>37601</v>
      </c>
    </row>
    <row r="18837" spans="1:3" x14ac:dyDescent="0.15">
      <c r="A18837">
        <v>6161</v>
      </c>
      <c r="B18837" t="s">
        <v>37602</v>
      </c>
      <c r="C18837" t="s">
        <v>37603</v>
      </c>
    </row>
    <row r="18838" spans="1:3" x14ac:dyDescent="0.15">
      <c r="A18838">
        <v>6160</v>
      </c>
      <c r="B18838" t="s">
        <v>37604</v>
      </c>
      <c r="C18838" t="s">
        <v>37605</v>
      </c>
    </row>
    <row r="18839" spans="1:3" x14ac:dyDescent="0.15">
      <c r="A18839">
        <v>6159</v>
      </c>
      <c r="B18839" t="s">
        <v>37606</v>
      </c>
      <c r="C18839" t="s">
        <v>37607</v>
      </c>
    </row>
    <row r="18840" spans="1:3" x14ac:dyDescent="0.15">
      <c r="A18840">
        <v>6158</v>
      </c>
      <c r="B18840" t="s">
        <v>37608</v>
      </c>
      <c r="C18840" t="s">
        <v>37609</v>
      </c>
    </row>
    <row r="18841" spans="1:3" x14ac:dyDescent="0.15">
      <c r="A18841">
        <v>6157</v>
      </c>
      <c r="B18841" t="s">
        <v>37610</v>
      </c>
      <c r="C18841" t="s">
        <v>37611</v>
      </c>
    </row>
    <row r="18842" spans="1:3" x14ac:dyDescent="0.15">
      <c r="A18842">
        <v>6156</v>
      </c>
      <c r="B18842" t="s">
        <v>37612</v>
      </c>
      <c r="C18842" t="s">
        <v>37613</v>
      </c>
    </row>
    <row r="18843" spans="1:3" x14ac:dyDescent="0.15">
      <c r="A18843">
        <v>6155</v>
      </c>
      <c r="B18843" t="s">
        <v>37614</v>
      </c>
      <c r="C18843" t="s">
        <v>37615</v>
      </c>
    </row>
    <row r="18844" spans="1:3" x14ac:dyDescent="0.15">
      <c r="A18844">
        <v>6154</v>
      </c>
      <c r="B18844" t="s">
        <v>37616</v>
      </c>
      <c r="C18844" t="s">
        <v>37617</v>
      </c>
    </row>
    <row r="18845" spans="1:3" x14ac:dyDescent="0.15">
      <c r="A18845">
        <v>6153</v>
      </c>
      <c r="B18845" t="s">
        <v>37618</v>
      </c>
      <c r="C18845" t="s">
        <v>37619</v>
      </c>
    </row>
    <row r="18846" spans="1:3" x14ac:dyDescent="0.15">
      <c r="A18846">
        <v>6152</v>
      </c>
      <c r="B18846" t="s">
        <v>37620</v>
      </c>
      <c r="C18846" t="s">
        <v>37621</v>
      </c>
    </row>
    <row r="18847" spans="1:3" x14ac:dyDescent="0.15">
      <c r="A18847">
        <v>6151</v>
      </c>
      <c r="B18847" t="s">
        <v>37622</v>
      </c>
      <c r="C18847" t="s">
        <v>37623</v>
      </c>
    </row>
    <row r="18848" spans="1:3" x14ac:dyDescent="0.15">
      <c r="A18848">
        <v>6150</v>
      </c>
      <c r="B18848" t="s">
        <v>37624</v>
      </c>
      <c r="C18848" t="s">
        <v>37625</v>
      </c>
    </row>
    <row r="18849" spans="1:3" x14ac:dyDescent="0.15">
      <c r="A18849">
        <v>6149</v>
      </c>
      <c r="B18849" t="s">
        <v>37626</v>
      </c>
      <c r="C18849" t="s">
        <v>37627</v>
      </c>
    </row>
    <row r="18850" spans="1:3" x14ac:dyDescent="0.15">
      <c r="A18850">
        <v>6148</v>
      </c>
      <c r="B18850" t="s">
        <v>37628</v>
      </c>
      <c r="C18850" t="s">
        <v>37629</v>
      </c>
    </row>
    <row r="18851" spans="1:3" x14ac:dyDescent="0.15">
      <c r="A18851">
        <v>6147</v>
      </c>
      <c r="B18851" t="s">
        <v>37630</v>
      </c>
      <c r="C18851" t="s">
        <v>37631</v>
      </c>
    </row>
    <row r="18852" spans="1:3" x14ac:dyDescent="0.15">
      <c r="A18852">
        <v>6146</v>
      </c>
      <c r="B18852" t="s">
        <v>37632</v>
      </c>
      <c r="C18852" t="s">
        <v>37633</v>
      </c>
    </row>
    <row r="18853" spans="1:3" x14ac:dyDescent="0.15">
      <c r="A18853">
        <v>6145</v>
      </c>
      <c r="B18853" t="s">
        <v>37634</v>
      </c>
      <c r="C18853" t="s">
        <v>37635</v>
      </c>
    </row>
    <row r="18854" spans="1:3" x14ac:dyDescent="0.15">
      <c r="A18854">
        <v>6144</v>
      </c>
      <c r="B18854" t="s">
        <v>37636</v>
      </c>
      <c r="C18854" t="s">
        <v>37637</v>
      </c>
    </row>
    <row r="18855" spans="1:3" x14ac:dyDescent="0.15">
      <c r="A18855">
        <v>6143</v>
      </c>
      <c r="B18855" t="s">
        <v>37638</v>
      </c>
      <c r="C18855" t="s">
        <v>37639</v>
      </c>
    </row>
    <row r="18856" spans="1:3" x14ac:dyDescent="0.15">
      <c r="A18856">
        <v>6142</v>
      </c>
      <c r="B18856" t="s">
        <v>37640</v>
      </c>
      <c r="C18856" t="s">
        <v>37641</v>
      </c>
    </row>
    <row r="18857" spans="1:3" x14ac:dyDescent="0.15">
      <c r="A18857">
        <v>6141</v>
      </c>
      <c r="B18857" t="s">
        <v>37642</v>
      </c>
      <c r="C18857" t="s">
        <v>37643</v>
      </c>
    </row>
    <row r="18858" spans="1:3" x14ac:dyDescent="0.15">
      <c r="A18858">
        <v>6140</v>
      </c>
      <c r="B18858" t="s">
        <v>37644</v>
      </c>
      <c r="C18858" t="s">
        <v>37645</v>
      </c>
    </row>
    <row r="18859" spans="1:3" x14ac:dyDescent="0.15">
      <c r="A18859">
        <v>6139</v>
      </c>
      <c r="B18859" t="s">
        <v>37646</v>
      </c>
      <c r="C18859" t="s">
        <v>37647</v>
      </c>
    </row>
    <row r="18860" spans="1:3" x14ac:dyDescent="0.15">
      <c r="A18860">
        <v>6138</v>
      </c>
      <c r="B18860" t="s">
        <v>37648</v>
      </c>
      <c r="C18860" t="s">
        <v>37649</v>
      </c>
    </row>
    <row r="18861" spans="1:3" x14ac:dyDescent="0.15">
      <c r="A18861">
        <v>6137</v>
      </c>
      <c r="B18861" t="s">
        <v>37650</v>
      </c>
      <c r="C18861" t="s">
        <v>37651</v>
      </c>
    </row>
    <row r="18862" spans="1:3" x14ac:dyDescent="0.15">
      <c r="A18862">
        <v>6136</v>
      </c>
      <c r="B18862" t="s">
        <v>37652</v>
      </c>
      <c r="C18862" t="s">
        <v>37653</v>
      </c>
    </row>
    <row r="18863" spans="1:3" x14ac:dyDescent="0.15">
      <c r="A18863">
        <v>6135</v>
      </c>
      <c r="B18863" t="s">
        <v>37654</v>
      </c>
      <c r="C18863" t="s">
        <v>37655</v>
      </c>
    </row>
    <row r="18864" spans="1:3" x14ac:dyDescent="0.15">
      <c r="A18864">
        <v>6134</v>
      </c>
      <c r="B18864" t="s">
        <v>37656</v>
      </c>
      <c r="C18864" t="s">
        <v>37657</v>
      </c>
    </row>
    <row r="18865" spans="1:3" x14ac:dyDescent="0.15">
      <c r="A18865">
        <v>6133</v>
      </c>
      <c r="B18865" t="s">
        <v>37658</v>
      </c>
      <c r="C18865" t="s">
        <v>37659</v>
      </c>
    </row>
    <row r="18866" spans="1:3" x14ac:dyDescent="0.15">
      <c r="A18866">
        <v>6132</v>
      </c>
      <c r="B18866" t="s">
        <v>37660</v>
      </c>
      <c r="C18866" t="s">
        <v>37661</v>
      </c>
    </row>
    <row r="18867" spans="1:3" x14ac:dyDescent="0.15">
      <c r="A18867">
        <v>6131</v>
      </c>
      <c r="B18867" t="s">
        <v>37662</v>
      </c>
      <c r="C18867" t="s">
        <v>37663</v>
      </c>
    </row>
    <row r="18868" spans="1:3" x14ac:dyDescent="0.15">
      <c r="A18868">
        <v>6130</v>
      </c>
      <c r="B18868" t="s">
        <v>37664</v>
      </c>
      <c r="C18868" t="s">
        <v>37665</v>
      </c>
    </row>
    <row r="18869" spans="1:3" x14ac:dyDescent="0.15">
      <c r="A18869">
        <v>6129</v>
      </c>
      <c r="B18869" t="s">
        <v>37666</v>
      </c>
      <c r="C18869" t="s">
        <v>37667</v>
      </c>
    </row>
    <row r="18870" spans="1:3" x14ac:dyDescent="0.15">
      <c r="A18870">
        <v>6128</v>
      </c>
      <c r="B18870" t="s">
        <v>37668</v>
      </c>
      <c r="C18870" t="s">
        <v>37669</v>
      </c>
    </row>
    <row r="18871" spans="1:3" x14ac:dyDescent="0.15">
      <c r="A18871">
        <v>6127</v>
      </c>
      <c r="B18871" t="s">
        <v>37670</v>
      </c>
      <c r="C18871" t="s">
        <v>37671</v>
      </c>
    </row>
    <row r="18872" spans="1:3" x14ac:dyDescent="0.15">
      <c r="A18872">
        <v>6126</v>
      </c>
      <c r="B18872" t="s">
        <v>37672</v>
      </c>
      <c r="C18872" t="s">
        <v>37673</v>
      </c>
    </row>
    <row r="18873" spans="1:3" x14ac:dyDescent="0.15">
      <c r="A18873">
        <v>6125</v>
      </c>
      <c r="B18873" t="s">
        <v>37674</v>
      </c>
      <c r="C18873" t="s">
        <v>37675</v>
      </c>
    </row>
    <row r="18874" spans="1:3" x14ac:dyDescent="0.15">
      <c r="A18874">
        <v>6124</v>
      </c>
      <c r="B18874" t="s">
        <v>37676</v>
      </c>
      <c r="C18874" t="s">
        <v>37677</v>
      </c>
    </row>
    <row r="18875" spans="1:3" x14ac:dyDescent="0.15">
      <c r="A18875">
        <v>6123</v>
      </c>
      <c r="B18875" t="s">
        <v>37678</v>
      </c>
      <c r="C18875" t="s">
        <v>37679</v>
      </c>
    </row>
    <row r="18876" spans="1:3" x14ac:dyDescent="0.15">
      <c r="A18876">
        <v>6122</v>
      </c>
      <c r="B18876" t="s">
        <v>37680</v>
      </c>
      <c r="C18876" t="s">
        <v>37681</v>
      </c>
    </row>
    <row r="18877" spans="1:3" x14ac:dyDescent="0.15">
      <c r="A18877">
        <v>6121</v>
      </c>
      <c r="B18877" t="s">
        <v>37682</v>
      </c>
      <c r="C18877" t="s">
        <v>37683</v>
      </c>
    </row>
    <row r="18878" spans="1:3" x14ac:dyDescent="0.15">
      <c r="A18878">
        <v>6120</v>
      </c>
      <c r="B18878" t="s">
        <v>37684</v>
      </c>
      <c r="C18878" t="s">
        <v>37685</v>
      </c>
    </row>
    <row r="18879" spans="1:3" x14ac:dyDescent="0.15">
      <c r="A18879">
        <v>6119</v>
      </c>
      <c r="B18879" t="s">
        <v>37686</v>
      </c>
      <c r="C18879" t="s">
        <v>37687</v>
      </c>
    </row>
    <row r="18880" spans="1:3" x14ac:dyDescent="0.15">
      <c r="A18880">
        <v>6118</v>
      </c>
      <c r="B18880" t="s">
        <v>37688</v>
      </c>
      <c r="C18880" t="s">
        <v>37689</v>
      </c>
    </row>
    <row r="18881" spans="1:3" x14ac:dyDescent="0.15">
      <c r="A18881">
        <v>6117</v>
      </c>
      <c r="B18881" t="s">
        <v>37690</v>
      </c>
      <c r="C18881" t="s">
        <v>37691</v>
      </c>
    </row>
    <row r="18882" spans="1:3" x14ac:dyDescent="0.15">
      <c r="A18882">
        <v>6116</v>
      </c>
      <c r="B18882" t="s">
        <v>37692</v>
      </c>
      <c r="C18882" t="s">
        <v>37693</v>
      </c>
    </row>
    <row r="18883" spans="1:3" x14ac:dyDescent="0.15">
      <c r="A18883">
        <v>6115</v>
      </c>
      <c r="B18883" t="s">
        <v>37694</v>
      </c>
      <c r="C18883" t="s">
        <v>37695</v>
      </c>
    </row>
    <row r="18884" spans="1:3" x14ac:dyDescent="0.15">
      <c r="A18884">
        <v>6114</v>
      </c>
      <c r="B18884" t="s">
        <v>37696</v>
      </c>
      <c r="C18884" t="s">
        <v>37697</v>
      </c>
    </row>
    <row r="18885" spans="1:3" x14ac:dyDescent="0.15">
      <c r="A18885">
        <v>6113</v>
      </c>
      <c r="B18885" t="s">
        <v>37698</v>
      </c>
      <c r="C18885" t="s">
        <v>37699</v>
      </c>
    </row>
    <row r="18886" spans="1:3" x14ac:dyDescent="0.15">
      <c r="A18886">
        <v>6112</v>
      </c>
      <c r="B18886" t="s">
        <v>37700</v>
      </c>
      <c r="C18886" t="s">
        <v>37701</v>
      </c>
    </row>
    <row r="18887" spans="1:3" x14ac:dyDescent="0.15">
      <c r="A18887">
        <v>6111</v>
      </c>
      <c r="B18887" t="s">
        <v>37702</v>
      </c>
      <c r="C18887" t="s">
        <v>37703</v>
      </c>
    </row>
    <row r="18888" spans="1:3" x14ac:dyDescent="0.15">
      <c r="A18888">
        <v>6110</v>
      </c>
      <c r="B18888" t="s">
        <v>37704</v>
      </c>
      <c r="C18888" t="s">
        <v>37705</v>
      </c>
    </row>
    <row r="18889" spans="1:3" x14ac:dyDescent="0.15">
      <c r="A18889">
        <v>6109</v>
      </c>
      <c r="B18889" t="s">
        <v>37706</v>
      </c>
      <c r="C18889" t="s">
        <v>37707</v>
      </c>
    </row>
    <row r="18890" spans="1:3" x14ac:dyDescent="0.15">
      <c r="A18890">
        <v>6108</v>
      </c>
      <c r="B18890" t="s">
        <v>37708</v>
      </c>
      <c r="C18890" t="s">
        <v>37709</v>
      </c>
    </row>
    <row r="18891" spans="1:3" x14ac:dyDescent="0.15">
      <c r="A18891">
        <v>6107</v>
      </c>
      <c r="B18891" t="s">
        <v>37710</v>
      </c>
      <c r="C18891" t="s">
        <v>37711</v>
      </c>
    </row>
    <row r="18892" spans="1:3" x14ac:dyDescent="0.15">
      <c r="A18892">
        <v>6106</v>
      </c>
      <c r="B18892" t="s">
        <v>37712</v>
      </c>
      <c r="C18892" t="s">
        <v>37713</v>
      </c>
    </row>
    <row r="18893" spans="1:3" x14ac:dyDescent="0.15">
      <c r="A18893">
        <v>6105</v>
      </c>
      <c r="B18893" t="s">
        <v>37714</v>
      </c>
      <c r="C18893" t="s">
        <v>37715</v>
      </c>
    </row>
    <row r="18894" spans="1:3" x14ac:dyDescent="0.15">
      <c r="A18894">
        <v>6104</v>
      </c>
      <c r="B18894" t="s">
        <v>37716</v>
      </c>
      <c r="C18894" t="s">
        <v>37717</v>
      </c>
    </row>
    <row r="18895" spans="1:3" x14ac:dyDescent="0.15">
      <c r="A18895">
        <v>6103</v>
      </c>
      <c r="B18895" t="s">
        <v>37718</v>
      </c>
      <c r="C18895" t="s">
        <v>37719</v>
      </c>
    </row>
    <row r="18896" spans="1:3" x14ac:dyDescent="0.15">
      <c r="A18896">
        <v>6102</v>
      </c>
      <c r="B18896" t="s">
        <v>37720</v>
      </c>
      <c r="C18896" t="s">
        <v>37721</v>
      </c>
    </row>
    <row r="18897" spans="1:3" x14ac:dyDescent="0.15">
      <c r="A18897">
        <v>6101</v>
      </c>
      <c r="B18897" t="s">
        <v>37722</v>
      </c>
      <c r="C18897" t="s">
        <v>37723</v>
      </c>
    </row>
    <row r="18898" spans="1:3" x14ac:dyDescent="0.15">
      <c r="A18898">
        <v>6100</v>
      </c>
      <c r="B18898" t="s">
        <v>37724</v>
      </c>
      <c r="C18898" t="s">
        <v>37725</v>
      </c>
    </row>
    <row r="18899" spans="1:3" x14ac:dyDescent="0.15">
      <c r="A18899">
        <v>6099</v>
      </c>
      <c r="B18899" t="s">
        <v>37726</v>
      </c>
      <c r="C18899" t="s">
        <v>37727</v>
      </c>
    </row>
    <row r="18900" spans="1:3" x14ac:dyDescent="0.15">
      <c r="A18900">
        <v>6098</v>
      </c>
      <c r="B18900" t="s">
        <v>37728</v>
      </c>
      <c r="C18900" t="s">
        <v>37729</v>
      </c>
    </row>
    <row r="18901" spans="1:3" x14ac:dyDescent="0.15">
      <c r="A18901">
        <v>6097</v>
      </c>
      <c r="B18901" t="s">
        <v>37730</v>
      </c>
      <c r="C18901" t="s">
        <v>37731</v>
      </c>
    </row>
    <row r="18902" spans="1:3" x14ac:dyDescent="0.15">
      <c r="A18902">
        <v>6096</v>
      </c>
      <c r="B18902" t="s">
        <v>37732</v>
      </c>
      <c r="C18902" t="s">
        <v>37733</v>
      </c>
    </row>
    <row r="18903" spans="1:3" x14ac:dyDescent="0.15">
      <c r="A18903">
        <v>6095</v>
      </c>
      <c r="B18903" t="s">
        <v>37734</v>
      </c>
      <c r="C18903" t="s">
        <v>37735</v>
      </c>
    </row>
    <row r="18904" spans="1:3" x14ac:dyDescent="0.15">
      <c r="A18904">
        <v>6094</v>
      </c>
      <c r="B18904" t="s">
        <v>37736</v>
      </c>
      <c r="C18904" t="s">
        <v>37737</v>
      </c>
    </row>
    <row r="18905" spans="1:3" x14ac:dyDescent="0.15">
      <c r="A18905">
        <v>6093</v>
      </c>
      <c r="B18905" t="s">
        <v>37738</v>
      </c>
      <c r="C18905" t="s">
        <v>37739</v>
      </c>
    </row>
    <row r="18906" spans="1:3" x14ac:dyDescent="0.15">
      <c r="A18906">
        <v>6092</v>
      </c>
      <c r="B18906" t="s">
        <v>37740</v>
      </c>
      <c r="C18906" t="s">
        <v>37741</v>
      </c>
    </row>
    <row r="18907" spans="1:3" x14ac:dyDescent="0.15">
      <c r="A18907">
        <v>6091</v>
      </c>
      <c r="B18907" t="s">
        <v>37742</v>
      </c>
      <c r="C18907" t="s">
        <v>37743</v>
      </c>
    </row>
    <row r="18908" spans="1:3" x14ac:dyDescent="0.15">
      <c r="A18908">
        <v>6090</v>
      </c>
      <c r="B18908" t="s">
        <v>37744</v>
      </c>
      <c r="C18908" t="s">
        <v>37745</v>
      </c>
    </row>
    <row r="18909" spans="1:3" x14ac:dyDescent="0.15">
      <c r="A18909">
        <v>6089</v>
      </c>
      <c r="B18909" t="s">
        <v>37746</v>
      </c>
      <c r="C18909" t="s">
        <v>37747</v>
      </c>
    </row>
    <row r="18910" spans="1:3" x14ac:dyDescent="0.15">
      <c r="A18910">
        <v>6088</v>
      </c>
      <c r="B18910" t="s">
        <v>37748</v>
      </c>
      <c r="C18910" t="s">
        <v>37749</v>
      </c>
    </row>
    <row r="18911" spans="1:3" x14ac:dyDescent="0.15">
      <c r="A18911">
        <v>6087</v>
      </c>
      <c r="B18911" t="s">
        <v>37750</v>
      </c>
      <c r="C18911" t="s">
        <v>37751</v>
      </c>
    </row>
    <row r="18912" spans="1:3" x14ac:dyDescent="0.15">
      <c r="A18912">
        <v>6086</v>
      </c>
      <c r="B18912" t="s">
        <v>37752</v>
      </c>
      <c r="C18912" t="s">
        <v>37753</v>
      </c>
    </row>
    <row r="18913" spans="1:3" x14ac:dyDescent="0.15">
      <c r="A18913">
        <v>6085</v>
      </c>
      <c r="B18913" t="s">
        <v>37754</v>
      </c>
      <c r="C18913" t="s">
        <v>37755</v>
      </c>
    </row>
    <row r="18914" spans="1:3" x14ac:dyDescent="0.15">
      <c r="A18914">
        <v>6084</v>
      </c>
      <c r="B18914" t="s">
        <v>37756</v>
      </c>
      <c r="C18914" t="s">
        <v>37757</v>
      </c>
    </row>
    <row r="18915" spans="1:3" x14ac:dyDescent="0.15">
      <c r="A18915">
        <v>6083</v>
      </c>
      <c r="B18915" t="s">
        <v>37758</v>
      </c>
      <c r="C18915" t="s">
        <v>37759</v>
      </c>
    </row>
    <row r="18916" spans="1:3" x14ac:dyDescent="0.15">
      <c r="A18916">
        <v>6082</v>
      </c>
      <c r="B18916" t="s">
        <v>37760</v>
      </c>
      <c r="C18916" t="s">
        <v>37761</v>
      </c>
    </row>
    <row r="18917" spans="1:3" x14ac:dyDescent="0.15">
      <c r="A18917">
        <v>6081</v>
      </c>
      <c r="B18917" t="s">
        <v>37762</v>
      </c>
      <c r="C18917" t="s">
        <v>37763</v>
      </c>
    </row>
    <row r="18918" spans="1:3" x14ac:dyDescent="0.15">
      <c r="A18918">
        <v>6080</v>
      </c>
      <c r="B18918" t="s">
        <v>37764</v>
      </c>
      <c r="C18918" t="s">
        <v>37765</v>
      </c>
    </row>
    <row r="18919" spans="1:3" x14ac:dyDescent="0.15">
      <c r="A18919">
        <v>6079</v>
      </c>
      <c r="B18919" t="s">
        <v>37766</v>
      </c>
      <c r="C18919" t="s">
        <v>37767</v>
      </c>
    </row>
    <row r="18920" spans="1:3" x14ac:dyDescent="0.15">
      <c r="A18920">
        <v>6078</v>
      </c>
      <c r="B18920" t="s">
        <v>37768</v>
      </c>
      <c r="C18920" t="s">
        <v>37769</v>
      </c>
    </row>
    <row r="18921" spans="1:3" x14ac:dyDescent="0.15">
      <c r="A18921">
        <v>6077</v>
      </c>
      <c r="B18921" t="s">
        <v>37770</v>
      </c>
      <c r="C18921" t="s">
        <v>37771</v>
      </c>
    </row>
    <row r="18922" spans="1:3" x14ac:dyDescent="0.15">
      <c r="A18922">
        <v>6076</v>
      </c>
      <c r="B18922" t="s">
        <v>37772</v>
      </c>
      <c r="C18922" t="s">
        <v>37773</v>
      </c>
    </row>
    <row r="18923" spans="1:3" x14ac:dyDescent="0.15">
      <c r="A18923">
        <v>6075</v>
      </c>
      <c r="B18923" t="s">
        <v>37774</v>
      </c>
      <c r="C18923" t="s">
        <v>37775</v>
      </c>
    </row>
    <row r="18924" spans="1:3" x14ac:dyDescent="0.15">
      <c r="A18924">
        <v>6074</v>
      </c>
      <c r="B18924" t="s">
        <v>37776</v>
      </c>
      <c r="C18924" t="s">
        <v>37777</v>
      </c>
    </row>
    <row r="18925" spans="1:3" x14ac:dyDescent="0.15">
      <c r="A18925">
        <v>6073</v>
      </c>
      <c r="B18925" t="s">
        <v>37778</v>
      </c>
      <c r="C18925" t="s">
        <v>37779</v>
      </c>
    </row>
    <row r="18926" spans="1:3" x14ac:dyDescent="0.15">
      <c r="A18926">
        <v>6072</v>
      </c>
      <c r="B18926" t="s">
        <v>37780</v>
      </c>
      <c r="C18926" t="s">
        <v>37781</v>
      </c>
    </row>
    <row r="18927" spans="1:3" x14ac:dyDescent="0.15">
      <c r="A18927">
        <v>6071</v>
      </c>
      <c r="B18927" t="s">
        <v>37782</v>
      </c>
      <c r="C18927" t="s">
        <v>37783</v>
      </c>
    </row>
    <row r="18928" spans="1:3" x14ac:dyDescent="0.15">
      <c r="A18928">
        <v>6070</v>
      </c>
      <c r="B18928" t="s">
        <v>37784</v>
      </c>
      <c r="C18928" t="s">
        <v>37785</v>
      </c>
    </row>
    <row r="18929" spans="1:3" x14ac:dyDescent="0.15">
      <c r="A18929">
        <v>6069</v>
      </c>
      <c r="B18929" t="s">
        <v>37786</v>
      </c>
      <c r="C18929" t="s">
        <v>37787</v>
      </c>
    </row>
    <row r="18930" spans="1:3" x14ac:dyDescent="0.15">
      <c r="A18930">
        <v>6068</v>
      </c>
      <c r="B18930" t="s">
        <v>37788</v>
      </c>
      <c r="C18930" t="s">
        <v>37789</v>
      </c>
    </row>
    <row r="18931" spans="1:3" x14ac:dyDescent="0.15">
      <c r="A18931">
        <v>6067</v>
      </c>
      <c r="B18931" t="s">
        <v>37790</v>
      </c>
      <c r="C18931" t="s">
        <v>37791</v>
      </c>
    </row>
    <row r="18932" spans="1:3" x14ac:dyDescent="0.15">
      <c r="A18932">
        <v>6066</v>
      </c>
      <c r="B18932" t="s">
        <v>37792</v>
      </c>
      <c r="C18932" t="s">
        <v>37793</v>
      </c>
    </row>
    <row r="18933" spans="1:3" x14ac:dyDescent="0.15">
      <c r="A18933">
        <v>6065</v>
      </c>
      <c r="B18933" t="s">
        <v>37794</v>
      </c>
      <c r="C18933" t="s">
        <v>37795</v>
      </c>
    </row>
    <row r="18934" spans="1:3" x14ac:dyDescent="0.15">
      <c r="A18934">
        <v>6064</v>
      </c>
      <c r="B18934" t="s">
        <v>37796</v>
      </c>
      <c r="C18934" t="s">
        <v>37797</v>
      </c>
    </row>
    <row r="18935" spans="1:3" x14ac:dyDescent="0.15">
      <c r="A18935">
        <v>6063</v>
      </c>
      <c r="B18935" t="s">
        <v>37798</v>
      </c>
      <c r="C18935" t="s">
        <v>37799</v>
      </c>
    </row>
    <row r="18936" spans="1:3" x14ac:dyDescent="0.15">
      <c r="A18936">
        <v>6062</v>
      </c>
      <c r="B18936" t="s">
        <v>37800</v>
      </c>
      <c r="C18936" t="s">
        <v>37801</v>
      </c>
    </row>
    <row r="18937" spans="1:3" x14ac:dyDescent="0.15">
      <c r="A18937">
        <v>6061</v>
      </c>
      <c r="B18937" t="s">
        <v>37802</v>
      </c>
      <c r="C18937" t="s">
        <v>37803</v>
      </c>
    </row>
    <row r="18938" spans="1:3" x14ac:dyDescent="0.15">
      <c r="A18938">
        <v>6060</v>
      </c>
      <c r="B18938" t="s">
        <v>37804</v>
      </c>
      <c r="C18938" t="s">
        <v>37805</v>
      </c>
    </row>
    <row r="18939" spans="1:3" x14ac:dyDescent="0.15">
      <c r="A18939">
        <v>6059</v>
      </c>
      <c r="B18939" t="s">
        <v>37806</v>
      </c>
      <c r="C18939" t="s">
        <v>37807</v>
      </c>
    </row>
    <row r="18940" spans="1:3" x14ac:dyDescent="0.15">
      <c r="A18940">
        <v>6058</v>
      </c>
      <c r="B18940" t="s">
        <v>37808</v>
      </c>
      <c r="C18940" t="s">
        <v>37809</v>
      </c>
    </row>
    <row r="18941" spans="1:3" x14ac:dyDescent="0.15">
      <c r="A18941">
        <v>6057</v>
      </c>
      <c r="B18941" t="s">
        <v>37810</v>
      </c>
      <c r="C18941" t="s">
        <v>37811</v>
      </c>
    </row>
    <row r="18942" spans="1:3" x14ac:dyDescent="0.15">
      <c r="A18942">
        <v>6056</v>
      </c>
      <c r="B18942" t="s">
        <v>37812</v>
      </c>
      <c r="C18942" t="s">
        <v>37813</v>
      </c>
    </row>
    <row r="18943" spans="1:3" x14ac:dyDescent="0.15">
      <c r="A18943">
        <v>6055</v>
      </c>
      <c r="B18943" t="s">
        <v>37814</v>
      </c>
      <c r="C18943" t="s">
        <v>37815</v>
      </c>
    </row>
    <row r="18944" spans="1:3" x14ac:dyDescent="0.15">
      <c r="A18944">
        <v>6054</v>
      </c>
      <c r="B18944" t="s">
        <v>37816</v>
      </c>
      <c r="C18944" t="s">
        <v>37817</v>
      </c>
    </row>
    <row r="18945" spans="1:3" x14ac:dyDescent="0.15">
      <c r="A18945">
        <v>6053</v>
      </c>
      <c r="B18945" t="s">
        <v>37818</v>
      </c>
      <c r="C18945" t="s">
        <v>37819</v>
      </c>
    </row>
    <row r="18946" spans="1:3" x14ac:dyDescent="0.15">
      <c r="A18946">
        <v>6052</v>
      </c>
      <c r="B18946" t="s">
        <v>37820</v>
      </c>
      <c r="C18946" t="s">
        <v>37821</v>
      </c>
    </row>
    <row r="18947" spans="1:3" x14ac:dyDescent="0.15">
      <c r="A18947">
        <v>6051</v>
      </c>
      <c r="B18947" t="s">
        <v>37822</v>
      </c>
      <c r="C18947" t="s">
        <v>37823</v>
      </c>
    </row>
    <row r="18948" spans="1:3" x14ac:dyDescent="0.15">
      <c r="A18948">
        <v>6050</v>
      </c>
      <c r="B18948" t="s">
        <v>37824</v>
      </c>
      <c r="C18948" t="s">
        <v>37825</v>
      </c>
    </row>
    <row r="18949" spans="1:3" x14ac:dyDescent="0.15">
      <c r="A18949">
        <v>6049</v>
      </c>
      <c r="B18949" t="s">
        <v>37826</v>
      </c>
      <c r="C18949" t="s">
        <v>37827</v>
      </c>
    </row>
    <row r="18950" spans="1:3" x14ac:dyDescent="0.15">
      <c r="A18950">
        <v>6048</v>
      </c>
      <c r="B18950" t="s">
        <v>37828</v>
      </c>
      <c r="C18950" t="s">
        <v>37829</v>
      </c>
    </row>
    <row r="18951" spans="1:3" x14ac:dyDescent="0.15">
      <c r="A18951">
        <v>6047</v>
      </c>
      <c r="B18951" t="s">
        <v>37830</v>
      </c>
      <c r="C18951" t="s">
        <v>37831</v>
      </c>
    </row>
    <row r="18952" spans="1:3" x14ac:dyDescent="0.15">
      <c r="A18952">
        <v>6046</v>
      </c>
      <c r="B18952" t="s">
        <v>37832</v>
      </c>
      <c r="C18952" t="s">
        <v>37833</v>
      </c>
    </row>
    <row r="18953" spans="1:3" x14ac:dyDescent="0.15">
      <c r="A18953">
        <v>6045</v>
      </c>
      <c r="B18953" t="s">
        <v>37834</v>
      </c>
      <c r="C18953" t="s">
        <v>37835</v>
      </c>
    </row>
    <row r="18954" spans="1:3" x14ac:dyDescent="0.15">
      <c r="A18954">
        <v>6044</v>
      </c>
      <c r="B18954" t="s">
        <v>37836</v>
      </c>
      <c r="C18954" t="s">
        <v>37837</v>
      </c>
    </row>
    <row r="18955" spans="1:3" x14ac:dyDescent="0.15">
      <c r="A18955">
        <v>6043</v>
      </c>
      <c r="B18955" t="s">
        <v>37838</v>
      </c>
      <c r="C18955" t="s">
        <v>37839</v>
      </c>
    </row>
    <row r="18956" spans="1:3" x14ac:dyDescent="0.15">
      <c r="A18956">
        <v>6042</v>
      </c>
      <c r="B18956" t="s">
        <v>37840</v>
      </c>
      <c r="C18956" t="s">
        <v>37841</v>
      </c>
    </row>
    <row r="18957" spans="1:3" x14ac:dyDescent="0.15">
      <c r="A18957">
        <v>6041</v>
      </c>
      <c r="B18957" t="s">
        <v>37842</v>
      </c>
      <c r="C18957" t="s">
        <v>37843</v>
      </c>
    </row>
    <row r="18958" spans="1:3" x14ac:dyDescent="0.15">
      <c r="A18958">
        <v>6040</v>
      </c>
      <c r="B18958" t="s">
        <v>37844</v>
      </c>
      <c r="C18958" t="s">
        <v>37845</v>
      </c>
    </row>
    <row r="18959" spans="1:3" x14ac:dyDescent="0.15">
      <c r="A18959">
        <v>6039</v>
      </c>
      <c r="B18959" t="s">
        <v>37846</v>
      </c>
      <c r="C18959" t="s">
        <v>37847</v>
      </c>
    </row>
    <row r="18960" spans="1:3" x14ac:dyDescent="0.15">
      <c r="A18960">
        <v>6038</v>
      </c>
      <c r="B18960" t="s">
        <v>37848</v>
      </c>
      <c r="C18960" t="s">
        <v>37849</v>
      </c>
    </row>
    <row r="18961" spans="1:3" x14ac:dyDescent="0.15">
      <c r="A18961">
        <v>6037</v>
      </c>
      <c r="B18961" t="s">
        <v>37850</v>
      </c>
      <c r="C18961" t="s">
        <v>37851</v>
      </c>
    </row>
    <row r="18962" spans="1:3" x14ac:dyDescent="0.15">
      <c r="A18962">
        <v>6036</v>
      </c>
      <c r="B18962" t="s">
        <v>37852</v>
      </c>
      <c r="C18962" t="s">
        <v>37853</v>
      </c>
    </row>
    <row r="18963" spans="1:3" x14ac:dyDescent="0.15">
      <c r="A18963">
        <v>6035</v>
      </c>
      <c r="B18963" t="s">
        <v>37854</v>
      </c>
      <c r="C18963" t="s">
        <v>37855</v>
      </c>
    </row>
    <row r="18964" spans="1:3" x14ac:dyDescent="0.15">
      <c r="A18964">
        <v>6034</v>
      </c>
      <c r="B18964" t="s">
        <v>37856</v>
      </c>
      <c r="C18964" t="s">
        <v>37857</v>
      </c>
    </row>
    <row r="18965" spans="1:3" x14ac:dyDescent="0.15">
      <c r="A18965">
        <v>6033</v>
      </c>
      <c r="B18965" t="s">
        <v>37858</v>
      </c>
      <c r="C18965" t="s">
        <v>37859</v>
      </c>
    </row>
    <row r="18966" spans="1:3" x14ac:dyDescent="0.15">
      <c r="A18966">
        <v>6032</v>
      </c>
      <c r="B18966" t="s">
        <v>37860</v>
      </c>
      <c r="C18966" t="s">
        <v>37861</v>
      </c>
    </row>
    <row r="18967" spans="1:3" x14ac:dyDescent="0.15">
      <c r="A18967">
        <v>6031</v>
      </c>
      <c r="B18967" t="s">
        <v>37862</v>
      </c>
      <c r="C18967" t="s">
        <v>37863</v>
      </c>
    </row>
    <row r="18968" spans="1:3" x14ac:dyDescent="0.15">
      <c r="A18968">
        <v>6030</v>
      </c>
      <c r="B18968" t="s">
        <v>37864</v>
      </c>
      <c r="C18968" t="s">
        <v>37865</v>
      </c>
    </row>
    <row r="18969" spans="1:3" x14ac:dyDescent="0.15">
      <c r="A18969">
        <v>6029</v>
      </c>
      <c r="B18969" t="s">
        <v>37866</v>
      </c>
      <c r="C18969" t="s">
        <v>37867</v>
      </c>
    </row>
    <row r="18970" spans="1:3" x14ac:dyDescent="0.15">
      <c r="A18970">
        <v>6028</v>
      </c>
      <c r="B18970" t="s">
        <v>37868</v>
      </c>
      <c r="C18970" t="s">
        <v>37869</v>
      </c>
    </row>
    <row r="18971" spans="1:3" x14ac:dyDescent="0.15">
      <c r="A18971">
        <v>6027</v>
      </c>
      <c r="B18971" t="s">
        <v>37870</v>
      </c>
      <c r="C18971" t="s">
        <v>37871</v>
      </c>
    </row>
    <row r="18972" spans="1:3" x14ac:dyDescent="0.15">
      <c r="A18972">
        <v>6026</v>
      </c>
      <c r="B18972" t="s">
        <v>37872</v>
      </c>
      <c r="C18972" t="s">
        <v>37873</v>
      </c>
    </row>
    <row r="18973" spans="1:3" x14ac:dyDescent="0.15">
      <c r="A18973">
        <v>6025</v>
      </c>
      <c r="B18973" t="s">
        <v>37874</v>
      </c>
      <c r="C18973" t="s">
        <v>37875</v>
      </c>
    </row>
    <row r="18974" spans="1:3" x14ac:dyDescent="0.15">
      <c r="A18974">
        <v>6024</v>
      </c>
      <c r="B18974" t="s">
        <v>37876</v>
      </c>
      <c r="C18974" t="s">
        <v>37877</v>
      </c>
    </row>
    <row r="18975" spans="1:3" x14ac:dyDescent="0.15">
      <c r="A18975">
        <v>6023</v>
      </c>
      <c r="B18975" t="s">
        <v>37878</v>
      </c>
      <c r="C18975" t="s">
        <v>37879</v>
      </c>
    </row>
    <row r="18976" spans="1:3" x14ac:dyDescent="0.15">
      <c r="A18976">
        <v>6022</v>
      </c>
      <c r="B18976" t="s">
        <v>37880</v>
      </c>
      <c r="C18976" t="s">
        <v>491</v>
      </c>
    </row>
    <row r="18977" spans="1:3" x14ac:dyDescent="0.15">
      <c r="A18977">
        <v>6021</v>
      </c>
      <c r="B18977" t="s">
        <v>37881</v>
      </c>
      <c r="C18977" t="s">
        <v>37882</v>
      </c>
    </row>
    <row r="18978" spans="1:3" x14ac:dyDescent="0.15">
      <c r="A18978">
        <v>6020</v>
      </c>
      <c r="B18978" t="s">
        <v>37883</v>
      </c>
      <c r="C18978" t="s">
        <v>37884</v>
      </c>
    </row>
    <row r="18979" spans="1:3" x14ac:dyDescent="0.15">
      <c r="A18979">
        <v>6019</v>
      </c>
      <c r="B18979" t="s">
        <v>37885</v>
      </c>
      <c r="C18979" t="s">
        <v>37886</v>
      </c>
    </row>
    <row r="18980" spans="1:3" x14ac:dyDescent="0.15">
      <c r="A18980">
        <v>6018</v>
      </c>
      <c r="B18980" t="s">
        <v>37887</v>
      </c>
      <c r="C18980" t="s">
        <v>37888</v>
      </c>
    </row>
    <row r="18981" spans="1:3" x14ac:dyDescent="0.15">
      <c r="A18981">
        <v>6017</v>
      </c>
      <c r="B18981" t="s">
        <v>37889</v>
      </c>
      <c r="C18981" t="s">
        <v>37890</v>
      </c>
    </row>
    <row r="18982" spans="1:3" x14ac:dyDescent="0.15">
      <c r="A18982">
        <v>6016</v>
      </c>
      <c r="B18982" t="s">
        <v>37891</v>
      </c>
      <c r="C18982" t="s">
        <v>37892</v>
      </c>
    </row>
    <row r="18983" spans="1:3" x14ac:dyDescent="0.15">
      <c r="A18983">
        <v>6015</v>
      </c>
      <c r="B18983" t="s">
        <v>37893</v>
      </c>
      <c r="C18983" t="s">
        <v>37894</v>
      </c>
    </row>
    <row r="18984" spans="1:3" x14ac:dyDescent="0.15">
      <c r="A18984">
        <v>6014</v>
      </c>
      <c r="B18984" t="s">
        <v>37895</v>
      </c>
      <c r="C18984" t="s">
        <v>37896</v>
      </c>
    </row>
    <row r="18985" spans="1:3" x14ac:dyDescent="0.15">
      <c r="A18985">
        <v>6013</v>
      </c>
      <c r="B18985" t="s">
        <v>37897</v>
      </c>
      <c r="C18985" t="s">
        <v>37898</v>
      </c>
    </row>
    <row r="18986" spans="1:3" x14ac:dyDescent="0.15">
      <c r="A18986">
        <v>6012</v>
      </c>
      <c r="B18986" t="s">
        <v>37899</v>
      </c>
      <c r="C18986" t="s">
        <v>37900</v>
      </c>
    </row>
    <row r="18987" spans="1:3" x14ac:dyDescent="0.15">
      <c r="A18987">
        <v>6011</v>
      </c>
      <c r="B18987" t="s">
        <v>37901</v>
      </c>
      <c r="C18987" t="s">
        <v>37902</v>
      </c>
    </row>
    <row r="18988" spans="1:3" x14ac:dyDescent="0.15">
      <c r="A18988">
        <v>6010</v>
      </c>
      <c r="B18988" t="s">
        <v>37903</v>
      </c>
      <c r="C18988" t="s">
        <v>37904</v>
      </c>
    </row>
    <row r="18989" spans="1:3" x14ac:dyDescent="0.15">
      <c r="A18989">
        <v>6009</v>
      </c>
      <c r="B18989" t="s">
        <v>37905</v>
      </c>
      <c r="C18989" t="s">
        <v>37906</v>
      </c>
    </row>
    <row r="18990" spans="1:3" x14ac:dyDescent="0.15">
      <c r="A18990">
        <v>6008</v>
      </c>
      <c r="B18990" t="s">
        <v>37907</v>
      </c>
      <c r="C18990" t="s">
        <v>37908</v>
      </c>
    </row>
    <row r="18991" spans="1:3" x14ac:dyDescent="0.15">
      <c r="A18991">
        <v>6007</v>
      </c>
      <c r="B18991" t="s">
        <v>37909</v>
      </c>
      <c r="C18991" t="s">
        <v>37910</v>
      </c>
    </row>
    <row r="18992" spans="1:3" x14ac:dyDescent="0.15">
      <c r="A18992">
        <v>6006</v>
      </c>
      <c r="B18992" t="s">
        <v>37911</v>
      </c>
      <c r="C18992" t="s">
        <v>37912</v>
      </c>
    </row>
    <row r="18993" spans="1:3" x14ac:dyDescent="0.15">
      <c r="A18993">
        <v>6005</v>
      </c>
      <c r="B18993" t="s">
        <v>37913</v>
      </c>
      <c r="C18993" t="s">
        <v>37914</v>
      </c>
    </row>
    <row r="18994" spans="1:3" x14ac:dyDescent="0.15">
      <c r="A18994">
        <v>6004</v>
      </c>
      <c r="B18994" t="s">
        <v>37915</v>
      </c>
      <c r="C18994" t="s">
        <v>37916</v>
      </c>
    </row>
    <row r="18995" spans="1:3" x14ac:dyDescent="0.15">
      <c r="A18995">
        <v>6003</v>
      </c>
      <c r="B18995" t="s">
        <v>37917</v>
      </c>
      <c r="C18995" t="s">
        <v>37918</v>
      </c>
    </row>
    <row r="18996" spans="1:3" x14ac:dyDescent="0.15">
      <c r="A18996">
        <v>6002</v>
      </c>
      <c r="B18996" t="s">
        <v>37919</v>
      </c>
      <c r="C18996" t="s">
        <v>37920</v>
      </c>
    </row>
    <row r="18997" spans="1:3" x14ac:dyDescent="0.15">
      <c r="A18997">
        <v>6001</v>
      </c>
      <c r="B18997" t="s">
        <v>37921</v>
      </c>
      <c r="C18997" t="s">
        <v>37922</v>
      </c>
    </row>
    <row r="18998" spans="1:3" x14ac:dyDescent="0.15">
      <c r="A18998">
        <v>6000</v>
      </c>
      <c r="B18998" t="s">
        <v>37923</v>
      </c>
      <c r="C18998" t="s">
        <v>37924</v>
      </c>
    </row>
    <row r="18999" spans="1:3" x14ac:dyDescent="0.15">
      <c r="A18999">
        <v>5999</v>
      </c>
      <c r="B18999" t="s">
        <v>37925</v>
      </c>
      <c r="C18999" t="s">
        <v>37926</v>
      </c>
    </row>
    <row r="19000" spans="1:3" x14ac:dyDescent="0.15">
      <c r="A19000">
        <v>5998</v>
      </c>
      <c r="B19000" t="s">
        <v>37927</v>
      </c>
      <c r="C19000" t="s">
        <v>37928</v>
      </c>
    </row>
    <row r="19001" spans="1:3" x14ac:dyDescent="0.15">
      <c r="A19001">
        <v>5997</v>
      </c>
      <c r="B19001" t="s">
        <v>37929</v>
      </c>
      <c r="C19001" t="s">
        <v>37930</v>
      </c>
    </row>
    <row r="19002" spans="1:3" x14ac:dyDescent="0.15">
      <c r="A19002">
        <v>5996</v>
      </c>
      <c r="B19002" t="s">
        <v>37931</v>
      </c>
      <c r="C19002" t="s">
        <v>37932</v>
      </c>
    </row>
    <row r="19003" spans="1:3" x14ac:dyDescent="0.15">
      <c r="A19003">
        <v>5995</v>
      </c>
      <c r="B19003" t="s">
        <v>37933</v>
      </c>
      <c r="C19003" t="s">
        <v>37934</v>
      </c>
    </row>
    <row r="19004" spans="1:3" x14ac:dyDescent="0.15">
      <c r="A19004">
        <v>5994</v>
      </c>
      <c r="B19004" t="s">
        <v>37935</v>
      </c>
      <c r="C19004" t="s">
        <v>37936</v>
      </c>
    </row>
    <row r="19005" spans="1:3" x14ac:dyDescent="0.15">
      <c r="A19005">
        <v>5993</v>
      </c>
      <c r="B19005" t="s">
        <v>37937</v>
      </c>
      <c r="C19005" t="s">
        <v>37938</v>
      </c>
    </row>
    <row r="19006" spans="1:3" x14ac:dyDescent="0.15">
      <c r="A19006">
        <v>5992</v>
      </c>
      <c r="B19006" t="s">
        <v>37939</v>
      </c>
      <c r="C19006" t="s">
        <v>37940</v>
      </c>
    </row>
    <row r="19007" spans="1:3" x14ac:dyDescent="0.15">
      <c r="A19007">
        <v>5991</v>
      </c>
      <c r="B19007" t="s">
        <v>37941</v>
      </c>
      <c r="C19007" t="s">
        <v>37942</v>
      </c>
    </row>
    <row r="19008" spans="1:3" x14ac:dyDescent="0.15">
      <c r="A19008">
        <v>5990</v>
      </c>
      <c r="B19008" t="s">
        <v>37943</v>
      </c>
      <c r="C19008" t="s">
        <v>37944</v>
      </c>
    </row>
    <row r="19009" spans="1:3" x14ac:dyDescent="0.15">
      <c r="A19009">
        <v>5989</v>
      </c>
      <c r="B19009" t="s">
        <v>37945</v>
      </c>
      <c r="C19009" t="s">
        <v>37946</v>
      </c>
    </row>
    <row r="19010" spans="1:3" x14ac:dyDescent="0.15">
      <c r="A19010">
        <v>5988</v>
      </c>
      <c r="B19010" t="s">
        <v>37947</v>
      </c>
      <c r="C19010" t="s">
        <v>37948</v>
      </c>
    </row>
    <row r="19011" spans="1:3" x14ac:dyDescent="0.15">
      <c r="A19011">
        <v>5987</v>
      </c>
      <c r="B19011" t="s">
        <v>37949</v>
      </c>
      <c r="C19011" t="s">
        <v>37950</v>
      </c>
    </row>
    <row r="19012" spans="1:3" x14ac:dyDescent="0.15">
      <c r="A19012">
        <v>5986</v>
      </c>
      <c r="B19012" t="s">
        <v>37951</v>
      </c>
      <c r="C19012" t="s">
        <v>37952</v>
      </c>
    </row>
    <row r="19013" spans="1:3" x14ac:dyDescent="0.15">
      <c r="A19013">
        <v>5985</v>
      </c>
      <c r="B19013" t="s">
        <v>37953</v>
      </c>
      <c r="C19013" t="s">
        <v>37954</v>
      </c>
    </row>
    <row r="19014" spans="1:3" x14ac:dyDescent="0.15">
      <c r="A19014">
        <v>5984</v>
      </c>
      <c r="B19014" t="s">
        <v>37955</v>
      </c>
      <c r="C19014" t="s">
        <v>37956</v>
      </c>
    </row>
    <row r="19015" spans="1:3" x14ac:dyDescent="0.15">
      <c r="A19015">
        <v>5983</v>
      </c>
      <c r="B19015" t="s">
        <v>37957</v>
      </c>
      <c r="C19015" t="s">
        <v>37958</v>
      </c>
    </row>
    <row r="19016" spans="1:3" x14ac:dyDescent="0.15">
      <c r="A19016">
        <v>5982</v>
      </c>
      <c r="B19016" t="s">
        <v>37959</v>
      </c>
      <c r="C19016" t="s">
        <v>37960</v>
      </c>
    </row>
    <row r="19017" spans="1:3" x14ac:dyDescent="0.15">
      <c r="A19017">
        <v>5981</v>
      </c>
      <c r="B19017" t="s">
        <v>37961</v>
      </c>
      <c r="C19017" t="s">
        <v>37962</v>
      </c>
    </row>
    <row r="19018" spans="1:3" x14ac:dyDescent="0.15">
      <c r="A19018">
        <v>5980</v>
      </c>
      <c r="B19018" t="s">
        <v>37963</v>
      </c>
      <c r="C19018" t="s">
        <v>37964</v>
      </c>
    </row>
    <row r="19019" spans="1:3" x14ac:dyDescent="0.15">
      <c r="A19019">
        <v>5979</v>
      </c>
      <c r="B19019" t="s">
        <v>37965</v>
      </c>
      <c r="C19019" t="s">
        <v>37966</v>
      </c>
    </row>
    <row r="19020" spans="1:3" x14ac:dyDescent="0.15">
      <c r="A19020">
        <v>5978</v>
      </c>
      <c r="B19020" t="s">
        <v>37967</v>
      </c>
      <c r="C19020" t="s">
        <v>37968</v>
      </c>
    </row>
    <row r="19021" spans="1:3" x14ac:dyDescent="0.15">
      <c r="A19021">
        <v>5977</v>
      </c>
      <c r="B19021" t="s">
        <v>37969</v>
      </c>
      <c r="C19021" t="s">
        <v>37970</v>
      </c>
    </row>
    <row r="19022" spans="1:3" x14ac:dyDescent="0.15">
      <c r="A19022">
        <v>5976</v>
      </c>
      <c r="B19022" t="s">
        <v>37971</v>
      </c>
      <c r="C19022" t="s">
        <v>37972</v>
      </c>
    </row>
    <row r="19023" spans="1:3" x14ac:dyDescent="0.15">
      <c r="A19023">
        <v>5975</v>
      </c>
      <c r="B19023" t="s">
        <v>37973</v>
      </c>
      <c r="C19023" t="s">
        <v>37974</v>
      </c>
    </row>
    <row r="19024" spans="1:3" x14ac:dyDescent="0.15">
      <c r="A19024">
        <v>5974</v>
      </c>
      <c r="B19024" t="s">
        <v>37975</v>
      </c>
      <c r="C19024" t="s">
        <v>37976</v>
      </c>
    </row>
    <row r="19025" spans="1:3" x14ac:dyDescent="0.15">
      <c r="A19025">
        <v>5973</v>
      </c>
      <c r="B19025" t="s">
        <v>37977</v>
      </c>
      <c r="C19025" t="s">
        <v>37978</v>
      </c>
    </row>
    <row r="19026" spans="1:3" x14ac:dyDescent="0.15">
      <c r="A19026">
        <v>5972</v>
      </c>
      <c r="B19026" t="s">
        <v>37979</v>
      </c>
      <c r="C19026" t="s">
        <v>37980</v>
      </c>
    </row>
    <row r="19027" spans="1:3" x14ac:dyDescent="0.15">
      <c r="A19027">
        <v>5971</v>
      </c>
      <c r="B19027" t="s">
        <v>37981</v>
      </c>
      <c r="C19027" t="s">
        <v>37982</v>
      </c>
    </row>
    <row r="19028" spans="1:3" x14ac:dyDescent="0.15">
      <c r="A19028">
        <v>5970</v>
      </c>
      <c r="B19028" t="s">
        <v>37983</v>
      </c>
      <c r="C19028" t="s">
        <v>37984</v>
      </c>
    </row>
    <row r="19029" spans="1:3" x14ac:dyDescent="0.15">
      <c r="A19029">
        <v>5969</v>
      </c>
      <c r="B19029" t="s">
        <v>37985</v>
      </c>
      <c r="C19029" t="s">
        <v>37986</v>
      </c>
    </row>
    <row r="19030" spans="1:3" x14ac:dyDescent="0.15">
      <c r="A19030">
        <v>5968</v>
      </c>
      <c r="B19030" t="s">
        <v>37987</v>
      </c>
      <c r="C19030" t="s">
        <v>37988</v>
      </c>
    </row>
    <row r="19031" spans="1:3" x14ac:dyDescent="0.15">
      <c r="A19031">
        <v>5967</v>
      </c>
      <c r="B19031" t="s">
        <v>37989</v>
      </c>
      <c r="C19031" t="s">
        <v>491</v>
      </c>
    </row>
    <row r="19032" spans="1:3" x14ac:dyDescent="0.15">
      <c r="A19032">
        <v>5966</v>
      </c>
      <c r="B19032" t="s">
        <v>37990</v>
      </c>
      <c r="C19032" t="s">
        <v>37991</v>
      </c>
    </row>
    <row r="19033" spans="1:3" x14ac:dyDescent="0.15">
      <c r="A19033">
        <v>5965</v>
      </c>
      <c r="B19033" t="s">
        <v>37992</v>
      </c>
      <c r="C19033" t="s">
        <v>37993</v>
      </c>
    </row>
    <row r="19034" spans="1:3" x14ac:dyDescent="0.15">
      <c r="A19034">
        <v>5964</v>
      </c>
      <c r="B19034" t="s">
        <v>37994</v>
      </c>
      <c r="C19034" t="s">
        <v>37995</v>
      </c>
    </row>
    <row r="19035" spans="1:3" x14ac:dyDescent="0.15">
      <c r="A19035">
        <v>5963</v>
      </c>
      <c r="B19035" t="s">
        <v>37996</v>
      </c>
      <c r="C19035" t="s">
        <v>37997</v>
      </c>
    </row>
    <row r="19036" spans="1:3" x14ac:dyDescent="0.15">
      <c r="A19036">
        <v>5962</v>
      </c>
      <c r="B19036" t="s">
        <v>37998</v>
      </c>
      <c r="C19036" t="s">
        <v>37999</v>
      </c>
    </row>
    <row r="19037" spans="1:3" x14ac:dyDescent="0.15">
      <c r="A19037">
        <v>5961</v>
      </c>
      <c r="B19037" t="s">
        <v>38000</v>
      </c>
      <c r="C19037" t="s">
        <v>38001</v>
      </c>
    </row>
    <row r="19038" spans="1:3" x14ac:dyDescent="0.15">
      <c r="A19038">
        <v>5960</v>
      </c>
      <c r="B19038" t="s">
        <v>38002</v>
      </c>
      <c r="C19038" t="s">
        <v>38003</v>
      </c>
    </row>
    <row r="19039" spans="1:3" x14ac:dyDescent="0.15">
      <c r="A19039">
        <v>5959</v>
      </c>
      <c r="B19039" t="s">
        <v>38004</v>
      </c>
      <c r="C19039" t="s">
        <v>38005</v>
      </c>
    </row>
    <row r="19040" spans="1:3" x14ac:dyDescent="0.15">
      <c r="A19040">
        <v>5958</v>
      </c>
      <c r="B19040" t="s">
        <v>38006</v>
      </c>
      <c r="C19040" t="s">
        <v>38007</v>
      </c>
    </row>
    <row r="19041" spans="1:3" x14ac:dyDescent="0.15">
      <c r="A19041">
        <v>5957</v>
      </c>
      <c r="B19041" t="s">
        <v>38008</v>
      </c>
      <c r="C19041" t="s">
        <v>38009</v>
      </c>
    </row>
    <row r="19042" spans="1:3" x14ac:dyDescent="0.15">
      <c r="A19042">
        <v>5956</v>
      </c>
      <c r="B19042" t="s">
        <v>38010</v>
      </c>
      <c r="C19042" t="s">
        <v>38011</v>
      </c>
    </row>
    <row r="19043" spans="1:3" x14ac:dyDescent="0.15">
      <c r="A19043">
        <v>5955</v>
      </c>
      <c r="B19043" t="s">
        <v>38012</v>
      </c>
      <c r="C19043" t="s">
        <v>38013</v>
      </c>
    </row>
    <row r="19044" spans="1:3" x14ac:dyDescent="0.15">
      <c r="A19044">
        <v>5954</v>
      </c>
      <c r="B19044" t="s">
        <v>38014</v>
      </c>
      <c r="C19044" t="s">
        <v>38015</v>
      </c>
    </row>
    <row r="19045" spans="1:3" x14ac:dyDescent="0.15">
      <c r="A19045">
        <v>5953</v>
      </c>
      <c r="B19045" t="s">
        <v>38016</v>
      </c>
      <c r="C19045" t="s">
        <v>38017</v>
      </c>
    </row>
    <row r="19046" spans="1:3" x14ac:dyDescent="0.15">
      <c r="A19046">
        <v>5952</v>
      </c>
      <c r="B19046" t="s">
        <v>38018</v>
      </c>
      <c r="C19046" t="s">
        <v>38019</v>
      </c>
    </row>
    <row r="19047" spans="1:3" x14ac:dyDescent="0.15">
      <c r="A19047">
        <v>5951</v>
      </c>
      <c r="B19047" t="s">
        <v>38020</v>
      </c>
      <c r="C19047" t="s">
        <v>38021</v>
      </c>
    </row>
    <row r="19048" spans="1:3" x14ac:dyDescent="0.15">
      <c r="A19048">
        <v>5950</v>
      </c>
      <c r="B19048" t="s">
        <v>38022</v>
      </c>
      <c r="C19048" t="s">
        <v>38023</v>
      </c>
    </row>
    <row r="19049" spans="1:3" x14ac:dyDescent="0.15">
      <c r="A19049">
        <v>5949</v>
      </c>
      <c r="B19049" t="s">
        <v>38024</v>
      </c>
      <c r="C19049" t="s">
        <v>38025</v>
      </c>
    </row>
    <row r="19050" spans="1:3" x14ac:dyDescent="0.15">
      <c r="A19050">
        <v>5948</v>
      </c>
      <c r="B19050" t="s">
        <v>38026</v>
      </c>
      <c r="C19050" t="s">
        <v>38027</v>
      </c>
    </row>
    <row r="19051" spans="1:3" x14ac:dyDescent="0.15">
      <c r="A19051">
        <v>5947</v>
      </c>
      <c r="B19051" t="s">
        <v>38028</v>
      </c>
      <c r="C19051" t="s">
        <v>38029</v>
      </c>
    </row>
    <row r="19052" spans="1:3" x14ac:dyDescent="0.15">
      <c r="A19052">
        <v>5946</v>
      </c>
      <c r="B19052" t="s">
        <v>38030</v>
      </c>
      <c r="C19052" t="s">
        <v>38031</v>
      </c>
    </row>
    <row r="19053" spans="1:3" x14ac:dyDescent="0.15">
      <c r="A19053">
        <v>5945</v>
      </c>
      <c r="B19053" t="s">
        <v>38032</v>
      </c>
      <c r="C19053" t="s">
        <v>38033</v>
      </c>
    </row>
    <row r="19054" spans="1:3" x14ac:dyDescent="0.15">
      <c r="A19054">
        <v>5944</v>
      </c>
      <c r="B19054" t="s">
        <v>38034</v>
      </c>
      <c r="C19054" t="s">
        <v>38035</v>
      </c>
    </row>
    <row r="19055" spans="1:3" x14ac:dyDescent="0.15">
      <c r="A19055">
        <v>5943</v>
      </c>
      <c r="B19055" t="s">
        <v>38036</v>
      </c>
      <c r="C19055" t="s">
        <v>38037</v>
      </c>
    </row>
    <row r="19056" spans="1:3" x14ac:dyDescent="0.15">
      <c r="A19056">
        <v>5942</v>
      </c>
      <c r="B19056" t="s">
        <v>38038</v>
      </c>
      <c r="C19056" t="s">
        <v>38039</v>
      </c>
    </row>
    <row r="19057" spans="1:3" x14ac:dyDescent="0.15">
      <c r="A19057">
        <v>5941</v>
      </c>
      <c r="B19057" t="s">
        <v>38040</v>
      </c>
      <c r="C19057" t="s">
        <v>38041</v>
      </c>
    </row>
    <row r="19058" spans="1:3" x14ac:dyDescent="0.15">
      <c r="A19058">
        <v>5940</v>
      </c>
      <c r="B19058" t="s">
        <v>38042</v>
      </c>
      <c r="C19058" t="s">
        <v>38043</v>
      </c>
    </row>
    <row r="19059" spans="1:3" x14ac:dyDescent="0.15">
      <c r="A19059">
        <v>5939</v>
      </c>
      <c r="B19059" t="s">
        <v>38044</v>
      </c>
      <c r="C19059" t="s">
        <v>38045</v>
      </c>
    </row>
    <row r="19060" spans="1:3" x14ac:dyDescent="0.15">
      <c r="A19060">
        <v>5938</v>
      </c>
      <c r="B19060" t="s">
        <v>38046</v>
      </c>
      <c r="C19060" t="s">
        <v>38047</v>
      </c>
    </row>
    <row r="19061" spans="1:3" x14ac:dyDescent="0.15">
      <c r="A19061">
        <v>5937</v>
      </c>
      <c r="B19061" t="s">
        <v>38048</v>
      </c>
      <c r="C19061" t="s">
        <v>38049</v>
      </c>
    </row>
    <row r="19062" spans="1:3" x14ac:dyDescent="0.15">
      <c r="A19062">
        <v>5936</v>
      </c>
      <c r="B19062" t="s">
        <v>38050</v>
      </c>
      <c r="C19062" t="s">
        <v>38051</v>
      </c>
    </row>
    <row r="19063" spans="1:3" x14ac:dyDescent="0.15">
      <c r="A19063">
        <v>5935</v>
      </c>
      <c r="B19063" t="s">
        <v>38052</v>
      </c>
      <c r="C19063" t="s">
        <v>38053</v>
      </c>
    </row>
    <row r="19064" spans="1:3" x14ac:dyDescent="0.15">
      <c r="A19064">
        <v>5934</v>
      </c>
      <c r="B19064" t="s">
        <v>38054</v>
      </c>
      <c r="C19064" t="s">
        <v>38055</v>
      </c>
    </row>
    <row r="19065" spans="1:3" x14ac:dyDescent="0.15">
      <c r="A19065">
        <v>5933</v>
      </c>
      <c r="B19065" t="s">
        <v>38056</v>
      </c>
      <c r="C19065" t="s">
        <v>38057</v>
      </c>
    </row>
    <row r="19066" spans="1:3" x14ac:dyDescent="0.15">
      <c r="A19066">
        <v>5932</v>
      </c>
      <c r="B19066" t="s">
        <v>38058</v>
      </c>
      <c r="C19066" t="s">
        <v>38059</v>
      </c>
    </row>
    <row r="19067" spans="1:3" x14ac:dyDescent="0.15">
      <c r="A19067">
        <v>5931</v>
      </c>
      <c r="B19067" t="s">
        <v>38060</v>
      </c>
      <c r="C19067" t="s">
        <v>38061</v>
      </c>
    </row>
    <row r="19068" spans="1:3" x14ac:dyDescent="0.15">
      <c r="A19068">
        <v>5930</v>
      </c>
      <c r="B19068" t="s">
        <v>38062</v>
      </c>
      <c r="C19068" t="s">
        <v>38063</v>
      </c>
    </row>
    <row r="19069" spans="1:3" x14ac:dyDescent="0.15">
      <c r="A19069">
        <v>5929</v>
      </c>
      <c r="B19069" t="s">
        <v>38064</v>
      </c>
      <c r="C19069" t="s">
        <v>38065</v>
      </c>
    </row>
    <row r="19070" spans="1:3" x14ac:dyDescent="0.15">
      <c r="A19070">
        <v>5928</v>
      </c>
      <c r="B19070" t="s">
        <v>38066</v>
      </c>
      <c r="C19070" t="s">
        <v>38067</v>
      </c>
    </row>
    <row r="19071" spans="1:3" x14ac:dyDescent="0.15">
      <c r="A19071">
        <v>5927</v>
      </c>
      <c r="B19071" t="s">
        <v>38068</v>
      </c>
      <c r="C19071" t="s">
        <v>38069</v>
      </c>
    </row>
    <row r="19072" spans="1:3" x14ac:dyDescent="0.15">
      <c r="A19072">
        <v>5926</v>
      </c>
      <c r="B19072" t="s">
        <v>38070</v>
      </c>
      <c r="C19072" t="s">
        <v>38071</v>
      </c>
    </row>
    <row r="19073" spans="1:3" x14ac:dyDescent="0.15">
      <c r="A19073">
        <v>5925</v>
      </c>
      <c r="B19073" t="s">
        <v>38072</v>
      </c>
      <c r="C19073" t="s">
        <v>38073</v>
      </c>
    </row>
    <row r="19074" spans="1:3" x14ac:dyDescent="0.15">
      <c r="A19074">
        <v>5924</v>
      </c>
      <c r="B19074" t="s">
        <v>38074</v>
      </c>
      <c r="C19074" t="s">
        <v>38075</v>
      </c>
    </row>
    <row r="19075" spans="1:3" x14ac:dyDescent="0.15">
      <c r="A19075">
        <v>5923</v>
      </c>
      <c r="B19075" t="s">
        <v>38076</v>
      </c>
      <c r="C19075" t="s">
        <v>38077</v>
      </c>
    </row>
    <row r="19076" spans="1:3" x14ac:dyDescent="0.15">
      <c r="A19076">
        <v>5922</v>
      </c>
      <c r="B19076" t="s">
        <v>38078</v>
      </c>
      <c r="C19076" t="s">
        <v>38079</v>
      </c>
    </row>
    <row r="19077" spans="1:3" x14ac:dyDescent="0.15">
      <c r="A19077">
        <v>5921</v>
      </c>
      <c r="B19077" t="s">
        <v>38080</v>
      </c>
      <c r="C19077" t="s">
        <v>38081</v>
      </c>
    </row>
    <row r="19078" spans="1:3" x14ac:dyDescent="0.15">
      <c r="A19078">
        <v>5920</v>
      </c>
      <c r="B19078" t="s">
        <v>38082</v>
      </c>
      <c r="C19078" t="s">
        <v>38083</v>
      </c>
    </row>
    <row r="19079" spans="1:3" x14ac:dyDescent="0.15">
      <c r="A19079">
        <v>5919</v>
      </c>
      <c r="B19079" t="s">
        <v>38084</v>
      </c>
      <c r="C19079" t="s">
        <v>38085</v>
      </c>
    </row>
    <row r="19080" spans="1:3" x14ac:dyDescent="0.15">
      <c r="A19080">
        <v>5918</v>
      </c>
      <c r="B19080" t="s">
        <v>38086</v>
      </c>
      <c r="C19080" t="s">
        <v>38087</v>
      </c>
    </row>
    <row r="19081" spans="1:3" x14ac:dyDescent="0.15">
      <c r="A19081">
        <v>5917</v>
      </c>
      <c r="B19081" t="s">
        <v>38088</v>
      </c>
      <c r="C19081" t="s">
        <v>38089</v>
      </c>
    </row>
    <row r="19082" spans="1:3" x14ac:dyDescent="0.15">
      <c r="A19082">
        <v>5916</v>
      </c>
      <c r="B19082" t="s">
        <v>38090</v>
      </c>
      <c r="C19082" t="s">
        <v>38091</v>
      </c>
    </row>
    <row r="19083" spans="1:3" x14ac:dyDescent="0.15">
      <c r="A19083">
        <v>5915</v>
      </c>
      <c r="B19083" t="s">
        <v>38092</v>
      </c>
      <c r="C19083" t="s">
        <v>38093</v>
      </c>
    </row>
    <row r="19084" spans="1:3" x14ac:dyDescent="0.15">
      <c r="A19084">
        <v>5914</v>
      </c>
      <c r="B19084" t="s">
        <v>38094</v>
      </c>
      <c r="C19084" t="s">
        <v>38095</v>
      </c>
    </row>
    <row r="19085" spans="1:3" x14ac:dyDescent="0.15">
      <c r="A19085">
        <v>5913</v>
      </c>
      <c r="B19085" t="s">
        <v>38096</v>
      </c>
      <c r="C19085" t="s">
        <v>38097</v>
      </c>
    </row>
    <row r="19086" spans="1:3" x14ac:dyDescent="0.15">
      <c r="A19086">
        <v>5912</v>
      </c>
      <c r="B19086" t="s">
        <v>38098</v>
      </c>
      <c r="C19086" t="s">
        <v>38099</v>
      </c>
    </row>
    <row r="19087" spans="1:3" x14ac:dyDescent="0.15">
      <c r="A19087">
        <v>5911</v>
      </c>
      <c r="B19087" t="s">
        <v>38100</v>
      </c>
      <c r="C19087" t="s">
        <v>38101</v>
      </c>
    </row>
    <row r="19088" spans="1:3" x14ac:dyDescent="0.15">
      <c r="A19088">
        <v>5910</v>
      </c>
      <c r="B19088" t="s">
        <v>38102</v>
      </c>
      <c r="C19088" t="s">
        <v>38103</v>
      </c>
    </row>
    <row r="19089" spans="1:3" x14ac:dyDescent="0.15">
      <c r="A19089">
        <v>5909</v>
      </c>
      <c r="B19089" t="s">
        <v>38104</v>
      </c>
      <c r="C19089" t="s">
        <v>38105</v>
      </c>
    </row>
    <row r="19090" spans="1:3" x14ac:dyDescent="0.15">
      <c r="A19090">
        <v>5908</v>
      </c>
      <c r="B19090" t="s">
        <v>38106</v>
      </c>
      <c r="C19090" t="s">
        <v>38107</v>
      </c>
    </row>
    <row r="19091" spans="1:3" x14ac:dyDescent="0.15">
      <c r="A19091">
        <v>5907</v>
      </c>
      <c r="B19091" t="s">
        <v>38108</v>
      </c>
      <c r="C19091" t="s">
        <v>38109</v>
      </c>
    </row>
    <row r="19092" spans="1:3" x14ac:dyDescent="0.15">
      <c r="A19092">
        <v>5906</v>
      </c>
      <c r="B19092" t="s">
        <v>38110</v>
      </c>
      <c r="C19092" t="s">
        <v>38111</v>
      </c>
    </row>
    <row r="19093" spans="1:3" x14ac:dyDescent="0.15">
      <c r="A19093">
        <v>5905</v>
      </c>
      <c r="B19093" t="s">
        <v>38112</v>
      </c>
      <c r="C19093" t="s">
        <v>38113</v>
      </c>
    </row>
    <row r="19094" spans="1:3" x14ac:dyDescent="0.15">
      <c r="A19094">
        <v>5904</v>
      </c>
      <c r="B19094" t="s">
        <v>38114</v>
      </c>
      <c r="C19094" t="s">
        <v>38115</v>
      </c>
    </row>
    <row r="19095" spans="1:3" x14ac:dyDescent="0.15">
      <c r="A19095">
        <v>5903</v>
      </c>
      <c r="B19095" t="s">
        <v>38116</v>
      </c>
      <c r="C19095" t="s">
        <v>38117</v>
      </c>
    </row>
    <row r="19096" spans="1:3" x14ac:dyDescent="0.15">
      <c r="A19096">
        <v>5902</v>
      </c>
      <c r="B19096" t="s">
        <v>38118</v>
      </c>
      <c r="C19096" t="s">
        <v>38119</v>
      </c>
    </row>
    <row r="19097" spans="1:3" x14ac:dyDescent="0.15">
      <c r="A19097">
        <v>5901</v>
      </c>
      <c r="B19097" t="s">
        <v>38120</v>
      </c>
      <c r="C19097" t="s">
        <v>38121</v>
      </c>
    </row>
    <row r="19098" spans="1:3" x14ac:dyDescent="0.15">
      <c r="A19098">
        <v>5900</v>
      </c>
      <c r="B19098" t="s">
        <v>38122</v>
      </c>
      <c r="C19098" t="s">
        <v>38123</v>
      </c>
    </row>
    <row r="19099" spans="1:3" x14ac:dyDescent="0.15">
      <c r="A19099">
        <v>5899</v>
      </c>
      <c r="B19099" t="s">
        <v>38124</v>
      </c>
      <c r="C19099" t="s">
        <v>38125</v>
      </c>
    </row>
    <row r="19100" spans="1:3" x14ac:dyDescent="0.15">
      <c r="A19100">
        <v>5898</v>
      </c>
      <c r="B19100" t="s">
        <v>38126</v>
      </c>
      <c r="C19100" t="s">
        <v>38127</v>
      </c>
    </row>
    <row r="19101" spans="1:3" x14ac:dyDescent="0.15">
      <c r="A19101">
        <v>5897</v>
      </c>
      <c r="B19101" t="s">
        <v>38128</v>
      </c>
      <c r="C19101" t="s">
        <v>38129</v>
      </c>
    </row>
    <row r="19102" spans="1:3" x14ac:dyDescent="0.15">
      <c r="A19102">
        <v>5896</v>
      </c>
      <c r="B19102" t="s">
        <v>38130</v>
      </c>
      <c r="C19102" t="s">
        <v>38131</v>
      </c>
    </row>
    <row r="19103" spans="1:3" x14ac:dyDescent="0.15">
      <c r="A19103">
        <v>5895</v>
      </c>
      <c r="B19103" t="s">
        <v>38132</v>
      </c>
      <c r="C19103" t="s">
        <v>38133</v>
      </c>
    </row>
    <row r="19104" spans="1:3" x14ac:dyDescent="0.15">
      <c r="A19104">
        <v>5894</v>
      </c>
      <c r="B19104" t="s">
        <v>38134</v>
      </c>
      <c r="C19104" t="s">
        <v>38135</v>
      </c>
    </row>
    <row r="19105" spans="1:3" x14ac:dyDescent="0.15">
      <c r="A19105">
        <v>5893</v>
      </c>
      <c r="B19105" t="s">
        <v>38136</v>
      </c>
      <c r="C19105" t="s">
        <v>38137</v>
      </c>
    </row>
    <row r="19106" spans="1:3" x14ac:dyDescent="0.15">
      <c r="A19106">
        <v>5892</v>
      </c>
      <c r="B19106" t="s">
        <v>38138</v>
      </c>
      <c r="C19106" t="s">
        <v>38139</v>
      </c>
    </row>
    <row r="19107" spans="1:3" x14ac:dyDescent="0.15">
      <c r="A19107">
        <v>5891</v>
      </c>
      <c r="B19107" t="s">
        <v>38140</v>
      </c>
      <c r="C19107" t="s">
        <v>38141</v>
      </c>
    </row>
    <row r="19108" spans="1:3" x14ac:dyDescent="0.15">
      <c r="A19108">
        <v>5890</v>
      </c>
      <c r="B19108" t="s">
        <v>38142</v>
      </c>
      <c r="C19108" t="s">
        <v>38143</v>
      </c>
    </row>
    <row r="19109" spans="1:3" x14ac:dyDescent="0.15">
      <c r="A19109">
        <v>5889</v>
      </c>
      <c r="B19109" t="s">
        <v>38144</v>
      </c>
      <c r="C19109" t="s">
        <v>38145</v>
      </c>
    </row>
    <row r="19110" spans="1:3" x14ac:dyDescent="0.15">
      <c r="A19110">
        <v>5888</v>
      </c>
      <c r="B19110" t="s">
        <v>38146</v>
      </c>
      <c r="C19110" t="s">
        <v>38147</v>
      </c>
    </row>
    <row r="19111" spans="1:3" x14ac:dyDescent="0.15">
      <c r="A19111">
        <v>5887</v>
      </c>
      <c r="B19111" t="s">
        <v>38148</v>
      </c>
      <c r="C19111" t="s">
        <v>38149</v>
      </c>
    </row>
    <row r="19112" spans="1:3" x14ac:dyDescent="0.15">
      <c r="A19112">
        <v>5886</v>
      </c>
      <c r="B19112" t="s">
        <v>38150</v>
      </c>
      <c r="C19112" t="s">
        <v>38151</v>
      </c>
    </row>
    <row r="19113" spans="1:3" x14ac:dyDescent="0.15">
      <c r="A19113">
        <v>5885</v>
      </c>
      <c r="B19113" t="s">
        <v>38152</v>
      </c>
      <c r="C19113" t="s">
        <v>38153</v>
      </c>
    </row>
    <row r="19114" spans="1:3" x14ac:dyDescent="0.15">
      <c r="A19114">
        <v>5884</v>
      </c>
      <c r="B19114" t="s">
        <v>38154</v>
      </c>
      <c r="C19114" t="s">
        <v>38155</v>
      </c>
    </row>
    <row r="19115" spans="1:3" x14ac:dyDescent="0.15">
      <c r="A19115">
        <v>5883</v>
      </c>
      <c r="B19115" t="s">
        <v>38156</v>
      </c>
      <c r="C19115" t="s">
        <v>38157</v>
      </c>
    </row>
    <row r="19116" spans="1:3" x14ac:dyDescent="0.15">
      <c r="A19116">
        <v>5882</v>
      </c>
      <c r="B19116" t="s">
        <v>38158</v>
      </c>
      <c r="C19116" t="s">
        <v>38159</v>
      </c>
    </row>
    <row r="19117" spans="1:3" x14ac:dyDescent="0.15">
      <c r="A19117">
        <v>5881</v>
      </c>
      <c r="B19117" t="s">
        <v>38160</v>
      </c>
      <c r="C19117" t="s">
        <v>38161</v>
      </c>
    </row>
    <row r="19118" spans="1:3" x14ac:dyDescent="0.15">
      <c r="A19118">
        <v>5880</v>
      </c>
      <c r="B19118" t="s">
        <v>38162</v>
      </c>
      <c r="C19118" t="s">
        <v>38163</v>
      </c>
    </row>
    <row r="19119" spans="1:3" x14ac:dyDescent="0.15">
      <c r="A19119">
        <v>5879</v>
      </c>
      <c r="B19119" t="s">
        <v>38164</v>
      </c>
      <c r="C19119" t="s">
        <v>38165</v>
      </c>
    </row>
    <row r="19120" spans="1:3" x14ac:dyDescent="0.15">
      <c r="A19120">
        <v>5878</v>
      </c>
      <c r="B19120" t="s">
        <v>38166</v>
      </c>
      <c r="C19120" t="s">
        <v>38167</v>
      </c>
    </row>
    <row r="19121" spans="1:3" x14ac:dyDescent="0.15">
      <c r="A19121">
        <v>5877</v>
      </c>
      <c r="B19121" t="s">
        <v>38168</v>
      </c>
      <c r="C19121" t="s">
        <v>38169</v>
      </c>
    </row>
    <row r="19122" spans="1:3" x14ac:dyDescent="0.15">
      <c r="A19122">
        <v>5876</v>
      </c>
      <c r="B19122" t="s">
        <v>38170</v>
      </c>
      <c r="C19122" t="s">
        <v>38171</v>
      </c>
    </row>
    <row r="19123" spans="1:3" x14ac:dyDescent="0.15">
      <c r="A19123">
        <v>5875</v>
      </c>
      <c r="B19123" t="s">
        <v>38172</v>
      </c>
      <c r="C19123" t="s">
        <v>38173</v>
      </c>
    </row>
    <row r="19124" spans="1:3" x14ac:dyDescent="0.15">
      <c r="A19124">
        <v>5874</v>
      </c>
      <c r="B19124" t="s">
        <v>38174</v>
      </c>
      <c r="C19124" t="s">
        <v>38175</v>
      </c>
    </row>
    <row r="19125" spans="1:3" x14ac:dyDescent="0.15">
      <c r="A19125">
        <v>5873</v>
      </c>
      <c r="B19125" t="s">
        <v>38176</v>
      </c>
      <c r="C19125" t="s">
        <v>38177</v>
      </c>
    </row>
    <row r="19126" spans="1:3" x14ac:dyDescent="0.15">
      <c r="A19126">
        <v>5872</v>
      </c>
      <c r="B19126" t="s">
        <v>38178</v>
      </c>
      <c r="C19126" t="s">
        <v>38179</v>
      </c>
    </row>
    <row r="19127" spans="1:3" x14ac:dyDescent="0.15">
      <c r="A19127">
        <v>5871</v>
      </c>
      <c r="B19127" t="s">
        <v>38180</v>
      </c>
      <c r="C19127" t="s">
        <v>38181</v>
      </c>
    </row>
    <row r="19128" spans="1:3" x14ac:dyDescent="0.15">
      <c r="A19128">
        <v>5870</v>
      </c>
      <c r="B19128" t="s">
        <v>38182</v>
      </c>
      <c r="C19128" t="s">
        <v>38183</v>
      </c>
    </row>
    <row r="19129" spans="1:3" x14ac:dyDescent="0.15">
      <c r="A19129">
        <v>5869</v>
      </c>
      <c r="B19129" t="s">
        <v>38184</v>
      </c>
      <c r="C19129" t="s">
        <v>38185</v>
      </c>
    </row>
    <row r="19130" spans="1:3" x14ac:dyDescent="0.15">
      <c r="A19130">
        <v>5868</v>
      </c>
      <c r="B19130" t="s">
        <v>38186</v>
      </c>
      <c r="C19130" t="s">
        <v>38187</v>
      </c>
    </row>
    <row r="19131" spans="1:3" x14ac:dyDescent="0.15">
      <c r="A19131">
        <v>5867</v>
      </c>
      <c r="B19131" t="s">
        <v>38188</v>
      </c>
      <c r="C19131" t="s">
        <v>38189</v>
      </c>
    </row>
    <row r="19132" spans="1:3" x14ac:dyDescent="0.15">
      <c r="A19132">
        <v>5866</v>
      </c>
      <c r="B19132" t="s">
        <v>38190</v>
      </c>
      <c r="C19132" t="s">
        <v>38191</v>
      </c>
    </row>
    <row r="19133" spans="1:3" x14ac:dyDescent="0.15">
      <c r="A19133">
        <v>5865</v>
      </c>
      <c r="B19133" t="s">
        <v>38192</v>
      </c>
      <c r="C19133" t="s">
        <v>38193</v>
      </c>
    </row>
    <row r="19134" spans="1:3" x14ac:dyDescent="0.15">
      <c r="A19134">
        <v>5864</v>
      </c>
      <c r="B19134" t="s">
        <v>38194</v>
      </c>
      <c r="C19134" t="s">
        <v>38195</v>
      </c>
    </row>
    <row r="19135" spans="1:3" x14ac:dyDescent="0.15">
      <c r="A19135">
        <v>5863</v>
      </c>
      <c r="B19135" t="s">
        <v>38196</v>
      </c>
      <c r="C19135" t="s">
        <v>38197</v>
      </c>
    </row>
    <row r="19136" spans="1:3" x14ac:dyDescent="0.15">
      <c r="A19136">
        <v>5862</v>
      </c>
      <c r="B19136" t="s">
        <v>38198</v>
      </c>
      <c r="C19136" t="s">
        <v>38199</v>
      </c>
    </row>
    <row r="19137" spans="1:3" x14ac:dyDescent="0.15">
      <c r="A19137">
        <v>5861</v>
      </c>
      <c r="B19137" t="s">
        <v>38200</v>
      </c>
      <c r="C19137" t="s">
        <v>38201</v>
      </c>
    </row>
    <row r="19138" spans="1:3" x14ac:dyDescent="0.15">
      <c r="A19138">
        <v>5860</v>
      </c>
      <c r="B19138" t="s">
        <v>38202</v>
      </c>
      <c r="C19138" t="s">
        <v>38203</v>
      </c>
    </row>
    <row r="19139" spans="1:3" x14ac:dyDescent="0.15">
      <c r="A19139">
        <v>5859</v>
      </c>
      <c r="B19139" t="s">
        <v>38204</v>
      </c>
      <c r="C19139" t="s">
        <v>38205</v>
      </c>
    </row>
    <row r="19140" spans="1:3" x14ac:dyDescent="0.15">
      <c r="A19140">
        <v>5858</v>
      </c>
      <c r="B19140" t="s">
        <v>38206</v>
      </c>
      <c r="C19140" t="s">
        <v>38207</v>
      </c>
    </row>
    <row r="19141" spans="1:3" x14ac:dyDescent="0.15">
      <c r="A19141">
        <v>5857</v>
      </c>
      <c r="B19141" t="s">
        <v>38208</v>
      </c>
      <c r="C19141" t="s">
        <v>38209</v>
      </c>
    </row>
    <row r="19142" spans="1:3" x14ac:dyDescent="0.15">
      <c r="A19142">
        <v>5856</v>
      </c>
      <c r="B19142" t="s">
        <v>38210</v>
      </c>
      <c r="C19142" t="s">
        <v>38211</v>
      </c>
    </row>
    <row r="19143" spans="1:3" x14ac:dyDescent="0.15">
      <c r="A19143">
        <v>5855</v>
      </c>
      <c r="B19143" t="s">
        <v>38212</v>
      </c>
      <c r="C19143" t="s">
        <v>38213</v>
      </c>
    </row>
    <row r="19144" spans="1:3" x14ac:dyDescent="0.15">
      <c r="A19144">
        <v>5854</v>
      </c>
      <c r="B19144" t="s">
        <v>38214</v>
      </c>
      <c r="C19144" t="s">
        <v>38215</v>
      </c>
    </row>
    <row r="19145" spans="1:3" x14ac:dyDescent="0.15">
      <c r="A19145">
        <v>5853</v>
      </c>
      <c r="B19145" t="s">
        <v>38216</v>
      </c>
      <c r="C19145" t="s">
        <v>38217</v>
      </c>
    </row>
    <row r="19146" spans="1:3" x14ac:dyDescent="0.15">
      <c r="A19146">
        <v>5852</v>
      </c>
      <c r="B19146" t="s">
        <v>38218</v>
      </c>
      <c r="C19146" t="s">
        <v>38219</v>
      </c>
    </row>
    <row r="19147" spans="1:3" x14ac:dyDescent="0.15">
      <c r="A19147">
        <v>5851</v>
      </c>
      <c r="B19147" t="s">
        <v>38220</v>
      </c>
      <c r="C19147" t="s">
        <v>38221</v>
      </c>
    </row>
    <row r="19148" spans="1:3" x14ac:dyDescent="0.15">
      <c r="A19148">
        <v>5850</v>
      </c>
      <c r="B19148" t="s">
        <v>38222</v>
      </c>
      <c r="C19148" t="s">
        <v>38223</v>
      </c>
    </row>
    <row r="19149" spans="1:3" x14ac:dyDescent="0.15">
      <c r="A19149">
        <v>5849</v>
      </c>
      <c r="B19149" t="s">
        <v>38224</v>
      </c>
      <c r="C19149" t="s">
        <v>38225</v>
      </c>
    </row>
    <row r="19150" spans="1:3" x14ac:dyDescent="0.15">
      <c r="A19150">
        <v>5848</v>
      </c>
      <c r="B19150" t="s">
        <v>38226</v>
      </c>
      <c r="C19150" t="s">
        <v>38227</v>
      </c>
    </row>
    <row r="19151" spans="1:3" x14ac:dyDescent="0.15">
      <c r="A19151">
        <v>5847</v>
      </c>
      <c r="B19151" t="s">
        <v>38228</v>
      </c>
      <c r="C19151" t="s">
        <v>38229</v>
      </c>
    </row>
    <row r="19152" spans="1:3" x14ac:dyDescent="0.15">
      <c r="A19152">
        <v>5846</v>
      </c>
      <c r="B19152" t="s">
        <v>38230</v>
      </c>
      <c r="C19152" t="s">
        <v>38231</v>
      </c>
    </row>
    <row r="19153" spans="1:3" x14ac:dyDescent="0.15">
      <c r="A19153">
        <v>5845</v>
      </c>
      <c r="B19153" t="s">
        <v>38232</v>
      </c>
      <c r="C19153" t="s">
        <v>38233</v>
      </c>
    </row>
    <row r="19154" spans="1:3" x14ac:dyDescent="0.15">
      <c r="A19154">
        <v>5844</v>
      </c>
      <c r="B19154" t="s">
        <v>38234</v>
      </c>
      <c r="C19154" t="s">
        <v>38235</v>
      </c>
    </row>
    <row r="19155" spans="1:3" x14ac:dyDescent="0.15">
      <c r="A19155">
        <v>5843</v>
      </c>
      <c r="B19155" t="s">
        <v>38236</v>
      </c>
      <c r="C19155" t="s">
        <v>38237</v>
      </c>
    </row>
    <row r="19156" spans="1:3" x14ac:dyDescent="0.15">
      <c r="A19156">
        <v>5842</v>
      </c>
      <c r="B19156" t="s">
        <v>38238</v>
      </c>
      <c r="C19156" t="s">
        <v>38239</v>
      </c>
    </row>
    <row r="19157" spans="1:3" x14ac:dyDescent="0.15">
      <c r="A19157">
        <v>5841</v>
      </c>
      <c r="B19157" t="s">
        <v>38240</v>
      </c>
      <c r="C19157" t="s">
        <v>38241</v>
      </c>
    </row>
    <row r="19158" spans="1:3" x14ac:dyDescent="0.15">
      <c r="A19158">
        <v>5840</v>
      </c>
      <c r="B19158" t="s">
        <v>38242</v>
      </c>
      <c r="C19158" t="s">
        <v>38243</v>
      </c>
    </row>
    <row r="19159" spans="1:3" x14ac:dyDescent="0.15">
      <c r="A19159">
        <v>5839</v>
      </c>
      <c r="B19159" t="s">
        <v>38244</v>
      </c>
      <c r="C19159" t="s">
        <v>38245</v>
      </c>
    </row>
    <row r="19160" spans="1:3" x14ac:dyDescent="0.15">
      <c r="A19160">
        <v>5838</v>
      </c>
      <c r="B19160" t="s">
        <v>38246</v>
      </c>
      <c r="C19160" t="s">
        <v>38247</v>
      </c>
    </row>
    <row r="19161" spans="1:3" x14ac:dyDescent="0.15">
      <c r="A19161">
        <v>5837</v>
      </c>
      <c r="B19161" t="s">
        <v>38248</v>
      </c>
      <c r="C19161" t="s">
        <v>38249</v>
      </c>
    </row>
    <row r="19162" spans="1:3" x14ac:dyDescent="0.15">
      <c r="A19162">
        <v>5836</v>
      </c>
      <c r="B19162" t="s">
        <v>38250</v>
      </c>
      <c r="C19162" t="s">
        <v>38251</v>
      </c>
    </row>
    <row r="19163" spans="1:3" x14ac:dyDescent="0.15">
      <c r="A19163">
        <v>5835</v>
      </c>
      <c r="B19163" t="s">
        <v>38252</v>
      </c>
      <c r="C19163" t="s">
        <v>38253</v>
      </c>
    </row>
    <row r="19164" spans="1:3" x14ac:dyDescent="0.15">
      <c r="A19164">
        <v>5834</v>
      </c>
      <c r="B19164" t="s">
        <v>38254</v>
      </c>
      <c r="C19164" t="s">
        <v>38255</v>
      </c>
    </row>
    <row r="19165" spans="1:3" x14ac:dyDescent="0.15">
      <c r="A19165">
        <v>5833</v>
      </c>
      <c r="B19165" t="s">
        <v>38256</v>
      </c>
      <c r="C19165" t="s">
        <v>38257</v>
      </c>
    </row>
    <row r="19166" spans="1:3" x14ac:dyDescent="0.15">
      <c r="A19166">
        <v>5832</v>
      </c>
      <c r="B19166" t="s">
        <v>38258</v>
      </c>
      <c r="C19166" t="s">
        <v>38259</v>
      </c>
    </row>
    <row r="19167" spans="1:3" x14ac:dyDescent="0.15">
      <c r="A19167">
        <v>5831</v>
      </c>
      <c r="B19167" t="s">
        <v>38260</v>
      </c>
      <c r="C19167" t="s">
        <v>38261</v>
      </c>
    </row>
    <row r="19168" spans="1:3" x14ac:dyDescent="0.15">
      <c r="A19168">
        <v>5830</v>
      </c>
      <c r="B19168" t="s">
        <v>38262</v>
      </c>
      <c r="C19168" t="s">
        <v>38263</v>
      </c>
    </row>
    <row r="19169" spans="1:3" x14ac:dyDescent="0.15">
      <c r="A19169">
        <v>5829</v>
      </c>
      <c r="B19169" t="s">
        <v>38264</v>
      </c>
      <c r="C19169" t="s">
        <v>38265</v>
      </c>
    </row>
    <row r="19170" spans="1:3" x14ac:dyDescent="0.15">
      <c r="A19170">
        <v>5828</v>
      </c>
      <c r="B19170" t="s">
        <v>38266</v>
      </c>
      <c r="C19170" t="s">
        <v>38267</v>
      </c>
    </row>
    <row r="19171" spans="1:3" x14ac:dyDescent="0.15">
      <c r="A19171">
        <v>5827</v>
      </c>
      <c r="B19171" t="s">
        <v>38268</v>
      </c>
      <c r="C19171" t="s">
        <v>38269</v>
      </c>
    </row>
    <row r="19172" spans="1:3" x14ac:dyDescent="0.15">
      <c r="A19172">
        <v>5826</v>
      </c>
      <c r="B19172" t="s">
        <v>38270</v>
      </c>
      <c r="C19172" t="s">
        <v>38271</v>
      </c>
    </row>
    <row r="19173" spans="1:3" x14ac:dyDescent="0.15">
      <c r="A19173">
        <v>5825</v>
      </c>
      <c r="B19173" t="s">
        <v>38272</v>
      </c>
      <c r="C19173" t="s">
        <v>38273</v>
      </c>
    </row>
    <row r="19174" spans="1:3" x14ac:dyDescent="0.15">
      <c r="A19174">
        <v>5824</v>
      </c>
      <c r="B19174" t="s">
        <v>38274</v>
      </c>
      <c r="C19174" t="s">
        <v>38275</v>
      </c>
    </row>
    <row r="19175" spans="1:3" x14ac:dyDescent="0.15">
      <c r="A19175">
        <v>5823</v>
      </c>
      <c r="B19175" t="s">
        <v>38276</v>
      </c>
      <c r="C19175" t="s">
        <v>38277</v>
      </c>
    </row>
    <row r="19176" spans="1:3" x14ac:dyDescent="0.15">
      <c r="A19176">
        <v>5822</v>
      </c>
      <c r="B19176" t="s">
        <v>38278</v>
      </c>
      <c r="C19176" t="s">
        <v>38279</v>
      </c>
    </row>
    <row r="19177" spans="1:3" x14ac:dyDescent="0.15">
      <c r="A19177">
        <v>5821</v>
      </c>
      <c r="B19177" t="s">
        <v>38280</v>
      </c>
      <c r="C19177" t="s">
        <v>38281</v>
      </c>
    </row>
    <row r="19178" spans="1:3" x14ac:dyDescent="0.15">
      <c r="A19178">
        <v>5820</v>
      </c>
      <c r="B19178" t="s">
        <v>38282</v>
      </c>
      <c r="C19178" t="s">
        <v>38283</v>
      </c>
    </row>
    <row r="19179" spans="1:3" x14ac:dyDescent="0.15">
      <c r="A19179">
        <v>5819</v>
      </c>
      <c r="B19179" t="s">
        <v>38284</v>
      </c>
      <c r="C19179" t="s">
        <v>38285</v>
      </c>
    </row>
    <row r="19180" spans="1:3" x14ac:dyDescent="0.15">
      <c r="A19180">
        <v>5818</v>
      </c>
      <c r="B19180" t="s">
        <v>38286</v>
      </c>
      <c r="C19180" t="s">
        <v>38287</v>
      </c>
    </row>
    <row r="19181" spans="1:3" x14ac:dyDescent="0.15">
      <c r="A19181">
        <v>5817</v>
      </c>
      <c r="B19181" t="s">
        <v>38288</v>
      </c>
      <c r="C19181" t="s">
        <v>38289</v>
      </c>
    </row>
    <row r="19182" spans="1:3" x14ac:dyDescent="0.15">
      <c r="A19182">
        <v>5816</v>
      </c>
      <c r="B19182" t="s">
        <v>38290</v>
      </c>
      <c r="C19182" t="s">
        <v>38291</v>
      </c>
    </row>
    <row r="19183" spans="1:3" x14ac:dyDescent="0.15">
      <c r="A19183">
        <v>5815</v>
      </c>
      <c r="B19183" t="s">
        <v>38292</v>
      </c>
      <c r="C19183" t="s">
        <v>38293</v>
      </c>
    </row>
    <row r="19184" spans="1:3" x14ac:dyDescent="0.15">
      <c r="A19184">
        <v>5814</v>
      </c>
      <c r="B19184" t="s">
        <v>38294</v>
      </c>
      <c r="C19184" t="s">
        <v>38295</v>
      </c>
    </row>
    <row r="19185" spans="1:3" x14ac:dyDescent="0.15">
      <c r="A19185">
        <v>5813</v>
      </c>
      <c r="B19185" t="s">
        <v>38296</v>
      </c>
      <c r="C19185" t="s">
        <v>38297</v>
      </c>
    </row>
    <row r="19186" spans="1:3" x14ac:dyDescent="0.15">
      <c r="A19186">
        <v>5812</v>
      </c>
      <c r="B19186" t="s">
        <v>38298</v>
      </c>
      <c r="C19186" t="s">
        <v>38299</v>
      </c>
    </row>
    <row r="19187" spans="1:3" x14ac:dyDescent="0.15">
      <c r="A19187">
        <v>5811</v>
      </c>
      <c r="B19187" t="s">
        <v>38300</v>
      </c>
      <c r="C19187" t="s">
        <v>38301</v>
      </c>
    </row>
    <row r="19188" spans="1:3" x14ac:dyDescent="0.15">
      <c r="A19188">
        <v>5810</v>
      </c>
      <c r="B19188" t="s">
        <v>38302</v>
      </c>
      <c r="C19188" t="s">
        <v>38303</v>
      </c>
    </row>
    <row r="19189" spans="1:3" x14ac:dyDescent="0.15">
      <c r="A19189">
        <v>5809</v>
      </c>
      <c r="B19189" t="s">
        <v>38304</v>
      </c>
      <c r="C19189" t="s">
        <v>38305</v>
      </c>
    </row>
    <row r="19190" spans="1:3" x14ac:dyDescent="0.15">
      <c r="A19190">
        <v>5808</v>
      </c>
      <c r="B19190" t="s">
        <v>38306</v>
      </c>
      <c r="C19190" t="s">
        <v>38307</v>
      </c>
    </row>
    <row r="19191" spans="1:3" x14ac:dyDescent="0.15">
      <c r="A19191">
        <v>5807</v>
      </c>
      <c r="B19191" t="s">
        <v>38308</v>
      </c>
      <c r="C19191" t="s">
        <v>38309</v>
      </c>
    </row>
    <row r="19192" spans="1:3" x14ac:dyDescent="0.15">
      <c r="A19192">
        <v>5806</v>
      </c>
      <c r="B19192" t="s">
        <v>38310</v>
      </c>
      <c r="C19192" t="s">
        <v>38311</v>
      </c>
    </row>
    <row r="19193" spans="1:3" x14ac:dyDescent="0.15">
      <c r="A19193">
        <v>5805</v>
      </c>
      <c r="B19193" t="s">
        <v>38312</v>
      </c>
      <c r="C19193" t="s">
        <v>38313</v>
      </c>
    </row>
    <row r="19194" spans="1:3" x14ac:dyDescent="0.15">
      <c r="A19194">
        <v>5804</v>
      </c>
      <c r="B19194" t="s">
        <v>38314</v>
      </c>
      <c r="C19194" t="s">
        <v>38315</v>
      </c>
    </row>
    <row r="19195" spans="1:3" x14ac:dyDescent="0.15">
      <c r="A19195">
        <v>5803</v>
      </c>
      <c r="B19195" t="s">
        <v>38316</v>
      </c>
      <c r="C19195" t="s">
        <v>38317</v>
      </c>
    </row>
    <row r="19196" spans="1:3" x14ac:dyDescent="0.15">
      <c r="A19196">
        <v>5802</v>
      </c>
      <c r="B19196" t="s">
        <v>38318</v>
      </c>
      <c r="C19196" t="s">
        <v>38319</v>
      </c>
    </row>
    <row r="19197" spans="1:3" x14ac:dyDescent="0.15">
      <c r="A19197">
        <v>5801</v>
      </c>
      <c r="B19197" t="s">
        <v>38320</v>
      </c>
      <c r="C19197" t="s">
        <v>38321</v>
      </c>
    </row>
    <row r="19198" spans="1:3" x14ac:dyDescent="0.15">
      <c r="A19198">
        <v>5800</v>
      </c>
      <c r="B19198" t="s">
        <v>38322</v>
      </c>
      <c r="C19198" t="s">
        <v>38323</v>
      </c>
    </row>
    <row r="19199" spans="1:3" x14ac:dyDescent="0.15">
      <c r="A19199">
        <v>5799</v>
      </c>
      <c r="B19199" t="s">
        <v>38324</v>
      </c>
      <c r="C19199" t="s">
        <v>38325</v>
      </c>
    </row>
    <row r="19200" spans="1:3" x14ac:dyDescent="0.15">
      <c r="A19200">
        <v>5798</v>
      </c>
      <c r="B19200" t="s">
        <v>38326</v>
      </c>
      <c r="C19200" t="s">
        <v>38327</v>
      </c>
    </row>
    <row r="19201" spans="1:3" x14ac:dyDescent="0.15">
      <c r="A19201">
        <v>5797</v>
      </c>
      <c r="B19201" t="s">
        <v>38328</v>
      </c>
      <c r="C19201" t="s">
        <v>38329</v>
      </c>
    </row>
    <row r="19202" spans="1:3" x14ac:dyDescent="0.15">
      <c r="A19202">
        <v>5796</v>
      </c>
      <c r="B19202" t="s">
        <v>38330</v>
      </c>
      <c r="C19202" t="s">
        <v>38331</v>
      </c>
    </row>
    <row r="19203" spans="1:3" x14ac:dyDescent="0.15">
      <c r="A19203">
        <v>5795</v>
      </c>
      <c r="B19203" t="s">
        <v>38332</v>
      </c>
      <c r="C19203" t="s">
        <v>38333</v>
      </c>
    </row>
    <row r="19204" spans="1:3" x14ac:dyDescent="0.15">
      <c r="A19204">
        <v>5794</v>
      </c>
      <c r="B19204" t="s">
        <v>38334</v>
      </c>
      <c r="C19204" t="s">
        <v>38335</v>
      </c>
    </row>
    <row r="19205" spans="1:3" x14ac:dyDescent="0.15">
      <c r="A19205">
        <v>5793</v>
      </c>
      <c r="B19205" t="s">
        <v>38336</v>
      </c>
      <c r="C19205" t="s">
        <v>38337</v>
      </c>
    </row>
    <row r="19206" spans="1:3" x14ac:dyDescent="0.15">
      <c r="A19206">
        <v>5792</v>
      </c>
      <c r="B19206" t="s">
        <v>38338</v>
      </c>
      <c r="C19206" t="s">
        <v>38339</v>
      </c>
    </row>
    <row r="19207" spans="1:3" x14ac:dyDescent="0.15">
      <c r="A19207">
        <v>5791</v>
      </c>
      <c r="B19207" t="s">
        <v>38340</v>
      </c>
      <c r="C19207" t="s">
        <v>38341</v>
      </c>
    </row>
    <row r="19208" spans="1:3" x14ac:dyDescent="0.15">
      <c r="A19208">
        <v>5790</v>
      </c>
      <c r="B19208" t="s">
        <v>38342</v>
      </c>
      <c r="C19208" t="s">
        <v>38343</v>
      </c>
    </row>
    <row r="19209" spans="1:3" x14ac:dyDescent="0.15">
      <c r="A19209">
        <v>5789</v>
      </c>
      <c r="B19209" t="s">
        <v>38344</v>
      </c>
      <c r="C19209" t="s">
        <v>38345</v>
      </c>
    </row>
    <row r="19210" spans="1:3" x14ac:dyDescent="0.15">
      <c r="A19210">
        <v>5788</v>
      </c>
      <c r="B19210" t="s">
        <v>38346</v>
      </c>
      <c r="C19210" t="s">
        <v>38347</v>
      </c>
    </row>
    <row r="19211" spans="1:3" x14ac:dyDescent="0.15">
      <c r="A19211">
        <v>5787</v>
      </c>
      <c r="B19211" t="s">
        <v>38348</v>
      </c>
      <c r="C19211" t="s">
        <v>38349</v>
      </c>
    </row>
    <row r="19212" spans="1:3" x14ac:dyDescent="0.15">
      <c r="A19212">
        <v>5786</v>
      </c>
      <c r="B19212" t="s">
        <v>38350</v>
      </c>
      <c r="C19212" t="s">
        <v>38351</v>
      </c>
    </row>
    <row r="19213" spans="1:3" x14ac:dyDescent="0.15">
      <c r="A19213">
        <v>5785</v>
      </c>
      <c r="B19213" t="s">
        <v>38352</v>
      </c>
      <c r="C19213" t="s">
        <v>38353</v>
      </c>
    </row>
    <row r="19214" spans="1:3" x14ac:dyDescent="0.15">
      <c r="A19214">
        <v>5784</v>
      </c>
      <c r="B19214" t="s">
        <v>38354</v>
      </c>
      <c r="C19214" t="s">
        <v>38355</v>
      </c>
    </row>
    <row r="19215" spans="1:3" x14ac:dyDescent="0.15">
      <c r="A19215">
        <v>5783</v>
      </c>
      <c r="B19215" t="s">
        <v>38356</v>
      </c>
      <c r="C19215" t="s">
        <v>38357</v>
      </c>
    </row>
    <row r="19216" spans="1:3" x14ac:dyDescent="0.15">
      <c r="A19216">
        <v>5782</v>
      </c>
      <c r="B19216" t="s">
        <v>38358</v>
      </c>
      <c r="C19216" t="s">
        <v>38359</v>
      </c>
    </row>
    <row r="19217" spans="1:3" x14ac:dyDescent="0.15">
      <c r="A19217">
        <v>5781</v>
      </c>
      <c r="B19217" t="s">
        <v>38360</v>
      </c>
      <c r="C19217" t="s">
        <v>38361</v>
      </c>
    </row>
    <row r="19218" spans="1:3" x14ac:dyDescent="0.15">
      <c r="A19218">
        <v>5780</v>
      </c>
      <c r="B19218" t="s">
        <v>38362</v>
      </c>
      <c r="C19218" t="s">
        <v>38363</v>
      </c>
    </row>
    <row r="19219" spans="1:3" x14ac:dyDescent="0.15">
      <c r="A19219">
        <v>5779</v>
      </c>
      <c r="B19219" t="s">
        <v>38364</v>
      </c>
      <c r="C19219" t="s">
        <v>38365</v>
      </c>
    </row>
    <row r="19220" spans="1:3" x14ac:dyDescent="0.15">
      <c r="A19220">
        <v>5778</v>
      </c>
      <c r="B19220" t="s">
        <v>38366</v>
      </c>
      <c r="C19220" t="s">
        <v>38367</v>
      </c>
    </row>
    <row r="19221" spans="1:3" x14ac:dyDescent="0.15">
      <c r="A19221">
        <v>5777</v>
      </c>
      <c r="B19221" t="s">
        <v>38368</v>
      </c>
      <c r="C19221" t="s">
        <v>38369</v>
      </c>
    </row>
    <row r="19222" spans="1:3" x14ac:dyDescent="0.15">
      <c r="A19222">
        <v>5776</v>
      </c>
      <c r="B19222" t="s">
        <v>38370</v>
      </c>
      <c r="C19222" t="s">
        <v>38371</v>
      </c>
    </row>
    <row r="19223" spans="1:3" x14ac:dyDescent="0.15">
      <c r="A19223">
        <v>5775</v>
      </c>
      <c r="B19223" t="s">
        <v>38372</v>
      </c>
      <c r="C19223" t="s">
        <v>38373</v>
      </c>
    </row>
    <row r="19224" spans="1:3" x14ac:dyDescent="0.15">
      <c r="A19224">
        <v>5774</v>
      </c>
      <c r="B19224" t="s">
        <v>38374</v>
      </c>
      <c r="C19224" t="s">
        <v>38375</v>
      </c>
    </row>
    <row r="19225" spans="1:3" x14ac:dyDescent="0.15">
      <c r="A19225">
        <v>5773</v>
      </c>
      <c r="B19225" t="s">
        <v>38376</v>
      </c>
      <c r="C19225" t="s">
        <v>38377</v>
      </c>
    </row>
    <row r="19226" spans="1:3" x14ac:dyDescent="0.15">
      <c r="A19226">
        <v>5772</v>
      </c>
      <c r="B19226" t="s">
        <v>38378</v>
      </c>
      <c r="C19226" t="s">
        <v>38379</v>
      </c>
    </row>
    <row r="19227" spans="1:3" x14ac:dyDescent="0.15">
      <c r="A19227">
        <v>5771</v>
      </c>
      <c r="B19227" t="s">
        <v>38380</v>
      </c>
      <c r="C19227" t="s">
        <v>38381</v>
      </c>
    </row>
    <row r="19228" spans="1:3" x14ac:dyDescent="0.15">
      <c r="A19228">
        <v>5770</v>
      </c>
      <c r="B19228" t="s">
        <v>38382</v>
      </c>
      <c r="C19228" t="s">
        <v>38383</v>
      </c>
    </row>
    <row r="19229" spans="1:3" x14ac:dyDescent="0.15">
      <c r="A19229">
        <v>5769</v>
      </c>
      <c r="B19229" t="s">
        <v>38384</v>
      </c>
      <c r="C19229" t="s">
        <v>38385</v>
      </c>
    </row>
    <row r="19230" spans="1:3" x14ac:dyDescent="0.15">
      <c r="A19230">
        <v>5768</v>
      </c>
      <c r="B19230" t="s">
        <v>38386</v>
      </c>
      <c r="C19230" t="s">
        <v>38387</v>
      </c>
    </row>
    <row r="19231" spans="1:3" x14ac:dyDescent="0.15">
      <c r="A19231">
        <v>5767</v>
      </c>
      <c r="B19231" t="s">
        <v>38388</v>
      </c>
      <c r="C19231" t="s">
        <v>38389</v>
      </c>
    </row>
    <row r="19232" spans="1:3" x14ac:dyDescent="0.15">
      <c r="A19232">
        <v>5766</v>
      </c>
      <c r="B19232" t="s">
        <v>38390</v>
      </c>
      <c r="C19232" t="s">
        <v>38391</v>
      </c>
    </row>
    <row r="19233" spans="1:3" x14ac:dyDescent="0.15">
      <c r="A19233">
        <v>5765</v>
      </c>
      <c r="B19233" t="s">
        <v>38392</v>
      </c>
      <c r="C19233" t="s">
        <v>38393</v>
      </c>
    </row>
    <row r="19234" spans="1:3" x14ac:dyDescent="0.15">
      <c r="A19234">
        <v>5764</v>
      </c>
      <c r="B19234" t="s">
        <v>38394</v>
      </c>
      <c r="C19234" t="s">
        <v>38395</v>
      </c>
    </row>
    <row r="19235" spans="1:3" x14ac:dyDescent="0.15">
      <c r="A19235">
        <v>5763</v>
      </c>
      <c r="B19235" t="s">
        <v>38396</v>
      </c>
      <c r="C19235" t="s">
        <v>38397</v>
      </c>
    </row>
    <row r="19236" spans="1:3" x14ac:dyDescent="0.15">
      <c r="A19236">
        <v>5762</v>
      </c>
      <c r="B19236" t="s">
        <v>38398</v>
      </c>
      <c r="C19236" t="s">
        <v>38399</v>
      </c>
    </row>
    <row r="19237" spans="1:3" x14ac:dyDescent="0.15">
      <c r="A19237">
        <v>5761</v>
      </c>
      <c r="B19237" t="s">
        <v>38400</v>
      </c>
      <c r="C19237" t="s">
        <v>38401</v>
      </c>
    </row>
    <row r="19238" spans="1:3" x14ac:dyDescent="0.15">
      <c r="A19238">
        <v>5760</v>
      </c>
      <c r="B19238" t="s">
        <v>38402</v>
      </c>
      <c r="C19238" t="s">
        <v>38403</v>
      </c>
    </row>
    <row r="19239" spans="1:3" x14ac:dyDescent="0.15">
      <c r="A19239">
        <v>5759</v>
      </c>
      <c r="B19239" t="s">
        <v>38404</v>
      </c>
      <c r="C19239" t="s">
        <v>38405</v>
      </c>
    </row>
    <row r="19240" spans="1:3" x14ac:dyDescent="0.15">
      <c r="A19240">
        <v>5758</v>
      </c>
      <c r="B19240" t="s">
        <v>38406</v>
      </c>
      <c r="C19240" t="s">
        <v>38407</v>
      </c>
    </row>
    <row r="19241" spans="1:3" x14ac:dyDescent="0.15">
      <c r="A19241">
        <v>5757</v>
      </c>
      <c r="B19241" t="s">
        <v>38408</v>
      </c>
      <c r="C19241" t="s">
        <v>38409</v>
      </c>
    </row>
    <row r="19242" spans="1:3" x14ac:dyDescent="0.15">
      <c r="A19242">
        <v>5756</v>
      </c>
      <c r="B19242" t="s">
        <v>38410</v>
      </c>
      <c r="C19242" t="s">
        <v>38411</v>
      </c>
    </row>
    <row r="19243" spans="1:3" x14ac:dyDescent="0.15">
      <c r="A19243">
        <v>5755</v>
      </c>
      <c r="B19243" t="s">
        <v>38412</v>
      </c>
      <c r="C19243" t="s">
        <v>38413</v>
      </c>
    </row>
    <row r="19244" spans="1:3" x14ac:dyDescent="0.15">
      <c r="A19244">
        <v>5754</v>
      </c>
      <c r="B19244" t="s">
        <v>38414</v>
      </c>
      <c r="C19244" t="s">
        <v>38415</v>
      </c>
    </row>
    <row r="19245" spans="1:3" x14ac:dyDescent="0.15">
      <c r="A19245">
        <v>5753</v>
      </c>
      <c r="B19245" t="s">
        <v>38416</v>
      </c>
      <c r="C19245" t="s">
        <v>38417</v>
      </c>
    </row>
    <row r="19246" spans="1:3" x14ac:dyDescent="0.15">
      <c r="A19246">
        <v>5752</v>
      </c>
      <c r="B19246" t="s">
        <v>38418</v>
      </c>
      <c r="C19246" t="s">
        <v>38419</v>
      </c>
    </row>
    <row r="19247" spans="1:3" x14ac:dyDescent="0.15">
      <c r="A19247">
        <v>5751</v>
      </c>
      <c r="B19247" t="s">
        <v>38420</v>
      </c>
      <c r="C19247" t="s">
        <v>38421</v>
      </c>
    </row>
    <row r="19248" spans="1:3" x14ac:dyDescent="0.15">
      <c r="A19248">
        <v>5750</v>
      </c>
      <c r="B19248" t="s">
        <v>38422</v>
      </c>
      <c r="C19248" t="s">
        <v>38423</v>
      </c>
    </row>
    <row r="19249" spans="1:3" x14ac:dyDescent="0.15">
      <c r="A19249">
        <v>5749</v>
      </c>
      <c r="B19249" t="s">
        <v>38424</v>
      </c>
      <c r="C19249" t="s">
        <v>38425</v>
      </c>
    </row>
    <row r="19250" spans="1:3" x14ac:dyDescent="0.15">
      <c r="A19250">
        <v>5748</v>
      </c>
      <c r="B19250" t="s">
        <v>38426</v>
      </c>
      <c r="C19250" t="s">
        <v>38427</v>
      </c>
    </row>
    <row r="19251" spans="1:3" x14ac:dyDescent="0.15">
      <c r="A19251">
        <v>5747</v>
      </c>
      <c r="B19251" t="s">
        <v>38428</v>
      </c>
      <c r="C19251" t="s">
        <v>38429</v>
      </c>
    </row>
    <row r="19252" spans="1:3" x14ac:dyDescent="0.15">
      <c r="A19252">
        <v>5746</v>
      </c>
      <c r="B19252" t="s">
        <v>38430</v>
      </c>
      <c r="C19252" t="s">
        <v>38431</v>
      </c>
    </row>
    <row r="19253" spans="1:3" x14ac:dyDescent="0.15">
      <c r="A19253">
        <v>5745</v>
      </c>
      <c r="B19253" t="s">
        <v>38432</v>
      </c>
      <c r="C19253" t="s">
        <v>38433</v>
      </c>
    </row>
    <row r="19254" spans="1:3" x14ac:dyDescent="0.15">
      <c r="A19254">
        <v>5744</v>
      </c>
      <c r="B19254" t="s">
        <v>38434</v>
      </c>
      <c r="C19254" t="s">
        <v>38435</v>
      </c>
    </row>
    <row r="19255" spans="1:3" x14ac:dyDescent="0.15">
      <c r="A19255">
        <v>5743</v>
      </c>
      <c r="B19255" t="s">
        <v>38436</v>
      </c>
      <c r="C19255" t="s">
        <v>38437</v>
      </c>
    </row>
    <row r="19256" spans="1:3" x14ac:dyDescent="0.15">
      <c r="A19256">
        <v>5742</v>
      </c>
      <c r="B19256" t="s">
        <v>38438</v>
      </c>
      <c r="C19256" t="s">
        <v>38439</v>
      </c>
    </row>
    <row r="19257" spans="1:3" x14ac:dyDescent="0.15">
      <c r="A19257">
        <v>5741</v>
      </c>
      <c r="B19257" t="s">
        <v>38440</v>
      </c>
      <c r="C19257" t="s">
        <v>38441</v>
      </c>
    </row>
    <row r="19258" spans="1:3" x14ac:dyDescent="0.15">
      <c r="A19258">
        <v>5740</v>
      </c>
      <c r="B19258" t="s">
        <v>38442</v>
      </c>
      <c r="C19258" t="s">
        <v>38443</v>
      </c>
    </row>
    <row r="19259" spans="1:3" x14ac:dyDescent="0.15">
      <c r="A19259">
        <v>5739</v>
      </c>
      <c r="B19259" t="s">
        <v>38444</v>
      </c>
      <c r="C19259" t="s">
        <v>38445</v>
      </c>
    </row>
    <row r="19260" spans="1:3" x14ac:dyDescent="0.15">
      <c r="A19260">
        <v>5738</v>
      </c>
      <c r="B19260" t="s">
        <v>38446</v>
      </c>
      <c r="C19260" t="s">
        <v>38447</v>
      </c>
    </row>
    <row r="19261" spans="1:3" x14ac:dyDescent="0.15">
      <c r="A19261">
        <v>5737</v>
      </c>
      <c r="B19261" t="s">
        <v>38448</v>
      </c>
      <c r="C19261" t="s">
        <v>38449</v>
      </c>
    </row>
    <row r="19262" spans="1:3" x14ac:dyDescent="0.15">
      <c r="A19262">
        <v>5736</v>
      </c>
      <c r="B19262" t="s">
        <v>38450</v>
      </c>
      <c r="C19262" t="s">
        <v>38451</v>
      </c>
    </row>
    <row r="19263" spans="1:3" x14ac:dyDescent="0.15">
      <c r="A19263">
        <v>5735</v>
      </c>
      <c r="B19263" t="s">
        <v>38452</v>
      </c>
      <c r="C19263" t="s">
        <v>38453</v>
      </c>
    </row>
    <row r="19264" spans="1:3" x14ac:dyDescent="0.15">
      <c r="A19264">
        <v>5734</v>
      </c>
      <c r="B19264" t="s">
        <v>38454</v>
      </c>
      <c r="C19264" t="s">
        <v>38455</v>
      </c>
    </row>
    <row r="19265" spans="1:3" x14ac:dyDescent="0.15">
      <c r="A19265">
        <v>5733</v>
      </c>
      <c r="B19265" t="s">
        <v>38456</v>
      </c>
      <c r="C19265" t="s">
        <v>38457</v>
      </c>
    </row>
    <row r="19266" spans="1:3" x14ac:dyDescent="0.15">
      <c r="A19266">
        <v>5732</v>
      </c>
      <c r="B19266" t="s">
        <v>38458</v>
      </c>
      <c r="C19266" t="s">
        <v>38459</v>
      </c>
    </row>
    <row r="19267" spans="1:3" x14ac:dyDescent="0.15">
      <c r="A19267">
        <v>5731</v>
      </c>
      <c r="B19267" t="s">
        <v>38460</v>
      </c>
      <c r="C19267" t="s">
        <v>38461</v>
      </c>
    </row>
    <row r="19268" spans="1:3" x14ac:dyDescent="0.15">
      <c r="A19268">
        <v>5730</v>
      </c>
      <c r="B19268" t="s">
        <v>38462</v>
      </c>
      <c r="C19268" t="s">
        <v>38463</v>
      </c>
    </row>
    <row r="19269" spans="1:3" x14ac:dyDescent="0.15">
      <c r="A19269">
        <v>5729</v>
      </c>
      <c r="B19269" t="s">
        <v>38464</v>
      </c>
      <c r="C19269" t="s">
        <v>38465</v>
      </c>
    </row>
    <row r="19270" spans="1:3" x14ac:dyDescent="0.15">
      <c r="A19270">
        <v>5728</v>
      </c>
      <c r="B19270" t="s">
        <v>38466</v>
      </c>
      <c r="C19270" t="s">
        <v>38467</v>
      </c>
    </row>
    <row r="19271" spans="1:3" x14ac:dyDescent="0.15">
      <c r="A19271">
        <v>5727</v>
      </c>
      <c r="B19271" t="s">
        <v>38468</v>
      </c>
      <c r="C19271" t="s">
        <v>38469</v>
      </c>
    </row>
    <row r="19272" spans="1:3" x14ac:dyDescent="0.15">
      <c r="A19272">
        <v>5726</v>
      </c>
      <c r="B19272" t="s">
        <v>38470</v>
      </c>
      <c r="C19272" t="s">
        <v>38471</v>
      </c>
    </row>
    <row r="19273" spans="1:3" x14ac:dyDescent="0.15">
      <c r="A19273">
        <v>5725</v>
      </c>
      <c r="B19273" t="s">
        <v>38472</v>
      </c>
      <c r="C19273" t="s">
        <v>38473</v>
      </c>
    </row>
    <row r="19274" spans="1:3" x14ac:dyDescent="0.15">
      <c r="A19274">
        <v>5724</v>
      </c>
      <c r="B19274" t="s">
        <v>38474</v>
      </c>
      <c r="C19274" t="s">
        <v>38475</v>
      </c>
    </row>
    <row r="19275" spans="1:3" x14ac:dyDescent="0.15">
      <c r="A19275">
        <v>5723</v>
      </c>
      <c r="B19275" t="s">
        <v>38476</v>
      </c>
      <c r="C19275" t="s">
        <v>38477</v>
      </c>
    </row>
    <row r="19276" spans="1:3" x14ac:dyDescent="0.15">
      <c r="A19276">
        <v>5722</v>
      </c>
      <c r="B19276" t="s">
        <v>38478</v>
      </c>
      <c r="C19276" t="s">
        <v>38479</v>
      </c>
    </row>
    <row r="19277" spans="1:3" x14ac:dyDescent="0.15">
      <c r="A19277">
        <v>5721</v>
      </c>
      <c r="B19277" t="s">
        <v>38480</v>
      </c>
      <c r="C19277" t="s">
        <v>38481</v>
      </c>
    </row>
    <row r="19278" spans="1:3" x14ac:dyDescent="0.15">
      <c r="A19278">
        <v>5720</v>
      </c>
      <c r="B19278" t="s">
        <v>38482</v>
      </c>
      <c r="C19278" t="s">
        <v>38483</v>
      </c>
    </row>
    <row r="19279" spans="1:3" x14ac:dyDescent="0.15">
      <c r="A19279">
        <v>5719</v>
      </c>
      <c r="B19279" t="s">
        <v>38484</v>
      </c>
      <c r="C19279" t="s">
        <v>38485</v>
      </c>
    </row>
    <row r="19280" spans="1:3" x14ac:dyDescent="0.15">
      <c r="A19280">
        <v>5718</v>
      </c>
      <c r="B19280" t="s">
        <v>38486</v>
      </c>
      <c r="C19280" t="s">
        <v>38487</v>
      </c>
    </row>
    <row r="19281" spans="1:3" x14ac:dyDescent="0.15">
      <c r="A19281">
        <v>5717</v>
      </c>
      <c r="B19281" t="s">
        <v>38488</v>
      </c>
      <c r="C19281" t="s">
        <v>38489</v>
      </c>
    </row>
    <row r="19282" spans="1:3" x14ac:dyDescent="0.15">
      <c r="A19282">
        <v>5716</v>
      </c>
      <c r="B19282" t="s">
        <v>38490</v>
      </c>
      <c r="C19282" t="s">
        <v>38491</v>
      </c>
    </row>
    <row r="19283" spans="1:3" x14ac:dyDescent="0.15">
      <c r="A19283">
        <v>5715</v>
      </c>
      <c r="B19283" t="s">
        <v>38492</v>
      </c>
      <c r="C19283" t="s">
        <v>38493</v>
      </c>
    </row>
    <row r="19284" spans="1:3" x14ac:dyDescent="0.15">
      <c r="A19284">
        <v>5714</v>
      </c>
      <c r="B19284" t="s">
        <v>38494</v>
      </c>
      <c r="C19284" t="s">
        <v>38495</v>
      </c>
    </row>
    <row r="19285" spans="1:3" x14ac:dyDescent="0.15">
      <c r="A19285">
        <v>5713</v>
      </c>
      <c r="B19285" t="s">
        <v>38496</v>
      </c>
      <c r="C19285" t="s">
        <v>38497</v>
      </c>
    </row>
    <row r="19286" spans="1:3" x14ac:dyDescent="0.15">
      <c r="A19286">
        <v>5712</v>
      </c>
      <c r="B19286" t="s">
        <v>38498</v>
      </c>
      <c r="C19286" t="s">
        <v>38499</v>
      </c>
    </row>
    <row r="19287" spans="1:3" x14ac:dyDescent="0.15">
      <c r="A19287">
        <v>5711</v>
      </c>
      <c r="B19287" t="s">
        <v>38500</v>
      </c>
      <c r="C19287" t="s">
        <v>38501</v>
      </c>
    </row>
    <row r="19288" spans="1:3" x14ac:dyDescent="0.15">
      <c r="A19288">
        <v>5710</v>
      </c>
      <c r="B19288" t="s">
        <v>38502</v>
      </c>
      <c r="C19288" t="s">
        <v>38503</v>
      </c>
    </row>
    <row r="19289" spans="1:3" x14ac:dyDescent="0.15">
      <c r="A19289">
        <v>5709</v>
      </c>
      <c r="B19289" t="s">
        <v>38504</v>
      </c>
      <c r="C19289" t="s">
        <v>38505</v>
      </c>
    </row>
    <row r="19290" spans="1:3" x14ac:dyDescent="0.15">
      <c r="A19290">
        <v>5708</v>
      </c>
      <c r="B19290" t="s">
        <v>38506</v>
      </c>
      <c r="C19290" t="s">
        <v>38507</v>
      </c>
    </row>
    <row r="19291" spans="1:3" x14ac:dyDescent="0.15">
      <c r="A19291">
        <v>5707</v>
      </c>
      <c r="B19291" t="s">
        <v>38508</v>
      </c>
      <c r="C19291" t="s">
        <v>38509</v>
      </c>
    </row>
    <row r="19292" spans="1:3" x14ac:dyDescent="0.15">
      <c r="A19292">
        <v>5706</v>
      </c>
      <c r="B19292" t="s">
        <v>38510</v>
      </c>
      <c r="C19292" t="s">
        <v>38511</v>
      </c>
    </row>
    <row r="19293" spans="1:3" x14ac:dyDescent="0.15">
      <c r="A19293">
        <v>5705</v>
      </c>
      <c r="B19293" t="s">
        <v>38512</v>
      </c>
      <c r="C19293" t="s">
        <v>38513</v>
      </c>
    </row>
    <row r="19294" spans="1:3" x14ac:dyDescent="0.15">
      <c r="A19294">
        <v>5704</v>
      </c>
      <c r="B19294" t="s">
        <v>38514</v>
      </c>
      <c r="C19294" t="s">
        <v>38515</v>
      </c>
    </row>
    <row r="19295" spans="1:3" x14ac:dyDescent="0.15">
      <c r="A19295">
        <v>5703</v>
      </c>
      <c r="B19295" t="s">
        <v>38516</v>
      </c>
      <c r="C19295" t="s">
        <v>38517</v>
      </c>
    </row>
    <row r="19296" spans="1:3" x14ac:dyDescent="0.15">
      <c r="A19296">
        <v>5702</v>
      </c>
      <c r="B19296" t="s">
        <v>38518</v>
      </c>
      <c r="C19296" t="s">
        <v>38519</v>
      </c>
    </row>
    <row r="19297" spans="1:3" x14ac:dyDescent="0.15">
      <c r="A19297">
        <v>5701</v>
      </c>
      <c r="B19297" t="s">
        <v>38520</v>
      </c>
      <c r="C19297" t="s">
        <v>38521</v>
      </c>
    </row>
    <row r="19298" spans="1:3" x14ac:dyDescent="0.15">
      <c r="A19298">
        <v>5700</v>
      </c>
      <c r="B19298" t="s">
        <v>38522</v>
      </c>
      <c r="C19298" t="s">
        <v>38523</v>
      </c>
    </row>
    <row r="19299" spans="1:3" x14ac:dyDescent="0.15">
      <c r="A19299">
        <v>5699</v>
      </c>
      <c r="B19299" t="s">
        <v>38524</v>
      </c>
      <c r="C19299" t="s">
        <v>38525</v>
      </c>
    </row>
    <row r="19300" spans="1:3" x14ac:dyDescent="0.15">
      <c r="A19300">
        <v>5698</v>
      </c>
      <c r="B19300" t="s">
        <v>38526</v>
      </c>
      <c r="C19300" t="s">
        <v>38527</v>
      </c>
    </row>
    <row r="19301" spans="1:3" x14ac:dyDescent="0.15">
      <c r="A19301">
        <v>5697</v>
      </c>
      <c r="B19301" t="s">
        <v>38528</v>
      </c>
      <c r="C19301" t="s">
        <v>38529</v>
      </c>
    </row>
    <row r="19302" spans="1:3" x14ac:dyDescent="0.15">
      <c r="A19302">
        <v>5696</v>
      </c>
      <c r="B19302" t="s">
        <v>38530</v>
      </c>
      <c r="C19302" t="s">
        <v>38531</v>
      </c>
    </row>
    <row r="19303" spans="1:3" x14ac:dyDescent="0.15">
      <c r="A19303">
        <v>5695</v>
      </c>
      <c r="B19303" t="s">
        <v>38532</v>
      </c>
      <c r="C19303" t="s">
        <v>38533</v>
      </c>
    </row>
    <row r="19304" spans="1:3" x14ac:dyDescent="0.15">
      <c r="A19304">
        <v>5694</v>
      </c>
      <c r="B19304" t="s">
        <v>38534</v>
      </c>
      <c r="C19304" t="s">
        <v>38535</v>
      </c>
    </row>
    <row r="19305" spans="1:3" x14ac:dyDescent="0.15">
      <c r="A19305">
        <v>5693</v>
      </c>
      <c r="B19305" t="s">
        <v>38536</v>
      </c>
      <c r="C19305" t="s">
        <v>38537</v>
      </c>
    </row>
    <row r="19306" spans="1:3" x14ac:dyDescent="0.15">
      <c r="A19306">
        <v>5692</v>
      </c>
      <c r="B19306" t="s">
        <v>38538</v>
      </c>
      <c r="C19306" t="s">
        <v>38539</v>
      </c>
    </row>
    <row r="19307" spans="1:3" x14ac:dyDescent="0.15">
      <c r="A19307">
        <v>5691</v>
      </c>
      <c r="B19307" t="s">
        <v>38540</v>
      </c>
      <c r="C19307" t="s">
        <v>38541</v>
      </c>
    </row>
    <row r="19308" spans="1:3" x14ac:dyDescent="0.15">
      <c r="A19308">
        <v>5690</v>
      </c>
      <c r="B19308" t="s">
        <v>38542</v>
      </c>
      <c r="C19308" t="s">
        <v>38543</v>
      </c>
    </row>
    <row r="19309" spans="1:3" x14ac:dyDescent="0.15">
      <c r="A19309">
        <v>5689</v>
      </c>
      <c r="B19309" t="s">
        <v>38544</v>
      </c>
      <c r="C19309" t="s">
        <v>38545</v>
      </c>
    </row>
    <row r="19310" spans="1:3" x14ac:dyDescent="0.15">
      <c r="A19310">
        <v>5688</v>
      </c>
      <c r="B19310" t="s">
        <v>38546</v>
      </c>
      <c r="C19310" t="s">
        <v>38547</v>
      </c>
    </row>
    <row r="19311" spans="1:3" x14ac:dyDescent="0.15">
      <c r="A19311">
        <v>5687</v>
      </c>
      <c r="B19311" t="s">
        <v>38548</v>
      </c>
      <c r="C19311" t="s">
        <v>38549</v>
      </c>
    </row>
    <row r="19312" spans="1:3" x14ac:dyDescent="0.15">
      <c r="A19312">
        <v>5686</v>
      </c>
      <c r="B19312" t="s">
        <v>38550</v>
      </c>
      <c r="C19312" t="s">
        <v>38551</v>
      </c>
    </row>
    <row r="19313" spans="1:3" x14ac:dyDescent="0.15">
      <c r="A19313">
        <v>5685</v>
      </c>
      <c r="B19313" t="s">
        <v>38552</v>
      </c>
      <c r="C19313" t="s">
        <v>38553</v>
      </c>
    </row>
    <row r="19314" spans="1:3" x14ac:dyDescent="0.15">
      <c r="A19314">
        <v>5684</v>
      </c>
      <c r="B19314" t="s">
        <v>38554</v>
      </c>
      <c r="C19314" t="s">
        <v>38555</v>
      </c>
    </row>
    <row r="19315" spans="1:3" x14ac:dyDescent="0.15">
      <c r="A19315">
        <v>5683</v>
      </c>
      <c r="B19315" t="s">
        <v>38556</v>
      </c>
      <c r="C19315" t="s">
        <v>38557</v>
      </c>
    </row>
    <row r="19316" spans="1:3" x14ac:dyDescent="0.15">
      <c r="A19316">
        <v>5682</v>
      </c>
      <c r="B19316" t="s">
        <v>38558</v>
      </c>
      <c r="C19316" t="s">
        <v>38559</v>
      </c>
    </row>
    <row r="19317" spans="1:3" x14ac:dyDescent="0.15">
      <c r="A19317">
        <v>5681</v>
      </c>
      <c r="B19317" t="s">
        <v>38560</v>
      </c>
      <c r="C19317" t="s">
        <v>38561</v>
      </c>
    </row>
    <row r="19318" spans="1:3" x14ac:dyDescent="0.15">
      <c r="A19318">
        <v>5680</v>
      </c>
      <c r="B19318" t="s">
        <v>38562</v>
      </c>
      <c r="C19318" t="s">
        <v>38563</v>
      </c>
    </row>
    <row r="19319" spans="1:3" x14ac:dyDescent="0.15">
      <c r="A19319">
        <v>5679</v>
      </c>
      <c r="B19319" t="s">
        <v>38564</v>
      </c>
      <c r="C19319" t="s">
        <v>38565</v>
      </c>
    </row>
    <row r="19320" spans="1:3" x14ac:dyDescent="0.15">
      <c r="A19320">
        <v>5678</v>
      </c>
      <c r="B19320" t="s">
        <v>38566</v>
      </c>
      <c r="C19320" t="s">
        <v>38567</v>
      </c>
    </row>
    <row r="19321" spans="1:3" x14ac:dyDescent="0.15">
      <c r="A19321">
        <v>5677</v>
      </c>
      <c r="B19321" t="s">
        <v>38568</v>
      </c>
      <c r="C19321" t="s">
        <v>38569</v>
      </c>
    </row>
    <row r="19322" spans="1:3" x14ac:dyDescent="0.15">
      <c r="A19322">
        <v>5676</v>
      </c>
      <c r="B19322" t="s">
        <v>38570</v>
      </c>
      <c r="C19322" t="s">
        <v>38571</v>
      </c>
    </row>
    <row r="19323" spans="1:3" x14ac:dyDescent="0.15">
      <c r="A19323">
        <v>5675</v>
      </c>
      <c r="B19323" t="s">
        <v>38572</v>
      </c>
      <c r="C19323" t="s">
        <v>38573</v>
      </c>
    </row>
    <row r="19324" spans="1:3" x14ac:dyDescent="0.15">
      <c r="A19324">
        <v>5674</v>
      </c>
      <c r="B19324" t="s">
        <v>38574</v>
      </c>
      <c r="C19324" t="s">
        <v>38575</v>
      </c>
    </row>
    <row r="19325" spans="1:3" x14ac:dyDescent="0.15">
      <c r="A19325">
        <v>5673</v>
      </c>
      <c r="B19325" t="s">
        <v>38576</v>
      </c>
      <c r="C19325" t="s">
        <v>38577</v>
      </c>
    </row>
    <row r="19326" spans="1:3" x14ac:dyDescent="0.15">
      <c r="A19326">
        <v>5672</v>
      </c>
      <c r="B19326" t="s">
        <v>38578</v>
      </c>
      <c r="C19326" t="s">
        <v>38579</v>
      </c>
    </row>
    <row r="19327" spans="1:3" x14ac:dyDescent="0.15">
      <c r="A19327">
        <v>5671</v>
      </c>
      <c r="B19327" t="s">
        <v>38580</v>
      </c>
      <c r="C19327" t="s">
        <v>38581</v>
      </c>
    </row>
    <row r="19328" spans="1:3" x14ac:dyDescent="0.15">
      <c r="A19328">
        <v>5670</v>
      </c>
      <c r="B19328" t="s">
        <v>38582</v>
      </c>
      <c r="C19328" t="s">
        <v>38583</v>
      </c>
    </row>
    <row r="19329" spans="1:3" x14ac:dyDescent="0.15">
      <c r="A19329">
        <v>5669</v>
      </c>
      <c r="B19329" t="s">
        <v>38584</v>
      </c>
      <c r="C19329" t="s">
        <v>38585</v>
      </c>
    </row>
    <row r="19330" spans="1:3" x14ac:dyDescent="0.15">
      <c r="A19330">
        <v>5668</v>
      </c>
      <c r="B19330" t="s">
        <v>38586</v>
      </c>
      <c r="C19330" t="s">
        <v>38587</v>
      </c>
    </row>
    <row r="19331" spans="1:3" x14ac:dyDescent="0.15">
      <c r="A19331">
        <v>5667</v>
      </c>
      <c r="B19331" t="s">
        <v>38588</v>
      </c>
      <c r="C19331" t="s">
        <v>38589</v>
      </c>
    </row>
    <row r="19332" spans="1:3" x14ac:dyDescent="0.15">
      <c r="A19332">
        <v>5666</v>
      </c>
      <c r="B19332" t="s">
        <v>38590</v>
      </c>
      <c r="C19332" t="s">
        <v>38591</v>
      </c>
    </row>
    <row r="19333" spans="1:3" x14ac:dyDescent="0.15">
      <c r="A19333">
        <v>5665</v>
      </c>
      <c r="B19333" t="s">
        <v>38592</v>
      </c>
      <c r="C19333" t="s">
        <v>38593</v>
      </c>
    </row>
    <row r="19334" spans="1:3" x14ac:dyDescent="0.15">
      <c r="A19334">
        <v>5664</v>
      </c>
      <c r="B19334" t="s">
        <v>38594</v>
      </c>
      <c r="C19334" t="s">
        <v>38595</v>
      </c>
    </row>
    <row r="19335" spans="1:3" x14ac:dyDescent="0.15">
      <c r="A19335">
        <v>5663</v>
      </c>
      <c r="B19335" t="s">
        <v>38596</v>
      </c>
      <c r="C19335" t="s">
        <v>38597</v>
      </c>
    </row>
    <row r="19336" spans="1:3" x14ac:dyDescent="0.15">
      <c r="A19336">
        <v>5662</v>
      </c>
      <c r="B19336" t="s">
        <v>38598</v>
      </c>
      <c r="C19336" t="s">
        <v>38599</v>
      </c>
    </row>
    <row r="19337" spans="1:3" x14ac:dyDescent="0.15">
      <c r="A19337">
        <v>5661</v>
      </c>
      <c r="B19337" t="s">
        <v>38600</v>
      </c>
      <c r="C19337" t="s">
        <v>38601</v>
      </c>
    </row>
    <row r="19338" spans="1:3" x14ac:dyDescent="0.15">
      <c r="A19338">
        <v>5660</v>
      </c>
      <c r="B19338" t="s">
        <v>38602</v>
      </c>
      <c r="C19338" t="s">
        <v>38603</v>
      </c>
    </row>
    <row r="19339" spans="1:3" x14ac:dyDescent="0.15">
      <c r="A19339">
        <v>5659</v>
      </c>
      <c r="B19339" t="s">
        <v>38604</v>
      </c>
      <c r="C19339" t="s">
        <v>38605</v>
      </c>
    </row>
    <row r="19340" spans="1:3" x14ac:dyDescent="0.15">
      <c r="A19340">
        <v>5658</v>
      </c>
      <c r="B19340" t="s">
        <v>38606</v>
      </c>
      <c r="C19340" t="s">
        <v>38607</v>
      </c>
    </row>
    <row r="19341" spans="1:3" x14ac:dyDescent="0.15">
      <c r="A19341">
        <v>5657</v>
      </c>
      <c r="B19341" t="s">
        <v>38608</v>
      </c>
      <c r="C19341" t="s">
        <v>38609</v>
      </c>
    </row>
    <row r="19342" spans="1:3" x14ac:dyDescent="0.15">
      <c r="A19342">
        <v>5656</v>
      </c>
      <c r="B19342" t="s">
        <v>38610</v>
      </c>
      <c r="C19342" t="s">
        <v>38611</v>
      </c>
    </row>
    <row r="19343" spans="1:3" x14ac:dyDescent="0.15">
      <c r="A19343">
        <v>5655</v>
      </c>
      <c r="B19343" t="s">
        <v>38612</v>
      </c>
      <c r="C19343" t="s">
        <v>38613</v>
      </c>
    </row>
    <row r="19344" spans="1:3" x14ac:dyDescent="0.15">
      <c r="A19344">
        <v>5654</v>
      </c>
      <c r="B19344" t="s">
        <v>38614</v>
      </c>
      <c r="C19344" t="s">
        <v>38615</v>
      </c>
    </row>
    <row r="19345" spans="1:3" x14ac:dyDescent="0.15">
      <c r="A19345">
        <v>5653</v>
      </c>
      <c r="B19345" t="s">
        <v>38616</v>
      </c>
      <c r="C19345" t="s">
        <v>38617</v>
      </c>
    </row>
    <row r="19346" spans="1:3" x14ac:dyDescent="0.15">
      <c r="A19346">
        <v>5652</v>
      </c>
      <c r="B19346" t="s">
        <v>38618</v>
      </c>
      <c r="C19346" t="s">
        <v>38619</v>
      </c>
    </row>
    <row r="19347" spans="1:3" x14ac:dyDescent="0.15">
      <c r="A19347">
        <v>5651</v>
      </c>
      <c r="B19347" t="s">
        <v>38620</v>
      </c>
      <c r="C19347" t="s">
        <v>38621</v>
      </c>
    </row>
    <row r="19348" spans="1:3" x14ac:dyDescent="0.15">
      <c r="A19348">
        <v>5650</v>
      </c>
      <c r="B19348" t="s">
        <v>38622</v>
      </c>
      <c r="C19348" t="s">
        <v>38623</v>
      </c>
    </row>
    <row r="19349" spans="1:3" x14ac:dyDescent="0.15">
      <c r="A19349">
        <v>5649</v>
      </c>
      <c r="B19349" t="s">
        <v>38624</v>
      </c>
      <c r="C19349" t="s">
        <v>38625</v>
      </c>
    </row>
    <row r="19350" spans="1:3" x14ac:dyDescent="0.15">
      <c r="A19350">
        <v>5648</v>
      </c>
      <c r="B19350" t="s">
        <v>38626</v>
      </c>
      <c r="C19350" t="s">
        <v>38627</v>
      </c>
    </row>
    <row r="19351" spans="1:3" x14ac:dyDescent="0.15">
      <c r="A19351">
        <v>5647</v>
      </c>
      <c r="B19351" t="s">
        <v>38628</v>
      </c>
      <c r="C19351" t="s">
        <v>38629</v>
      </c>
    </row>
    <row r="19352" spans="1:3" x14ac:dyDescent="0.15">
      <c r="A19352">
        <v>5646</v>
      </c>
      <c r="B19352" t="s">
        <v>38630</v>
      </c>
      <c r="C19352" t="s">
        <v>38631</v>
      </c>
    </row>
    <row r="19353" spans="1:3" x14ac:dyDescent="0.15">
      <c r="A19353">
        <v>5645</v>
      </c>
      <c r="B19353" t="s">
        <v>38632</v>
      </c>
      <c r="C19353" t="s">
        <v>38633</v>
      </c>
    </row>
    <row r="19354" spans="1:3" x14ac:dyDescent="0.15">
      <c r="A19354">
        <v>5644</v>
      </c>
      <c r="B19354" t="s">
        <v>38634</v>
      </c>
      <c r="C19354" t="s">
        <v>38635</v>
      </c>
    </row>
    <row r="19355" spans="1:3" x14ac:dyDescent="0.15">
      <c r="A19355">
        <v>5643</v>
      </c>
      <c r="B19355" t="s">
        <v>38636</v>
      </c>
      <c r="C19355" t="s">
        <v>38637</v>
      </c>
    </row>
    <row r="19356" spans="1:3" x14ac:dyDescent="0.15">
      <c r="A19356">
        <v>5642</v>
      </c>
      <c r="B19356" t="s">
        <v>38638</v>
      </c>
      <c r="C19356" t="s">
        <v>38639</v>
      </c>
    </row>
    <row r="19357" spans="1:3" x14ac:dyDescent="0.15">
      <c r="A19357">
        <v>5641</v>
      </c>
      <c r="B19357" t="s">
        <v>38640</v>
      </c>
      <c r="C19357" t="s">
        <v>38641</v>
      </c>
    </row>
    <row r="19358" spans="1:3" x14ac:dyDescent="0.15">
      <c r="A19358">
        <v>5640</v>
      </c>
      <c r="B19358" t="s">
        <v>38642</v>
      </c>
      <c r="C19358" t="s">
        <v>38643</v>
      </c>
    </row>
    <row r="19359" spans="1:3" x14ac:dyDescent="0.15">
      <c r="A19359">
        <v>5639</v>
      </c>
      <c r="B19359" t="s">
        <v>38644</v>
      </c>
      <c r="C19359" t="s">
        <v>38645</v>
      </c>
    </row>
    <row r="19360" spans="1:3" x14ac:dyDescent="0.15">
      <c r="A19360">
        <v>5638</v>
      </c>
      <c r="B19360" t="s">
        <v>38646</v>
      </c>
      <c r="C19360" t="s">
        <v>38647</v>
      </c>
    </row>
    <row r="19361" spans="1:3" x14ac:dyDescent="0.15">
      <c r="A19361">
        <v>5637</v>
      </c>
      <c r="B19361" t="s">
        <v>38648</v>
      </c>
      <c r="C19361" t="s">
        <v>38649</v>
      </c>
    </row>
    <row r="19362" spans="1:3" x14ac:dyDescent="0.15">
      <c r="A19362">
        <v>5636</v>
      </c>
      <c r="B19362" t="s">
        <v>38650</v>
      </c>
      <c r="C19362" t="s">
        <v>38651</v>
      </c>
    </row>
    <row r="19363" spans="1:3" x14ac:dyDescent="0.15">
      <c r="A19363">
        <v>5635</v>
      </c>
      <c r="B19363" t="s">
        <v>38652</v>
      </c>
      <c r="C19363" t="s">
        <v>38653</v>
      </c>
    </row>
    <row r="19364" spans="1:3" x14ac:dyDescent="0.15">
      <c r="A19364">
        <v>5634</v>
      </c>
      <c r="B19364" t="s">
        <v>38654</v>
      </c>
      <c r="C19364" t="s">
        <v>38655</v>
      </c>
    </row>
    <row r="19365" spans="1:3" x14ac:dyDescent="0.15">
      <c r="A19365">
        <v>5633</v>
      </c>
      <c r="B19365" t="s">
        <v>38656</v>
      </c>
      <c r="C19365" t="s">
        <v>38657</v>
      </c>
    </row>
    <row r="19366" spans="1:3" x14ac:dyDescent="0.15">
      <c r="A19366">
        <v>5632</v>
      </c>
      <c r="B19366" t="s">
        <v>38658</v>
      </c>
      <c r="C19366" t="s">
        <v>38659</v>
      </c>
    </row>
    <row r="19367" spans="1:3" x14ac:dyDescent="0.15">
      <c r="A19367">
        <v>5631</v>
      </c>
      <c r="B19367" t="s">
        <v>38660</v>
      </c>
      <c r="C19367" t="s">
        <v>38661</v>
      </c>
    </row>
    <row r="19368" spans="1:3" x14ac:dyDescent="0.15">
      <c r="A19368">
        <v>5630</v>
      </c>
      <c r="B19368" t="s">
        <v>38662</v>
      </c>
      <c r="C19368" t="s">
        <v>38663</v>
      </c>
    </row>
    <row r="19369" spans="1:3" x14ac:dyDescent="0.15">
      <c r="A19369">
        <v>5629</v>
      </c>
      <c r="B19369" t="s">
        <v>38664</v>
      </c>
      <c r="C19369" t="s">
        <v>38665</v>
      </c>
    </row>
    <row r="19370" spans="1:3" x14ac:dyDescent="0.15">
      <c r="A19370">
        <v>5628</v>
      </c>
      <c r="B19370" t="s">
        <v>38666</v>
      </c>
      <c r="C19370" t="s">
        <v>38667</v>
      </c>
    </row>
    <row r="19371" spans="1:3" x14ac:dyDescent="0.15">
      <c r="A19371">
        <v>5627</v>
      </c>
      <c r="B19371" t="s">
        <v>38668</v>
      </c>
      <c r="C19371" t="s">
        <v>38669</v>
      </c>
    </row>
    <row r="19372" spans="1:3" x14ac:dyDescent="0.15">
      <c r="A19372">
        <v>5626</v>
      </c>
      <c r="B19372" t="s">
        <v>38670</v>
      </c>
      <c r="C19372" t="s">
        <v>38671</v>
      </c>
    </row>
    <row r="19373" spans="1:3" x14ac:dyDescent="0.15">
      <c r="A19373">
        <v>5625</v>
      </c>
      <c r="B19373" t="s">
        <v>38672</v>
      </c>
      <c r="C19373" t="s">
        <v>38673</v>
      </c>
    </row>
    <row r="19374" spans="1:3" x14ac:dyDescent="0.15">
      <c r="A19374">
        <v>5624</v>
      </c>
      <c r="B19374" t="s">
        <v>38674</v>
      </c>
      <c r="C19374" t="s">
        <v>38675</v>
      </c>
    </row>
    <row r="19375" spans="1:3" x14ac:dyDescent="0.15">
      <c r="A19375">
        <v>5623</v>
      </c>
      <c r="B19375" t="s">
        <v>38676</v>
      </c>
      <c r="C19375" t="s">
        <v>38677</v>
      </c>
    </row>
    <row r="19376" spans="1:3" x14ac:dyDescent="0.15">
      <c r="A19376">
        <v>5622</v>
      </c>
      <c r="B19376" t="s">
        <v>38678</v>
      </c>
      <c r="C19376" t="s">
        <v>38679</v>
      </c>
    </row>
    <row r="19377" spans="1:3" x14ac:dyDescent="0.15">
      <c r="A19377">
        <v>5621</v>
      </c>
      <c r="B19377" t="s">
        <v>38680</v>
      </c>
      <c r="C19377" t="s">
        <v>38681</v>
      </c>
    </row>
    <row r="19378" spans="1:3" x14ac:dyDescent="0.15">
      <c r="A19378">
        <v>5620</v>
      </c>
      <c r="B19378" t="s">
        <v>38682</v>
      </c>
      <c r="C19378" t="s">
        <v>38683</v>
      </c>
    </row>
    <row r="19379" spans="1:3" x14ac:dyDescent="0.15">
      <c r="A19379">
        <v>5619</v>
      </c>
      <c r="B19379" t="s">
        <v>38684</v>
      </c>
      <c r="C19379" t="s">
        <v>38685</v>
      </c>
    </row>
    <row r="19380" spans="1:3" x14ac:dyDescent="0.15">
      <c r="A19380">
        <v>5618</v>
      </c>
      <c r="B19380" t="s">
        <v>38686</v>
      </c>
      <c r="C19380" t="s">
        <v>38687</v>
      </c>
    </row>
    <row r="19381" spans="1:3" x14ac:dyDescent="0.15">
      <c r="A19381">
        <v>5617</v>
      </c>
      <c r="B19381" t="s">
        <v>38688</v>
      </c>
      <c r="C19381" t="s">
        <v>38689</v>
      </c>
    </row>
    <row r="19382" spans="1:3" x14ac:dyDescent="0.15">
      <c r="A19382">
        <v>5616</v>
      </c>
      <c r="B19382" t="s">
        <v>38690</v>
      </c>
      <c r="C19382" t="s">
        <v>38691</v>
      </c>
    </row>
    <row r="19383" spans="1:3" x14ac:dyDescent="0.15">
      <c r="A19383">
        <v>5615</v>
      </c>
      <c r="B19383" t="s">
        <v>38692</v>
      </c>
      <c r="C19383" t="s">
        <v>38693</v>
      </c>
    </row>
    <row r="19384" spans="1:3" x14ac:dyDescent="0.15">
      <c r="A19384">
        <v>5614</v>
      </c>
      <c r="B19384" t="s">
        <v>38694</v>
      </c>
      <c r="C19384" t="s">
        <v>38695</v>
      </c>
    </row>
    <row r="19385" spans="1:3" x14ac:dyDescent="0.15">
      <c r="A19385">
        <v>5613</v>
      </c>
      <c r="B19385" t="s">
        <v>38696</v>
      </c>
      <c r="C19385" t="s">
        <v>38697</v>
      </c>
    </row>
    <row r="19386" spans="1:3" x14ac:dyDescent="0.15">
      <c r="A19386">
        <v>5612</v>
      </c>
      <c r="B19386" t="s">
        <v>38698</v>
      </c>
      <c r="C19386" t="s">
        <v>38699</v>
      </c>
    </row>
    <row r="19387" spans="1:3" x14ac:dyDescent="0.15">
      <c r="A19387">
        <v>5611</v>
      </c>
      <c r="B19387" t="s">
        <v>38700</v>
      </c>
      <c r="C19387" t="s">
        <v>38701</v>
      </c>
    </row>
    <row r="19388" spans="1:3" x14ac:dyDescent="0.15">
      <c r="A19388">
        <v>5610</v>
      </c>
      <c r="B19388" t="s">
        <v>38702</v>
      </c>
      <c r="C19388" t="s">
        <v>38703</v>
      </c>
    </row>
    <row r="19389" spans="1:3" x14ac:dyDescent="0.15">
      <c r="A19389">
        <v>5609</v>
      </c>
      <c r="B19389" t="s">
        <v>38704</v>
      </c>
      <c r="C19389" t="s">
        <v>38705</v>
      </c>
    </row>
    <row r="19390" spans="1:3" x14ac:dyDescent="0.15">
      <c r="A19390">
        <v>5608</v>
      </c>
      <c r="B19390" t="s">
        <v>38706</v>
      </c>
      <c r="C19390" t="s">
        <v>38707</v>
      </c>
    </row>
    <row r="19391" spans="1:3" x14ac:dyDescent="0.15">
      <c r="A19391">
        <v>5607</v>
      </c>
      <c r="B19391" t="s">
        <v>38708</v>
      </c>
      <c r="C19391" t="s">
        <v>38709</v>
      </c>
    </row>
    <row r="19392" spans="1:3" x14ac:dyDescent="0.15">
      <c r="A19392">
        <v>5606</v>
      </c>
      <c r="B19392" t="s">
        <v>38710</v>
      </c>
      <c r="C19392" t="s">
        <v>38711</v>
      </c>
    </row>
    <row r="19393" spans="1:3" x14ac:dyDescent="0.15">
      <c r="A19393">
        <v>5605</v>
      </c>
      <c r="B19393" t="s">
        <v>38712</v>
      </c>
      <c r="C19393" t="s">
        <v>38713</v>
      </c>
    </row>
    <row r="19394" spans="1:3" x14ac:dyDescent="0.15">
      <c r="A19394">
        <v>5604</v>
      </c>
      <c r="B19394" t="s">
        <v>38714</v>
      </c>
      <c r="C19394" t="s">
        <v>38715</v>
      </c>
    </row>
    <row r="19395" spans="1:3" x14ac:dyDescent="0.15">
      <c r="A19395">
        <v>5603</v>
      </c>
      <c r="B19395" t="s">
        <v>38716</v>
      </c>
      <c r="C19395" t="s">
        <v>38717</v>
      </c>
    </row>
    <row r="19396" spans="1:3" x14ac:dyDescent="0.15">
      <c r="A19396">
        <v>5602</v>
      </c>
      <c r="B19396" t="s">
        <v>38718</v>
      </c>
      <c r="C19396" t="s">
        <v>38719</v>
      </c>
    </row>
    <row r="19397" spans="1:3" x14ac:dyDescent="0.15">
      <c r="A19397">
        <v>5601</v>
      </c>
      <c r="B19397" t="s">
        <v>38720</v>
      </c>
      <c r="C19397" t="s">
        <v>38721</v>
      </c>
    </row>
    <row r="19398" spans="1:3" x14ac:dyDescent="0.15">
      <c r="A19398">
        <v>5600</v>
      </c>
      <c r="B19398" t="s">
        <v>38722</v>
      </c>
      <c r="C19398" t="s">
        <v>38723</v>
      </c>
    </row>
    <row r="19399" spans="1:3" x14ac:dyDescent="0.15">
      <c r="A19399">
        <v>5599</v>
      </c>
      <c r="B19399" t="s">
        <v>38724</v>
      </c>
      <c r="C19399" t="s">
        <v>38725</v>
      </c>
    </row>
    <row r="19400" spans="1:3" x14ac:dyDescent="0.15">
      <c r="A19400">
        <v>5598</v>
      </c>
      <c r="B19400" t="s">
        <v>38726</v>
      </c>
      <c r="C19400" t="s">
        <v>38727</v>
      </c>
    </row>
    <row r="19401" spans="1:3" x14ac:dyDescent="0.15">
      <c r="A19401">
        <v>5597</v>
      </c>
      <c r="B19401" t="s">
        <v>38728</v>
      </c>
      <c r="C19401" t="s">
        <v>38729</v>
      </c>
    </row>
    <row r="19402" spans="1:3" x14ac:dyDescent="0.15">
      <c r="A19402">
        <v>5596</v>
      </c>
      <c r="B19402" t="s">
        <v>38730</v>
      </c>
      <c r="C19402" t="s">
        <v>38731</v>
      </c>
    </row>
    <row r="19403" spans="1:3" x14ac:dyDescent="0.15">
      <c r="A19403">
        <v>5595</v>
      </c>
      <c r="B19403" t="s">
        <v>38732</v>
      </c>
      <c r="C19403" t="s">
        <v>38733</v>
      </c>
    </row>
    <row r="19404" spans="1:3" x14ac:dyDescent="0.15">
      <c r="A19404">
        <v>5594</v>
      </c>
      <c r="B19404" t="s">
        <v>38734</v>
      </c>
      <c r="C19404" t="s">
        <v>38735</v>
      </c>
    </row>
    <row r="19405" spans="1:3" x14ac:dyDescent="0.15">
      <c r="A19405">
        <v>5593</v>
      </c>
      <c r="B19405" t="s">
        <v>38736</v>
      </c>
      <c r="C19405" t="s">
        <v>38737</v>
      </c>
    </row>
    <row r="19406" spans="1:3" x14ac:dyDescent="0.15">
      <c r="A19406">
        <v>5592</v>
      </c>
      <c r="B19406" t="s">
        <v>38738</v>
      </c>
      <c r="C19406" t="s">
        <v>38739</v>
      </c>
    </row>
    <row r="19407" spans="1:3" x14ac:dyDescent="0.15">
      <c r="A19407">
        <v>5591</v>
      </c>
      <c r="B19407" t="s">
        <v>38740</v>
      </c>
      <c r="C19407" t="s">
        <v>38741</v>
      </c>
    </row>
    <row r="19408" spans="1:3" x14ac:dyDescent="0.15">
      <c r="A19408">
        <v>5590</v>
      </c>
      <c r="B19408" t="s">
        <v>38742</v>
      </c>
      <c r="C19408" t="s">
        <v>38743</v>
      </c>
    </row>
    <row r="19409" spans="1:3" x14ac:dyDescent="0.15">
      <c r="A19409">
        <v>5589</v>
      </c>
      <c r="B19409" t="s">
        <v>38744</v>
      </c>
      <c r="C19409" t="s">
        <v>38745</v>
      </c>
    </row>
    <row r="19410" spans="1:3" x14ac:dyDescent="0.15">
      <c r="A19410">
        <v>5588</v>
      </c>
      <c r="B19410" t="s">
        <v>38746</v>
      </c>
      <c r="C19410" t="s">
        <v>38747</v>
      </c>
    </row>
    <row r="19411" spans="1:3" x14ac:dyDescent="0.15">
      <c r="A19411">
        <v>5587</v>
      </c>
      <c r="B19411" t="s">
        <v>38748</v>
      </c>
      <c r="C19411" t="s">
        <v>38749</v>
      </c>
    </row>
    <row r="19412" spans="1:3" x14ac:dyDescent="0.15">
      <c r="A19412">
        <v>5586</v>
      </c>
      <c r="B19412" t="s">
        <v>38750</v>
      </c>
      <c r="C19412" t="s">
        <v>38751</v>
      </c>
    </row>
    <row r="19413" spans="1:3" x14ac:dyDescent="0.15">
      <c r="A19413">
        <v>5585</v>
      </c>
      <c r="B19413" t="s">
        <v>38752</v>
      </c>
      <c r="C19413" t="s">
        <v>38753</v>
      </c>
    </row>
    <row r="19414" spans="1:3" x14ac:dyDescent="0.15">
      <c r="A19414">
        <v>5584</v>
      </c>
      <c r="B19414" t="s">
        <v>38754</v>
      </c>
      <c r="C19414" t="s">
        <v>38755</v>
      </c>
    </row>
    <row r="19415" spans="1:3" x14ac:dyDescent="0.15">
      <c r="A19415">
        <v>5583</v>
      </c>
      <c r="B19415" t="s">
        <v>38756</v>
      </c>
      <c r="C19415" t="s">
        <v>38757</v>
      </c>
    </row>
    <row r="19416" spans="1:3" x14ac:dyDescent="0.15">
      <c r="A19416">
        <v>5582</v>
      </c>
      <c r="B19416" t="s">
        <v>38758</v>
      </c>
      <c r="C19416" t="s">
        <v>38759</v>
      </c>
    </row>
    <row r="19417" spans="1:3" x14ac:dyDescent="0.15">
      <c r="A19417">
        <v>5581</v>
      </c>
      <c r="B19417" t="s">
        <v>38760</v>
      </c>
      <c r="C19417" t="s">
        <v>38761</v>
      </c>
    </row>
    <row r="19418" spans="1:3" x14ac:dyDescent="0.15">
      <c r="A19418">
        <v>5580</v>
      </c>
      <c r="B19418" t="s">
        <v>38762</v>
      </c>
      <c r="C19418" t="s">
        <v>38763</v>
      </c>
    </row>
    <row r="19419" spans="1:3" x14ac:dyDescent="0.15">
      <c r="A19419">
        <v>5579</v>
      </c>
      <c r="B19419" t="s">
        <v>38764</v>
      </c>
      <c r="C19419" t="s">
        <v>38765</v>
      </c>
    </row>
    <row r="19420" spans="1:3" x14ac:dyDescent="0.15">
      <c r="A19420">
        <v>5578</v>
      </c>
      <c r="B19420" t="s">
        <v>38766</v>
      </c>
      <c r="C19420" t="s">
        <v>38767</v>
      </c>
    </row>
    <row r="19421" spans="1:3" x14ac:dyDescent="0.15">
      <c r="A19421">
        <v>5577</v>
      </c>
      <c r="B19421" t="s">
        <v>38768</v>
      </c>
      <c r="C19421" t="s">
        <v>38769</v>
      </c>
    </row>
    <row r="19422" spans="1:3" x14ac:dyDescent="0.15">
      <c r="A19422">
        <v>5576</v>
      </c>
      <c r="B19422" t="s">
        <v>38770</v>
      </c>
      <c r="C19422" t="s">
        <v>38771</v>
      </c>
    </row>
    <row r="19423" spans="1:3" x14ac:dyDescent="0.15">
      <c r="A19423">
        <v>5575</v>
      </c>
      <c r="B19423" t="s">
        <v>38772</v>
      </c>
      <c r="C19423" t="s">
        <v>38773</v>
      </c>
    </row>
    <row r="19424" spans="1:3" x14ac:dyDescent="0.15">
      <c r="A19424">
        <v>5574</v>
      </c>
      <c r="B19424" t="s">
        <v>38774</v>
      </c>
      <c r="C19424" t="s">
        <v>38775</v>
      </c>
    </row>
    <row r="19425" spans="1:3" x14ac:dyDescent="0.15">
      <c r="A19425">
        <v>5573</v>
      </c>
      <c r="B19425" t="s">
        <v>38776</v>
      </c>
      <c r="C19425" t="s">
        <v>38777</v>
      </c>
    </row>
    <row r="19426" spans="1:3" x14ac:dyDescent="0.15">
      <c r="A19426">
        <v>5572</v>
      </c>
      <c r="B19426" t="s">
        <v>38778</v>
      </c>
      <c r="C19426" t="s">
        <v>38779</v>
      </c>
    </row>
    <row r="19427" spans="1:3" x14ac:dyDescent="0.15">
      <c r="A19427">
        <v>5571</v>
      </c>
      <c r="B19427" t="s">
        <v>38780</v>
      </c>
      <c r="C19427" t="s">
        <v>38781</v>
      </c>
    </row>
    <row r="19428" spans="1:3" x14ac:dyDescent="0.15">
      <c r="A19428">
        <v>5570</v>
      </c>
      <c r="B19428" t="s">
        <v>38782</v>
      </c>
      <c r="C19428" t="s">
        <v>38783</v>
      </c>
    </row>
    <row r="19429" spans="1:3" x14ac:dyDescent="0.15">
      <c r="A19429">
        <v>5569</v>
      </c>
      <c r="B19429" t="s">
        <v>38784</v>
      </c>
      <c r="C19429" t="s">
        <v>38785</v>
      </c>
    </row>
    <row r="19430" spans="1:3" x14ac:dyDescent="0.15">
      <c r="A19430">
        <v>5568</v>
      </c>
      <c r="B19430" t="s">
        <v>38786</v>
      </c>
      <c r="C19430" t="s">
        <v>38787</v>
      </c>
    </row>
    <row r="19431" spans="1:3" x14ac:dyDescent="0.15">
      <c r="A19431">
        <v>5567</v>
      </c>
      <c r="B19431" t="s">
        <v>38788</v>
      </c>
      <c r="C19431" t="s">
        <v>38789</v>
      </c>
    </row>
    <row r="19432" spans="1:3" x14ac:dyDescent="0.15">
      <c r="A19432">
        <v>5566</v>
      </c>
      <c r="B19432" t="s">
        <v>38790</v>
      </c>
      <c r="C19432" t="s">
        <v>38791</v>
      </c>
    </row>
    <row r="19433" spans="1:3" x14ac:dyDescent="0.15">
      <c r="A19433">
        <v>5565</v>
      </c>
      <c r="B19433" t="s">
        <v>38792</v>
      </c>
      <c r="C19433" t="s">
        <v>38793</v>
      </c>
    </row>
    <row r="19434" spans="1:3" x14ac:dyDescent="0.15">
      <c r="A19434">
        <v>5564</v>
      </c>
      <c r="B19434" t="s">
        <v>38794</v>
      </c>
      <c r="C19434" t="s">
        <v>38795</v>
      </c>
    </row>
    <row r="19435" spans="1:3" x14ac:dyDescent="0.15">
      <c r="A19435">
        <v>5563</v>
      </c>
      <c r="B19435" t="s">
        <v>38796</v>
      </c>
      <c r="C19435" t="s">
        <v>38797</v>
      </c>
    </row>
    <row r="19436" spans="1:3" x14ac:dyDescent="0.15">
      <c r="A19436">
        <v>5562</v>
      </c>
      <c r="B19436" t="s">
        <v>38798</v>
      </c>
      <c r="C19436" t="s">
        <v>38799</v>
      </c>
    </row>
    <row r="19437" spans="1:3" x14ac:dyDescent="0.15">
      <c r="A19437">
        <v>5561</v>
      </c>
      <c r="B19437" t="s">
        <v>38800</v>
      </c>
      <c r="C19437" t="s">
        <v>38801</v>
      </c>
    </row>
    <row r="19438" spans="1:3" x14ac:dyDescent="0.15">
      <c r="A19438">
        <v>5560</v>
      </c>
      <c r="B19438" t="s">
        <v>38802</v>
      </c>
      <c r="C19438" t="s">
        <v>38803</v>
      </c>
    </row>
    <row r="19439" spans="1:3" x14ac:dyDescent="0.15">
      <c r="A19439">
        <v>5559</v>
      </c>
      <c r="B19439" t="s">
        <v>38804</v>
      </c>
      <c r="C19439" t="s">
        <v>38805</v>
      </c>
    </row>
    <row r="19440" spans="1:3" x14ac:dyDescent="0.15">
      <c r="A19440">
        <v>5558</v>
      </c>
      <c r="B19440" t="s">
        <v>38806</v>
      </c>
      <c r="C19440" t="s">
        <v>38807</v>
      </c>
    </row>
    <row r="19441" spans="1:3" x14ac:dyDescent="0.15">
      <c r="A19441">
        <v>5557</v>
      </c>
      <c r="B19441" t="s">
        <v>38808</v>
      </c>
      <c r="C19441" t="s">
        <v>38809</v>
      </c>
    </row>
    <row r="19442" spans="1:3" x14ac:dyDescent="0.15">
      <c r="A19442">
        <v>5556</v>
      </c>
      <c r="B19442" t="s">
        <v>38810</v>
      </c>
      <c r="C19442" t="s">
        <v>38811</v>
      </c>
    </row>
    <row r="19443" spans="1:3" x14ac:dyDescent="0.15">
      <c r="A19443">
        <v>5555</v>
      </c>
      <c r="B19443" t="s">
        <v>38812</v>
      </c>
      <c r="C19443" t="s">
        <v>38813</v>
      </c>
    </row>
    <row r="19444" spans="1:3" x14ac:dyDescent="0.15">
      <c r="A19444">
        <v>5554</v>
      </c>
      <c r="B19444" t="s">
        <v>38814</v>
      </c>
      <c r="C19444" t="s">
        <v>38815</v>
      </c>
    </row>
    <row r="19445" spans="1:3" x14ac:dyDescent="0.15">
      <c r="A19445">
        <v>5553</v>
      </c>
      <c r="B19445" t="s">
        <v>38816</v>
      </c>
      <c r="C19445" t="s">
        <v>38817</v>
      </c>
    </row>
    <row r="19446" spans="1:3" x14ac:dyDescent="0.15">
      <c r="A19446">
        <v>5552</v>
      </c>
      <c r="B19446" t="s">
        <v>38818</v>
      </c>
      <c r="C19446" t="s">
        <v>38819</v>
      </c>
    </row>
    <row r="19447" spans="1:3" x14ac:dyDescent="0.15">
      <c r="A19447">
        <v>5551</v>
      </c>
      <c r="B19447" t="s">
        <v>38820</v>
      </c>
      <c r="C19447" t="s">
        <v>38821</v>
      </c>
    </row>
    <row r="19448" spans="1:3" x14ac:dyDescent="0.15">
      <c r="A19448">
        <v>5550</v>
      </c>
      <c r="B19448" t="s">
        <v>38822</v>
      </c>
      <c r="C19448" t="s">
        <v>38823</v>
      </c>
    </row>
    <row r="19449" spans="1:3" x14ac:dyDescent="0.15">
      <c r="A19449">
        <v>5549</v>
      </c>
      <c r="B19449" t="s">
        <v>38824</v>
      </c>
      <c r="C19449" t="s">
        <v>38825</v>
      </c>
    </row>
    <row r="19450" spans="1:3" x14ac:dyDescent="0.15">
      <c r="A19450">
        <v>5548</v>
      </c>
      <c r="B19450" t="s">
        <v>38826</v>
      </c>
      <c r="C19450" t="s">
        <v>38827</v>
      </c>
    </row>
    <row r="19451" spans="1:3" x14ac:dyDescent="0.15">
      <c r="A19451">
        <v>5547</v>
      </c>
      <c r="B19451" t="s">
        <v>38828</v>
      </c>
      <c r="C19451" t="s">
        <v>38829</v>
      </c>
    </row>
    <row r="19452" spans="1:3" x14ac:dyDescent="0.15">
      <c r="A19452">
        <v>5546</v>
      </c>
      <c r="B19452" t="s">
        <v>38830</v>
      </c>
      <c r="C19452" t="s">
        <v>38831</v>
      </c>
    </row>
    <row r="19453" spans="1:3" x14ac:dyDescent="0.15">
      <c r="A19453">
        <v>5545</v>
      </c>
      <c r="B19453" t="s">
        <v>38832</v>
      </c>
      <c r="C19453" t="s">
        <v>38833</v>
      </c>
    </row>
    <row r="19454" spans="1:3" x14ac:dyDescent="0.15">
      <c r="A19454">
        <v>5544</v>
      </c>
      <c r="B19454" t="s">
        <v>38834</v>
      </c>
      <c r="C19454" t="s">
        <v>38835</v>
      </c>
    </row>
    <row r="19455" spans="1:3" x14ac:dyDescent="0.15">
      <c r="A19455">
        <v>5543</v>
      </c>
      <c r="B19455" t="s">
        <v>38836</v>
      </c>
      <c r="C19455" t="s">
        <v>38837</v>
      </c>
    </row>
    <row r="19456" spans="1:3" x14ac:dyDescent="0.15">
      <c r="A19456">
        <v>5542</v>
      </c>
      <c r="B19456" t="s">
        <v>38838</v>
      </c>
      <c r="C19456" t="s">
        <v>38839</v>
      </c>
    </row>
    <row r="19457" spans="1:3" x14ac:dyDescent="0.15">
      <c r="A19457">
        <v>5541</v>
      </c>
      <c r="B19457" t="s">
        <v>38840</v>
      </c>
      <c r="C19457" t="s">
        <v>38841</v>
      </c>
    </row>
    <row r="19458" spans="1:3" x14ac:dyDescent="0.15">
      <c r="A19458">
        <v>5540</v>
      </c>
      <c r="B19458" t="s">
        <v>38842</v>
      </c>
      <c r="C19458" t="s">
        <v>38843</v>
      </c>
    </row>
    <row r="19459" spans="1:3" x14ac:dyDescent="0.15">
      <c r="A19459">
        <v>5539</v>
      </c>
      <c r="B19459" t="s">
        <v>38844</v>
      </c>
      <c r="C19459" t="s">
        <v>38845</v>
      </c>
    </row>
    <row r="19460" spans="1:3" x14ac:dyDescent="0.15">
      <c r="A19460">
        <v>5538</v>
      </c>
      <c r="B19460" t="s">
        <v>38846</v>
      </c>
      <c r="C19460" t="s">
        <v>38847</v>
      </c>
    </row>
    <row r="19461" spans="1:3" x14ac:dyDescent="0.15">
      <c r="A19461">
        <v>5537</v>
      </c>
      <c r="B19461" t="s">
        <v>38848</v>
      </c>
      <c r="C19461" t="s">
        <v>38849</v>
      </c>
    </row>
    <row r="19462" spans="1:3" x14ac:dyDescent="0.15">
      <c r="A19462">
        <v>5536</v>
      </c>
      <c r="B19462" t="s">
        <v>38850</v>
      </c>
      <c r="C19462" t="s">
        <v>38851</v>
      </c>
    </row>
    <row r="19463" spans="1:3" x14ac:dyDescent="0.15">
      <c r="A19463">
        <v>5535</v>
      </c>
      <c r="B19463" t="s">
        <v>38852</v>
      </c>
      <c r="C19463" t="s">
        <v>38853</v>
      </c>
    </row>
    <row r="19464" spans="1:3" x14ac:dyDescent="0.15">
      <c r="A19464">
        <v>5534</v>
      </c>
      <c r="B19464" t="s">
        <v>38854</v>
      </c>
      <c r="C19464" t="s">
        <v>38855</v>
      </c>
    </row>
    <row r="19465" spans="1:3" x14ac:dyDescent="0.15">
      <c r="A19465">
        <v>5533</v>
      </c>
      <c r="B19465" t="s">
        <v>38856</v>
      </c>
      <c r="C19465" t="s">
        <v>38857</v>
      </c>
    </row>
    <row r="19466" spans="1:3" x14ac:dyDescent="0.15">
      <c r="A19466">
        <v>5532</v>
      </c>
      <c r="B19466" t="s">
        <v>38858</v>
      </c>
      <c r="C19466" t="s">
        <v>38859</v>
      </c>
    </row>
    <row r="19467" spans="1:3" x14ac:dyDescent="0.15">
      <c r="A19467">
        <v>5531</v>
      </c>
      <c r="B19467" t="s">
        <v>38860</v>
      </c>
      <c r="C19467" t="s">
        <v>38861</v>
      </c>
    </row>
    <row r="19468" spans="1:3" x14ac:dyDescent="0.15">
      <c r="A19468">
        <v>5530</v>
      </c>
      <c r="B19468" t="s">
        <v>38862</v>
      </c>
      <c r="C19468" t="s">
        <v>38863</v>
      </c>
    </row>
    <row r="19469" spans="1:3" x14ac:dyDescent="0.15">
      <c r="A19469">
        <v>5529</v>
      </c>
      <c r="B19469" t="s">
        <v>38864</v>
      </c>
      <c r="C19469" t="s">
        <v>38865</v>
      </c>
    </row>
    <row r="19470" spans="1:3" x14ac:dyDescent="0.15">
      <c r="A19470">
        <v>5528</v>
      </c>
      <c r="B19470" t="s">
        <v>38866</v>
      </c>
      <c r="C19470" t="s">
        <v>38867</v>
      </c>
    </row>
    <row r="19471" spans="1:3" x14ac:dyDescent="0.15">
      <c r="A19471">
        <v>5527</v>
      </c>
      <c r="B19471" t="s">
        <v>38868</v>
      </c>
      <c r="C19471" t="s">
        <v>38869</v>
      </c>
    </row>
    <row r="19472" spans="1:3" x14ac:dyDescent="0.15">
      <c r="A19472">
        <v>5526</v>
      </c>
      <c r="B19472" t="s">
        <v>38870</v>
      </c>
      <c r="C19472" t="s">
        <v>38871</v>
      </c>
    </row>
    <row r="19473" spans="1:3" x14ac:dyDescent="0.15">
      <c r="A19473">
        <v>5525</v>
      </c>
      <c r="B19473" t="s">
        <v>38872</v>
      </c>
      <c r="C19473" t="s">
        <v>38873</v>
      </c>
    </row>
    <row r="19474" spans="1:3" x14ac:dyDescent="0.15">
      <c r="A19474">
        <v>5524</v>
      </c>
      <c r="B19474" t="s">
        <v>38874</v>
      </c>
      <c r="C19474" t="s">
        <v>38875</v>
      </c>
    </row>
    <row r="19475" spans="1:3" x14ac:dyDescent="0.15">
      <c r="A19475">
        <v>5523</v>
      </c>
      <c r="B19475" t="s">
        <v>38876</v>
      </c>
      <c r="C19475" t="s">
        <v>38877</v>
      </c>
    </row>
    <row r="19476" spans="1:3" x14ac:dyDescent="0.15">
      <c r="A19476">
        <v>5522</v>
      </c>
      <c r="B19476" t="s">
        <v>38878</v>
      </c>
      <c r="C19476" t="s">
        <v>38879</v>
      </c>
    </row>
    <row r="19477" spans="1:3" x14ac:dyDescent="0.15">
      <c r="A19477">
        <v>5521</v>
      </c>
      <c r="B19477" t="s">
        <v>38880</v>
      </c>
      <c r="C19477" t="s">
        <v>38881</v>
      </c>
    </row>
    <row r="19478" spans="1:3" x14ac:dyDescent="0.15">
      <c r="A19478">
        <v>5520</v>
      </c>
      <c r="B19478" t="s">
        <v>38882</v>
      </c>
      <c r="C19478" t="s">
        <v>38883</v>
      </c>
    </row>
    <row r="19479" spans="1:3" x14ac:dyDescent="0.15">
      <c r="A19479">
        <v>5519</v>
      </c>
      <c r="B19479" t="s">
        <v>38884</v>
      </c>
      <c r="C19479" t="s">
        <v>38885</v>
      </c>
    </row>
    <row r="19480" spans="1:3" x14ac:dyDescent="0.15">
      <c r="A19480">
        <v>5518</v>
      </c>
      <c r="B19480" t="s">
        <v>38886</v>
      </c>
      <c r="C19480" t="s">
        <v>38887</v>
      </c>
    </row>
    <row r="19481" spans="1:3" x14ac:dyDescent="0.15">
      <c r="A19481">
        <v>5517</v>
      </c>
      <c r="B19481" t="s">
        <v>38888</v>
      </c>
      <c r="C19481" t="s">
        <v>38889</v>
      </c>
    </row>
    <row r="19482" spans="1:3" x14ac:dyDescent="0.15">
      <c r="A19482">
        <v>5516</v>
      </c>
      <c r="B19482" t="s">
        <v>38890</v>
      </c>
      <c r="C19482" t="s">
        <v>38891</v>
      </c>
    </row>
    <row r="19483" spans="1:3" x14ac:dyDescent="0.15">
      <c r="A19483">
        <v>5515</v>
      </c>
      <c r="B19483" t="s">
        <v>38892</v>
      </c>
      <c r="C19483" t="s">
        <v>38893</v>
      </c>
    </row>
    <row r="19484" spans="1:3" x14ac:dyDescent="0.15">
      <c r="A19484">
        <v>5514</v>
      </c>
      <c r="B19484" t="s">
        <v>38894</v>
      </c>
      <c r="C19484" t="s">
        <v>38895</v>
      </c>
    </row>
    <row r="19485" spans="1:3" x14ac:dyDescent="0.15">
      <c r="A19485">
        <v>5513</v>
      </c>
      <c r="B19485" t="s">
        <v>38896</v>
      </c>
      <c r="C19485" t="s">
        <v>38897</v>
      </c>
    </row>
    <row r="19486" spans="1:3" x14ac:dyDescent="0.15">
      <c r="A19486">
        <v>5512</v>
      </c>
      <c r="B19486" t="s">
        <v>38898</v>
      </c>
      <c r="C19486" t="s">
        <v>38899</v>
      </c>
    </row>
    <row r="19487" spans="1:3" x14ac:dyDescent="0.15">
      <c r="A19487">
        <v>5511</v>
      </c>
      <c r="B19487" t="s">
        <v>38900</v>
      </c>
      <c r="C19487" t="s">
        <v>38901</v>
      </c>
    </row>
    <row r="19488" spans="1:3" x14ac:dyDescent="0.15">
      <c r="A19488">
        <v>5510</v>
      </c>
      <c r="B19488" t="s">
        <v>38902</v>
      </c>
      <c r="C19488" t="s">
        <v>38903</v>
      </c>
    </row>
    <row r="19489" spans="1:3" x14ac:dyDescent="0.15">
      <c r="A19489">
        <v>5509</v>
      </c>
      <c r="B19489" t="s">
        <v>38904</v>
      </c>
      <c r="C19489" t="s">
        <v>38905</v>
      </c>
    </row>
    <row r="19490" spans="1:3" x14ac:dyDescent="0.15">
      <c r="A19490">
        <v>5508</v>
      </c>
      <c r="B19490" t="s">
        <v>38906</v>
      </c>
      <c r="C19490" t="s">
        <v>38907</v>
      </c>
    </row>
    <row r="19491" spans="1:3" x14ac:dyDescent="0.15">
      <c r="A19491">
        <v>5507</v>
      </c>
      <c r="B19491" t="s">
        <v>38908</v>
      </c>
      <c r="C19491" t="s">
        <v>38909</v>
      </c>
    </row>
    <row r="19492" spans="1:3" x14ac:dyDescent="0.15">
      <c r="A19492">
        <v>5506</v>
      </c>
      <c r="B19492" t="s">
        <v>38910</v>
      </c>
      <c r="C19492" t="s">
        <v>38911</v>
      </c>
    </row>
    <row r="19493" spans="1:3" x14ac:dyDescent="0.15">
      <c r="A19493">
        <v>5505</v>
      </c>
      <c r="B19493" t="s">
        <v>38912</v>
      </c>
      <c r="C19493" t="s">
        <v>38913</v>
      </c>
    </row>
    <row r="19494" spans="1:3" x14ac:dyDescent="0.15">
      <c r="A19494">
        <v>5504</v>
      </c>
      <c r="B19494" t="s">
        <v>38914</v>
      </c>
      <c r="C19494" t="s">
        <v>38915</v>
      </c>
    </row>
    <row r="19495" spans="1:3" x14ac:dyDescent="0.15">
      <c r="A19495">
        <v>5503</v>
      </c>
      <c r="B19495" t="s">
        <v>38916</v>
      </c>
      <c r="C19495" t="s">
        <v>38917</v>
      </c>
    </row>
    <row r="19496" spans="1:3" x14ac:dyDescent="0.15">
      <c r="A19496">
        <v>5502</v>
      </c>
      <c r="B19496" t="s">
        <v>38918</v>
      </c>
      <c r="C19496" t="s">
        <v>38919</v>
      </c>
    </row>
    <row r="19497" spans="1:3" x14ac:dyDescent="0.15">
      <c r="A19497">
        <v>5501</v>
      </c>
      <c r="B19497" t="s">
        <v>38920</v>
      </c>
      <c r="C19497" t="s">
        <v>38921</v>
      </c>
    </row>
    <row r="19498" spans="1:3" x14ac:dyDescent="0.15">
      <c r="A19498">
        <v>5500</v>
      </c>
      <c r="B19498" t="s">
        <v>38922</v>
      </c>
      <c r="C19498" t="s">
        <v>38923</v>
      </c>
    </row>
    <row r="19499" spans="1:3" x14ac:dyDescent="0.15">
      <c r="A19499">
        <v>5499</v>
      </c>
      <c r="B19499" t="s">
        <v>38924</v>
      </c>
      <c r="C19499" t="s">
        <v>38925</v>
      </c>
    </row>
    <row r="19500" spans="1:3" x14ac:dyDescent="0.15">
      <c r="A19500">
        <v>5498</v>
      </c>
      <c r="B19500" t="s">
        <v>38926</v>
      </c>
      <c r="C19500" t="s">
        <v>38927</v>
      </c>
    </row>
    <row r="19501" spans="1:3" x14ac:dyDescent="0.15">
      <c r="A19501">
        <v>5497</v>
      </c>
      <c r="B19501" t="s">
        <v>38928</v>
      </c>
      <c r="C19501" t="s">
        <v>38929</v>
      </c>
    </row>
    <row r="19502" spans="1:3" x14ac:dyDescent="0.15">
      <c r="A19502">
        <v>5496</v>
      </c>
      <c r="B19502" t="s">
        <v>38930</v>
      </c>
      <c r="C19502" t="s">
        <v>38931</v>
      </c>
    </row>
    <row r="19503" spans="1:3" x14ac:dyDescent="0.15">
      <c r="A19503">
        <v>5495</v>
      </c>
      <c r="B19503" t="s">
        <v>38932</v>
      </c>
      <c r="C19503" t="s">
        <v>38933</v>
      </c>
    </row>
    <row r="19504" spans="1:3" x14ac:dyDescent="0.15">
      <c r="A19504">
        <v>5494</v>
      </c>
      <c r="B19504" t="s">
        <v>38934</v>
      </c>
      <c r="C19504" t="s">
        <v>38935</v>
      </c>
    </row>
    <row r="19505" spans="1:3" x14ac:dyDescent="0.15">
      <c r="A19505">
        <v>5493</v>
      </c>
      <c r="B19505" t="s">
        <v>38936</v>
      </c>
      <c r="C19505" t="s">
        <v>38937</v>
      </c>
    </row>
    <row r="19506" spans="1:3" x14ac:dyDescent="0.15">
      <c r="A19506">
        <v>5492</v>
      </c>
      <c r="B19506" t="s">
        <v>38938</v>
      </c>
      <c r="C19506" t="s">
        <v>38939</v>
      </c>
    </row>
    <row r="19507" spans="1:3" x14ac:dyDescent="0.15">
      <c r="A19507">
        <v>5491</v>
      </c>
      <c r="B19507" t="s">
        <v>38940</v>
      </c>
      <c r="C19507" t="s">
        <v>38941</v>
      </c>
    </row>
    <row r="19508" spans="1:3" x14ac:dyDescent="0.15">
      <c r="A19508">
        <v>5490</v>
      </c>
      <c r="B19508" t="s">
        <v>38942</v>
      </c>
      <c r="C19508" t="s">
        <v>38943</v>
      </c>
    </row>
    <row r="19509" spans="1:3" x14ac:dyDescent="0.15">
      <c r="A19509">
        <v>5489</v>
      </c>
      <c r="B19509" t="s">
        <v>38944</v>
      </c>
      <c r="C19509" t="s">
        <v>38945</v>
      </c>
    </row>
    <row r="19510" spans="1:3" x14ac:dyDescent="0.15">
      <c r="A19510">
        <v>5488</v>
      </c>
      <c r="B19510" t="s">
        <v>38946</v>
      </c>
      <c r="C19510" t="s">
        <v>38947</v>
      </c>
    </row>
    <row r="19511" spans="1:3" x14ac:dyDescent="0.15">
      <c r="A19511">
        <v>5487</v>
      </c>
      <c r="B19511" t="s">
        <v>38948</v>
      </c>
      <c r="C19511" t="s">
        <v>38949</v>
      </c>
    </row>
    <row r="19512" spans="1:3" x14ac:dyDescent="0.15">
      <c r="A19512">
        <v>5486</v>
      </c>
      <c r="B19512" t="s">
        <v>38950</v>
      </c>
      <c r="C19512" t="s">
        <v>38951</v>
      </c>
    </row>
    <row r="19513" spans="1:3" x14ac:dyDescent="0.15">
      <c r="A19513">
        <v>5485</v>
      </c>
      <c r="B19513" t="s">
        <v>38952</v>
      </c>
      <c r="C19513" t="s">
        <v>38953</v>
      </c>
    </row>
    <row r="19514" spans="1:3" x14ac:dyDescent="0.15">
      <c r="A19514">
        <v>5484</v>
      </c>
      <c r="B19514" t="s">
        <v>38954</v>
      </c>
      <c r="C19514" t="s">
        <v>38955</v>
      </c>
    </row>
    <row r="19515" spans="1:3" x14ac:dyDescent="0.15">
      <c r="A19515">
        <v>5483</v>
      </c>
      <c r="B19515" t="s">
        <v>38956</v>
      </c>
      <c r="C19515" t="s">
        <v>38957</v>
      </c>
    </row>
    <row r="19516" spans="1:3" x14ac:dyDescent="0.15">
      <c r="A19516">
        <v>5482</v>
      </c>
      <c r="B19516" t="s">
        <v>38958</v>
      </c>
      <c r="C19516" t="s">
        <v>38959</v>
      </c>
    </row>
    <row r="19517" spans="1:3" x14ac:dyDescent="0.15">
      <c r="A19517">
        <v>5481</v>
      </c>
      <c r="B19517" t="s">
        <v>38960</v>
      </c>
      <c r="C19517" t="s">
        <v>38961</v>
      </c>
    </row>
    <row r="19518" spans="1:3" x14ac:dyDescent="0.15">
      <c r="A19518">
        <v>5480</v>
      </c>
      <c r="B19518" t="s">
        <v>38962</v>
      </c>
      <c r="C19518" t="s">
        <v>38963</v>
      </c>
    </row>
    <row r="19519" spans="1:3" x14ac:dyDescent="0.15">
      <c r="A19519">
        <v>5479</v>
      </c>
      <c r="B19519" t="s">
        <v>38964</v>
      </c>
      <c r="C19519" t="s">
        <v>38965</v>
      </c>
    </row>
    <row r="19520" spans="1:3" x14ac:dyDescent="0.15">
      <c r="A19520">
        <v>5478</v>
      </c>
      <c r="B19520" t="s">
        <v>38966</v>
      </c>
      <c r="C19520" t="s">
        <v>38967</v>
      </c>
    </row>
    <row r="19521" spans="1:3" x14ac:dyDescent="0.15">
      <c r="A19521">
        <v>5477</v>
      </c>
      <c r="B19521" t="s">
        <v>38968</v>
      </c>
      <c r="C19521" t="s">
        <v>38969</v>
      </c>
    </row>
    <row r="19522" spans="1:3" x14ac:dyDescent="0.15">
      <c r="A19522">
        <v>5476</v>
      </c>
      <c r="B19522" t="s">
        <v>38970</v>
      </c>
      <c r="C19522" t="s">
        <v>38971</v>
      </c>
    </row>
    <row r="19523" spans="1:3" x14ac:dyDescent="0.15">
      <c r="A19523">
        <v>5475</v>
      </c>
      <c r="B19523" t="s">
        <v>38972</v>
      </c>
      <c r="C19523" t="s">
        <v>38973</v>
      </c>
    </row>
    <row r="19524" spans="1:3" x14ac:dyDescent="0.15">
      <c r="A19524">
        <v>5474</v>
      </c>
      <c r="B19524" t="s">
        <v>38974</v>
      </c>
      <c r="C19524" t="s">
        <v>38975</v>
      </c>
    </row>
    <row r="19525" spans="1:3" x14ac:dyDescent="0.15">
      <c r="A19525">
        <v>5473</v>
      </c>
      <c r="B19525" t="s">
        <v>38976</v>
      </c>
      <c r="C19525" t="s">
        <v>38977</v>
      </c>
    </row>
    <row r="19526" spans="1:3" x14ac:dyDescent="0.15">
      <c r="A19526">
        <v>5472</v>
      </c>
      <c r="B19526" t="s">
        <v>38978</v>
      </c>
      <c r="C19526" t="s">
        <v>38979</v>
      </c>
    </row>
    <row r="19527" spans="1:3" x14ac:dyDescent="0.15">
      <c r="A19527">
        <v>5471</v>
      </c>
      <c r="B19527" t="s">
        <v>38980</v>
      </c>
      <c r="C19527" t="s">
        <v>38981</v>
      </c>
    </row>
    <row r="19528" spans="1:3" x14ac:dyDescent="0.15">
      <c r="A19528">
        <v>5470</v>
      </c>
      <c r="B19528" t="s">
        <v>38982</v>
      </c>
      <c r="C19528" t="s">
        <v>38983</v>
      </c>
    </row>
    <row r="19529" spans="1:3" x14ac:dyDescent="0.15">
      <c r="A19529">
        <v>5469</v>
      </c>
      <c r="B19529" t="s">
        <v>38984</v>
      </c>
      <c r="C19529" t="s">
        <v>38985</v>
      </c>
    </row>
    <row r="19530" spans="1:3" x14ac:dyDescent="0.15">
      <c r="A19530">
        <v>5468</v>
      </c>
      <c r="B19530" t="s">
        <v>38986</v>
      </c>
      <c r="C19530" t="s">
        <v>38987</v>
      </c>
    </row>
    <row r="19531" spans="1:3" x14ac:dyDescent="0.15">
      <c r="A19531">
        <v>5467</v>
      </c>
      <c r="B19531" t="s">
        <v>38988</v>
      </c>
      <c r="C19531" t="s">
        <v>38989</v>
      </c>
    </row>
    <row r="19532" spans="1:3" x14ac:dyDescent="0.15">
      <c r="A19532">
        <v>5466</v>
      </c>
      <c r="B19532" t="s">
        <v>38990</v>
      </c>
      <c r="C19532" t="s">
        <v>38991</v>
      </c>
    </row>
    <row r="19533" spans="1:3" x14ac:dyDescent="0.15">
      <c r="A19533">
        <v>5465</v>
      </c>
      <c r="B19533" t="s">
        <v>38992</v>
      </c>
      <c r="C19533" t="s">
        <v>38993</v>
      </c>
    </row>
    <row r="19534" spans="1:3" x14ac:dyDescent="0.15">
      <c r="A19534">
        <v>5464</v>
      </c>
      <c r="B19534" t="s">
        <v>38994</v>
      </c>
      <c r="C19534" t="s">
        <v>38995</v>
      </c>
    </row>
    <row r="19535" spans="1:3" x14ac:dyDescent="0.15">
      <c r="A19535">
        <v>5463</v>
      </c>
      <c r="B19535" t="s">
        <v>38996</v>
      </c>
      <c r="C19535" t="s">
        <v>38997</v>
      </c>
    </row>
    <row r="19536" spans="1:3" x14ac:dyDescent="0.15">
      <c r="A19536">
        <v>5462</v>
      </c>
      <c r="B19536" t="s">
        <v>38998</v>
      </c>
      <c r="C19536" t="s">
        <v>38999</v>
      </c>
    </row>
    <row r="19537" spans="1:3" x14ac:dyDescent="0.15">
      <c r="A19537">
        <v>5461</v>
      </c>
      <c r="B19537" t="s">
        <v>39000</v>
      </c>
      <c r="C19537" t="s">
        <v>39001</v>
      </c>
    </row>
    <row r="19538" spans="1:3" x14ac:dyDescent="0.15">
      <c r="A19538">
        <v>5460</v>
      </c>
      <c r="B19538" t="s">
        <v>39002</v>
      </c>
      <c r="C19538" t="s">
        <v>39003</v>
      </c>
    </row>
    <row r="19539" spans="1:3" x14ac:dyDescent="0.15">
      <c r="A19539">
        <v>5459</v>
      </c>
      <c r="B19539" t="s">
        <v>39004</v>
      </c>
      <c r="C19539" t="s">
        <v>39005</v>
      </c>
    </row>
    <row r="19540" spans="1:3" x14ac:dyDescent="0.15">
      <c r="A19540">
        <v>5458</v>
      </c>
      <c r="B19540" t="s">
        <v>39006</v>
      </c>
      <c r="C19540" t="s">
        <v>39007</v>
      </c>
    </row>
    <row r="19541" spans="1:3" x14ac:dyDescent="0.15">
      <c r="A19541">
        <v>5457</v>
      </c>
      <c r="B19541" t="s">
        <v>39008</v>
      </c>
      <c r="C19541" t="s">
        <v>39009</v>
      </c>
    </row>
    <row r="19542" spans="1:3" x14ac:dyDescent="0.15">
      <c r="A19542">
        <v>5456</v>
      </c>
      <c r="B19542" t="s">
        <v>39010</v>
      </c>
      <c r="C19542" t="s">
        <v>39011</v>
      </c>
    </row>
    <row r="19543" spans="1:3" x14ac:dyDescent="0.15">
      <c r="A19543">
        <v>5455</v>
      </c>
      <c r="B19543" t="s">
        <v>39012</v>
      </c>
      <c r="C19543" t="s">
        <v>39013</v>
      </c>
    </row>
    <row r="19544" spans="1:3" x14ac:dyDescent="0.15">
      <c r="A19544">
        <v>5454</v>
      </c>
      <c r="B19544" t="s">
        <v>39014</v>
      </c>
      <c r="C19544" t="s">
        <v>39015</v>
      </c>
    </row>
    <row r="19545" spans="1:3" x14ac:dyDescent="0.15">
      <c r="A19545">
        <v>5453</v>
      </c>
      <c r="B19545" t="s">
        <v>39016</v>
      </c>
      <c r="C19545" t="s">
        <v>39017</v>
      </c>
    </row>
    <row r="19546" spans="1:3" x14ac:dyDescent="0.15">
      <c r="A19546">
        <v>5452</v>
      </c>
      <c r="B19546" t="s">
        <v>39018</v>
      </c>
      <c r="C19546" t="s">
        <v>28239</v>
      </c>
    </row>
    <row r="19547" spans="1:3" x14ac:dyDescent="0.15">
      <c r="A19547">
        <v>5451</v>
      </c>
      <c r="B19547" t="s">
        <v>39019</v>
      </c>
      <c r="C19547" t="s">
        <v>39020</v>
      </c>
    </row>
    <row r="19548" spans="1:3" x14ac:dyDescent="0.15">
      <c r="A19548">
        <v>5450</v>
      </c>
      <c r="B19548" t="s">
        <v>39021</v>
      </c>
      <c r="C19548" t="s">
        <v>39022</v>
      </c>
    </row>
    <row r="19549" spans="1:3" x14ac:dyDescent="0.15">
      <c r="A19549">
        <v>5449</v>
      </c>
      <c r="B19549" t="s">
        <v>39023</v>
      </c>
      <c r="C19549" t="s">
        <v>39024</v>
      </c>
    </row>
    <row r="19550" spans="1:3" x14ac:dyDescent="0.15">
      <c r="A19550">
        <v>5448</v>
      </c>
      <c r="B19550" t="s">
        <v>39025</v>
      </c>
      <c r="C19550" t="s">
        <v>39026</v>
      </c>
    </row>
    <row r="19551" spans="1:3" x14ac:dyDescent="0.15">
      <c r="A19551">
        <v>5447</v>
      </c>
      <c r="B19551" t="s">
        <v>39027</v>
      </c>
      <c r="C19551" t="s">
        <v>39028</v>
      </c>
    </row>
    <row r="19552" spans="1:3" x14ac:dyDescent="0.15">
      <c r="A19552">
        <v>5446</v>
      </c>
      <c r="B19552" t="s">
        <v>39029</v>
      </c>
      <c r="C19552" t="s">
        <v>39030</v>
      </c>
    </row>
    <row r="19553" spans="1:3" x14ac:dyDescent="0.15">
      <c r="A19553">
        <v>5445</v>
      </c>
      <c r="B19553" t="s">
        <v>39031</v>
      </c>
      <c r="C19553" t="s">
        <v>39032</v>
      </c>
    </row>
    <row r="19554" spans="1:3" x14ac:dyDescent="0.15">
      <c r="A19554">
        <v>5444</v>
      </c>
      <c r="B19554" t="s">
        <v>39033</v>
      </c>
      <c r="C19554" t="s">
        <v>39034</v>
      </c>
    </row>
    <row r="19555" spans="1:3" x14ac:dyDescent="0.15">
      <c r="A19555">
        <v>5443</v>
      </c>
      <c r="B19555" t="s">
        <v>39035</v>
      </c>
      <c r="C19555" t="s">
        <v>39036</v>
      </c>
    </row>
    <row r="19556" spans="1:3" x14ac:dyDescent="0.15">
      <c r="A19556">
        <v>5442</v>
      </c>
      <c r="B19556" t="s">
        <v>39037</v>
      </c>
      <c r="C19556" t="s">
        <v>39038</v>
      </c>
    </row>
    <row r="19557" spans="1:3" x14ac:dyDescent="0.15">
      <c r="A19557">
        <v>5441</v>
      </c>
      <c r="B19557" t="s">
        <v>39039</v>
      </c>
      <c r="C19557" t="s">
        <v>39040</v>
      </c>
    </row>
    <row r="19558" spans="1:3" x14ac:dyDescent="0.15">
      <c r="A19558">
        <v>5440</v>
      </c>
      <c r="B19558" t="s">
        <v>39041</v>
      </c>
      <c r="C19558" t="s">
        <v>39042</v>
      </c>
    </row>
    <row r="19559" spans="1:3" x14ac:dyDescent="0.15">
      <c r="A19559">
        <v>5439</v>
      </c>
      <c r="B19559" t="s">
        <v>39043</v>
      </c>
      <c r="C19559" t="s">
        <v>39044</v>
      </c>
    </row>
    <row r="19560" spans="1:3" x14ac:dyDescent="0.15">
      <c r="A19560">
        <v>5438</v>
      </c>
      <c r="B19560" t="s">
        <v>39045</v>
      </c>
      <c r="C19560" t="s">
        <v>39046</v>
      </c>
    </row>
    <row r="19561" spans="1:3" x14ac:dyDescent="0.15">
      <c r="A19561">
        <v>5437</v>
      </c>
      <c r="B19561" t="s">
        <v>39047</v>
      </c>
      <c r="C19561" t="s">
        <v>39048</v>
      </c>
    </row>
    <row r="19562" spans="1:3" x14ac:dyDescent="0.15">
      <c r="A19562">
        <v>5436</v>
      </c>
      <c r="B19562" t="s">
        <v>39049</v>
      </c>
      <c r="C19562" t="s">
        <v>39050</v>
      </c>
    </row>
    <row r="19563" spans="1:3" x14ac:dyDescent="0.15">
      <c r="A19563">
        <v>5435</v>
      </c>
      <c r="B19563" t="s">
        <v>39051</v>
      </c>
      <c r="C19563" t="s">
        <v>39052</v>
      </c>
    </row>
    <row r="19564" spans="1:3" x14ac:dyDescent="0.15">
      <c r="A19564">
        <v>5434</v>
      </c>
      <c r="B19564" t="s">
        <v>39053</v>
      </c>
      <c r="C19564" t="s">
        <v>39054</v>
      </c>
    </row>
    <row r="19565" spans="1:3" x14ac:dyDescent="0.15">
      <c r="A19565">
        <v>5433</v>
      </c>
      <c r="B19565" t="s">
        <v>39055</v>
      </c>
      <c r="C19565" t="s">
        <v>39056</v>
      </c>
    </row>
    <row r="19566" spans="1:3" x14ac:dyDescent="0.15">
      <c r="A19566">
        <v>5432</v>
      </c>
      <c r="B19566" t="s">
        <v>39057</v>
      </c>
      <c r="C19566" t="s">
        <v>39058</v>
      </c>
    </row>
    <row r="19567" spans="1:3" x14ac:dyDescent="0.15">
      <c r="A19567">
        <v>5431</v>
      </c>
      <c r="B19567" t="s">
        <v>39059</v>
      </c>
      <c r="C19567" t="s">
        <v>39060</v>
      </c>
    </row>
    <row r="19568" spans="1:3" x14ac:dyDescent="0.15">
      <c r="A19568">
        <v>5430</v>
      </c>
      <c r="B19568" t="s">
        <v>39061</v>
      </c>
      <c r="C19568" t="s">
        <v>39062</v>
      </c>
    </row>
    <row r="19569" spans="1:3" x14ac:dyDescent="0.15">
      <c r="A19569">
        <v>5429</v>
      </c>
      <c r="B19569" t="s">
        <v>39063</v>
      </c>
      <c r="C19569" t="s">
        <v>39064</v>
      </c>
    </row>
    <row r="19570" spans="1:3" x14ac:dyDescent="0.15">
      <c r="A19570">
        <v>5428</v>
      </c>
      <c r="B19570" t="s">
        <v>39065</v>
      </c>
      <c r="C19570" t="s">
        <v>39066</v>
      </c>
    </row>
    <row r="19571" spans="1:3" x14ac:dyDescent="0.15">
      <c r="A19571">
        <v>5427</v>
      </c>
      <c r="B19571" t="s">
        <v>39067</v>
      </c>
      <c r="C19571" t="s">
        <v>39068</v>
      </c>
    </row>
    <row r="19572" spans="1:3" x14ac:dyDescent="0.15">
      <c r="A19572">
        <v>5426</v>
      </c>
      <c r="B19572" t="s">
        <v>39069</v>
      </c>
      <c r="C19572" t="s">
        <v>39070</v>
      </c>
    </row>
    <row r="19573" spans="1:3" x14ac:dyDescent="0.15">
      <c r="A19573">
        <v>5425</v>
      </c>
      <c r="B19573" t="s">
        <v>39071</v>
      </c>
      <c r="C19573" t="s">
        <v>39072</v>
      </c>
    </row>
    <row r="19574" spans="1:3" x14ac:dyDescent="0.15">
      <c r="A19574">
        <v>5424</v>
      </c>
      <c r="B19574" t="s">
        <v>39073</v>
      </c>
      <c r="C19574" t="s">
        <v>39074</v>
      </c>
    </row>
    <row r="19575" spans="1:3" x14ac:dyDescent="0.15">
      <c r="A19575">
        <v>5423</v>
      </c>
      <c r="B19575" t="s">
        <v>39075</v>
      </c>
      <c r="C19575" t="s">
        <v>39076</v>
      </c>
    </row>
    <row r="19576" spans="1:3" x14ac:dyDescent="0.15">
      <c r="A19576">
        <v>5422</v>
      </c>
      <c r="B19576" t="s">
        <v>39077</v>
      </c>
      <c r="C19576" t="s">
        <v>39078</v>
      </c>
    </row>
    <row r="19577" spans="1:3" x14ac:dyDescent="0.15">
      <c r="A19577">
        <v>5421</v>
      </c>
      <c r="B19577" t="s">
        <v>39079</v>
      </c>
      <c r="C19577" t="s">
        <v>39080</v>
      </c>
    </row>
    <row r="19578" spans="1:3" x14ac:dyDescent="0.15">
      <c r="A19578">
        <v>5420</v>
      </c>
      <c r="B19578" t="s">
        <v>39081</v>
      </c>
      <c r="C19578" t="s">
        <v>39082</v>
      </c>
    </row>
    <row r="19579" spans="1:3" x14ac:dyDescent="0.15">
      <c r="A19579">
        <v>5419</v>
      </c>
      <c r="B19579" t="s">
        <v>39083</v>
      </c>
      <c r="C19579" t="s">
        <v>39084</v>
      </c>
    </row>
    <row r="19580" spans="1:3" x14ac:dyDescent="0.15">
      <c r="A19580">
        <v>5418</v>
      </c>
      <c r="B19580" t="s">
        <v>39085</v>
      </c>
      <c r="C19580" t="s">
        <v>39086</v>
      </c>
    </row>
    <row r="19581" spans="1:3" x14ac:dyDescent="0.15">
      <c r="A19581">
        <v>5417</v>
      </c>
      <c r="B19581" t="s">
        <v>39087</v>
      </c>
      <c r="C19581" t="s">
        <v>39088</v>
      </c>
    </row>
    <row r="19582" spans="1:3" x14ac:dyDescent="0.15">
      <c r="A19582">
        <v>5416</v>
      </c>
      <c r="B19582" t="s">
        <v>39089</v>
      </c>
      <c r="C19582" t="s">
        <v>39090</v>
      </c>
    </row>
    <row r="19583" spans="1:3" x14ac:dyDescent="0.15">
      <c r="A19583">
        <v>5415</v>
      </c>
      <c r="B19583" t="s">
        <v>39091</v>
      </c>
      <c r="C19583" t="s">
        <v>39092</v>
      </c>
    </row>
    <row r="19584" spans="1:3" x14ac:dyDescent="0.15">
      <c r="A19584">
        <v>5414</v>
      </c>
      <c r="B19584" t="s">
        <v>39093</v>
      </c>
      <c r="C19584" t="s">
        <v>39094</v>
      </c>
    </row>
    <row r="19585" spans="1:3" x14ac:dyDescent="0.15">
      <c r="A19585">
        <v>5413</v>
      </c>
      <c r="B19585" t="s">
        <v>39095</v>
      </c>
      <c r="C19585" t="s">
        <v>39096</v>
      </c>
    </row>
    <row r="19586" spans="1:3" x14ac:dyDescent="0.15">
      <c r="A19586">
        <v>5412</v>
      </c>
      <c r="B19586" t="s">
        <v>39097</v>
      </c>
      <c r="C19586" t="s">
        <v>39098</v>
      </c>
    </row>
    <row r="19587" spans="1:3" x14ac:dyDescent="0.15">
      <c r="A19587">
        <v>5411</v>
      </c>
      <c r="B19587" t="s">
        <v>39099</v>
      </c>
      <c r="C19587" t="s">
        <v>39100</v>
      </c>
    </row>
    <row r="19588" spans="1:3" x14ac:dyDescent="0.15">
      <c r="A19588">
        <v>5410</v>
      </c>
      <c r="B19588" t="s">
        <v>39101</v>
      </c>
      <c r="C19588" t="s">
        <v>39102</v>
      </c>
    </row>
    <row r="19589" spans="1:3" x14ac:dyDescent="0.15">
      <c r="A19589">
        <v>5409</v>
      </c>
      <c r="B19589" t="s">
        <v>39103</v>
      </c>
      <c r="C19589" t="s">
        <v>39104</v>
      </c>
    </row>
    <row r="19590" spans="1:3" x14ac:dyDescent="0.15">
      <c r="A19590">
        <v>5408</v>
      </c>
      <c r="B19590" t="s">
        <v>39105</v>
      </c>
      <c r="C19590" t="s">
        <v>39106</v>
      </c>
    </row>
    <row r="19591" spans="1:3" x14ac:dyDescent="0.15">
      <c r="A19591">
        <v>5407</v>
      </c>
      <c r="B19591" t="s">
        <v>39107</v>
      </c>
      <c r="C19591" t="s">
        <v>39108</v>
      </c>
    </row>
    <row r="19592" spans="1:3" x14ac:dyDescent="0.15">
      <c r="A19592">
        <v>5406</v>
      </c>
      <c r="B19592" t="s">
        <v>39109</v>
      </c>
      <c r="C19592" t="s">
        <v>39110</v>
      </c>
    </row>
    <row r="19593" spans="1:3" x14ac:dyDescent="0.15">
      <c r="A19593">
        <v>5405</v>
      </c>
      <c r="B19593" t="s">
        <v>39111</v>
      </c>
      <c r="C19593" t="s">
        <v>39112</v>
      </c>
    </row>
    <row r="19594" spans="1:3" x14ac:dyDescent="0.15">
      <c r="A19594">
        <v>5404</v>
      </c>
      <c r="B19594" t="s">
        <v>39113</v>
      </c>
      <c r="C19594" t="s">
        <v>39114</v>
      </c>
    </row>
    <row r="19595" spans="1:3" x14ac:dyDescent="0.15">
      <c r="A19595">
        <v>5403</v>
      </c>
      <c r="B19595" t="s">
        <v>39115</v>
      </c>
      <c r="C19595" t="s">
        <v>39116</v>
      </c>
    </row>
    <row r="19596" spans="1:3" x14ac:dyDescent="0.15">
      <c r="A19596">
        <v>5402</v>
      </c>
      <c r="B19596" t="s">
        <v>39117</v>
      </c>
      <c r="C19596" t="s">
        <v>39118</v>
      </c>
    </row>
    <row r="19597" spans="1:3" x14ac:dyDescent="0.15">
      <c r="A19597">
        <v>5401</v>
      </c>
      <c r="B19597" t="s">
        <v>39119</v>
      </c>
      <c r="C19597" t="s">
        <v>39120</v>
      </c>
    </row>
    <row r="19598" spans="1:3" x14ac:dyDescent="0.15">
      <c r="A19598">
        <v>5400</v>
      </c>
      <c r="B19598" t="s">
        <v>39121</v>
      </c>
      <c r="C19598" t="s">
        <v>39122</v>
      </c>
    </row>
    <row r="19599" spans="1:3" x14ac:dyDescent="0.15">
      <c r="A19599">
        <v>5399</v>
      </c>
      <c r="B19599" t="s">
        <v>39123</v>
      </c>
      <c r="C19599" t="s">
        <v>39124</v>
      </c>
    </row>
    <row r="19600" spans="1:3" x14ac:dyDescent="0.15">
      <c r="A19600">
        <v>5398</v>
      </c>
      <c r="B19600" t="s">
        <v>39125</v>
      </c>
      <c r="C19600" t="s">
        <v>39126</v>
      </c>
    </row>
    <row r="19601" spans="1:3" x14ac:dyDescent="0.15">
      <c r="A19601">
        <v>5397</v>
      </c>
      <c r="B19601" t="s">
        <v>39127</v>
      </c>
      <c r="C19601" t="s">
        <v>39128</v>
      </c>
    </row>
    <row r="19602" spans="1:3" x14ac:dyDescent="0.15">
      <c r="A19602">
        <v>5396</v>
      </c>
      <c r="B19602" t="s">
        <v>39129</v>
      </c>
      <c r="C19602" t="s">
        <v>39130</v>
      </c>
    </row>
    <row r="19603" spans="1:3" x14ac:dyDescent="0.15">
      <c r="A19603">
        <v>5395</v>
      </c>
      <c r="B19603" t="s">
        <v>39131</v>
      </c>
      <c r="C19603" t="s">
        <v>39132</v>
      </c>
    </row>
    <row r="19604" spans="1:3" x14ac:dyDescent="0.15">
      <c r="A19604">
        <v>5394</v>
      </c>
      <c r="B19604" t="s">
        <v>39133</v>
      </c>
      <c r="C19604" t="s">
        <v>39134</v>
      </c>
    </row>
    <row r="19605" spans="1:3" x14ac:dyDescent="0.15">
      <c r="A19605">
        <v>5393</v>
      </c>
      <c r="B19605" t="s">
        <v>39135</v>
      </c>
      <c r="C19605" t="s">
        <v>39136</v>
      </c>
    </row>
    <row r="19606" spans="1:3" x14ac:dyDescent="0.15">
      <c r="A19606">
        <v>5392</v>
      </c>
      <c r="B19606" t="s">
        <v>39137</v>
      </c>
      <c r="C19606" t="s">
        <v>39138</v>
      </c>
    </row>
    <row r="19607" spans="1:3" x14ac:dyDescent="0.15">
      <c r="A19607">
        <v>5391</v>
      </c>
      <c r="B19607" t="s">
        <v>39139</v>
      </c>
      <c r="C19607" t="s">
        <v>39140</v>
      </c>
    </row>
    <row r="19608" spans="1:3" x14ac:dyDescent="0.15">
      <c r="A19608">
        <v>5390</v>
      </c>
      <c r="B19608" t="s">
        <v>39141</v>
      </c>
      <c r="C19608" t="s">
        <v>39142</v>
      </c>
    </row>
    <row r="19609" spans="1:3" x14ac:dyDescent="0.15">
      <c r="A19609">
        <v>5389</v>
      </c>
      <c r="B19609" t="s">
        <v>39143</v>
      </c>
      <c r="C19609" t="s">
        <v>39144</v>
      </c>
    </row>
    <row r="19610" spans="1:3" x14ac:dyDescent="0.15">
      <c r="A19610">
        <v>5388</v>
      </c>
      <c r="B19610" t="s">
        <v>39145</v>
      </c>
      <c r="C19610" t="s">
        <v>39146</v>
      </c>
    </row>
    <row r="19611" spans="1:3" x14ac:dyDescent="0.15">
      <c r="A19611">
        <v>5387</v>
      </c>
      <c r="B19611" t="s">
        <v>39147</v>
      </c>
      <c r="C19611" t="s">
        <v>39148</v>
      </c>
    </row>
    <row r="19612" spans="1:3" x14ac:dyDescent="0.15">
      <c r="A19612">
        <v>5386</v>
      </c>
      <c r="B19612" t="s">
        <v>39149</v>
      </c>
      <c r="C19612" t="s">
        <v>39150</v>
      </c>
    </row>
    <row r="19613" spans="1:3" x14ac:dyDescent="0.15">
      <c r="A19613">
        <v>5385</v>
      </c>
      <c r="B19613" t="s">
        <v>39151</v>
      </c>
      <c r="C19613" t="s">
        <v>39152</v>
      </c>
    </row>
    <row r="19614" spans="1:3" x14ac:dyDescent="0.15">
      <c r="A19614">
        <v>5384</v>
      </c>
      <c r="B19614" t="s">
        <v>39153</v>
      </c>
      <c r="C19614" t="s">
        <v>39154</v>
      </c>
    </row>
    <row r="19615" spans="1:3" x14ac:dyDescent="0.15">
      <c r="A19615">
        <v>5383</v>
      </c>
      <c r="B19615" t="s">
        <v>39155</v>
      </c>
      <c r="C19615" t="s">
        <v>39156</v>
      </c>
    </row>
    <row r="19616" spans="1:3" x14ac:dyDescent="0.15">
      <c r="A19616">
        <v>5382</v>
      </c>
      <c r="B19616" t="s">
        <v>39157</v>
      </c>
      <c r="C19616" t="s">
        <v>39158</v>
      </c>
    </row>
    <row r="19617" spans="1:3" x14ac:dyDescent="0.15">
      <c r="A19617">
        <v>5381</v>
      </c>
      <c r="B19617" t="s">
        <v>39159</v>
      </c>
      <c r="C19617" t="s">
        <v>39160</v>
      </c>
    </row>
    <row r="19618" spans="1:3" x14ac:dyDescent="0.15">
      <c r="A19618">
        <v>5380</v>
      </c>
      <c r="B19618" t="s">
        <v>39161</v>
      </c>
      <c r="C19618" t="s">
        <v>39162</v>
      </c>
    </row>
    <row r="19619" spans="1:3" x14ac:dyDescent="0.15">
      <c r="A19619">
        <v>5379</v>
      </c>
      <c r="B19619" t="s">
        <v>39163</v>
      </c>
      <c r="C19619" t="s">
        <v>39164</v>
      </c>
    </row>
    <row r="19620" spans="1:3" x14ac:dyDescent="0.15">
      <c r="A19620">
        <v>5378</v>
      </c>
      <c r="B19620" t="s">
        <v>39165</v>
      </c>
      <c r="C19620" t="s">
        <v>39166</v>
      </c>
    </row>
    <row r="19621" spans="1:3" x14ac:dyDescent="0.15">
      <c r="A19621">
        <v>5377</v>
      </c>
      <c r="B19621" t="s">
        <v>39167</v>
      </c>
      <c r="C19621" t="s">
        <v>39168</v>
      </c>
    </row>
    <row r="19622" spans="1:3" x14ac:dyDescent="0.15">
      <c r="A19622">
        <v>5376</v>
      </c>
      <c r="B19622" t="s">
        <v>39169</v>
      </c>
      <c r="C19622" t="s">
        <v>39170</v>
      </c>
    </row>
    <row r="19623" spans="1:3" x14ac:dyDescent="0.15">
      <c r="A19623">
        <v>5375</v>
      </c>
      <c r="B19623" t="s">
        <v>39171</v>
      </c>
      <c r="C19623" t="s">
        <v>39172</v>
      </c>
    </row>
    <row r="19624" spans="1:3" x14ac:dyDescent="0.15">
      <c r="A19624">
        <v>5374</v>
      </c>
      <c r="B19624" t="s">
        <v>39173</v>
      </c>
      <c r="C19624" t="s">
        <v>39174</v>
      </c>
    </row>
    <row r="19625" spans="1:3" x14ac:dyDescent="0.15">
      <c r="A19625">
        <v>5373</v>
      </c>
      <c r="B19625" t="s">
        <v>39175</v>
      </c>
      <c r="C19625" t="s">
        <v>39176</v>
      </c>
    </row>
    <row r="19626" spans="1:3" x14ac:dyDescent="0.15">
      <c r="A19626">
        <v>5372</v>
      </c>
      <c r="B19626" t="s">
        <v>39177</v>
      </c>
      <c r="C19626" t="s">
        <v>39178</v>
      </c>
    </row>
    <row r="19627" spans="1:3" x14ac:dyDescent="0.15">
      <c r="A19627">
        <v>5371</v>
      </c>
      <c r="B19627" t="s">
        <v>39179</v>
      </c>
      <c r="C19627" t="s">
        <v>39180</v>
      </c>
    </row>
    <row r="19628" spans="1:3" x14ac:dyDescent="0.15">
      <c r="A19628">
        <v>5370</v>
      </c>
      <c r="B19628" t="s">
        <v>39181</v>
      </c>
      <c r="C19628" t="s">
        <v>39182</v>
      </c>
    </row>
    <row r="19629" spans="1:3" x14ac:dyDescent="0.15">
      <c r="A19629">
        <v>5369</v>
      </c>
      <c r="B19629" t="s">
        <v>39183</v>
      </c>
      <c r="C19629" t="s">
        <v>39184</v>
      </c>
    </row>
    <row r="19630" spans="1:3" x14ac:dyDescent="0.15">
      <c r="A19630">
        <v>5368</v>
      </c>
      <c r="B19630" t="s">
        <v>39185</v>
      </c>
      <c r="C19630" t="s">
        <v>39186</v>
      </c>
    </row>
    <row r="19631" spans="1:3" x14ac:dyDescent="0.15">
      <c r="A19631">
        <v>5367</v>
      </c>
      <c r="B19631" t="s">
        <v>39187</v>
      </c>
      <c r="C19631" t="s">
        <v>39188</v>
      </c>
    </row>
    <row r="19632" spans="1:3" x14ac:dyDescent="0.15">
      <c r="A19632">
        <v>5366</v>
      </c>
      <c r="B19632" t="s">
        <v>39189</v>
      </c>
      <c r="C19632" t="s">
        <v>39190</v>
      </c>
    </row>
    <row r="19633" spans="1:3" x14ac:dyDescent="0.15">
      <c r="A19633">
        <v>5365</v>
      </c>
      <c r="B19633" t="s">
        <v>39191</v>
      </c>
      <c r="C19633" t="s">
        <v>39192</v>
      </c>
    </row>
    <row r="19634" spans="1:3" x14ac:dyDescent="0.15">
      <c r="A19634">
        <v>5364</v>
      </c>
      <c r="B19634" t="s">
        <v>39193</v>
      </c>
      <c r="C19634" t="s">
        <v>39194</v>
      </c>
    </row>
    <row r="19635" spans="1:3" x14ac:dyDescent="0.15">
      <c r="A19635">
        <v>5363</v>
      </c>
      <c r="B19635" t="s">
        <v>39195</v>
      </c>
      <c r="C19635" t="s">
        <v>39196</v>
      </c>
    </row>
    <row r="19636" spans="1:3" x14ac:dyDescent="0.15">
      <c r="A19636">
        <v>5362</v>
      </c>
      <c r="B19636" t="s">
        <v>39197</v>
      </c>
      <c r="C19636" t="s">
        <v>39198</v>
      </c>
    </row>
    <row r="19637" spans="1:3" x14ac:dyDescent="0.15">
      <c r="A19637">
        <v>5361</v>
      </c>
      <c r="B19637" t="s">
        <v>39199</v>
      </c>
      <c r="C19637" t="s">
        <v>39200</v>
      </c>
    </row>
    <row r="19638" spans="1:3" x14ac:dyDescent="0.15">
      <c r="A19638">
        <v>5360</v>
      </c>
      <c r="B19638" t="s">
        <v>39201</v>
      </c>
      <c r="C19638" t="s">
        <v>39202</v>
      </c>
    </row>
    <row r="19639" spans="1:3" x14ac:dyDescent="0.15">
      <c r="A19639">
        <v>5359</v>
      </c>
      <c r="B19639" t="s">
        <v>39203</v>
      </c>
      <c r="C19639" t="s">
        <v>39204</v>
      </c>
    </row>
    <row r="19640" spans="1:3" x14ac:dyDescent="0.15">
      <c r="A19640">
        <v>5358</v>
      </c>
      <c r="B19640" t="s">
        <v>39205</v>
      </c>
      <c r="C19640" t="s">
        <v>39206</v>
      </c>
    </row>
    <row r="19641" spans="1:3" x14ac:dyDescent="0.15">
      <c r="A19641">
        <v>5357</v>
      </c>
      <c r="B19641" t="s">
        <v>39207</v>
      </c>
      <c r="C19641" t="s">
        <v>39208</v>
      </c>
    </row>
    <row r="19642" spans="1:3" x14ac:dyDescent="0.15">
      <c r="A19642">
        <v>5356</v>
      </c>
      <c r="B19642" t="s">
        <v>39209</v>
      </c>
      <c r="C19642" t="s">
        <v>39210</v>
      </c>
    </row>
    <row r="19643" spans="1:3" x14ac:dyDescent="0.15">
      <c r="A19643">
        <v>5355</v>
      </c>
      <c r="B19643" t="s">
        <v>39211</v>
      </c>
      <c r="C19643" t="s">
        <v>39212</v>
      </c>
    </row>
    <row r="19644" spans="1:3" x14ac:dyDescent="0.15">
      <c r="A19644">
        <v>5354</v>
      </c>
      <c r="B19644" t="s">
        <v>39213</v>
      </c>
      <c r="C19644" t="s">
        <v>39214</v>
      </c>
    </row>
    <row r="19645" spans="1:3" x14ac:dyDescent="0.15">
      <c r="A19645">
        <v>5353</v>
      </c>
      <c r="B19645" t="s">
        <v>39215</v>
      </c>
      <c r="C19645" t="s">
        <v>39216</v>
      </c>
    </row>
    <row r="19646" spans="1:3" x14ac:dyDescent="0.15">
      <c r="A19646">
        <v>5352</v>
      </c>
      <c r="B19646" t="s">
        <v>39217</v>
      </c>
      <c r="C19646" t="s">
        <v>39218</v>
      </c>
    </row>
    <row r="19647" spans="1:3" x14ac:dyDescent="0.15">
      <c r="A19647">
        <v>5351</v>
      </c>
      <c r="B19647" t="s">
        <v>39219</v>
      </c>
      <c r="C19647" t="s">
        <v>39220</v>
      </c>
    </row>
    <row r="19648" spans="1:3" x14ac:dyDescent="0.15">
      <c r="A19648">
        <v>5350</v>
      </c>
      <c r="B19648" t="s">
        <v>39221</v>
      </c>
      <c r="C19648" t="s">
        <v>39222</v>
      </c>
    </row>
    <row r="19649" spans="1:3" x14ac:dyDescent="0.15">
      <c r="A19649">
        <v>5349</v>
      </c>
      <c r="B19649" t="s">
        <v>39223</v>
      </c>
      <c r="C19649" t="s">
        <v>39224</v>
      </c>
    </row>
    <row r="19650" spans="1:3" x14ac:dyDescent="0.15">
      <c r="A19650">
        <v>5348</v>
      </c>
      <c r="B19650" t="s">
        <v>39225</v>
      </c>
      <c r="C19650" t="s">
        <v>39226</v>
      </c>
    </row>
    <row r="19651" spans="1:3" x14ac:dyDescent="0.15">
      <c r="A19651">
        <v>5347</v>
      </c>
      <c r="B19651" t="s">
        <v>39227</v>
      </c>
      <c r="C19651" t="s">
        <v>39228</v>
      </c>
    </row>
    <row r="19652" spans="1:3" x14ac:dyDescent="0.15">
      <c r="A19652">
        <v>5346</v>
      </c>
      <c r="B19652" t="s">
        <v>39229</v>
      </c>
      <c r="C19652" t="s">
        <v>39230</v>
      </c>
    </row>
    <row r="19653" spans="1:3" x14ac:dyDescent="0.15">
      <c r="A19653">
        <v>5345</v>
      </c>
      <c r="B19653" t="s">
        <v>39231</v>
      </c>
      <c r="C19653" t="s">
        <v>39232</v>
      </c>
    </row>
    <row r="19654" spans="1:3" x14ac:dyDescent="0.15">
      <c r="A19654">
        <v>5344</v>
      </c>
      <c r="B19654" t="s">
        <v>39233</v>
      </c>
      <c r="C19654" t="s">
        <v>39234</v>
      </c>
    </row>
    <row r="19655" spans="1:3" x14ac:dyDescent="0.15">
      <c r="A19655">
        <v>5343</v>
      </c>
      <c r="B19655" t="s">
        <v>39235</v>
      </c>
      <c r="C19655" t="s">
        <v>39236</v>
      </c>
    </row>
    <row r="19656" spans="1:3" x14ac:dyDescent="0.15">
      <c r="A19656">
        <v>5342</v>
      </c>
      <c r="B19656" t="s">
        <v>39237</v>
      </c>
      <c r="C19656" t="s">
        <v>39238</v>
      </c>
    </row>
    <row r="19657" spans="1:3" x14ac:dyDescent="0.15">
      <c r="A19657">
        <v>5341</v>
      </c>
      <c r="B19657" t="s">
        <v>39239</v>
      </c>
      <c r="C19657" t="s">
        <v>39240</v>
      </c>
    </row>
    <row r="19658" spans="1:3" x14ac:dyDescent="0.15">
      <c r="A19658">
        <v>5340</v>
      </c>
      <c r="B19658" t="s">
        <v>39241</v>
      </c>
      <c r="C19658" t="s">
        <v>39242</v>
      </c>
    </row>
    <row r="19659" spans="1:3" x14ac:dyDescent="0.15">
      <c r="A19659">
        <v>5339</v>
      </c>
      <c r="B19659" t="s">
        <v>39243</v>
      </c>
      <c r="C19659" t="s">
        <v>39244</v>
      </c>
    </row>
    <row r="19660" spans="1:3" x14ac:dyDescent="0.15">
      <c r="A19660">
        <v>5338</v>
      </c>
      <c r="B19660" t="s">
        <v>39245</v>
      </c>
      <c r="C19660" t="s">
        <v>39246</v>
      </c>
    </row>
    <row r="19661" spans="1:3" x14ac:dyDescent="0.15">
      <c r="A19661">
        <v>5337</v>
      </c>
      <c r="B19661" t="s">
        <v>39247</v>
      </c>
      <c r="C19661" t="s">
        <v>39248</v>
      </c>
    </row>
    <row r="19662" spans="1:3" x14ac:dyDescent="0.15">
      <c r="A19662">
        <v>5336</v>
      </c>
      <c r="B19662" t="s">
        <v>39249</v>
      </c>
      <c r="C19662" t="s">
        <v>39250</v>
      </c>
    </row>
    <row r="19663" spans="1:3" x14ac:dyDescent="0.15">
      <c r="A19663">
        <v>5335</v>
      </c>
      <c r="B19663" t="s">
        <v>39251</v>
      </c>
      <c r="C19663" t="s">
        <v>39252</v>
      </c>
    </row>
    <row r="19664" spans="1:3" x14ac:dyDescent="0.15">
      <c r="A19664">
        <v>5334</v>
      </c>
      <c r="B19664" t="s">
        <v>39253</v>
      </c>
      <c r="C19664" t="s">
        <v>39254</v>
      </c>
    </row>
    <row r="19665" spans="1:3" x14ac:dyDescent="0.15">
      <c r="A19665">
        <v>5333</v>
      </c>
      <c r="B19665" t="s">
        <v>39255</v>
      </c>
      <c r="C19665" t="s">
        <v>39256</v>
      </c>
    </row>
    <row r="19666" spans="1:3" x14ac:dyDescent="0.15">
      <c r="A19666">
        <v>5332</v>
      </c>
      <c r="B19666" t="s">
        <v>39257</v>
      </c>
      <c r="C19666" t="s">
        <v>39258</v>
      </c>
    </row>
    <row r="19667" spans="1:3" x14ac:dyDescent="0.15">
      <c r="A19667">
        <v>5331</v>
      </c>
      <c r="B19667" t="s">
        <v>39259</v>
      </c>
      <c r="C19667" t="s">
        <v>39260</v>
      </c>
    </row>
    <row r="19668" spans="1:3" x14ac:dyDescent="0.15">
      <c r="A19668">
        <v>5330</v>
      </c>
      <c r="B19668" t="s">
        <v>39261</v>
      </c>
      <c r="C19668" t="s">
        <v>39262</v>
      </c>
    </row>
    <row r="19669" spans="1:3" x14ac:dyDescent="0.15">
      <c r="A19669">
        <v>5329</v>
      </c>
      <c r="B19669" t="s">
        <v>39263</v>
      </c>
      <c r="C19669" t="s">
        <v>25458</v>
      </c>
    </row>
    <row r="19670" spans="1:3" x14ac:dyDescent="0.15">
      <c r="A19670">
        <v>5328</v>
      </c>
      <c r="B19670" t="s">
        <v>39264</v>
      </c>
      <c r="C19670" t="s">
        <v>39265</v>
      </c>
    </row>
    <row r="19671" spans="1:3" x14ac:dyDescent="0.15">
      <c r="A19671">
        <v>5327</v>
      </c>
      <c r="B19671" t="s">
        <v>39266</v>
      </c>
      <c r="C19671" t="s">
        <v>39267</v>
      </c>
    </row>
    <row r="19672" spans="1:3" x14ac:dyDescent="0.15">
      <c r="A19672">
        <v>5326</v>
      </c>
      <c r="B19672" t="s">
        <v>39268</v>
      </c>
      <c r="C19672" t="s">
        <v>39269</v>
      </c>
    </row>
    <row r="19673" spans="1:3" x14ac:dyDescent="0.15">
      <c r="A19673">
        <v>5325</v>
      </c>
      <c r="B19673" t="s">
        <v>39270</v>
      </c>
      <c r="C19673" t="s">
        <v>39271</v>
      </c>
    </row>
    <row r="19674" spans="1:3" x14ac:dyDescent="0.15">
      <c r="A19674">
        <v>5324</v>
      </c>
      <c r="B19674" t="s">
        <v>39272</v>
      </c>
      <c r="C19674" t="s">
        <v>39273</v>
      </c>
    </row>
    <row r="19675" spans="1:3" x14ac:dyDescent="0.15">
      <c r="A19675">
        <v>5323</v>
      </c>
      <c r="B19675" t="s">
        <v>39274</v>
      </c>
      <c r="C19675" t="s">
        <v>39275</v>
      </c>
    </row>
    <row r="19676" spans="1:3" x14ac:dyDescent="0.15">
      <c r="A19676">
        <v>5322</v>
      </c>
      <c r="B19676" t="s">
        <v>39276</v>
      </c>
      <c r="C19676" t="s">
        <v>39277</v>
      </c>
    </row>
    <row r="19677" spans="1:3" x14ac:dyDescent="0.15">
      <c r="A19677">
        <v>5321</v>
      </c>
      <c r="B19677" t="s">
        <v>39278</v>
      </c>
      <c r="C19677" t="s">
        <v>39279</v>
      </c>
    </row>
    <row r="19678" spans="1:3" x14ac:dyDescent="0.15">
      <c r="A19678">
        <v>5320</v>
      </c>
      <c r="B19678" t="s">
        <v>39280</v>
      </c>
      <c r="C19678" t="s">
        <v>39281</v>
      </c>
    </row>
    <row r="19679" spans="1:3" x14ac:dyDescent="0.15">
      <c r="A19679">
        <v>5319</v>
      </c>
      <c r="B19679" t="s">
        <v>39282</v>
      </c>
      <c r="C19679" t="s">
        <v>39283</v>
      </c>
    </row>
    <row r="19680" spans="1:3" x14ac:dyDescent="0.15">
      <c r="A19680">
        <v>5318</v>
      </c>
      <c r="B19680" t="s">
        <v>39284</v>
      </c>
      <c r="C19680" t="s">
        <v>39285</v>
      </c>
    </row>
    <row r="19681" spans="1:3" x14ac:dyDescent="0.15">
      <c r="A19681">
        <v>5317</v>
      </c>
      <c r="B19681" t="s">
        <v>39286</v>
      </c>
      <c r="C19681" t="s">
        <v>39287</v>
      </c>
    </row>
    <row r="19682" spans="1:3" x14ac:dyDescent="0.15">
      <c r="A19682">
        <v>5316</v>
      </c>
      <c r="B19682" t="s">
        <v>39288</v>
      </c>
      <c r="C19682" t="s">
        <v>39289</v>
      </c>
    </row>
    <row r="19683" spans="1:3" x14ac:dyDescent="0.15">
      <c r="A19683">
        <v>5315</v>
      </c>
      <c r="B19683" t="s">
        <v>39290</v>
      </c>
      <c r="C19683" t="s">
        <v>39291</v>
      </c>
    </row>
    <row r="19684" spans="1:3" x14ac:dyDescent="0.15">
      <c r="A19684">
        <v>5314</v>
      </c>
      <c r="B19684" t="s">
        <v>39292</v>
      </c>
      <c r="C19684" t="s">
        <v>39293</v>
      </c>
    </row>
    <row r="19685" spans="1:3" x14ac:dyDescent="0.15">
      <c r="A19685">
        <v>5313</v>
      </c>
      <c r="B19685" t="s">
        <v>39294</v>
      </c>
      <c r="C19685" t="s">
        <v>39295</v>
      </c>
    </row>
    <row r="19686" spans="1:3" x14ac:dyDescent="0.15">
      <c r="A19686">
        <v>5312</v>
      </c>
      <c r="B19686" t="s">
        <v>39296</v>
      </c>
      <c r="C19686" t="s">
        <v>39297</v>
      </c>
    </row>
    <row r="19687" spans="1:3" x14ac:dyDescent="0.15">
      <c r="A19687">
        <v>5311</v>
      </c>
      <c r="B19687" t="s">
        <v>39298</v>
      </c>
      <c r="C19687" t="s">
        <v>39299</v>
      </c>
    </row>
    <row r="19688" spans="1:3" x14ac:dyDescent="0.15">
      <c r="A19688">
        <v>5310</v>
      </c>
      <c r="B19688" t="s">
        <v>39300</v>
      </c>
      <c r="C19688" t="s">
        <v>39301</v>
      </c>
    </row>
    <row r="19689" spans="1:3" x14ac:dyDescent="0.15">
      <c r="A19689">
        <v>5309</v>
      </c>
      <c r="B19689" t="s">
        <v>39302</v>
      </c>
      <c r="C19689" t="s">
        <v>39303</v>
      </c>
    </row>
    <row r="19690" spans="1:3" x14ac:dyDescent="0.15">
      <c r="A19690">
        <v>5308</v>
      </c>
      <c r="B19690" t="s">
        <v>39304</v>
      </c>
      <c r="C19690" t="s">
        <v>39305</v>
      </c>
    </row>
    <row r="19691" spans="1:3" x14ac:dyDescent="0.15">
      <c r="A19691">
        <v>5307</v>
      </c>
      <c r="B19691" t="s">
        <v>39306</v>
      </c>
      <c r="C19691" t="s">
        <v>39307</v>
      </c>
    </row>
    <row r="19692" spans="1:3" x14ac:dyDescent="0.15">
      <c r="A19692">
        <v>5306</v>
      </c>
      <c r="B19692" t="s">
        <v>39308</v>
      </c>
      <c r="C19692" t="s">
        <v>39309</v>
      </c>
    </row>
    <row r="19693" spans="1:3" x14ac:dyDescent="0.15">
      <c r="A19693">
        <v>5305</v>
      </c>
      <c r="B19693" t="s">
        <v>39310</v>
      </c>
      <c r="C19693" t="s">
        <v>39311</v>
      </c>
    </row>
    <row r="19694" spans="1:3" x14ac:dyDescent="0.15">
      <c r="A19694">
        <v>5304</v>
      </c>
      <c r="B19694" t="s">
        <v>39312</v>
      </c>
      <c r="C19694" t="s">
        <v>39313</v>
      </c>
    </row>
    <row r="19695" spans="1:3" x14ac:dyDescent="0.15">
      <c r="A19695">
        <v>5303</v>
      </c>
      <c r="B19695" t="s">
        <v>39314</v>
      </c>
      <c r="C19695" t="s">
        <v>39315</v>
      </c>
    </row>
    <row r="19696" spans="1:3" x14ac:dyDescent="0.15">
      <c r="A19696">
        <v>5302</v>
      </c>
      <c r="B19696" t="s">
        <v>39316</v>
      </c>
      <c r="C19696" t="s">
        <v>39317</v>
      </c>
    </row>
    <row r="19697" spans="1:3" x14ac:dyDescent="0.15">
      <c r="A19697">
        <v>5301</v>
      </c>
      <c r="B19697" t="s">
        <v>39318</v>
      </c>
      <c r="C19697" t="s">
        <v>39319</v>
      </c>
    </row>
    <row r="19698" spans="1:3" x14ac:dyDescent="0.15">
      <c r="A19698">
        <v>5300</v>
      </c>
      <c r="B19698" t="s">
        <v>39320</v>
      </c>
      <c r="C19698" t="s">
        <v>39321</v>
      </c>
    </row>
    <row r="19699" spans="1:3" x14ac:dyDescent="0.15">
      <c r="A19699">
        <v>5299</v>
      </c>
      <c r="B19699" t="s">
        <v>39322</v>
      </c>
      <c r="C19699" t="s">
        <v>39323</v>
      </c>
    </row>
    <row r="19700" spans="1:3" x14ac:dyDescent="0.15">
      <c r="A19700">
        <v>5298</v>
      </c>
      <c r="B19700" t="s">
        <v>39324</v>
      </c>
      <c r="C19700" t="s">
        <v>39325</v>
      </c>
    </row>
    <row r="19701" spans="1:3" x14ac:dyDescent="0.15">
      <c r="A19701">
        <v>5297</v>
      </c>
      <c r="B19701" t="s">
        <v>39326</v>
      </c>
      <c r="C19701" t="s">
        <v>39327</v>
      </c>
    </row>
    <row r="19702" spans="1:3" x14ac:dyDescent="0.15">
      <c r="A19702">
        <v>5296</v>
      </c>
      <c r="B19702" t="s">
        <v>39328</v>
      </c>
      <c r="C19702" t="s">
        <v>39329</v>
      </c>
    </row>
    <row r="19703" spans="1:3" x14ac:dyDescent="0.15">
      <c r="A19703">
        <v>5295</v>
      </c>
      <c r="B19703" t="s">
        <v>39330</v>
      </c>
      <c r="C19703" t="s">
        <v>39331</v>
      </c>
    </row>
    <row r="19704" spans="1:3" x14ac:dyDescent="0.15">
      <c r="A19704">
        <v>5294</v>
      </c>
      <c r="B19704" t="s">
        <v>39332</v>
      </c>
      <c r="C19704" t="s">
        <v>39333</v>
      </c>
    </row>
    <row r="19705" spans="1:3" x14ac:dyDescent="0.15">
      <c r="A19705">
        <v>5293</v>
      </c>
      <c r="B19705" t="s">
        <v>39334</v>
      </c>
      <c r="C19705" t="s">
        <v>39335</v>
      </c>
    </row>
    <row r="19706" spans="1:3" x14ac:dyDescent="0.15">
      <c r="A19706">
        <v>5292</v>
      </c>
      <c r="B19706" t="s">
        <v>39336</v>
      </c>
      <c r="C19706" t="s">
        <v>39337</v>
      </c>
    </row>
    <row r="19707" spans="1:3" x14ac:dyDescent="0.15">
      <c r="A19707">
        <v>5291</v>
      </c>
      <c r="B19707" t="s">
        <v>39338</v>
      </c>
      <c r="C19707" t="s">
        <v>39339</v>
      </c>
    </row>
    <row r="19708" spans="1:3" x14ac:dyDescent="0.15">
      <c r="A19708">
        <v>5290</v>
      </c>
      <c r="B19708" t="s">
        <v>39340</v>
      </c>
      <c r="C19708" t="s">
        <v>39341</v>
      </c>
    </row>
    <row r="19709" spans="1:3" x14ac:dyDescent="0.15">
      <c r="A19709">
        <v>5289</v>
      </c>
      <c r="B19709" t="s">
        <v>39342</v>
      </c>
      <c r="C19709" t="s">
        <v>39343</v>
      </c>
    </row>
    <row r="19710" spans="1:3" x14ac:dyDescent="0.15">
      <c r="A19710">
        <v>5288</v>
      </c>
      <c r="B19710" t="s">
        <v>39344</v>
      </c>
      <c r="C19710" t="s">
        <v>39345</v>
      </c>
    </row>
    <row r="19711" spans="1:3" x14ac:dyDescent="0.15">
      <c r="A19711">
        <v>5287</v>
      </c>
      <c r="B19711" t="s">
        <v>39346</v>
      </c>
      <c r="C19711" t="s">
        <v>39347</v>
      </c>
    </row>
    <row r="19712" spans="1:3" x14ac:dyDescent="0.15">
      <c r="A19712">
        <v>5286</v>
      </c>
      <c r="B19712" t="s">
        <v>39348</v>
      </c>
      <c r="C19712" t="s">
        <v>39349</v>
      </c>
    </row>
    <row r="19713" spans="1:3" x14ac:dyDescent="0.15">
      <c r="A19713">
        <v>5285</v>
      </c>
      <c r="B19713" t="s">
        <v>39350</v>
      </c>
      <c r="C19713" t="s">
        <v>39351</v>
      </c>
    </row>
    <row r="19714" spans="1:3" x14ac:dyDescent="0.15">
      <c r="A19714">
        <v>5284</v>
      </c>
      <c r="B19714" t="s">
        <v>39352</v>
      </c>
      <c r="C19714" t="s">
        <v>39353</v>
      </c>
    </row>
    <row r="19715" spans="1:3" x14ac:dyDescent="0.15">
      <c r="A19715">
        <v>5283</v>
      </c>
      <c r="B19715" t="s">
        <v>39354</v>
      </c>
      <c r="C19715" t="s">
        <v>39355</v>
      </c>
    </row>
    <row r="19716" spans="1:3" x14ac:dyDescent="0.15">
      <c r="A19716">
        <v>5282</v>
      </c>
      <c r="B19716" t="s">
        <v>39356</v>
      </c>
      <c r="C19716" t="s">
        <v>39357</v>
      </c>
    </row>
    <row r="19717" spans="1:3" x14ac:dyDescent="0.15">
      <c r="A19717">
        <v>5281</v>
      </c>
      <c r="B19717" t="s">
        <v>39358</v>
      </c>
      <c r="C19717" t="s">
        <v>39359</v>
      </c>
    </row>
    <row r="19718" spans="1:3" x14ac:dyDescent="0.15">
      <c r="A19718">
        <v>5280</v>
      </c>
      <c r="B19718" t="s">
        <v>39360</v>
      </c>
      <c r="C19718" t="s">
        <v>39361</v>
      </c>
    </row>
    <row r="19719" spans="1:3" x14ac:dyDescent="0.15">
      <c r="A19719">
        <v>5279</v>
      </c>
      <c r="B19719" t="s">
        <v>39362</v>
      </c>
      <c r="C19719" t="s">
        <v>39363</v>
      </c>
    </row>
    <row r="19720" spans="1:3" x14ac:dyDescent="0.15">
      <c r="A19720">
        <v>5278</v>
      </c>
      <c r="B19720" t="s">
        <v>39364</v>
      </c>
      <c r="C19720" t="s">
        <v>39365</v>
      </c>
    </row>
    <row r="19721" spans="1:3" x14ac:dyDescent="0.15">
      <c r="A19721">
        <v>5277</v>
      </c>
      <c r="B19721" t="s">
        <v>39366</v>
      </c>
      <c r="C19721" t="s">
        <v>39367</v>
      </c>
    </row>
    <row r="19722" spans="1:3" x14ac:dyDescent="0.15">
      <c r="A19722">
        <v>5276</v>
      </c>
      <c r="B19722" t="s">
        <v>39368</v>
      </c>
      <c r="C19722" t="s">
        <v>39369</v>
      </c>
    </row>
    <row r="19723" spans="1:3" x14ac:dyDescent="0.15">
      <c r="A19723">
        <v>5275</v>
      </c>
      <c r="B19723" t="s">
        <v>39370</v>
      </c>
      <c r="C19723" t="s">
        <v>39371</v>
      </c>
    </row>
    <row r="19724" spans="1:3" x14ac:dyDescent="0.15">
      <c r="A19724">
        <v>5274</v>
      </c>
      <c r="B19724" t="s">
        <v>39372</v>
      </c>
      <c r="C19724" t="s">
        <v>39373</v>
      </c>
    </row>
    <row r="19725" spans="1:3" x14ac:dyDescent="0.15">
      <c r="A19725">
        <v>5273</v>
      </c>
      <c r="B19725" t="s">
        <v>39374</v>
      </c>
      <c r="C19725" t="s">
        <v>39375</v>
      </c>
    </row>
    <row r="19726" spans="1:3" x14ac:dyDescent="0.15">
      <c r="A19726">
        <v>5272</v>
      </c>
      <c r="B19726" t="s">
        <v>39376</v>
      </c>
      <c r="C19726" t="s">
        <v>39377</v>
      </c>
    </row>
    <row r="19727" spans="1:3" x14ac:dyDescent="0.15">
      <c r="A19727">
        <v>5271</v>
      </c>
      <c r="B19727" t="s">
        <v>39378</v>
      </c>
      <c r="C19727" t="s">
        <v>39379</v>
      </c>
    </row>
    <row r="19728" spans="1:3" x14ac:dyDescent="0.15">
      <c r="A19728">
        <v>5270</v>
      </c>
      <c r="B19728" t="s">
        <v>39380</v>
      </c>
      <c r="C19728" t="s">
        <v>39381</v>
      </c>
    </row>
    <row r="19729" spans="1:3" x14ac:dyDescent="0.15">
      <c r="A19729">
        <v>5269</v>
      </c>
      <c r="B19729" t="s">
        <v>39382</v>
      </c>
      <c r="C19729" t="s">
        <v>39383</v>
      </c>
    </row>
    <row r="19730" spans="1:3" x14ac:dyDescent="0.15">
      <c r="A19730">
        <v>5268</v>
      </c>
      <c r="B19730" t="s">
        <v>39384</v>
      </c>
      <c r="C19730" t="s">
        <v>39385</v>
      </c>
    </row>
    <row r="19731" spans="1:3" x14ac:dyDescent="0.15">
      <c r="A19731">
        <v>5267</v>
      </c>
      <c r="B19731" t="s">
        <v>39386</v>
      </c>
      <c r="C19731" t="s">
        <v>39387</v>
      </c>
    </row>
    <row r="19732" spans="1:3" x14ac:dyDescent="0.15">
      <c r="A19732">
        <v>5266</v>
      </c>
      <c r="B19732" t="s">
        <v>39388</v>
      </c>
      <c r="C19732" t="s">
        <v>39389</v>
      </c>
    </row>
    <row r="19733" spans="1:3" x14ac:dyDescent="0.15">
      <c r="A19733">
        <v>5265</v>
      </c>
      <c r="B19733" t="s">
        <v>39390</v>
      </c>
      <c r="C19733" t="s">
        <v>39391</v>
      </c>
    </row>
    <row r="19734" spans="1:3" x14ac:dyDescent="0.15">
      <c r="A19734">
        <v>5264</v>
      </c>
      <c r="B19734" t="s">
        <v>39392</v>
      </c>
      <c r="C19734" t="s">
        <v>39393</v>
      </c>
    </row>
    <row r="19735" spans="1:3" x14ac:dyDescent="0.15">
      <c r="A19735">
        <v>5263</v>
      </c>
      <c r="B19735" t="s">
        <v>39394</v>
      </c>
      <c r="C19735" t="s">
        <v>39395</v>
      </c>
    </row>
    <row r="19736" spans="1:3" x14ac:dyDescent="0.15">
      <c r="A19736">
        <v>5262</v>
      </c>
      <c r="B19736" t="s">
        <v>39396</v>
      </c>
      <c r="C19736" t="s">
        <v>39397</v>
      </c>
    </row>
    <row r="19737" spans="1:3" x14ac:dyDescent="0.15">
      <c r="A19737">
        <v>5261</v>
      </c>
      <c r="B19737" t="s">
        <v>39398</v>
      </c>
      <c r="C19737" t="s">
        <v>39399</v>
      </c>
    </row>
    <row r="19738" spans="1:3" x14ac:dyDescent="0.15">
      <c r="A19738">
        <v>5260</v>
      </c>
      <c r="B19738" t="s">
        <v>39400</v>
      </c>
      <c r="C19738" t="s">
        <v>39401</v>
      </c>
    </row>
    <row r="19739" spans="1:3" x14ac:dyDescent="0.15">
      <c r="A19739">
        <v>5259</v>
      </c>
      <c r="B19739" t="s">
        <v>39402</v>
      </c>
      <c r="C19739" t="s">
        <v>39403</v>
      </c>
    </row>
    <row r="19740" spans="1:3" x14ac:dyDescent="0.15">
      <c r="A19740">
        <v>5258</v>
      </c>
      <c r="B19740" t="s">
        <v>39404</v>
      </c>
      <c r="C19740" t="s">
        <v>39405</v>
      </c>
    </row>
    <row r="19741" spans="1:3" x14ac:dyDescent="0.15">
      <c r="A19741">
        <v>5257</v>
      </c>
      <c r="B19741" t="s">
        <v>39406</v>
      </c>
      <c r="C19741" t="s">
        <v>39407</v>
      </c>
    </row>
    <row r="19742" spans="1:3" x14ac:dyDescent="0.15">
      <c r="A19742">
        <v>5256</v>
      </c>
      <c r="B19742" t="s">
        <v>39408</v>
      </c>
      <c r="C19742" t="s">
        <v>39409</v>
      </c>
    </row>
    <row r="19743" spans="1:3" x14ac:dyDescent="0.15">
      <c r="A19743">
        <v>5255</v>
      </c>
      <c r="B19743" t="s">
        <v>39410</v>
      </c>
      <c r="C19743" t="s">
        <v>39411</v>
      </c>
    </row>
    <row r="19744" spans="1:3" x14ac:dyDescent="0.15">
      <c r="A19744">
        <v>5254</v>
      </c>
      <c r="B19744" t="s">
        <v>39412</v>
      </c>
      <c r="C19744" t="s">
        <v>39413</v>
      </c>
    </row>
    <row r="19745" spans="1:3" x14ac:dyDescent="0.15">
      <c r="A19745">
        <v>5253</v>
      </c>
      <c r="B19745" t="s">
        <v>39414</v>
      </c>
      <c r="C19745" t="s">
        <v>39415</v>
      </c>
    </row>
    <row r="19746" spans="1:3" x14ac:dyDescent="0.15">
      <c r="A19746">
        <v>5252</v>
      </c>
      <c r="B19746" t="s">
        <v>39416</v>
      </c>
      <c r="C19746" t="s">
        <v>39417</v>
      </c>
    </row>
    <row r="19747" spans="1:3" x14ac:dyDescent="0.15">
      <c r="A19747">
        <v>5251</v>
      </c>
      <c r="B19747" t="s">
        <v>39418</v>
      </c>
      <c r="C19747" t="s">
        <v>39419</v>
      </c>
    </row>
    <row r="19748" spans="1:3" x14ac:dyDescent="0.15">
      <c r="A19748">
        <v>5250</v>
      </c>
      <c r="B19748" t="s">
        <v>39420</v>
      </c>
      <c r="C19748" t="s">
        <v>39421</v>
      </c>
    </row>
    <row r="19749" spans="1:3" x14ac:dyDescent="0.15">
      <c r="A19749">
        <v>5249</v>
      </c>
      <c r="B19749" t="s">
        <v>39422</v>
      </c>
      <c r="C19749" t="s">
        <v>39423</v>
      </c>
    </row>
    <row r="19750" spans="1:3" x14ac:dyDescent="0.15">
      <c r="A19750">
        <v>5248</v>
      </c>
      <c r="B19750" t="s">
        <v>39424</v>
      </c>
      <c r="C19750" t="s">
        <v>39425</v>
      </c>
    </row>
    <row r="19751" spans="1:3" x14ac:dyDescent="0.15">
      <c r="A19751">
        <v>5247</v>
      </c>
      <c r="B19751" t="s">
        <v>39426</v>
      </c>
      <c r="C19751" t="s">
        <v>39427</v>
      </c>
    </row>
    <row r="19752" spans="1:3" x14ac:dyDescent="0.15">
      <c r="A19752">
        <v>5246</v>
      </c>
      <c r="B19752" t="s">
        <v>39428</v>
      </c>
      <c r="C19752" t="s">
        <v>39429</v>
      </c>
    </row>
    <row r="19753" spans="1:3" x14ac:dyDescent="0.15">
      <c r="A19753">
        <v>5245</v>
      </c>
      <c r="B19753" t="s">
        <v>39430</v>
      </c>
      <c r="C19753" t="s">
        <v>39431</v>
      </c>
    </row>
    <row r="19754" spans="1:3" x14ac:dyDescent="0.15">
      <c r="A19754">
        <v>5244</v>
      </c>
      <c r="B19754" t="s">
        <v>39432</v>
      </c>
      <c r="C19754" t="s">
        <v>39433</v>
      </c>
    </row>
    <row r="19755" spans="1:3" x14ac:dyDescent="0.15">
      <c r="A19755">
        <v>5243</v>
      </c>
      <c r="B19755" t="s">
        <v>39434</v>
      </c>
      <c r="C19755" t="s">
        <v>39435</v>
      </c>
    </row>
    <row r="19756" spans="1:3" x14ac:dyDescent="0.15">
      <c r="A19756">
        <v>5242</v>
      </c>
      <c r="B19756" t="s">
        <v>39436</v>
      </c>
      <c r="C19756" t="s">
        <v>39437</v>
      </c>
    </row>
    <row r="19757" spans="1:3" x14ac:dyDescent="0.15">
      <c r="A19757">
        <v>5241</v>
      </c>
      <c r="B19757" t="s">
        <v>39438</v>
      </c>
      <c r="C19757" t="s">
        <v>39439</v>
      </c>
    </row>
    <row r="19758" spans="1:3" x14ac:dyDescent="0.15">
      <c r="A19758">
        <v>5240</v>
      </c>
      <c r="B19758" t="s">
        <v>39440</v>
      </c>
      <c r="C19758" t="s">
        <v>39441</v>
      </c>
    </row>
    <row r="19759" spans="1:3" x14ac:dyDescent="0.15">
      <c r="A19759">
        <v>5239</v>
      </c>
      <c r="B19759" t="s">
        <v>39442</v>
      </c>
      <c r="C19759" t="s">
        <v>39443</v>
      </c>
    </row>
    <row r="19760" spans="1:3" x14ac:dyDescent="0.15">
      <c r="A19760">
        <v>5238</v>
      </c>
      <c r="B19760" t="s">
        <v>39444</v>
      </c>
      <c r="C19760" t="s">
        <v>39445</v>
      </c>
    </row>
    <row r="19761" spans="1:3" x14ac:dyDescent="0.15">
      <c r="A19761">
        <v>5237</v>
      </c>
      <c r="B19761" t="s">
        <v>39446</v>
      </c>
      <c r="C19761" t="s">
        <v>39447</v>
      </c>
    </row>
    <row r="19762" spans="1:3" x14ac:dyDescent="0.15">
      <c r="A19762">
        <v>5236</v>
      </c>
      <c r="B19762" t="s">
        <v>39448</v>
      </c>
      <c r="C19762" t="s">
        <v>39449</v>
      </c>
    </row>
    <row r="19763" spans="1:3" x14ac:dyDescent="0.15">
      <c r="A19763">
        <v>5235</v>
      </c>
      <c r="B19763" t="s">
        <v>39450</v>
      </c>
      <c r="C19763" t="s">
        <v>39451</v>
      </c>
    </row>
    <row r="19764" spans="1:3" x14ac:dyDescent="0.15">
      <c r="A19764">
        <v>5234</v>
      </c>
      <c r="B19764" t="s">
        <v>39452</v>
      </c>
      <c r="C19764" t="s">
        <v>39453</v>
      </c>
    </row>
    <row r="19765" spans="1:3" x14ac:dyDescent="0.15">
      <c r="A19765">
        <v>5233</v>
      </c>
      <c r="B19765" t="s">
        <v>39454</v>
      </c>
      <c r="C19765" t="s">
        <v>39455</v>
      </c>
    </row>
    <row r="19766" spans="1:3" x14ac:dyDescent="0.15">
      <c r="A19766">
        <v>5232</v>
      </c>
      <c r="B19766" t="s">
        <v>39456</v>
      </c>
      <c r="C19766" t="s">
        <v>39457</v>
      </c>
    </row>
    <row r="19767" spans="1:3" x14ac:dyDescent="0.15">
      <c r="A19767">
        <v>5231</v>
      </c>
      <c r="B19767" t="s">
        <v>39458</v>
      </c>
      <c r="C19767" t="s">
        <v>39459</v>
      </c>
    </row>
    <row r="19768" spans="1:3" x14ac:dyDescent="0.15">
      <c r="A19768">
        <v>5230</v>
      </c>
      <c r="B19768" t="s">
        <v>39460</v>
      </c>
      <c r="C19768" t="s">
        <v>39461</v>
      </c>
    </row>
    <row r="19769" spans="1:3" x14ac:dyDescent="0.15">
      <c r="A19769">
        <v>5229</v>
      </c>
      <c r="B19769" t="s">
        <v>39462</v>
      </c>
      <c r="C19769" t="s">
        <v>39463</v>
      </c>
    </row>
    <row r="19770" spans="1:3" x14ac:dyDescent="0.15">
      <c r="A19770">
        <v>5228</v>
      </c>
      <c r="B19770" t="s">
        <v>39464</v>
      </c>
      <c r="C19770" t="s">
        <v>39465</v>
      </c>
    </row>
    <row r="19771" spans="1:3" x14ac:dyDescent="0.15">
      <c r="A19771">
        <v>5227</v>
      </c>
      <c r="B19771" t="s">
        <v>39466</v>
      </c>
      <c r="C19771" t="s">
        <v>39467</v>
      </c>
    </row>
    <row r="19772" spans="1:3" x14ac:dyDescent="0.15">
      <c r="A19772">
        <v>5226</v>
      </c>
      <c r="B19772" t="s">
        <v>39468</v>
      </c>
      <c r="C19772" t="s">
        <v>39469</v>
      </c>
    </row>
    <row r="19773" spans="1:3" x14ac:dyDescent="0.15">
      <c r="A19773">
        <v>5225</v>
      </c>
      <c r="B19773" t="s">
        <v>39470</v>
      </c>
      <c r="C19773" t="s">
        <v>39471</v>
      </c>
    </row>
    <row r="19774" spans="1:3" x14ac:dyDescent="0.15">
      <c r="A19774">
        <v>5224</v>
      </c>
      <c r="B19774" t="s">
        <v>39472</v>
      </c>
      <c r="C19774" t="s">
        <v>39473</v>
      </c>
    </row>
    <row r="19775" spans="1:3" x14ac:dyDescent="0.15">
      <c r="A19775">
        <v>5223</v>
      </c>
      <c r="B19775" t="s">
        <v>39474</v>
      </c>
      <c r="C19775" t="s">
        <v>39475</v>
      </c>
    </row>
    <row r="19776" spans="1:3" x14ac:dyDescent="0.15">
      <c r="A19776">
        <v>5222</v>
      </c>
      <c r="B19776" t="s">
        <v>39476</v>
      </c>
      <c r="C19776" t="s">
        <v>39477</v>
      </c>
    </row>
    <row r="19777" spans="1:3" x14ac:dyDescent="0.15">
      <c r="A19777">
        <v>5221</v>
      </c>
      <c r="B19777" t="s">
        <v>39478</v>
      </c>
      <c r="C19777" t="s">
        <v>39479</v>
      </c>
    </row>
    <row r="19778" spans="1:3" x14ac:dyDescent="0.15">
      <c r="A19778">
        <v>5220</v>
      </c>
      <c r="B19778" t="s">
        <v>39480</v>
      </c>
      <c r="C19778" t="s">
        <v>39481</v>
      </c>
    </row>
    <row r="19779" spans="1:3" x14ac:dyDescent="0.15">
      <c r="A19779">
        <v>5219</v>
      </c>
      <c r="B19779" t="s">
        <v>39482</v>
      </c>
      <c r="C19779" t="s">
        <v>39483</v>
      </c>
    </row>
    <row r="19780" spans="1:3" x14ac:dyDescent="0.15">
      <c r="A19780">
        <v>5218</v>
      </c>
      <c r="B19780" t="s">
        <v>39484</v>
      </c>
      <c r="C19780" t="s">
        <v>39485</v>
      </c>
    </row>
    <row r="19781" spans="1:3" x14ac:dyDescent="0.15">
      <c r="A19781">
        <v>5217</v>
      </c>
      <c r="B19781" t="s">
        <v>39486</v>
      </c>
      <c r="C19781" t="s">
        <v>39487</v>
      </c>
    </row>
    <row r="19782" spans="1:3" x14ac:dyDescent="0.15">
      <c r="A19782">
        <v>5216</v>
      </c>
      <c r="B19782" t="s">
        <v>39488</v>
      </c>
      <c r="C19782" t="s">
        <v>39489</v>
      </c>
    </row>
    <row r="19783" spans="1:3" x14ac:dyDescent="0.15">
      <c r="A19783">
        <v>5215</v>
      </c>
      <c r="B19783" t="s">
        <v>39490</v>
      </c>
      <c r="C19783" t="s">
        <v>39491</v>
      </c>
    </row>
    <row r="19784" spans="1:3" x14ac:dyDescent="0.15">
      <c r="A19784">
        <v>5214</v>
      </c>
      <c r="B19784" t="s">
        <v>39492</v>
      </c>
      <c r="C19784" t="s">
        <v>39493</v>
      </c>
    </row>
    <row r="19785" spans="1:3" x14ac:dyDescent="0.15">
      <c r="A19785">
        <v>5213</v>
      </c>
      <c r="B19785" t="s">
        <v>39494</v>
      </c>
      <c r="C19785" t="s">
        <v>39495</v>
      </c>
    </row>
    <row r="19786" spans="1:3" x14ac:dyDescent="0.15">
      <c r="A19786">
        <v>5212</v>
      </c>
      <c r="B19786" t="s">
        <v>39496</v>
      </c>
      <c r="C19786" t="s">
        <v>39497</v>
      </c>
    </row>
    <row r="19787" spans="1:3" x14ac:dyDescent="0.15">
      <c r="A19787">
        <v>5211</v>
      </c>
      <c r="B19787" t="s">
        <v>39498</v>
      </c>
      <c r="C19787" t="s">
        <v>39499</v>
      </c>
    </row>
    <row r="19788" spans="1:3" x14ac:dyDescent="0.15">
      <c r="A19788">
        <v>5210</v>
      </c>
      <c r="B19788" t="s">
        <v>39500</v>
      </c>
      <c r="C19788" t="s">
        <v>39501</v>
      </c>
    </row>
    <row r="19789" spans="1:3" x14ac:dyDescent="0.15">
      <c r="A19789">
        <v>5209</v>
      </c>
      <c r="B19789" t="s">
        <v>39502</v>
      </c>
      <c r="C19789" t="s">
        <v>39503</v>
      </c>
    </row>
    <row r="19790" spans="1:3" x14ac:dyDescent="0.15">
      <c r="A19790">
        <v>5208</v>
      </c>
      <c r="B19790" t="s">
        <v>39504</v>
      </c>
      <c r="C19790" t="s">
        <v>39505</v>
      </c>
    </row>
    <row r="19791" spans="1:3" x14ac:dyDescent="0.15">
      <c r="A19791">
        <v>5207</v>
      </c>
      <c r="B19791" t="s">
        <v>39506</v>
      </c>
      <c r="C19791" t="s">
        <v>39507</v>
      </c>
    </row>
    <row r="19792" spans="1:3" x14ac:dyDescent="0.15">
      <c r="A19792">
        <v>5206</v>
      </c>
      <c r="B19792" t="s">
        <v>39508</v>
      </c>
      <c r="C19792" t="s">
        <v>39509</v>
      </c>
    </row>
    <row r="19793" spans="1:3" x14ac:dyDescent="0.15">
      <c r="A19793">
        <v>5205</v>
      </c>
      <c r="B19793" t="s">
        <v>39510</v>
      </c>
      <c r="C19793" t="s">
        <v>39511</v>
      </c>
    </row>
    <row r="19794" spans="1:3" x14ac:dyDescent="0.15">
      <c r="A19794">
        <v>5204</v>
      </c>
      <c r="B19794" t="s">
        <v>39512</v>
      </c>
      <c r="C19794" t="s">
        <v>39513</v>
      </c>
    </row>
    <row r="19795" spans="1:3" x14ac:dyDescent="0.15">
      <c r="A19795">
        <v>5203</v>
      </c>
      <c r="B19795" t="s">
        <v>39514</v>
      </c>
      <c r="C19795" t="s">
        <v>39515</v>
      </c>
    </row>
    <row r="19796" spans="1:3" x14ac:dyDescent="0.15">
      <c r="A19796">
        <v>5202</v>
      </c>
      <c r="B19796" t="s">
        <v>39516</v>
      </c>
      <c r="C19796" t="s">
        <v>39517</v>
      </c>
    </row>
    <row r="19797" spans="1:3" x14ac:dyDescent="0.15">
      <c r="A19797">
        <v>5201</v>
      </c>
      <c r="B19797" t="s">
        <v>39518</v>
      </c>
      <c r="C19797" t="s">
        <v>39519</v>
      </c>
    </row>
    <row r="19798" spans="1:3" x14ac:dyDescent="0.15">
      <c r="A19798">
        <v>5200</v>
      </c>
      <c r="B19798" t="s">
        <v>39520</v>
      </c>
      <c r="C19798" t="s">
        <v>39521</v>
      </c>
    </row>
    <row r="19799" spans="1:3" x14ac:dyDescent="0.15">
      <c r="A19799">
        <v>5199</v>
      </c>
      <c r="B19799" t="s">
        <v>39522</v>
      </c>
      <c r="C19799" t="s">
        <v>39523</v>
      </c>
    </row>
    <row r="19800" spans="1:3" x14ac:dyDescent="0.15">
      <c r="A19800">
        <v>5198</v>
      </c>
      <c r="B19800" t="s">
        <v>39524</v>
      </c>
      <c r="C19800" t="s">
        <v>39525</v>
      </c>
    </row>
    <row r="19801" spans="1:3" x14ac:dyDescent="0.15">
      <c r="A19801">
        <v>5197</v>
      </c>
      <c r="B19801" t="s">
        <v>39526</v>
      </c>
      <c r="C19801" t="s">
        <v>39527</v>
      </c>
    </row>
    <row r="19802" spans="1:3" x14ac:dyDescent="0.15">
      <c r="A19802">
        <v>5196</v>
      </c>
      <c r="B19802" t="s">
        <v>39528</v>
      </c>
      <c r="C19802" t="s">
        <v>39529</v>
      </c>
    </row>
    <row r="19803" spans="1:3" x14ac:dyDescent="0.15">
      <c r="A19803">
        <v>5195</v>
      </c>
      <c r="B19803" t="s">
        <v>39530</v>
      </c>
      <c r="C19803" t="s">
        <v>39531</v>
      </c>
    </row>
    <row r="19804" spans="1:3" x14ac:dyDescent="0.15">
      <c r="A19804">
        <v>5194</v>
      </c>
      <c r="B19804" t="s">
        <v>39532</v>
      </c>
      <c r="C19804" t="s">
        <v>39533</v>
      </c>
    </row>
    <row r="19805" spans="1:3" x14ac:dyDescent="0.15">
      <c r="A19805">
        <v>5193</v>
      </c>
      <c r="B19805" t="s">
        <v>39534</v>
      </c>
      <c r="C19805" t="s">
        <v>39535</v>
      </c>
    </row>
    <row r="19806" spans="1:3" x14ac:dyDescent="0.15">
      <c r="A19806">
        <v>5192</v>
      </c>
      <c r="B19806" t="s">
        <v>39536</v>
      </c>
      <c r="C19806" t="s">
        <v>39537</v>
      </c>
    </row>
    <row r="19807" spans="1:3" x14ac:dyDescent="0.15">
      <c r="A19807">
        <v>5191</v>
      </c>
      <c r="B19807" t="s">
        <v>39538</v>
      </c>
      <c r="C19807" t="s">
        <v>39539</v>
      </c>
    </row>
    <row r="19808" spans="1:3" x14ac:dyDescent="0.15">
      <c r="A19808">
        <v>5190</v>
      </c>
      <c r="B19808" t="s">
        <v>39540</v>
      </c>
      <c r="C19808" t="s">
        <v>39541</v>
      </c>
    </row>
    <row r="19809" spans="1:3" x14ac:dyDescent="0.15">
      <c r="A19809">
        <v>5189</v>
      </c>
      <c r="B19809" t="s">
        <v>39542</v>
      </c>
      <c r="C19809" t="s">
        <v>39543</v>
      </c>
    </row>
    <row r="19810" spans="1:3" x14ac:dyDescent="0.15">
      <c r="A19810">
        <v>5188</v>
      </c>
      <c r="B19810" t="s">
        <v>39544</v>
      </c>
      <c r="C19810" t="s">
        <v>39545</v>
      </c>
    </row>
    <row r="19811" spans="1:3" x14ac:dyDescent="0.15">
      <c r="A19811">
        <v>5187</v>
      </c>
      <c r="B19811" t="s">
        <v>39546</v>
      </c>
      <c r="C19811" t="s">
        <v>39547</v>
      </c>
    </row>
    <row r="19812" spans="1:3" x14ac:dyDescent="0.15">
      <c r="A19812">
        <v>5186</v>
      </c>
      <c r="B19812" t="s">
        <v>39548</v>
      </c>
      <c r="C19812" t="s">
        <v>39549</v>
      </c>
    </row>
    <row r="19813" spans="1:3" x14ac:dyDescent="0.15">
      <c r="A19813">
        <v>5185</v>
      </c>
      <c r="B19813" t="s">
        <v>39550</v>
      </c>
      <c r="C19813" t="s">
        <v>39551</v>
      </c>
    </row>
    <row r="19814" spans="1:3" x14ac:dyDescent="0.15">
      <c r="A19814">
        <v>5184</v>
      </c>
      <c r="B19814" t="s">
        <v>39552</v>
      </c>
      <c r="C19814" t="s">
        <v>39553</v>
      </c>
    </row>
    <row r="19815" spans="1:3" x14ac:dyDescent="0.15">
      <c r="A19815">
        <v>5183</v>
      </c>
      <c r="B19815" t="s">
        <v>39554</v>
      </c>
      <c r="C19815" t="s">
        <v>39555</v>
      </c>
    </row>
    <row r="19816" spans="1:3" x14ac:dyDescent="0.15">
      <c r="A19816">
        <v>5182</v>
      </c>
      <c r="B19816" t="s">
        <v>39556</v>
      </c>
      <c r="C19816" t="s">
        <v>39557</v>
      </c>
    </row>
    <row r="19817" spans="1:3" x14ac:dyDescent="0.15">
      <c r="A19817">
        <v>5181</v>
      </c>
      <c r="B19817" t="s">
        <v>39558</v>
      </c>
      <c r="C19817" t="s">
        <v>39559</v>
      </c>
    </row>
    <row r="19818" spans="1:3" x14ac:dyDescent="0.15">
      <c r="A19818">
        <v>5180</v>
      </c>
      <c r="B19818" t="s">
        <v>39560</v>
      </c>
      <c r="C19818" t="s">
        <v>39561</v>
      </c>
    </row>
    <row r="19819" spans="1:3" x14ac:dyDescent="0.15">
      <c r="A19819">
        <v>5179</v>
      </c>
      <c r="B19819" t="s">
        <v>39562</v>
      </c>
      <c r="C19819" t="s">
        <v>39563</v>
      </c>
    </row>
    <row r="19820" spans="1:3" x14ac:dyDescent="0.15">
      <c r="A19820">
        <v>5178</v>
      </c>
      <c r="B19820" t="s">
        <v>39564</v>
      </c>
      <c r="C19820" t="s">
        <v>39565</v>
      </c>
    </row>
    <row r="19821" spans="1:3" x14ac:dyDescent="0.15">
      <c r="A19821">
        <v>5177</v>
      </c>
      <c r="B19821" t="s">
        <v>39566</v>
      </c>
      <c r="C19821" t="s">
        <v>39567</v>
      </c>
    </row>
    <row r="19822" spans="1:3" x14ac:dyDescent="0.15">
      <c r="A19822">
        <v>5176</v>
      </c>
      <c r="B19822" t="s">
        <v>39568</v>
      </c>
      <c r="C19822" t="s">
        <v>39569</v>
      </c>
    </row>
    <row r="19823" spans="1:3" x14ac:dyDescent="0.15">
      <c r="A19823">
        <v>5175</v>
      </c>
      <c r="B19823" t="s">
        <v>39570</v>
      </c>
      <c r="C19823" t="s">
        <v>39571</v>
      </c>
    </row>
    <row r="19824" spans="1:3" x14ac:dyDescent="0.15">
      <c r="A19824">
        <v>5174</v>
      </c>
      <c r="B19824" t="s">
        <v>39572</v>
      </c>
      <c r="C19824" t="s">
        <v>39573</v>
      </c>
    </row>
    <row r="19825" spans="1:3" x14ac:dyDescent="0.15">
      <c r="A19825">
        <v>5173</v>
      </c>
      <c r="B19825" t="s">
        <v>39574</v>
      </c>
      <c r="C19825" t="s">
        <v>39575</v>
      </c>
    </row>
    <row r="19826" spans="1:3" x14ac:dyDescent="0.15">
      <c r="A19826">
        <v>5172</v>
      </c>
      <c r="B19826" t="s">
        <v>39576</v>
      </c>
      <c r="C19826" t="s">
        <v>39577</v>
      </c>
    </row>
    <row r="19827" spans="1:3" x14ac:dyDescent="0.15">
      <c r="A19827">
        <v>5171</v>
      </c>
      <c r="B19827" t="s">
        <v>39578</v>
      </c>
      <c r="C19827" t="s">
        <v>39579</v>
      </c>
    </row>
    <row r="19828" spans="1:3" x14ac:dyDescent="0.15">
      <c r="A19828">
        <v>5170</v>
      </c>
      <c r="B19828" t="s">
        <v>39580</v>
      </c>
      <c r="C19828" t="s">
        <v>39581</v>
      </c>
    </row>
    <row r="19829" spans="1:3" x14ac:dyDescent="0.15">
      <c r="A19829">
        <v>5169</v>
      </c>
      <c r="B19829" t="s">
        <v>39582</v>
      </c>
      <c r="C19829" t="s">
        <v>39583</v>
      </c>
    </row>
    <row r="19830" spans="1:3" x14ac:dyDescent="0.15">
      <c r="A19830">
        <v>5168</v>
      </c>
      <c r="B19830" t="s">
        <v>39584</v>
      </c>
      <c r="C19830" t="s">
        <v>39585</v>
      </c>
    </row>
    <row r="19831" spans="1:3" x14ac:dyDescent="0.15">
      <c r="A19831">
        <v>5167</v>
      </c>
      <c r="B19831" t="s">
        <v>39586</v>
      </c>
      <c r="C19831" t="s">
        <v>39587</v>
      </c>
    </row>
    <row r="19832" spans="1:3" x14ac:dyDescent="0.15">
      <c r="A19832">
        <v>5166</v>
      </c>
      <c r="B19832" t="s">
        <v>39588</v>
      </c>
      <c r="C19832" t="s">
        <v>39589</v>
      </c>
    </row>
    <row r="19833" spans="1:3" x14ac:dyDescent="0.15">
      <c r="A19833">
        <v>5165</v>
      </c>
      <c r="B19833" t="s">
        <v>39590</v>
      </c>
      <c r="C19833" t="s">
        <v>39591</v>
      </c>
    </row>
    <row r="19834" spans="1:3" x14ac:dyDescent="0.15">
      <c r="A19834">
        <v>5164</v>
      </c>
      <c r="B19834" t="s">
        <v>39592</v>
      </c>
      <c r="C19834" t="s">
        <v>39593</v>
      </c>
    </row>
    <row r="19835" spans="1:3" x14ac:dyDescent="0.15">
      <c r="A19835">
        <v>5163</v>
      </c>
      <c r="B19835" t="s">
        <v>39594</v>
      </c>
      <c r="C19835" t="s">
        <v>39595</v>
      </c>
    </row>
    <row r="19836" spans="1:3" x14ac:dyDescent="0.15">
      <c r="A19836">
        <v>5162</v>
      </c>
      <c r="B19836" t="s">
        <v>39596</v>
      </c>
      <c r="C19836" t="s">
        <v>39597</v>
      </c>
    </row>
    <row r="19837" spans="1:3" x14ac:dyDescent="0.15">
      <c r="A19837">
        <v>5161</v>
      </c>
      <c r="B19837" t="s">
        <v>39598</v>
      </c>
      <c r="C19837" t="s">
        <v>39599</v>
      </c>
    </row>
    <row r="19838" spans="1:3" x14ac:dyDescent="0.15">
      <c r="A19838">
        <v>5160</v>
      </c>
      <c r="B19838" t="s">
        <v>39600</v>
      </c>
      <c r="C19838" t="s">
        <v>39601</v>
      </c>
    </row>
    <row r="19839" spans="1:3" x14ac:dyDescent="0.15">
      <c r="A19839">
        <v>5159</v>
      </c>
      <c r="B19839" t="s">
        <v>39602</v>
      </c>
      <c r="C19839" t="s">
        <v>39603</v>
      </c>
    </row>
    <row r="19840" spans="1:3" x14ac:dyDescent="0.15">
      <c r="A19840">
        <v>5158</v>
      </c>
      <c r="B19840" t="s">
        <v>39604</v>
      </c>
      <c r="C19840" t="s">
        <v>39605</v>
      </c>
    </row>
    <row r="19841" spans="1:3" x14ac:dyDescent="0.15">
      <c r="A19841">
        <v>5157</v>
      </c>
      <c r="B19841" t="s">
        <v>39606</v>
      </c>
      <c r="C19841" t="s">
        <v>39607</v>
      </c>
    </row>
    <row r="19842" spans="1:3" x14ac:dyDescent="0.15">
      <c r="A19842">
        <v>5156</v>
      </c>
      <c r="B19842" t="s">
        <v>39608</v>
      </c>
      <c r="C19842" t="s">
        <v>39609</v>
      </c>
    </row>
    <row r="19843" spans="1:3" x14ac:dyDescent="0.15">
      <c r="A19843">
        <v>5155</v>
      </c>
      <c r="B19843" t="s">
        <v>39610</v>
      </c>
      <c r="C19843" t="s">
        <v>39611</v>
      </c>
    </row>
    <row r="19844" spans="1:3" x14ac:dyDescent="0.15">
      <c r="A19844">
        <v>5154</v>
      </c>
      <c r="B19844" t="s">
        <v>39612</v>
      </c>
      <c r="C19844" t="s">
        <v>39613</v>
      </c>
    </row>
    <row r="19845" spans="1:3" x14ac:dyDescent="0.15">
      <c r="A19845">
        <v>5153</v>
      </c>
      <c r="B19845" t="s">
        <v>39614</v>
      </c>
      <c r="C19845" t="s">
        <v>39615</v>
      </c>
    </row>
    <row r="19846" spans="1:3" x14ac:dyDescent="0.15">
      <c r="A19846">
        <v>5152</v>
      </c>
      <c r="B19846" t="s">
        <v>39616</v>
      </c>
      <c r="C19846" t="s">
        <v>39617</v>
      </c>
    </row>
    <row r="19847" spans="1:3" x14ac:dyDescent="0.15">
      <c r="A19847">
        <v>5151</v>
      </c>
      <c r="B19847" t="s">
        <v>39618</v>
      </c>
      <c r="C19847" t="s">
        <v>39619</v>
      </c>
    </row>
    <row r="19848" spans="1:3" x14ac:dyDescent="0.15">
      <c r="A19848">
        <v>5150</v>
      </c>
      <c r="B19848" t="s">
        <v>39620</v>
      </c>
      <c r="C19848" t="s">
        <v>39621</v>
      </c>
    </row>
    <row r="19849" spans="1:3" x14ac:dyDescent="0.15">
      <c r="A19849">
        <v>5149</v>
      </c>
      <c r="B19849" t="s">
        <v>39622</v>
      </c>
      <c r="C19849" t="s">
        <v>39623</v>
      </c>
    </row>
    <row r="19850" spans="1:3" x14ac:dyDescent="0.15">
      <c r="A19850">
        <v>5148</v>
      </c>
      <c r="B19850" t="s">
        <v>39624</v>
      </c>
      <c r="C19850" t="s">
        <v>39625</v>
      </c>
    </row>
    <row r="19851" spans="1:3" x14ac:dyDescent="0.15">
      <c r="A19851">
        <v>5147</v>
      </c>
      <c r="B19851" t="s">
        <v>39626</v>
      </c>
      <c r="C19851" t="s">
        <v>39627</v>
      </c>
    </row>
    <row r="19852" spans="1:3" x14ac:dyDescent="0.15">
      <c r="A19852">
        <v>5146</v>
      </c>
      <c r="B19852" t="s">
        <v>39628</v>
      </c>
      <c r="C19852" t="s">
        <v>39629</v>
      </c>
    </row>
    <row r="19853" spans="1:3" x14ac:dyDescent="0.15">
      <c r="A19853">
        <v>5145</v>
      </c>
      <c r="B19853" t="s">
        <v>39630</v>
      </c>
      <c r="C19853" t="s">
        <v>39631</v>
      </c>
    </row>
    <row r="19854" spans="1:3" x14ac:dyDescent="0.15">
      <c r="A19854">
        <v>5144</v>
      </c>
      <c r="B19854" t="s">
        <v>39632</v>
      </c>
      <c r="C19854" t="s">
        <v>39633</v>
      </c>
    </row>
    <row r="19855" spans="1:3" x14ac:dyDescent="0.15">
      <c r="A19855">
        <v>5143</v>
      </c>
      <c r="B19855" t="s">
        <v>39634</v>
      </c>
      <c r="C19855" t="s">
        <v>39635</v>
      </c>
    </row>
    <row r="19856" spans="1:3" x14ac:dyDescent="0.15">
      <c r="A19856">
        <v>5142</v>
      </c>
      <c r="B19856" t="s">
        <v>39636</v>
      </c>
      <c r="C19856" t="s">
        <v>39637</v>
      </c>
    </row>
    <row r="19857" spans="1:3" x14ac:dyDescent="0.15">
      <c r="A19857">
        <v>5141</v>
      </c>
      <c r="B19857" t="s">
        <v>39638</v>
      </c>
      <c r="C19857" t="s">
        <v>39639</v>
      </c>
    </row>
    <row r="19858" spans="1:3" x14ac:dyDescent="0.15">
      <c r="A19858">
        <v>5140</v>
      </c>
      <c r="B19858" t="s">
        <v>39640</v>
      </c>
      <c r="C19858" t="s">
        <v>39641</v>
      </c>
    </row>
    <row r="19859" spans="1:3" x14ac:dyDescent="0.15">
      <c r="A19859">
        <v>5139</v>
      </c>
      <c r="B19859" t="s">
        <v>39642</v>
      </c>
      <c r="C19859" t="s">
        <v>39643</v>
      </c>
    </row>
    <row r="19860" spans="1:3" x14ac:dyDescent="0.15">
      <c r="A19860">
        <v>5138</v>
      </c>
      <c r="B19860" t="s">
        <v>39644</v>
      </c>
      <c r="C19860" t="s">
        <v>39645</v>
      </c>
    </row>
    <row r="19861" spans="1:3" x14ac:dyDescent="0.15">
      <c r="A19861">
        <v>5137</v>
      </c>
      <c r="B19861" t="s">
        <v>39646</v>
      </c>
      <c r="C19861" t="s">
        <v>39647</v>
      </c>
    </row>
    <row r="19862" spans="1:3" x14ac:dyDescent="0.15">
      <c r="A19862">
        <v>5136</v>
      </c>
      <c r="B19862" t="s">
        <v>39648</v>
      </c>
      <c r="C19862" t="s">
        <v>39649</v>
      </c>
    </row>
    <row r="19863" spans="1:3" x14ac:dyDescent="0.15">
      <c r="A19863">
        <v>5135</v>
      </c>
      <c r="B19863" t="s">
        <v>39650</v>
      </c>
      <c r="C19863" t="s">
        <v>39651</v>
      </c>
    </row>
    <row r="19864" spans="1:3" x14ac:dyDescent="0.15">
      <c r="A19864">
        <v>5134</v>
      </c>
      <c r="B19864" t="s">
        <v>39652</v>
      </c>
      <c r="C19864" t="s">
        <v>39653</v>
      </c>
    </row>
    <row r="19865" spans="1:3" x14ac:dyDescent="0.15">
      <c r="A19865">
        <v>5133</v>
      </c>
      <c r="B19865" t="s">
        <v>39654</v>
      </c>
      <c r="C19865" t="s">
        <v>39655</v>
      </c>
    </row>
    <row r="19866" spans="1:3" x14ac:dyDescent="0.15">
      <c r="A19866">
        <v>5132</v>
      </c>
      <c r="B19866" t="s">
        <v>39656</v>
      </c>
      <c r="C19866" t="s">
        <v>39657</v>
      </c>
    </row>
    <row r="19867" spans="1:3" x14ac:dyDescent="0.15">
      <c r="A19867">
        <v>5131</v>
      </c>
      <c r="B19867" t="s">
        <v>39658</v>
      </c>
      <c r="C19867" t="s">
        <v>39659</v>
      </c>
    </row>
    <row r="19868" spans="1:3" x14ac:dyDescent="0.15">
      <c r="A19868">
        <v>5130</v>
      </c>
      <c r="B19868" t="s">
        <v>39660</v>
      </c>
      <c r="C19868" t="s">
        <v>39661</v>
      </c>
    </row>
    <row r="19869" spans="1:3" x14ac:dyDescent="0.15">
      <c r="A19869">
        <v>5129</v>
      </c>
      <c r="B19869" t="s">
        <v>39662</v>
      </c>
      <c r="C19869" t="s">
        <v>39663</v>
      </c>
    </row>
    <row r="19870" spans="1:3" x14ac:dyDescent="0.15">
      <c r="A19870">
        <v>5128</v>
      </c>
      <c r="B19870" t="s">
        <v>39664</v>
      </c>
      <c r="C19870" t="s">
        <v>39665</v>
      </c>
    </row>
    <row r="19871" spans="1:3" x14ac:dyDescent="0.15">
      <c r="A19871">
        <v>5127</v>
      </c>
      <c r="B19871" t="s">
        <v>39666</v>
      </c>
      <c r="C19871" t="s">
        <v>39667</v>
      </c>
    </row>
    <row r="19872" spans="1:3" x14ac:dyDescent="0.15">
      <c r="A19872">
        <v>5126</v>
      </c>
      <c r="B19872" t="s">
        <v>39668</v>
      </c>
      <c r="C19872" t="s">
        <v>39669</v>
      </c>
    </row>
    <row r="19873" spans="1:3" x14ac:dyDescent="0.15">
      <c r="A19873">
        <v>5125</v>
      </c>
      <c r="B19873" t="s">
        <v>39670</v>
      </c>
      <c r="C19873" t="s">
        <v>39671</v>
      </c>
    </row>
    <row r="19874" spans="1:3" x14ac:dyDescent="0.15">
      <c r="A19874">
        <v>5124</v>
      </c>
      <c r="B19874" t="s">
        <v>39672</v>
      </c>
      <c r="C19874" t="s">
        <v>39673</v>
      </c>
    </row>
    <row r="19875" spans="1:3" x14ac:dyDescent="0.15">
      <c r="A19875">
        <v>5123</v>
      </c>
      <c r="B19875" t="s">
        <v>39674</v>
      </c>
      <c r="C19875" t="s">
        <v>39675</v>
      </c>
    </row>
    <row r="19876" spans="1:3" x14ac:dyDescent="0.15">
      <c r="A19876">
        <v>5122</v>
      </c>
      <c r="B19876" t="s">
        <v>39676</v>
      </c>
      <c r="C19876" t="s">
        <v>39677</v>
      </c>
    </row>
    <row r="19877" spans="1:3" x14ac:dyDescent="0.15">
      <c r="A19877">
        <v>5121</v>
      </c>
      <c r="B19877" t="s">
        <v>39678</v>
      </c>
      <c r="C19877" t="s">
        <v>39679</v>
      </c>
    </row>
    <row r="19878" spans="1:3" x14ac:dyDescent="0.15">
      <c r="A19878">
        <v>5120</v>
      </c>
      <c r="B19878" t="s">
        <v>39680</v>
      </c>
      <c r="C19878" t="s">
        <v>39681</v>
      </c>
    </row>
    <row r="19879" spans="1:3" x14ac:dyDescent="0.15">
      <c r="A19879">
        <v>5119</v>
      </c>
      <c r="B19879" t="s">
        <v>39682</v>
      </c>
      <c r="C19879" t="s">
        <v>39683</v>
      </c>
    </row>
    <row r="19880" spans="1:3" x14ac:dyDescent="0.15">
      <c r="A19880">
        <v>5118</v>
      </c>
      <c r="B19880" t="s">
        <v>39684</v>
      </c>
      <c r="C19880" t="s">
        <v>39685</v>
      </c>
    </row>
    <row r="19881" spans="1:3" x14ac:dyDescent="0.15">
      <c r="A19881">
        <v>5117</v>
      </c>
      <c r="B19881" t="s">
        <v>39686</v>
      </c>
      <c r="C19881" t="s">
        <v>39687</v>
      </c>
    </row>
    <row r="19882" spans="1:3" x14ac:dyDescent="0.15">
      <c r="A19882">
        <v>5116</v>
      </c>
      <c r="B19882" t="s">
        <v>39688</v>
      </c>
      <c r="C19882" t="s">
        <v>39689</v>
      </c>
    </row>
    <row r="19883" spans="1:3" x14ac:dyDescent="0.15">
      <c r="A19883">
        <v>5115</v>
      </c>
      <c r="B19883" t="s">
        <v>39690</v>
      </c>
      <c r="C19883" t="s">
        <v>39691</v>
      </c>
    </row>
    <row r="19884" spans="1:3" x14ac:dyDescent="0.15">
      <c r="A19884">
        <v>5114</v>
      </c>
      <c r="B19884" t="s">
        <v>39692</v>
      </c>
      <c r="C19884" t="s">
        <v>39693</v>
      </c>
    </row>
    <row r="19885" spans="1:3" x14ac:dyDescent="0.15">
      <c r="A19885">
        <v>5113</v>
      </c>
      <c r="B19885" t="s">
        <v>39694</v>
      </c>
      <c r="C19885" t="s">
        <v>39695</v>
      </c>
    </row>
    <row r="19886" spans="1:3" x14ac:dyDescent="0.15">
      <c r="A19886">
        <v>5112</v>
      </c>
      <c r="B19886" t="s">
        <v>39696</v>
      </c>
      <c r="C19886" t="s">
        <v>39697</v>
      </c>
    </row>
    <row r="19887" spans="1:3" x14ac:dyDescent="0.15">
      <c r="A19887">
        <v>5111</v>
      </c>
      <c r="B19887" t="s">
        <v>39698</v>
      </c>
      <c r="C19887" t="s">
        <v>39699</v>
      </c>
    </row>
    <row r="19888" spans="1:3" x14ac:dyDescent="0.15">
      <c r="A19888">
        <v>5110</v>
      </c>
      <c r="B19888" t="s">
        <v>39700</v>
      </c>
      <c r="C19888" t="s">
        <v>39701</v>
      </c>
    </row>
    <row r="19889" spans="1:3" x14ac:dyDescent="0.15">
      <c r="A19889">
        <v>5109</v>
      </c>
      <c r="B19889" t="s">
        <v>39702</v>
      </c>
      <c r="C19889" t="s">
        <v>39703</v>
      </c>
    </row>
    <row r="19890" spans="1:3" x14ac:dyDescent="0.15">
      <c r="A19890">
        <v>5108</v>
      </c>
      <c r="B19890" t="s">
        <v>39704</v>
      </c>
      <c r="C19890" t="s">
        <v>39705</v>
      </c>
    </row>
    <row r="19891" spans="1:3" x14ac:dyDescent="0.15">
      <c r="A19891">
        <v>5107</v>
      </c>
      <c r="B19891" t="s">
        <v>39706</v>
      </c>
      <c r="C19891" t="s">
        <v>39707</v>
      </c>
    </row>
    <row r="19892" spans="1:3" x14ac:dyDescent="0.15">
      <c r="A19892">
        <v>5106</v>
      </c>
      <c r="B19892" t="s">
        <v>39708</v>
      </c>
      <c r="C19892" t="s">
        <v>39709</v>
      </c>
    </row>
    <row r="19893" spans="1:3" x14ac:dyDescent="0.15">
      <c r="A19893">
        <v>5105</v>
      </c>
      <c r="B19893" t="s">
        <v>39710</v>
      </c>
      <c r="C19893" t="s">
        <v>39711</v>
      </c>
    </row>
    <row r="19894" spans="1:3" x14ac:dyDescent="0.15">
      <c r="A19894">
        <v>5104</v>
      </c>
      <c r="B19894" t="s">
        <v>39712</v>
      </c>
      <c r="C19894" t="s">
        <v>39713</v>
      </c>
    </row>
    <row r="19895" spans="1:3" x14ac:dyDescent="0.15">
      <c r="A19895">
        <v>5103</v>
      </c>
      <c r="B19895" t="s">
        <v>39714</v>
      </c>
      <c r="C19895" t="s">
        <v>39715</v>
      </c>
    </row>
    <row r="19896" spans="1:3" x14ac:dyDescent="0.15">
      <c r="A19896">
        <v>5102</v>
      </c>
      <c r="B19896" t="s">
        <v>39716</v>
      </c>
      <c r="C19896" t="s">
        <v>39717</v>
      </c>
    </row>
    <row r="19897" spans="1:3" x14ac:dyDescent="0.15">
      <c r="A19897">
        <v>5101</v>
      </c>
      <c r="B19897" t="s">
        <v>39718</v>
      </c>
      <c r="C19897" t="s">
        <v>39719</v>
      </c>
    </row>
    <row r="19898" spans="1:3" x14ac:dyDescent="0.15">
      <c r="A19898">
        <v>5100</v>
      </c>
      <c r="B19898" t="s">
        <v>39720</v>
      </c>
      <c r="C19898" t="s">
        <v>39721</v>
      </c>
    </row>
    <row r="19899" spans="1:3" x14ac:dyDescent="0.15">
      <c r="A19899">
        <v>5099</v>
      </c>
      <c r="B19899" t="s">
        <v>39722</v>
      </c>
      <c r="C19899" t="s">
        <v>39723</v>
      </c>
    </row>
    <row r="19900" spans="1:3" x14ac:dyDescent="0.15">
      <c r="A19900">
        <v>5098</v>
      </c>
      <c r="B19900" t="s">
        <v>39724</v>
      </c>
      <c r="C19900" t="s">
        <v>39725</v>
      </c>
    </row>
    <row r="19901" spans="1:3" x14ac:dyDescent="0.15">
      <c r="A19901">
        <v>5097</v>
      </c>
      <c r="B19901" t="s">
        <v>39726</v>
      </c>
      <c r="C19901" t="s">
        <v>39727</v>
      </c>
    </row>
    <row r="19902" spans="1:3" x14ac:dyDescent="0.15">
      <c r="A19902">
        <v>5096</v>
      </c>
      <c r="B19902" t="s">
        <v>39728</v>
      </c>
      <c r="C19902" t="s">
        <v>39729</v>
      </c>
    </row>
    <row r="19903" spans="1:3" x14ac:dyDescent="0.15">
      <c r="A19903">
        <v>5095</v>
      </c>
      <c r="B19903" t="s">
        <v>39730</v>
      </c>
      <c r="C19903" t="s">
        <v>39731</v>
      </c>
    </row>
    <row r="19904" spans="1:3" x14ac:dyDescent="0.15">
      <c r="A19904">
        <v>5094</v>
      </c>
      <c r="B19904" t="s">
        <v>39732</v>
      </c>
      <c r="C19904" t="s">
        <v>39733</v>
      </c>
    </row>
    <row r="19905" spans="1:3" x14ac:dyDescent="0.15">
      <c r="A19905">
        <v>5093</v>
      </c>
      <c r="B19905" t="s">
        <v>39734</v>
      </c>
      <c r="C19905" t="s">
        <v>39735</v>
      </c>
    </row>
    <row r="19906" spans="1:3" x14ac:dyDescent="0.15">
      <c r="A19906">
        <v>5092</v>
      </c>
      <c r="B19906" t="s">
        <v>39736</v>
      </c>
      <c r="C19906" t="s">
        <v>39737</v>
      </c>
    </row>
    <row r="19907" spans="1:3" x14ac:dyDescent="0.15">
      <c r="A19907">
        <v>5091</v>
      </c>
      <c r="B19907" t="s">
        <v>39738</v>
      </c>
      <c r="C19907" t="s">
        <v>39739</v>
      </c>
    </row>
    <row r="19908" spans="1:3" x14ac:dyDescent="0.15">
      <c r="A19908">
        <v>5090</v>
      </c>
      <c r="B19908" t="s">
        <v>39740</v>
      </c>
      <c r="C19908" t="s">
        <v>39741</v>
      </c>
    </row>
    <row r="19909" spans="1:3" x14ac:dyDescent="0.15">
      <c r="A19909">
        <v>5089</v>
      </c>
      <c r="B19909" t="s">
        <v>39742</v>
      </c>
      <c r="C19909" t="s">
        <v>39743</v>
      </c>
    </row>
    <row r="19910" spans="1:3" x14ac:dyDescent="0.15">
      <c r="A19910">
        <v>5088</v>
      </c>
      <c r="B19910" t="s">
        <v>39744</v>
      </c>
      <c r="C19910" t="s">
        <v>39745</v>
      </c>
    </row>
    <row r="19911" spans="1:3" x14ac:dyDescent="0.15">
      <c r="A19911">
        <v>5087</v>
      </c>
      <c r="B19911" t="s">
        <v>39746</v>
      </c>
      <c r="C19911" t="s">
        <v>39747</v>
      </c>
    </row>
    <row r="19912" spans="1:3" x14ac:dyDescent="0.15">
      <c r="A19912">
        <v>5086</v>
      </c>
      <c r="B19912" t="s">
        <v>39748</v>
      </c>
      <c r="C19912" t="s">
        <v>39749</v>
      </c>
    </row>
    <row r="19913" spans="1:3" x14ac:dyDescent="0.15">
      <c r="A19913">
        <v>5085</v>
      </c>
      <c r="B19913" t="s">
        <v>39750</v>
      </c>
      <c r="C19913" t="s">
        <v>39751</v>
      </c>
    </row>
    <row r="19914" spans="1:3" x14ac:dyDescent="0.15">
      <c r="A19914">
        <v>5084</v>
      </c>
      <c r="B19914" t="s">
        <v>39752</v>
      </c>
      <c r="C19914" t="s">
        <v>39753</v>
      </c>
    </row>
    <row r="19915" spans="1:3" x14ac:dyDescent="0.15">
      <c r="A19915">
        <v>5083</v>
      </c>
      <c r="B19915" t="s">
        <v>39754</v>
      </c>
      <c r="C19915" t="s">
        <v>39755</v>
      </c>
    </row>
    <row r="19916" spans="1:3" x14ac:dyDescent="0.15">
      <c r="A19916">
        <v>5082</v>
      </c>
      <c r="B19916" t="s">
        <v>39756</v>
      </c>
      <c r="C19916" t="s">
        <v>39757</v>
      </c>
    </row>
    <row r="19917" spans="1:3" x14ac:dyDescent="0.15">
      <c r="A19917">
        <v>5081</v>
      </c>
      <c r="B19917" t="s">
        <v>39758</v>
      </c>
      <c r="C19917" t="s">
        <v>39759</v>
      </c>
    </row>
    <row r="19918" spans="1:3" x14ac:dyDescent="0.15">
      <c r="A19918">
        <v>5080</v>
      </c>
      <c r="B19918" t="s">
        <v>39760</v>
      </c>
      <c r="C19918" t="s">
        <v>39761</v>
      </c>
    </row>
    <row r="19919" spans="1:3" x14ac:dyDescent="0.15">
      <c r="A19919">
        <v>5079</v>
      </c>
      <c r="B19919" t="s">
        <v>39762</v>
      </c>
      <c r="C19919" t="s">
        <v>39763</v>
      </c>
    </row>
    <row r="19920" spans="1:3" x14ac:dyDescent="0.15">
      <c r="A19920">
        <v>5078</v>
      </c>
      <c r="B19920" t="s">
        <v>39764</v>
      </c>
      <c r="C19920" t="s">
        <v>39765</v>
      </c>
    </row>
    <row r="19921" spans="1:3" x14ac:dyDescent="0.15">
      <c r="A19921">
        <v>5077</v>
      </c>
      <c r="B19921" t="s">
        <v>39766</v>
      </c>
      <c r="C19921" t="s">
        <v>39767</v>
      </c>
    </row>
    <row r="19922" spans="1:3" x14ac:dyDescent="0.15">
      <c r="A19922">
        <v>5076</v>
      </c>
      <c r="B19922" t="s">
        <v>39768</v>
      </c>
      <c r="C19922" t="s">
        <v>39769</v>
      </c>
    </row>
    <row r="19923" spans="1:3" x14ac:dyDescent="0.15">
      <c r="A19923">
        <v>5075</v>
      </c>
      <c r="B19923" t="s">
        <v>39770</v>
      </c>
      <c r="C19923" t="s">
        <v>39771</v>
      </c>
    </row>
    <row r="19924" spans="1:3" x14ac:dyDescent="0.15">
      <c r="A19924">
        <v>5074</v>
      </c>
      <c r="B19924" t="s">
        <v>39772</v>
      </c>
      <c r="C19924" t="s">
        <v>39773</v>
      </c>
    </row>
    <row r="19925" spans="1:3" x14ac:dyDescent="0.15">
      <c r="A19925">
        <v>5073</v>
      </c>
      <c r="B19925" t="s">
        <v>39774</v>
      </c>
      <c r="C19925" t="s">
        <v>39775</v>
      </c>
    </row>
    <row r="19926" spans="1:3" x14ac:dyDescent="0.15">
      <c r="A19926">
        <v>5072</v>
      </c>
      <c r="B19926" t="s">
        <v>39776</v>
      </c>
      <c r="C19926" t="s">
        <v>39777</v>
      </c>
    </row>
    <row r="19927" spans="1:3" x14ac:dyDescent="0.15">
      <c r="A19927">
        <v>5071</v>
      </c>
      <c r="B19927" t="s">
        <v>39778</v>
      </c>
      <c r="C19927" t="s">
        <v>39779</v>
      </c>
    </row>
    <row r="19928" spans="1:3" x14ac:dyDescent="0.15">
      <c r="A19928">
        <v>5070</v>
      </c>
      <c r="B19928" t="s">
        <v>39780</v>
      </c>
      <c r="C19928" t="s">
        <v>39781</v>
      </c>
    </row>
    <row r="19929" spans="1:3" x14ac:dyDescent="0.15">
      <c r="A19929">
        <v>5069</v>
      </c>
      <c r="B19929" t="s">
        <v>39782</v>
      </c>
      <c r="C19929" t="s">
        <v>39783</v>
      </c>
    </row>
    <row r="19930" spans="1:3" x14ac:dyDescent="0.15">
      <c r="A19930">
        <v>5068</v>
      </c>
      <c r="B19930" t="s">
        <v>39784</v>
      </c>
      <c r="C19930" t="s">
        <v>39785</v>
      </c>
    </row>
    <row r="19931" spans="1:3" x14ac:dyDescent="0.15">
      <c r="A19931">
        <v>5067</v>
      </c>
      <c r="B19931" t="s">
        <v>39786</v>
      </c>
      <c r="C19931" t="s">
        <v>39787</v>
      </c>
    </row>
    <row r="19932" spans="1:3" x14ac:dyDescent="0.15">
      <c r="A19932">
        <v>5066</v>
      </c>
      <c r="B19932" t="s">
        <v>39788</v>
      </c>
      <c r="C19932" t="s">
        <v>39789</v>
      </c>
    </row>
    <row r="19933" spans="1:3" x14ac:dyDescent="0.15">
      <c r="A19933">
        <v>5065</v>
      </c>
      <c r="B19933" t="s">
        <v>39790</v>
      </c>
      <c r="C19933" t="s">
        <v>39791</v>
      </c>
    </row>
    <row r="19934" spans="1:3" x14ac:dyDescent="0.15">
      <c r="A19934">
        <v>5064</v>
      </c>
      <c r="B19934" t="s">
        <v>39792</v>
      </c>
      <c r="C19934" t="s">
        <v>39793</v>
      </c>
    </row>
    <row r="19935" spans="1:3" x14ac:dyDescent="0.15">
      <c r="A19935">
        <v>5063</v>
      </c>
      <c r="B19935" t="s">
        <v>39794</v>
      </c>
      <c r="C19935" t="s">
        <v>39795</v>
      </c>
    </row>
    <row r="19936" spans="1:3" x14ac:dyDescent="0.15">
      <c r="A19936">
        <v>5062</v>
      </c>
      <c r="B19936" t="s">
        <v>39796</v>
      </c>
      <c r="C19936" t="s">
        <v>39797</v>
      </c>
    </row>
    <row r="19937" spans="1:3" x14ac:dyDescent="0.15">
      <c r="A19937">
        <v>5061</v>
      </c>
      <c r="B19937" t="s">
        <v>39798</v>
      </c>
      <c r="C19937" t="s">
        <v>39799</v>
      </c>
    </row>
    <row r="19938" spans="1:3" x14ac:dyDescent="0.15">
      <c r="A19938">
        <v>5060</v>
      </c>
      <c r="B19938" t="s">
        <v>39800</v>
      </c>
      <c r="C19938" t="s">
        <v>39801</v>
      </c>
    </row>
    <row r="19939" spans="1:3" x14ac:dyDescent="0.15">
      <c r="A19939">
        <v>5059</v>
      </c>
      <c r="B19939" t="s">
        <v>39802</v>
      </c>
      <c r="C19939" t="s">
        <v>39803</v>
      </c>
    </row>
    <row r="19940" spans="1:3" x14ac:dyDescent="0.15">
      <c r="A19940">
        <v>5058</v>
      </c>
      <c r="B19940" t="s">
        <v>39804</v>
      </c>
      <c r="C19940" t="s">
        <v>39805</v>
      </c>
    </row>
    <row r="19941" spans="1:3" x14ac:dyDescent="0.15">
      <c r="A19941">
        <v>5057</v>
      </c>
      <c r="B19941" t="s">
        <v>39806</v>
      </c>
      <c r="C19941" t="s">
        <v>39807</v>
      </c>
    </row>
    <row r="19942" spans="1:3" x14ac:dyDescent="0.15">
      <c r="A19942">
        <v>5056</v>
      </c>
      <c r="B19942" t="s">
        <v>39808</v>
      </c>
      <c r="C19942" t="s">
        <v>39809</v>
      </c>
    </row>
    <row r="19943" spans="1:3" x14ac:dyDescent="0.15">
      <c r="A19943">
        <v>5055</v>
      </c>
      <c r="B19943" t="s">
        <v>39810</v>
      </c>
      <c r="C19943" t="s">
        <v>39811</v>
      </c>
    </row>
    <row r="19944" spans="1:3" x14ac:dyDescent="0.15">
      <c r="A19944">
        <v>5054</v>
      </c>
      <c r="B19944" t="s">
        <v>39812</v>
      </c>
      <c r="C19944" t="s">
        <v>39813</v>
      </c>
    </row>
    <row r="19945" spans="1:3" x14ac:dyDescent="0.15">
      <c r="A19945">
        <v>5053</v>
      </c>
      <c r="B19945" t="s">
        <v>39814</v>
      </c>
      <c r="C19945" t="s">
        <v>39815</v>
      </c>
    </row>
    <row r="19946" spans="1:3" x14ac:dyDescent="0.15">
      <c r="A19946">
        <v>5052</v>
      </c>
      <c r="B19946" t="s">
        <v>39816</v>
      </c>
      <c r="C19946" t="s">
        <v>39817</v>
      </c>
    </row>
    <row r="19947" spans="1:3" x14ac:dyDescent="0.15">
      <c r="A19947">
        <v>5051</v>
      </c>
      <c r="B19947" t="s">
        <v>39818</v>
      </c>
      <c r="C19947" t="s">
        <v>39819</v>
      </c>
    </row>
    <row r="19948" spans="1:3" x14ac:dyDescent="0.15">
      <c r="A19948">
        <v>5050</v>
      </c>
      <c r="B19948" t="s">
        <v>39820</v>
      </c>
      <c r="C19948" t="s">
        <v>39821</v>
      </c>
    </row>
    <row r="19949" spans="1:3" x14ac:dyDescent="0.15">
      <c r="A19949">
        <v>5049</v>
      </c>
      <c r="B19949" t="s">
        <v>39822</v>
      </c>
      <c r="C19949" t="s">
        <v>39823</v>
      </c>
    </row>
    <row r="19950" spans="1:3" x14ac:dyDescent="0.15">
      <c r="A19950">
        <v>5048</v>
      </c>
      <c r="B19950" t="s">
        <v>39824</v>
      </c>
      <c r="C19950" t="s">
        <v>39825</v>
      </c>
    </row>
    <row r="19951" spans="1:3" x14ac:dyDescent="0.15">
      <c r="A19951">
        <v>5047</v>
      </c>
      <c r="B19951" t="s">
        <v>39826</v>
      </c>
      <c r="C19951" t="s">
        <v>39827</v>
      </c>
    </row>
    <row r="19952" spans="1:3" x14ac:dyDescent="0.15">
      <c r="A19952">
        <v>5046</v>
      </c>
      <c r="B19952" t="s">
        <v>39828</v>
      </c>
      <c r="C19952" t="s">
        <v>39829</v>
      </c>
    </row>
    <row r="19953" spans="1:3" x14ac:dyDescent="0.15">
      <c r="A19953">
        <v>5045</v>
      </c>
      <c r="B19953" t="s">
        <v>39830</v>
      </c>
      <c r="C19953" t="s">
        <v>39831</v>
      </c>
    </row>
    <row r="19954" spans="1:3" x14ac:dyDescent="0.15">
      <c r="A19954">
        <v>5044</v>
      </c>
      <c r="B19954" t="s">
        <v>39832</v>
      </c>
      <c r="C19954" t="s">
        <v>39833</v>
      </c>
    </row>
    <row r="19955" spans="1:3" x14ac:dyDescent="0.15">
      <c r="A19955">
        <v>5043</v>
      </c>
      <c r="B19955" t="s">
        <v>39834</v>
      </c>
      <c r="C19955" t="s">
        <v>39835</v>
      </c>
    </row>
    <row r="19956" spans="1:3" x14ac:dyDescent="0.15">
      <c r="A19956">
        <v>5042</v>
      </c>
      <c r="B19956" t="s">
        <v>39836</v>
      </c>
      <c r="C19956" t="s">
        <v>39837</v>
      </c>
    </row>
    <row r="19957" spans="1:3" x14ac:dyDescent="0.15">
      <c r="A19957">
        <v>5041</v>
      </c>
      <c r="B19957" t="s">
        <v>39838</v>
      </c>
      <c r="C19957" t="s">
        <v>39839</v>
      </c>
    </row>
    <row r="19958" spans="1:3" x14ac:dyDescent="0.15">
      <c r="A19958">
        <v>5040</v>
      </c>
      <c r="B19958" t="s">
        <v>39840</v>
      </c>
      <c r="C19958" t="s">
        <v>39841</v>
      </c>
    </row>
    <row r="19959" spans="1:3" x14ac:dyDescent="0.15">
      <c r="A19959">
        <v>5039</v>
      </c>
      <c r="B19959" t="s">
        <v>39842</v>
      </c>
      <c r="C19959" t="s">
        <v>39843</v>
      </c>
    </row>
    <row r="19960" spans="1:3" x14ac:dyDescent="0.15">
      <c r="A19960">
        <v>5038</v>
      </c>
      <c r="B19960" t="s">
        <v>39844</v>
      </c>
      <c r="C19960" t="s">
        <v>39845</v>
      </c>
    </row>
    <row r="19961" spans="1:3" x14ac:dyDescent="0.15">
      <c r="A19961">
        <v>5037</v>
      </c>
      <c r="B19961" t="s">
        <v>39846</v>
      </c>
      <c r="C19961" t="s">
        <v>39847</v>
      </c>
    </row>
    <row r="19962" spans="1:3" x14ac:dyDescent="0.15">
      <c r="A19962">
        <v>5036</v>
      </c>
      <c r="B19962" t="s">
        <v>39848</v>
      </c>
      <c r="C19962" t="s">
        <v>39849</v>
      </c>
    </row>
    <row r="19963" spans="1:3" x14ac:dyDescent="0.15">
      <c r="A19963">
        <v>5035</v>
      </c>
      <c r="B19963" t="s">
        <v>39850</v>
      </c>
      <c r="C19963" t="s">
        <v>39851</v>
      </c>
    </row>
    <row r="19964" spans="1:3" x14ac:dyDescent="0.15">
      <c r="A19964">
        <v>5034</v>
      </c>
      <c r="B19964" t="s">
        <v>39852</v>
      </c>
      <c r="C19964" t="s">
        <v>39853</v>
      </c>
    </row>
    <row r="19965" spans="1:3" x14ac:dyDescent="0.15">
      <c r="A19965">
        <v>5033</v>
      </c>
      <c r="B19965" t="s">
        <v>39854</v>
      </c>
      <c r="C19965" t="s">
        <v>39855</v>
      </c>
    </row>
    <row r="19966" spans="1:3" x14ac:dyDescent="0.15">
      <c r="A19966">
        <v>5032</v>
      </c>
      <c r="B19966" t="s">
        <v>39856</v>
      </c>
      <c r="C19966" t="s">
        <v>39857</v>
      </c>
    </row>
    <row r="19967" spans="1:3" x14ac:dyDescent="0.15">
      <c r="A19967">
        <v>5031</v>
      </c>
      <c r="B19967" t="s">
        <v>39858</v>
      </c>
      <c r="C19967" t="s">
        <v>39859</v>
      </c>
    </row>
    <row r="19968" spans="1:3" x14ac:dyDescent="0.15">
      <c r="A19968">
        <v>5030</v>
      </c>
      <c r="B19968" t="s">
        <v>39860</v>
      </c>
      <c r="C19968" t="s">
        <v>39861</v>
      </c>
    </row>
    <row r="19969" spans="1:3" x14ac:dyDescent="0.15">
      <c r="A19969">
        <v>5029</v>
      </c>
      <c r="B19969" t="s">
        <v>39862</v>
      </c>
      <c r="C19969" t="s">
        <v>39863</v>
      </c>
    </row>
    <row r="19970" spans="1:3" x14ac:dyDescent="0.15">
      <c r="A19970">
        <v>5028</v>
      </c>
      <c r="B19970" t="s">
        <v>39864</v>
      </c>
      <c r="C19970" t="s">
        <v>39865</v>
      </c>
    </row>
    <row r="19971" spans="1:3" x14ac:dyDescent="0.15">
      <c r="A19971">
        <v>5027</v>
      </c>
      <c r="B19971" t="s">
        <v>39866</v>
      </c>
      <c r="C19971" t="s">
        <v>39867</v>
      </c>
    </row>
    <row r="19972" spans="1:3" x14ac:dyDescent="0.15">
      <c r="A19972">
        <v>5026</v>
      </c>
      <c r="B19972" t="s">
        <v>39868</v>
      </c>
      <c r="C19972" t="s">
        <v>39869</v>
      </c>
    </row>
    <row r="19973" spans="1:3" x14ac:dyDescent="0.15">
      <c r="A19973">
        <v>5025</v>
      </c>
      <c r="B19973" t="s">
        <v>39870</v>
      </c>
      <c r="C19973" t="s">
        <v>39871</v>
      </c>
    </row>
    <row r="19974" spans="1:3" x14ac:dyDescent="0.15">
      <c r="A19974">
        <v>5024</v>
      </c>
      <c r="B19974" t="s">
        <v>39872</v>
      </c>
      <c r="C19974" t="s">
        <v>39873</v>
      </c>
    </row>
    <row r="19975" spans="1:3" x14ac:dyDescent="0.15">
      <c r="A19975">
        <v>5023</v>
      </c>
      <c r="B19975" t="s">
        <v>39874</v>
      </c>
      <c r="C19975" t="s">
        <v>39875</v>
      </c>
    </row>
    <row r="19976" spans="1:3" x14ac:dyDescent="0.15">
      <c r="A19976">
        <v>5022</v>
      </c>
      <c r="B19976" t="s">
        <v>39876</v>
      </c>
      <c r="C19976" t="s">
        <v>39877</v>
      </c>
    </row>
    <row r="19977" spans="1:3" x14ac:dyDescent="0.15">
      <c r="A19977">
        <v>5021</v>
      </c>
      <c r="B19977" t="s">
        <v>39878</v>
      </c>
      <c r="C19977" t="s">
        <v>39879</v>
      </c>
    </row>
    <row r="19978" spans="1:3" x14ac:dyDescent="0.15">
      <c r="A19978">
        <v>5020</v>
      </c>
      <c r="B19978" t="s">
        <v>39880</v>
      </c>
      <c r="C19978" t="s">
        <v>39881</v>
      </c>
    </row>
    <row r="19979" spans="1:3" x14ac:dyDescent="0.15">
      <c r="A19979">
        <v>5019</v>
      </c>
      <c r="B19979" t="s">
        <v>39882</v>
      </c>
      <c r="C19979" t="s">
        <v>39883</v>
      </c>
    </row>
    <row r="19980" spans="1:3" x14ac:dyDescent="0.15">
      <c r="A19980">
        <v>5018</v>
      </c>
      <c r="B19980" t="s">
        <v>39884</v>
      </c>
      <c r="C19980" t="s">
        <v>39885</v>
      </c>
    </row>
    <row r="19981" spans="1:3" x14ac:dyDescent="0.15">
      <c r="A19981">
        <v>5017</v>
      </c>
      <c r="B19981" t="s">
        <v>39886</v>
      </c>
      <c r="C19981" t="s">
        <v>39887</v>
      </c>
    </row>
    <row r="19982" spans="1:3" x14ac:dyDescent="0.15">
      <c r="A19982">
        <v>5016</v>
      </c>
      <c r="B19982" t="s">
        <v>39888</v>
      </c>
      <c r="C19982" t="s">
        <v>39889</v>
      </c>
    </row>
    <row r="19983" spans="1:3" x14ac:dyDescent="0.15">
      <c r="A19983">
        <v>5015</v>
      </c>
      <c r="B19983" t="s">
        <v>39890</v>
      </c>
      <c r="C19983" t="s">
        <v>39891</v>
      </c>
    </row>
    <row r="19984" spans="1:3" x14ac:dyDescent="0.15">
      <c r="A19984">
        <v>5014</v>
      </c>
      <c r="B19984" t="s">
        <v>39892</v>
      </c>
      <c r="C19984" t="s">
        <v>39893</v>
      </c>
    </row>
    <row r="19985" spans="1:3" x14ac:dyDescent="0.15">
      <c r="A19985">
        <v>5013</v>
      </c>
      <c r="B19985" t="s">
        <v>39894</v>
      </c>
      <c r="C19985" t="s">
        <v>39895</v>
      </c>
    </row>
    <row r="19986" spans="1:3" x14ac:dyDescent="0.15">
      <c r="A19986">
        <v>5012</v>
      </c>
      <c r="B19986" t="s">
        <v>39896</v>
      </c>
      <c r="C19986" t="s">
        <v>39897</v>
      </c>
    </row>
    <row r="19987" spans="1:3" x14ac:dyDescent="0.15">
      <c r="A19987">
        <v>5011</v>
      </c>
      <c r="B19987" t="s">
        <v>39898</v>
      </c>
      <c r="C19987" t="s">
        <v>39899</v>
      </c>
    </row>
    <row r="19988" spans="1:3" x14ac:dyDescent="0.15">
      <c r="A19988">
        <v>5010</v>
      </c>
      <c r="B19988" t="s">
        <v>39900</v>
      </c>
      <c r="C19988" t="s">
        <v>39901</v>
      </c>
    </row>
    <row r="19989" spans="1:3" x14ac:dyDescent="0.15">
      <c r="A19989">
        <v>5009</v>
      </c>
      <c r="B19989" t="s">
        <v>39902</v>
      </c>
      <c r="C19989" t="s">
        <v>39903</v>
      </c>
    </row>
    <row r="19990" spans="1:3" x14ac:dyDescent="0.15">
      <c r="A19990">
        <v>5008</v>
      </c>
      <c r="B19990" t="s">
        <v>39904</v>
      </c>
      <c r="C19990" t="s">
        <v>39905</v>
      </c>
    </row>
    <row r="19991" spans="1:3" x14ac:dyDescent="0.15">
      <c r="A19991">
        <v>5007</v>
      </c>
      <c r="B19991" t="s">
        <v>39906</v>
      </c>
      <c r="C19991" t="s">
        <v>39907</v>
      </c>
    </row>
    <row r="19992" spans="1:3" x14ac:dyDescent="0.15">
      <c r="A19992">
        <v>5006</v>
      </c>
      <c r="B19992" t="s">
        <v>39908</v>
      </c>
      <c r="C19992" t="s">
        <v>39909</v>
      </c>
    </row>
    <row r="19993" spans="1:3" x14ac:dyDescent="0.15">
      <c r="A19993">
        <v>5005</v>
      </c>
      <c r="B19993" t="s">
        <v>39910</v>
      </c>
      <c r="C19993" t="s">
        <v>39911</v>
      </c>
    </row>
    <row r="19994" spans="1:3" x14ac:dyDescent="0.15">
      <c r="A19994">
        <v>5004</v>
      </c>
      <c r="B19994" t="s">
        <v>39912</v>
      </c>
      <c r="C19994" t="s">
        <v>39913</v>
      </c>
    </row>
    <row r="19995" spans="1:3" x14ac:dyDescent="0.15">
      <c r="A19995">
        <v>5003</v>
      </c>
      <c r="B19995" t="s">
        <v>39914</v>
      </c>
      <c r="C19995" t="s">
        <v>39915</v>
      </c>
    </row>
    <row r="19996" spans="1:3" x14ac:dyDescent="0.15">
      <c r="A19996">
        <v>5002</v>
      </c>
      <c r="B19996" t="s">
        <v>39916</v>
      </c>
      <c r="C19996" t="s">
        <v>39917</v>
      </c>
    </row>
    <row r="19997" spans="1:3" x14ac:dyDescent="0.15">
      <c r="A19997">
        <v>5001</v>
      </c>
      <c r="B19997" t="s">
        <v>39918</v>
      </c>
      <c r="C19997" t="s">
        <v>39919</v>
      </c>
    </row>
    <row r="19998" spans="1:3" x14ac:dyDescent="0.15">
      <c r="A19998">
        <v>5000</v>
      </c>
      <c r="B19998" t="s">
        <v>39920</v>
      </c>
      <c r="C19998" t="s">
        <v>39921</v>
      </c>
    </row>
    <row r="19999" spans="1:3" x14ac:dyDescent="0.15">
      <c r="A19999">
        <v>4999</v>
      </c>
      <c r="B19999" t="s">
        <v>39922</v>
      </c>
      <c r="C19999" t="s">
        <v>39923</v>
      </c>
    </row>
    <row r="20000" spans="1:3" x14ac:dyDescent="0.15">
      <c r="A20000">
        <v>4998</v>
      </c>
      <c r="B20000" t="s">
        <v>39924</v>
      </c>
      <c r="C20000" t="s">
        <v>39925</v>
      </c>
    </row>
    <row r="20001" spans="1:3" x14ac:dyDescent="0.15">
      <c r="A20001">
        <v>4997</v>
      </c>
      <c r="B20001" t="s">
        <v>39926</v>
      </c>
      <c r="C20001" t="s">
        <v>39927</v>
      </c>
    </row>
    <row r="20002" spans="1:3" x14ac:dyDescent="0.15">
      <c r="A20002">
        <v>4996</v>
      </c>
      <c r="B20002" t="s">
        <v>39928</v>
      </c>
      <c r="C20002" t="s">
        <v>39929</v>
      </c>
    </row>
    <row r="20003" spans="1:3" x14ac:dyDescent="0.15">
      <c r="A20003">
        <v>4995</v>
      </c>
      <c r="B20003" t="s">
        <v>39930</v>
      </c>
      <c r="C20003" t="s">
        <v>39931</v>
      </c>
    </row>
    <row r="20004" spans="1:3" x14ac:dyDescent="0.15">
      <c r="A20004">
        <v>4994</v>
      </c>
      <c r="B20004" t="s">
        <v>39932</v>
      </c>
      <c r="C20004" t="s">
        <v>39933</v>
      </c>
    </row>
    <row r="20005" spans="1:3" x14ac:dyDescent="0.15">
      <c r="A20005">
        <v>4993</v>
      </c>
      <c r="B20005" t="s">
        <v>39934</v>
      </c>
      <c r="C20005" t="s">
        <v>39935</v>
      </c>
    </row>
    <row r="20006" spans="1:3" x14ac:dyDescent="0.15">
      <c r="A20006">
        <v>4992</v>
      </c>
      <c r="B20006" t="s">
        <v>39936</v>
      </c>
      <c r="C20006" t="s">
        <v>39937</v>
      </c>
    </row>
    <row r="20007" spans="1:3" x14ac:dyDescent="0.15">
      <c r="A20007">
        <v>4991</v>
      </c>
      <c r="B20007" t="s">
        <v>39938</v>
      </c>
      <c r="C20007" t="s">
        <v>39939</v>
      </c>
    </row>
    <row r="20008" spans="1:3" x14ac:dyDescent="0.15">
      <c r="A20008">
        <v>4990</v>
      </c>
      <c r="B20008" t="s">
        <v>39940</v>
      </c>
      <c r="C20008" t="s">
        <v>39941</v>
      </c>
    </row>
    <row r="20009" spans="1:3" x14ac:dyDescent="0.15">
      <c r="A20009">
        <v>4989</v>
      </c>
      <c r="B20009" t="s">
        <v>39942</v>
      </c>
      <c r="C20009" t="s">
        <v>39943</v>
      </c>
    </row>
    <row r="20010" spans="1:3" x14ac:dyDescent="0.15">
      <c r="A20010">
        <v>4988</v>
      </c>
      <c r="B20010" t="s">
        <v>39944</v>
      </c>
      <c r="C20010" t="s">
        <v>3319</v>
      </c>
    </row>
    <row r="20011" spans="1:3" x14ac:dyDescent="0.15">
      <c r="A20011">
        <v>4987</v>
      </c>
      <c r="B20011" t="s">
        <v>39945</v>
      </c>
      <c r="C20011" t="s">
        <v>39946</v>
      </c>
    </row>
    <row r="20012" spans="1:3" x14ac:dyDescent="0.15">
      <c r="A20012">
        <v>4986</v>
      </c>
      <c r="B20012" t="s">
        <v>39947</v>
      </c>
      <c r="C20012" t="s">
        <v>39948</v>
      </c>
    </row>
    <row r="20013" spans="1:3" x14ac:dyDescent="0.15">
      <c r="A20013">
        <v>4985</v>
      </c>
      <c r="B20013" t="s">
        <v>39949</v>
      </c>
      <c r="C20013" t="s">
        <v>39950</v>
      </c>
    </row>
    <row r="20014" spans="1:3" x14ac:dyDescent="0.15">
      <c r="A20014">
        <v>4984</v>
      </c>
      <c r="B20014" t="s">
        <v>39951</v>
      </c>
      <c r="C20014" t="s">
        <v>39952</v>
      </c>
    </row>
    <row r="20015" spans="1:3" x14ac:dyDescent="0.15">
      <c r="A20015">
        <v>4983</v>
      </c>
      <c r="B20015" t="s">
        <v>39953</v>
      </c>
      <c r="C20015" t="s">
        <v>39954</v>
      </c>
    </row>
    <row r="20016" spans="1:3" x14ac:dyDescent="0.15">
      <c r="A20016">
        <v>4982</v>
      </c>
      <c r="B20016" t="s">
        <v>39955</v>
      </c>
      <c r="C20016" t="s">
        <v>39956</v>
      </c>
    </row>
    <row r="20017" spans="1:3" x14ac:dyDescent="0.15">
      <c r="A20017">
        <v>4981</v>
      </c>
      <c r="B20017" t="s">
        <v>39957</v>
      </c>
      <c r="C20017" t="s">
        <v>39958</v>
      </c>
    </row>
    <row r="20018" spans="1:3" x14ac:dyDescent="0.15">
      <c r="A20018">
        <v>4980</v>
      </c>
      <c r="B20018" t="s">
        <v>39959</v>
      </c>
      <c r="C20018" t="s">
        <v>39960</v>
      </c>
    </row>
    <row r="20019" spans="1:3" x14ac:dyDescent="0.15">
      <c r="A20019">
        <v>4979</v>
      </c>
      <c r="B20019" t="s">
        <v>39961</v>
      </c>
      <c r="C20019" t="s">
        <v>39962</v>
      </c>
    </row>
    <row r="20020" spans="1:3" x14ac:dyDescent="0.15">
      <c r="A20020">
        <v>4978</v>
      </c>
      <c r="B20020" t="s">
        <v>39963</v>
      </c>
      <c r="C20020" t="s">
        <v>39964</v>
      </c>
    </row>
    <row r="20021" spans="1:3" x14ac:dyDescent="0.15">
      <c r="A20021">
        <v>4977</v>
      </c>
      <c r="B20021" t="s">
        <v>39965</v>
      </c>
      <c r="C20021" t="s">
        <v>39966</v>
      </c>
    </row>
    <row r="20022" spans="1:3" x14ac:dyDescent="0.15">
      <c r="A20022">
        <v>4976</v>
      </c>
      <c r="B20022" t="s">
        <v>39967</v>
      </c>
      <c r="C20022" t="s">
        <v>39968</v>
      </c>
    </row>
    <row r="20023" spans="1:3" x14ac:dyDescent="0.15">
      <c r="A20023">
        <v>4975</v>
      </c>
      <c r="B20023" t="s">
        <v>39969</v>
      </c>
      <c r="C20023" t="s">
        <v>39970</v>
      </c>
    </row>
    <row r="20024" spans="1:3" x14ac:dyDescent="0.15">
      <c r="A20024">
        <v>4974</v>
      </c>
      <c r="B20024" t="s">
        <v>39971</v>
      </c>
      <c r="C20024" t="s">
        <v>39972</v>
      </c>
    </row>
    <row r="20025" spans="1:3" x14ac:dyDescent="0.15">
      <c r="A20025">
        <v>4973</v>
      </c>
      <c r="B20025" t="s">
        <v>39973</v>
      </c>
      <c r="C20025" t="s">
        <v>39974</v>
      </c>
    </row>
    <row r="20026" spans="1:3" x14ac:dyDescent="0.15">
      <c r="A20026">
        <v>4972</v>
      </c>
      <c r="B20026" t="s">
        <v>39975</v>
      </c>
      <c r="C20026" t="s">
        <v>39976</v>
      </c>
    </row>
    <row r="20027" spans="1:3" x14ac:dyDescent="0.15">
      <c r="A20027">
        <v>4971</v>
      </c>
      <c r="B20027" t="s">
        <v>39977</v>
      </c>
      <c r="C20027" t="s">
        <v>39978</v>
      </c>
    </row>
    <row r="20028" spans="1:3" x14ac:dyDescent="0.15">
      <c r="A20028">
        <v>4970</v>
      </c>
      <c r="B20028" t="s">
        <v>39979</v>
      </c>
      <c r="C20028" t="s">
        <v>39980</v>
      </c>
    </row>
    <row r="20029" spans="1:3" x14ac:dyDescent="0.15">
      <c r="A20029">
        <v>4969</v>
      </c>
      <c r="B20029" t="s">
        <v>39981</v>
      </c>
      <c r="C20029" t="s">
        <v>39982</v>
      </c>
    </row>
    <row r="20030" spans="1:3" x14ac:dyDescent="0.15">
      <c r="A20030">
        <v>4968</v>
      </c>
      <c r="B20030" t="s">
        <v>39983</v>
      </c>
      <c r="C20030" t="s">
        <v>39984</v>
      </c>
    </row>
    <row r="20031" spans="1:3" x14ac:dyDescent="0.15">
      <c r="A20031">
        <v>4967</v>
      </c>
      <c r="B20031" t="s">
        <v>39985</v>
      </c>
      <c r="C20031" t="s">
        <v>39986</v>
      </c>
    </row>
    <row r="20032" spans="1:3" x14ac:dyDescent="0.15">
      <c r="A20032">
        <v>4966</v>
      </c>
      <c r="B20032" t="s">
        <v>39987</v>
      </c>
      <c r="C20032" t="s">
        <v>39988</v>
      </c>
    </row>
    <row r="20033" spans="1:3" x14ac:dyDescent="0.15">
      <c r="A20033">
        <v>4965</v>
      </c>
      <c r="B20033" t="s">
        <v>39989</v>
      </c>
      <c r="C20033" t="s">
        <v>39990</v>
      </c>
    </row>
    <row r="20034" spans="1:3" x14ac:dyDescent="0.15">
      <c r="A20034">
        <v>4964</v>
      </c>
      <c r="B20034" t="s">
        <v>39991</v>
      </c>
      <c r="C20034" t="s">
        <v>39992</v>
      </c>
    </row>
    <row r="20035" spans="1:3" x14ac:dyDescent="0.15">
      <c r="A20035">
        <v>4963</v>
      </c>
      <c r="B20035" t="s">
        <v>39993</v>
      </c>
      <c r="C20035" t="s">
        <v>39994</v>
      </c>
    </row>
    <row r="20036" spans="1:3" x14ac:dyDescent="0.15">
      <c r="A20036">
        <v>4962</v>
      </c>
      <c r="B20036" t="s">
        <v>39995</v>
      </c>
      <c r="C20036" t="s">
        <v>39996</v>
      </c>
    </row>
    <row r="20037" spans="1:3" x14ac:dyDescent="0.15">
      <c r="A20037">
        <v>4961</v>
      </c>
      <c r="B20037" t="s">
        <v>39997</v>
      </c>
      <c r="C20037" t="s">
        <v>39998</v>
      </c>
    </row>
    <row r="20038" spans="1:3" x14ac:dyDescent="0.15">
      <c r="A20038">
        <v>4960</v>
      </c>
      <c r="B20038" t="s">
        <v>39999</v>
      </c>
      <c r="C20038" t="s">
        <v>40000</v>
      </c>
    </row>
    <row r="20039" spans="1:3" x14ac:dyDescent="0.15">
      <c r="A20039">
        <v>4959</v>
      </c>
      <c r="B20039" t="s">
        <v>40001</v>
      </c>
      <c r="C20039" t="s">
        <v>40002</v>
      </c>
    </row>
    <row r="20040" spans="1:3" x14ac:dyDescent="0.15">
      <c r="A20040">
        <v>4958</v>
      </c>
      <c r="B20040" t="s">
        <v>40003</v>
      </c>
      <c r="C20040" t="s">
        <v>40004</v>
      </c>
    </row>
    <row r="20041" spans="1:3" x14ac:dyDescent="0.15">
      <c r="A20041">
        <v>4957</v>
      </c>
      <c r="B20041" t="s">
        <v>40005</v>
      </c>
      <c r="C20041" t="s">
        <v>40006</v>
      </c>
    </row>
    <row r="20042" spans="1:3" x14ac:dyDescent="0.15">
      <c r="A20042">
        <v>4956</v>
      </c>
      <c r="B20042" t="s">
        <v>40007</v>
      </c>
      <c r="C20042" t="s">
        <v>40008</v>
      </c>
    </row>
    <row r="20043" spans="1:3" x14ac:dyDescent="0.15">
      <c r="A20043">
        <v>4955</v>
      </c>
      <c r="B20043" t="s">
        <v>40009</v>
      </c>
      <c r="C20043" t="s">
        <v>40010</v>
      </c>
    </row>
    <row r="20044" spans="1:3" x14ac:dyDescent="0.15">
      <c r="A20044">
        <v>4954</v>
      </c>
      <c r="B20044" t="s">
        <v>40011</v>
      </c>
      <c r="C20044" t="s">
        <v>40012</v>
      </c>
    </row>
    <row r="20045" spans="1:3" x14ac:dyDescent="0.15">
      <c r="A20045">
        <v>4953</v>
      </c>
      <c r="B20045" t="s">
        <v>40013</v>
      </c>
      <c r="C20045" t="s">
        <v>40014</v>
      </c>
    </row>
    <row r="20046" spans="1:3" x14ac:dyDescent="0.15">
      <c r="A20046">
        <v>4952</v>
      </c>
      <c r="B20046" t="s">
        <v>40015</v>
      </c>
      <c r="C20046" t="s">
        <v>40016</v>
      </c>
    </row>
    <row r="20047" spans="1:3" x14ac:dyDescent="0.15">
      <c r="A20047">
        <v>4951</v>
      </c>
      <c r="B20047" t="s">
        <v>40017</v>
      </c>
      <c r="C20047" t="s">
        <v>40018</v>
      </c>
    </row>
    <row r="20048" spans="1:3" x14ac:dyDescent="0.15">
      <c r="A20048">
        <v>4950</v>
      </c>
      <c r="B20048" t="s">
        <v>40019</v>
      </c>
      <c r="C20048" t="s">
        <v>40020</v>
      </c>
    </row>
    <row r="20049" spans="1:3" x14ac:dyDescent="0.15">
      <c r="A20049">
        <v>4949</v>
      </c>
      <c r="B20049" t="s">
        <v>40021</v>
      </c>
      <c r="C20049" t="s">
        <v>40022</v>
      </c>
    </row>
    <row r="20050" spans="1:3" x14ac:dyDescent="0.15">
      <c r="A20050">
        <v>4948</v>
      </c>
      <c r="B20050" t="s">
        <v>40023</v>
      </c>
      <c r="C20050" t="s">
        <v>40024</v>
      </c>
    </row>
    <row r="20051" spans="1:3" x14ac:dyDescent="0.15">
      <c r="A20051">
        <v>4947</v>
      </c>
      <c r="B20051" t="s">
        <v>40025</v>
      </c>
      <c r="C20051" t="s">
        <v>40026</v>
      </c>
    </row>
    <row r="20052" spans="1:3" x14ac:dyDescent="0.15">
      <c r="A20052">
        <v>4946</v>
      </c>
      <c r="B20052" t="s">
        <v>40027</v>
      </c>
      <c r="C20052" t="s">
        <v>40028</v>
      </c>
    </row>
    <row r="20053" spans="1:3" x14ac:dyDescent="0.15">
      <c r="A20053">
        <v>4945</v>
      </c>
      <c r="B20053" t="s">
        <v>40029</v>
      </c>
      <c r="C20053" t="s">
        <v>40030</v>
      </c>
    </row>
    <row r="20054" spans="1:3" x14ac:dyDescent="0.15">
      <c r="A20054">
        <v>4944</v>
      </c>
      <c r="B20054" t="s">
        <v>40031</v>
      </c>
      <c r="C20054" t="s">
        <v>40032</v>
      </c>
    </row>
    <row r="20055" spans="1:3" x14ac:dyDescent="0.15">
      <c r="A20055">
        <v>4943</v>
      </c>
      <c r="B20055" t="s">
        <v>40033</v>
      </c>
      <c r="C20055" t="s">
        <v>40034</v>
      </c>
    </row>
    <row r="20056" spans="1:3" x14ac:dyDescent="0.15">
      <c r="A20056">
        <v>4942</v>
      </c>
      <c r="B20056" t="s">
        <v>40035</v>
      </c>
      <c r="C20056" t="s">
        <v>40036</v>
      </c>
    </row>
    <row r="20057" spans="1:3" x14ac:dyDescent="0.15">
      <c r="A20057">
        <v>4941</v>
      </c>
      <c r="B20057" t="s">
        <v>40037</v>
      </c>
      <c r="C20057" t="s">
        <v>40038</v>
      </c>
    </row>
    <row r="20058" spans="1:3" x14ac:dyDescent="0.15">
      <c r="A20058">
        <v>4940</v>
      </c>
      <c r="B20058" t="s">
        <v>40039</v>
      </c>
      <c r="C20058" t="s">
        <v>40040</v>
      </c>
    </row>
    <row r="20059" spans="1:3" x14ac:dyDescent="0.15">
      <c r="A20059">
        <v>4939</v>
      </c>
      <c r="B20059" t="s">
        <v>40041</v>
      </c>
      <c r="C20059" t="s">
        <v>40042</v>
      </c>
    </row>
    <row r="20060" spans="1:3" x14ac:dyDescent="0.15">
      <c r="A20060">
        <v>4938</v>
      </c>
      <c r="B20060" t="s">
        <v>40043</v>
      </c>
      <c r="C20060" t="s">
        <v>40044</v>
      </c>
    </row>
    <row r="20061" spans="1:3" x14ac:dyDescent="0.15">
      <c r="A20061">
        <v>4937</v>
      </c>
      <c r="B20061" t="s">
        <v>40045</v>
      </c>
      <c r="C20061" t="s">
        <v>40046</v>
      </c>
    </row>
    <row r="20062" spans="1:3" x14ac:dyDescent="0.15">
      <c r="A20062">
        <v>4936</v>
      </c>
      <c r="B20062" t="s">
        <v>40047</v>
      </c>
      <c r="C20062" t="s">
        <v>40048</v>
      </c>
    </row>
    <row r="20063" spans="1:3" x14ac:dyDescent="0.15">
      <c r="A20063">
        <v>4935</v>
      </c>
      <c r="B20063" t="s">
        <v>40049</v>
      </c>
      <c r="C20063" t="s">
        <v>40050</v>
      </c>
    </row>
    <row r="20064" spans="1:3" x14ac:dyDescent="0.15">
      <c r="A20064">
        <v>4934</v>
      </c>
      <c r="B20064" t="s">
        <v>40051</v>
      </c>
      <c r="C20064" t="s">
        <v>40052</v>
      </c>
    </row>
    <row r="20065" spans="1:3" x14ac:dyDescent="0.15">
      <c r="A20065">
        <v>4933</v>
      </c>
      <c r="B20065" t="s">
        <v>40053</v>
      </c>
      <c r="C20065" t="s">
        <v>40054</v>
      </c>
    </row>
    <row r="20066" spans="1:3" x14ac:dyDescent="0.15">
      <c r="A20066">
        <v>4932</v>
      </c>
      <c r="B20066" t="s">
        <v>40055</v>
      </c>
      <c r="C20066" t="s">
        <v>40056</v>
      </c>
    </row>
    <row r="20067" spans="1:3" x14ac:dyDescent="0.15">
      <c r="A20067">
        <v>4931</v>
      </c>
      <c r="B20067" t="s">
        <v>40057</v>
      </c>
      <c r="C20067" t="s">
        <v>40058</v>
      </c>
    </row>
    <row r="20068" spans="1:3" x14ac:dyDescent="0.15">
      <c r="A20068">
        <v>4930</v>
      </c>
      <c r="B20068" t="s">
        <v>40059</v>
      </c>
      <c r="C20068" t="s">
        <v>40060</v>
      </c>
    </row>
    <row r="20069" spans="1:3" x14ac:dyDescent="0.15">
      <c r="A20069">
        <v>4929</v>
      </c>
      <c r="B20069" t="s">
        <v>40061</v>
      </c>
      <c r="C20069" t="s">
        <v>40062</v>
      </c>
    </row>
    <row r="20070" spans="1:3" x14ac:dyDescent="0.15">
      <c r="A20070">
        <v>4928</v>
      </c>
      <c r="B20070" t="s">
        <v>40063</v>
      </c>
      <c r="C20070" t="s">
        <v>40064</v>
      </c>
    </row>
    <row r="20071" spans="1:3" x14ac:dyDescent="0.15">
      <c r="A20071">
        <v>4927</v>
      </c>
      <c r="B20071" t="s">
        <v>40065</v>
      </c>
      <c r="C20071" t="s">
        <v>40066</v>
      </c>
    </row>
    <row r="20072" spans="1:3" x14ac:dyDescent="0.15">
      <c r="A20072">
        <v>4926</v>
      </c>
      <c r="B20072" t="s">
        <v>40067</v>
      </c>
      <c r="C20072" t="s">
        <v>40068</v>
      </c>
    </row>
    <row r="20073" spans="1:3" x14ac:dyDescent="0.15">
      <c r="A20073">
        <v>4925</v>
      </c>
      <c r="B20073" t="s">
        <v>40069</v>
      </c>
      <c r="C20073" t="s">
        <v>40070</v>
      </c>
    </row>
    <row r="20074" spans="1:3" x14ac:dyDescent="0.15">
      <c r="A20074">
        <v>4924</v>
      </c>
      <c r="B20074" t="s">
        <v>40071</v>
      </c>
      <c r="C20074" t="s">
        <v>40072</v>
      </c>
    </row>
    <row r="20075" spans="1:3" x14ac:dyDescent="0.15">
      <c r="A20075">
        <v>4923</v>
      </c>
      <c r="B20075" t="s">
        <v>40073</v>
      </c>
      <c r="C20075" t="s">
        <v>40074</v>
      </c>
    </row>
    <row r="20076" spans="1:3" x14ac:dyDescent="0.15">
      <c r="A20076">
        <v>4922</v>
      </c>
      <c r="B20076" t="s">
        <v>40075</v>
      </c>
      <c r="C20076" t="s">
        <v>40076</v>
      </c>
    </row>
    <row r="20077" spans="1:3" x14ac:dyDescent="0.15">
      <c r="A20077">
        <v>4921</v>
      </c>
      <c r="B20077" t="s">
        <v>40077</v>
      </c>
      <c r="C20077" t="s">
        <v>40078</v>
      </c>
    </row>
    <row r="20078" spans="1:3" x14ac:dyDescent="0.15">
      <c r="A20078">
        <v>4920</v>
      </c>
      <c r="B20078" t="s">
        <v>40079</v>
      </c>
      <c r="C20078" t="s">
        <v>40080</v>
      </c>
    </row>
    <row r="20079" spans="1:3" x14ac:dyDescent="0.15">
      <c r="A20079">
        <v>4919</v>
      </c>
      <c r="B20079" t="s">
        <v>40081</v>
      </c>
      <c r="C20079" t="s">
        <v>40082</v>
      </c>
    </row>
    <row r="20080" spans="1:3" x14ac:dyDescent="0.15">
      <c r="A20080">
        <v>4918</v>
      </c>
      <c r="B20080" t="s">
        <v>40083</v>
      </c>
      <c r="C20080" t="s">
        <v>40084</v>
      </c>
    </row>
    <row r="20081" spans="1:3" x14ac:dyDescent="0.15">
      <c r="A20081">
        <v>4917</v>
      </c>
      <c r="B20081" t="s">
        <v>40085</v>
      </c>
      <c r="C20081" t="s">
        <v>40086</v>
      </c>
    </row>
    <row r="20082" spans="1:3" x14ac:dyDescent="0.15">
      <c r="A20082">
        <v>4916</v>
      </c>
      <c r="B20082" t="s">
        <v>40087</v>
      </c>
      <c r="C20082" t="s">
        <v>40088</v>
      </c>
    </row>
    <row r="20083" spans="1:3" x14ac:dyDescent="0.15">
      <c r="A20083">
        <v>4915</v>
      </c>
      <c r="B20083" t="s">
        <v>40089</v>
      </c>
      <c r="C20083" t="s">
        <v>40090</v>
      </c>
    </row>
    <row r="20084" spans="1:3" x14ac:dyDescent="0.15">
      <c r="A20084">
        <v>4914</v>
      </c>
      <c r="B20084" t="s">
        <v>40091</v>
      </c>
      <c r="C20084" t="s">
        <v>40092</v>
      </c>
    </row>
    <row r="20085" spans="1:3" x14ac:dyDescent="0.15">
      <c r="A20085">
        <v>4913</v>
      </c>
      <c r="B20085" t="s">
        <v>40093</v>
      </c>
      <c r="C20085" t="s">
        <v>40094</v>
      </c>
    </row>
    <row r="20086" spans="1:3" x14ac:dyDescent="0.15">
      <c r="A20086">
        <v>4912</v>
      </c>
      <c r="B20086" t="s">
        <v>40095</v>
      </c>
      <c r="C20086" t="s">
        <v>40096</v>
      </c>
    </row>
    <row r="20087" spans="1:3" x14ac:dyDescent="0.15">
      <c r="A20087">
        <v>4911</v>
      </c>
      <c r="B20087" t="s">
        <v>40097</v>
      </c>
      <c r="C20087" t="s">
        <v>40098</v>
      </c>
    </row>
    <row r="20088" spans="1:3" x14ac:dyDescent="0.15">
      <c r="A20088">
        <v>4910</v>
      </c>
      <c r="B20088" t="s">
        <v>40099</v>
      </c>
      <c r="C20088" t="s">
        <v>40100</v>
      </c>
    </row>
    <row r="20089" spans="1:3" x14ac:dyDescent="0.15">
      <c r="A20089">
        <v>4909</v>
      </c>
      <c r="B20089" t="s">
        <v>40101</v>
      </c>
      <c r="C20089" t="s">
        <v>40102</v>
      </c>
    </row>
    <row r="20090" spans="1:3" x14ac:dyDescent="0.15">
      <c r="A20090">
        <v>4908</v>
      </c>
      <c r="B20090" t="s">
        <v>40103</v>
      </c>
      <c r="C20090" t="s">
        <v>40104</v>
      </c>
    </row>
    <row r="20091" spans="1:3" x14ac:dyDescent="0.15">
      <c r="A20091">
        <v>4907</v>
      </c>
      <c r="B20091" t="s">
        <v>40105</v>
      </c>
      <c r="C20091" t="s">
        <v>40106</v>
      </c>
    </row>
    <row r="20092" spans="1:3" x14ac:dyDescent="0.15">
      <c r="A20092">
        <v>4906</v>
      </c>
      <c r="B20092" t="s">
        <v>40107</v>
      </c>
      <c r="C20092" t="s">
        <v>40108</v>
      </c>
    </row>
    <row r="20093" spans="1:3" x14ac:dyDescent="0.15">
      <c r="A20093">
        <v>4905</v>
      </c>
      <c r="B20093" t="s">
        <v>40109</v>
      </c>
      <c r="C20093" t="s">
        <v>40110</v>
      </c>
    </row>
    <row r="20094" spans="1:3" x14ac:dyDescent="0.15">
      <c r="A20094">
        <v>4904</v>
      </c>
      <c r="B20094" t="s">
        <v>40111</v>
      </c>
      <c r="C20094" t="s">
        <v>40112</v>
      </c>
    </row>
    <row r="20095" spans="1:3" x14ac:dyDescent="0.15">
      <c r="A20095">
        <v>4903</v>
      </c>
      <c r="B20095" t="s">
        <v>40113</v>
      </c>
      <c r="C20095" t="s">
        <v>40114</v>
      </c>
    </row>
    <row r="20096" spans="1:3" x14ac:dyDescent="0.15">
      <c r="A20096">
        <v>4902</v>
      </c>
      <c r="B20096" t="s">
        <v>40115</v>
      </c>
      <c r="C20096" t="s">
        <v>40116</v>
      </c>
    </row>
    <row r="20097" spans="1:3" x14ac:dyDescent="0.15">
      <c r="A20097">
        <v>4901</v>
      </c>
      <c r="B20097" t="s">
        <v>40117</v>
      </c>
      <c r="C20097" t="s">
        <v>40118</v>
      </c>
    </row>
    <row r="20098" spans="1:3" x14ac:dyDescent="0.15">
      <c r="A20098">
        <v>4900</v>
      </c>
      <c r="B20098" t="s">
        <v>40119</v>
      </c>
      <c r="C20098" t="s">
        <v>40120</v>
      </c>
    </row>
    <row r="20099" spans="1:3" x14ac:dyDescent="0.15">
      <c r="A20099">
        <v>4899</v>
      </c>
      <c r="B20099" t="s">
        <v>40121</v>
      </c>
      <c r="C20099" t="s">
        <v>40122</v>
      </c>
    </row>
    <row r="20100" spans="1:3" x14ac:dyDescent="0.15">
      <c r="A20100">
        <v>4898</v>
      </c>
      <c r="B20100" t="s">
        <v>40123</v>
      </c>
      <c r="C20100" t="s">
        <v>40124</v>
      </c>
    </row>
    <row r="20101" spans="1:3" x14ac:dyDescent="0.15">
      <c r="A20101">
        <v>4897</v>
      </c>
      <c r="B20101" t="s">
        <v>40125</v>
      </c>
      <c r="C20101" t="s">
        <v>40126</v>
      </c>
    </row>
    <row r="20102" spans="1:3" x14ac:dyDescent="0.15">
      <c r="A20102">
        <v>4896</v>
      </c>
      <c r="B20102" t="s">
        <v>40127</v>
      </c>
      <c r="C20102" t="s">
        <v>40128</v>
      </c>
    </row>
    <row r="20103" spans="1:3" x14ac:dyDescent="0.15">
      <c r="A20103">
        <v>4895</v>
      </c>
      <c r="B20103" t="s">
        <v>40129</v>
      </c>
      <c r="C20103" t="s">
        <v>40130</v>
      </c>
    </row>
    <row r="20104" spans="1:3" x14ac:dyDescent="0.15">
      <c r="A20104">
        <v>4894</v>
      </c>
      <c r="B20104" t="s">
        <v>40131</v>
      </c>
      <c r="C20104" t="s">
        <v>40132</v>
      </c>
    </row>
    <row r="20105" spans="1:3" x14ac:dyDescent="0.15">
      <c r="A20105">
        <v>4893</v>
      </c>
      <c r="B20105" t="s">
        <v>40133</v>
      </c>
      <c r="C20105" t="s">
        <v>40134</v>
      </c>
    </row>
    <row r="20106" spans="1:3" x14ac:dyDescent="0.15">
      <c r="A20106">
        <v>4892</v>
      </c>
      <c r="B20106" t="s">
        <v>40135</v>
      </c>
      <c r="C20106" t="s">
        <v>40136</v>
      </c>
    </row>
    <row r="20107" spans="1:3" x14ac:dyDescent="0.15">
      <c r="A20107">
        <v>4891</v>
      </c>
      <c r="B20107" t="s">
        <v>40137</v>
      </c>
      <c r="C20107" t="s">
        <v>40138</v>
      </c>
    </row>
    <row r="20108" spans="1:3" x14ac:dyDescent="0.15">
      <c r="A20108">
        <v>4890</v>
      </c>
      <c r="B20108" t="s">
        <v>40139</v>
      </c>
      <c r="C20108" t="s">
        <v>40140</v>
      </c>
    </row>
    <row r="20109" spans="1:3" x14ac:dyDescent="0.15">
      <c r="A20109">
        <v>4889</v>
      </c>
      <c r="B20109" t="s">
        <v>40141</v>
      </c>
      <c r="C20109" t="s">
        <v>40142</v>
      </c>
    </row>
    <row r="20110" spans="1:3" x14ac:dyDescent="0.15">
      <c r="A20110">
        <v>4888</v>
      </c>
      <c r="B20110" t="s">
        <v>40143</v>
      </c>
      <c r="C20110" t="s">
        <v>40144</v>
      </c>
    </row>
    <row r="20111" spans="1:3" x14ac:dyDescent="0.15">
      <c r="A20111">
        <v>4887</v>
      </c>
      <c r="B20111" t="s">
        <v>40145</v>
      </c>
      <c r="C20111" t="s">
        <v>40146</v>
      </c>
    </row>
    <row r="20112" spans="1:3" x14ac:dyDescent="0.15">
      <c r="A20112">
        <v>4886</v>
      </c>
      <c r="B20112" t="s">
        <v>40147</v>
      </c>
      <c r="C20112" t="s">
        <v>40148</v>
      </c>
    </row>
    <row r="20113" spans="1:3" x14ac:dyDescent="0.15">
      <c r="A20113">
        <v>4885</v>
      </c>
      <c r="B20113" t="s">
        <v>40149</v>
      </c>
      <c r="C20113" t="s">
        <v>40150</v>
      </c>
    </row>
    <row r="20114" spans="1:3" x14ac:dyDescent="0.15">
      <c r="A20114">
        <v>4884</v>
      </c>
      <c r="B20114" t="s">
        <v>40151</v>
      </c>
      <c r="C20114" t="s">
        <v>40152</v>
      </c>
    </row>
    <row r="20115" spans="1:3" x14ac:dyDescent="0.15">
      <c r="A20115">
        <v>4883</v>
      </c>
      <c r="B20115" t="s">
        <v>40153</v>
      </c>
      <c r="C20115" t="s">
        <v>40154</v>
      </c>
    </row>
    <row r="20116" spans="1:3" x14ac:dyDescent="0.15">
      <c r="A20116">
        <v>4882</v>
      </c>
      <c r="B20116" t="s">
        <v>40155</v>
      </c>
      <c r="C20116" t="s">
        <v>40156</v>
      </c>
    </row>
    <row r="20117" spans="1:3" x14ac:dyDescent="0.15">
      <c r="A20117">
        <v>4881</v>
      </c>
      <c r="B20117" t="s">
        <v>40157</v>
      </c>
      <c r="C20117" t="s">
        <v>40158</v>
      </c>
    </row>
    <row r="20118" spans="1:3" x14ac:dyDescent="0.15">
      <c r="A20118">
        <v>4880</v>
      </c>
      <c r="B20118" t="s">
        <v>40159</v>
      </c>
      <c r="C20118" t="s">
        <v>40160</v>
      </c>
    </row>
    <row r="20119" spans="1:3" x14ac:dyDescent="0.15">
      <c r="A20119">
        <v>4879</v>
      </c>
      <c r="B20119" t="s">
        <v>40161</v>
      </c>
      <c r="C20119" t="s">
        <v>40162</v>
      </c>
    </row>
    <row r="20120" spans="1:3" x14ac:dyDescent="0.15">
      <c r="A20120">
        <v>4878</v>
      </c>
      <c r="B20120" t="s">
        <v>40163</v>
      </c>
      <c r="C20120" t="s">
        <v>40164</v>
      </c>
    </row>
    <row r="20121" spans="1:3" x14ac:dyDescent="0.15">
      <c r="A20121">
        <v>4877</v>
      </c>
      <c r="B20121" t="s">
        <v>40165</v>
      </c>
      <c r="C20121" t="s">
        <v>40166</v>
      </c>
    </row>
    <row r="20122" spans="1:3" x14ac:dyDescent="0.15">
      <c r="A20122">
        <v>4876</v>
      </c>
      <c r="B20122" t="s">
        <v>40167</v>
      </c>
      <c r="C20122" t="s">
        <v>40168</v>
      </c>
    </row>
    <row r="20123" spans="1:3" x14ac:dyDescent="0.15">
      <c r="A20123">
        <v>4875</v>
      </c>
      <c r="B20123" t="s">
        <v>40169</v>
      </c>
      <c r="C20123" t="s">
        <v>40170</v>
      </c>
    </row>
    <row r="20124" spans="1:3" x14ac:dyDescent="0.15">
      <c r="A20124">
        <v>4874</v>
      </c>
      <c r="B20124" t="s">
        <v>40171</v>
      </c>
      <c r="C20124" t="s">
        <v>40172</v>
      </c>
    </row>
    <row r="20125" spans="1:3" x14ac:dyDescent="0.15">
      <c r="A20125">
        <v>4873</v>
      </c>
      <c r="B20125" t="s">
        <v>40173</v>
      </c>
      <c r="C20125" t="s">
        <v>40174</v>
      </c>
    </row>
    <row r="20126" spans="1:3" x14ac:dyDescent="0.15">
      <c r="A20126">
        <v>4872</v>
      </c>
      <c r="B20126" t="s">
        <v>40175</v>
      </c>
      <c r="C20126" t="s">
        <v>40176</v>
      </c>
    </row>
    <row r="20127" spans="1:3" x14ac:dyDescent="0.15">
      <c r="A20127">
        <v>4871</v>
      </c>
      <c r="B20127" t="s">
        <v>40177</v>
      </c>
      <c r="C20127" t="s">
        <v>40178</v>
      </c>
    </row>
    <row r="20128" spans="1:3" x14ac:dyDescent="0.15">
      <c r="A20128">
        <v>4870</v>
      </c>
      <c r="B20128" t="s">
        <v>40179</v>
      </c>
      <c r="C20128" t="s">
        <v>40180</v>
      </c>
    </row>
    <row r="20129" spans="1:3" x14ac:dyDescent="0.15">
      <c r="A20129">
        <v>4869</v>
      </c>
      <c r="B20129" t="s">
        <v>40181</v>
      </c>
      <c r="C20129" t="s">
        <v>40182</v>
      </c>
    </row>
    <row r="20130" spans="1:3" x14ac:dyDescent="0.15">
      <c r="A20130">
        <v>4868</v>
      </c>
      <c r="B20130" t="s">
        <v>40183</v>
      </c>
      <c r="C20130" t="s">
        <v>40184</v>
      </c>
    </row>
    <row r="20131" spans="1:3" x14ac:dyDescent="0.15">
      <c r="A20131">
        <v>4867</v>
      </c>
      <c r="B20131" t="s">
        <v>40185</v>
      </c>
      <c r="C20131" t="s">
        <v>40186</v>
      </c>
    </row>
    <row r="20132" spans="1:3" x14ac:dyDescent="0.15">
      <c r="A20132">
        <v>4866</v>
      </c>
      <c r="B20132" t="s">
        <v>40187</v>
      </c>
      <c r="C20132" t="s">
        <v>40188</v>
      </c>
    </row>
    <row r="20133" spans="1:3" x14ac:dyDescent="0.15">
      <c r="A20133">
        <v>4865</v>
      </c>
      <c r="B20133" t="s">
        <v>40189</v>
      </c>
      <c r="C20133" t="s">
        <v>40190</v>
      </c>
    </row>
    <row r="20134" spans="1:3" x14ac:dyDescent="0.15">
      <c r="A20134">
        <v>4864</v>
      </c>
      <c r="B20134" t="s">
        <v>40191</v>
      </c>
      <c r="C20134" t="s">
        <v>40192</v>
      </c>
    </row>
    <row r="20135" spans="1:3" x14ac:dyDescent="0.15">
      <c r="A20135">
        <v>4863</v>
      </c>
      <c r="B20135" t="s">
        <v>40193</v>
      </c>
      <c r="C20135" t="s">
        <v>40194</v>
      </c>
    </row>
    <row r="20136" spans="1:3" x14ac:dyDescent="0.15">
      <c r="A20136">
        <v>4862</v>
      </c>
      <c r="B20136" t="s">
        <v>40195</v>
      </c>
      <c r="C20136" t="s">
        <v>40196</v>
      </c>
    </row>
    <row r="20137" spans="1:3" x14ac:dyDescent="0.15">
      <c r="A20137">
        <v>4861</v>
      </c>
      <c r="B20137" t="s">
        <v>40197</v>
      </c>
      <c r="C20137" t="s">
        <v>40198</v>
      </c>
    </row>
    <row r="20138" spans="1:3" x14ac:dyDescent="0.15">
      <c r="A20138">
        <v>4860</v>
      </c>
      <c r="B20138" t="s">
        <v>40199</v>
      </c>
      <c r="C20138" t="s">
        <v>40200</v>
      </c>
    </row>
    <row r="20139" spans="1:3" x14ac:dyDescent="0.15">
      <c r="A20139">
        <v>4859</v>
      </c>
      <c r="B20139" t="s">
        <v>40201</v>
      </c>
      <c r="C20139" t="s">
        <v>40202</v>
      </c>
    </row>
    <row r="20140" spans="1:3" x14ac:dyDescent="0.15">
      <c r="A20140">
        <v>4858</v>
      </c>
      <c r="B20140" t="s">
        <v>40203</v>
      </c>
      <c r="C20140" t="s">
        <v>40204</v>
      </c>
    </row>
    <row r="20141" spans="1:3" x14ac:dyDescent="0.15">
      <c r="A20141">
        <v>4857</v>
      </c>
      <c r="B20141" t="s">
        <v>40205</v>
      </c>
      <c r="C20141" t="s">
        <v>40206</v>
      </c>
    </row>
    <row r="20142" spans="1:3" x14ac:dyDescent="0.15">
      <c r="A20142">
        <v>4856</v>
      </c>
      <c r="B20142" t="s">
        <v>40207</v>
      </c>
      <c r="C20142" t="s">
        <v>40208</v>
      </c>
    </row>
    <row r="20143" spans="1:3" x14ac:dyDescent="0.15">
      <c r="A20143">
        <v>4855</v>
      </c>
      <c r="B20143" t="s">
        <v>40209</v>
      </c>
      <c r="C20143" t="s">
        <v>40210</v>
      </c>
    </row>
    <row r="20144" spans="1:3" x14ac:dyDescent="0.15">
      <c r="A20144">
        <v>4854</v>
      </c>
      <c r="B20144" t="s">
        <v>40211</v>
      </c>
      <c r="C20144" t="s">
        <v>40212</v>
      </c>
    </row>
    <row r="20145" spans="1:3" x14ac:dyDescent="0.15">
      <c r="A20145">
        <v>4853</v>
      </c>
      <c r="B20145" t="s">
        <v>40213</v>
      </c>
      <c r="C20145" t="s">
        <v>40214</v>
      </c>
    </row>
    <row r="20146" spans="1:3" x14ac:dyDescent="0.15">
      <c r="A20146">
        <v>4852</v>
      </c>
      <c r="B20146" t="s">
        <v>40215</v>
      </c>
      <c r="C20146" t="s">
        <v>40216</v>
      </c>
    </row>
    <row r="20147" spans="1:3" x14ac:dyDescent="0.15">
      <c r="A20147">
        <v>4851</v>
      </c>
      <c r="B20147" t="s">
        <v>40217</v>
      </c>
      <c r="C20147" t="s">
        <v>40218</v>
      </c>
    </row>
    <row r="20148" spans="1:3" x14ac:dyDescent="0.15">
      <c r="A20148">
        <v>4850</v>
      </c>
      <c r="B20148" t="s">
        <v>40219</v>
      </c>
      <c r="C20148" t="s">
        <v>40220</v>
      </c>
    </row>
    <row r="20149" spans="1:3" x14ac:dyDescent="0.15">
      <c r="A20149">
        <v>4849</v>
      </c>
      <c r="B20149" t="s">
        <v>40221</v>
      </c>
      <c r="C20149" t="s">
        <v>40222</v>
      </c>
    </row>
    <row r="20150" spans="1:3" x14ac:dyDescent="0.15">
      <c r="A20150">
        <v>4848</v>
      </c>
      <c r="B20150" t="s">
        <v>40223</v>
      </c>
      <c r="C20150" t="s">
        <v>40224</v>
      </c>
    </row>
    <row r="20151" spans="1:3" x14ac:dyDescent="0.15">
      <c r="A20151">
        <v>4847</v>
      </c>
      <c r="B20151" t="s">
        <v>40225</v>
      </c>
      <c r="C20151" t="s">
        <v>40226</v>
      </c>
    </row>
    <row r="20152" spans="1:3" x14ac:dyDescent="0.15">
      <c r="A20152">
        <v>4846</v>
      </c>
      <c r="B20152" t="s">
        <v>40227</v>
      </c>
      <c r="C20152" t="s">
        <v>40228</v>
      </c>
    </row>
    <row r="20153" spans="1:3" x14ac:dyDescent="0.15">
      <c r="A20153">
        <v>4845</v>
      </c>
      <c r="B20153" t="s">
        <v>40229</v>
      </c>
      <c r="C20153" t="s">
        <v>40230</v>
      </c>
    </row>
    <row r="20154" spans="1:3" x14ac:dyDescent="0.15">
      <c r="A20154">
        <v>4844</v>
      </c>
      <c r="B20154" t="s">
        <v>40231</v>
      </c>
      <c r="C20154" t="s">
        <v>40232</v>
      </c>
    </row>
    <row r="20155" spans="1:3" x14ac:dyDescent="0.15">
      <c r="A20155">
        <v>4843</v>
      </c>
      <c r="B20155" t="s">
        <v>40233</v>
      </c>
      <c r="C20155" t="s">
        <v>40234</v>
      </c>
    </row>
    <row r="20156" spans="1:3" x14ac:dyDescent="0.15">
      <c r="A20156">
        <v>4842</v>
      </c>
      <c r="B20156" t="s">
        <v>40235</v>
      </c>
      <c r="C20156" t="s">
        <v>40236</v>
      </c>
    </row>
    <row r="20157" spans="1:3" x14ac:dyDescent="0.15">
      <c r="A20157">
        <v>4841</v>
      </c>
      <c r="B20157" t="s">
        <v>40237</v>
      </c>
      <c r="C20157" t="s">
        <v>40238</v>
      </c>
    </row>
    <row r="20158" spans="1:3" x14ac:dyDescent="0.15">
      <c r="A20158">
        <v>4840</v>
      </c>
      <c r="B20158" t="s">
        <v>40239</v>
      </c>
      <c r="C20158" t="s">
        <v>40240</v>
      </c>
    </row>
    <row r="20159" spans="1:3" x14ac:dyDescent="0.15">
      <c r="A20159">
        <v>4839</v>
      </c>
      <c r="B20159" t="s">
        <v>40241</v>
      </c>
      <c r="C20159" t="s">
        <v>40242</v>
      </c>
    </row>
    <row r="20160" spans="1:3" x14ac:dyDescent="0.15">
      <c r="A20160">
        <v>4838</v>
      </c>
      <c r="B20160" t="s">
        <v>40243</v>
      </c>
      <c r="C20160" t="s">
        <v>40244</v>
      </c>
    </row>
    <row r="20161" spans="1:3" x14ac:dyDescent="0.15">
      <c r="A20161">
        <v>4837</v>
      </c>
      <c r="B20161" t="s">
        <v>40245</v>
      </c>
      <c r="C20161" t="s">
        <v>40246</v>
      </c>
    </row>
    <row r="20162" spans="1:3" x14ac:dyDescent="0.15">
      <c r="A20162">
        <v>4836</v>
      </c>
      <c r="B20162" t="s">
        <v>40247</v>
      </c>
      <c r="C20162" t="s">
        <v>40248</v>
      </c>
    </row>
    <row r="20163" spans="1:3" x14ac:dyDescent="0.15">
      <c r="A20163">
        <v>4835</v>
      </c>
      <c r="B20163" t="s">
        <v>40249</v>
      </c>
      <c r="C20163" t="s">
        <v>40250</v>
      </c>
    </row>
    <row r="20164" spans="1:3" x14ac:dyDescent="0.15">
      <c r="A20164">
        <v>4834</v>
      </c>
      <c r="B20164" t="s">
        <v>40251</v>
      </c>
      <c r="C20164" t="s">
        <v>40252</v>
      </c>
    </row>
    <row r="20165" spans="1:3" x14ac:dyDescent="0.15">
      <c r="A20165">
        <v>4833</v>
      </c>
      <c r="B20165" t="s">
        <v>40253</v>
      </c>
      <c r="C20165" t="s">
        <v>40254</v>
      </c>
    </row>
    <row r="20166" spans="1:3" x14ac:dyDescent="0.15">
      <c r="A20166">
        <v>4832</v>
      </c>
      <c r="B20166" t="s">
        <v>40255</v>
      </c>
      <c r="C20166" t="s">
        <v>40256</v>
      </c>
    </row>
    <row r="20167" spans="1:3" x14ac:dyDescent="0.15">
      <c r="A20167">
        <v>4831</v>
      </c>
      <c r="B20167" t="s">
        <v>40257</v>
      </c>
      <c r="C20167" t="s">
        <v>40258</v>
      </c>
    </row>
    <row r="20168" spans="1:3" x14ac:dyDescent="0.15">
      <c r="A20168">
        <v>4830</v>
      </c>
      <c r="B20168" t="s">
        <v>40259</v>
      </c>
      <c r="C20168" t="s">
        <v>40260</v>
      </c>
    </row>
    <row r="20169" spans="1:3" x14ac:dyDescent="0.15">
      <c r="A20169">
        <v>4829</v>
      </c>
      <c r="B20169" t="s">
        <v>40261</v>
      </c>
      <c r="C20169" t="s">
        <v>40262</v>
      </c>
    </row>
    <row r="20170" spans="1:3" x14ac:dyDescent="0.15">
      <c r="A20170">
        <v>4828</v>
      </c>
      <c r="B20170" t="s">
        <v>40263</v>
      </c>
      <c r="C20170" t="s">
        <v>40264</v>
      </c>
    </row>
    <row r="20171" spans="1:3" x14ac:dyDescent="0.15">
      <c r="A20171">
        <v>4827</v>
      </c>
      <c r="B20171" t="s">
        <v>40265</v>
      </c>
      <c r="C20171" t="s">
        <v>40266</v>
      </c>
    </row>
    <row r="20172" spans="1:3" x14ac:dyDescent="0.15">
      <c r="A20172">
        <v>4826</v>
      </c>
      <c r="B20172" t="s">
        <v>40267</v>
      </c>
      <c r="C20172" t="s">
        <v>40268</v>
      </c>
    </row>
    <row r="20173" spans="1:3" x14ac:dyDescent="0.15">
      <c r="A20173">
        <v>4825</v>
      </c>
      <c r="B20173" t="s">
        <v>40269</v>
      </c>
      <c r="C20173" t="s">
        <v>40270</v>
      </c>
    </row>
    <row r="20174" spans="1:3" x14ac:dyDescent="0.15">
      <c r="A20174">
        <v>4824</v>
      </c>
      <c r="B20174" t="s">
        <v>40271</v>
      </c>
      <c r="C20174" t="s">
        <v>40272</v>
      </c>
    </row>
    <row r="20175" spans="1:3" x14ac:dyDescent="0.15">
      <c r="A20175">
        <v>4823</v>
      </c>
      <c r="B20175" t="s">
        <v>40273</v>
      </c>
      <c r="C20175" t="s">
        <v>40274</v>
      </c>
    </row>
    <row r="20176" spans="1:3" x14ac:dyDescent="0.15">
      <c r="A20176">
        <v>4822</v>
      </c>
      <c r="B20176" t="s">
        <v>40275</v>
      </c>
      <c r="C20176" t="s">
        <v>40276</v>
      </c>
    </row>
    <row r="20177" spans="1:3" x14ac:dyDescent="0.15">
      <c r="A20177">
        <v>4821</v>
      </c>
      <c r="B20177" t="s">
        <v>40277</v>
      </c>
      <c r="C20177" t="s">
        <v>40278</v>
      </c>
    </row>
    <row r="20178" spans="1:3" x14ac:dyDescent="0.15">
      <c r="A20178">
        <v>4820</v>
      </c>
      <c r="B20178" t="s">
        <v>40279</v>
      </c>
      <c r="C20178" t="s">
        <v>40280</v>
      </c>
    </row>
    <row r="20179" spans="1:3" x14ac:dyDescent="0.15">
      <c r="A20179">
        <v>4819</v>
      </c>
      <c r="B20179" t="s">
        <v>40281</v>
      </c>
      <c r="C20179" t="s">
        <v>40282</v>
      </c>
    </row>
    <row r="20180" spans="1:3" x14ac:dyDescent="0.15">
      <c r="A20180">
        <v>4818</v>
      </c>
      <c r="B20180" t="s">
        <v>40283</v>
      </c>
      <c r="C20180" t="s">
        <v>40284</v>
      </c>
    </row>
    <row r="20181" spans="1:3" x14ac:dyDescent="0.15">
      <c r="A20181">
        <v>4817</v>
      </c>
      <c r="B20181" t="s">
        <v>40285</v>
      </c>
      <c r="C20181" t="s">
        <v>40286</v>
      </c>
    </row>
    <row r="20182" spans="1:3" x14ac:dyDescent="0.15">
      <c r="A20182">
        <v>4816</v>
      </c>
      <c r="B20182" t="s">
        <v>40287</v>
      </c>
      <c r="C20182" t="s">
        <v>40288</v>
      </c>
    </row>
    <row r="20183" spans="1:3" x14ac:dyDescent="0.15">
      <c r="A20183">
        <v>4815</v>
      </c>
      <c r="B20183" t="s">
        <v>40289</v>
      </c>
      <c r="C20183" t="s">
        <v>40290</v>
      </c>
    </row>
    <row r="20184" spans="1:3" x14ac:dyDescent="0.15">
      <c r="A20184">
        <v>4814</v>
      </c>
      <c r="B20184" t="s">
        <v>40291</v>
      </c>
      <c r="C20184" t="s">
        <v>40292</v>
      </c>
    </row>
    <row r="20185" spans="1:3" x14ac:dyDescent="0.15">
      <c r="A20185">
        <v>4813</v>
      </c>
      <c r="B20185" t="s">
        <v>40293</v>
      </c>
      <c r="C20185" t="s">
        <v>40294</v>
      </c>
    </row>
    <row r="20186" spans="1:3" x14ac:dyDescent="0.15">
      <c r="A20186">
        <v>4812</v>
      </c>
      <c r="B20186" t="s">
        <v>40295</v>
      </c>
      <c r="C20186" t="s">
        <v>40296</v>
      </c>
    </row>
    <row r="20187" spans="1:3" x14ac:dyDescent="0.15">
      <c r="A20187">
        <v>4811</v>
      </c>
      <c r="B20187" t="s">
        <v>40297</v>
      </c>
      <c r="C20187" t="s">
        <v>40298</v>
      </c>
    </row>
    <row r="20188" spans="1:3" x14ac:dyDescent="0.15">
      <c r="A20188">
        <v>4810</v>
      </c>
      <c r="B20188" t="s">
        <v>40299</v>
      </c>
      <c r="C20188" t="s">
        <v>40300</v>
      </c>
    </row>
    <row r="20189" spans="1:3" x14ac:dyDescent="0.15">
      <c r="A20189">
        <v>4809</v>
      </c>
      <c r="B20189" t="s">
        <v>40301</v>
      </c>
      <c r="C20189" t="s">
        <v>40302</v>
      </c>
    </row>
    <row r="20190" spans="1:3" x14ac:dyDescent="0.15">
      <c r="A20190">
        <v>4808</v>
      </c>
      <c r="B20190" t="s">
        <v>40303</v>
      </c>
      <c r="C20190" t="s">
        <v>40304</v>
      </c>
    </row>
    <row r="20191" spans="1:3" x14ac:dyDescent="0.15">
      <c r="A20191">
        <v>4807</v>
      </c>
      <c r="B20191" t="s">
        <v>40305</v>
      </c>
      <c r="C20191" t="s">
        <v>40306</v>
      </c>
    </row>
    <row r="20192" spans="1:3" x14ac:dyDescent="0.15">
      <c r="A20192">
        <v>4806</v>
      </c>
      <c r="B20192" t="s">
        <v>40307</v>
      </c>
      <c r="C20192" t="s">
        <v>40308</v>
      </c>
    </row>
    <row r="20193" spans="1:3" x14ac:dyDescent="0.15">
      <c r="A20193">
        <v>4805</v>
      </c>
      <c r="B20193" t="s">
        <v>40309</v>
      </c>
      <c r="C20193" t="s">
        <v>40310</v>
      </c>
    </row>
    <row r="20194" spans="1:3" x14ac:dyDescent="0.15">
      <c r="A20194">
        <v>4804</v>
      </c>
      <c r="B20194" t="s">
        <v>40311</v>
      </c>
      <c r="C20194" t="s">
        <v>40312</v>
      </c>
    </row>
    <row r="20195" spans="1:3" x14ac:dyDescent="0.15">
      <c r="A20195">
        <v>4803</v>
      </c>
      <c r="B20195" t="s">
        <v>40313</v>
      </c>
      <c r="C20195" t="s">
        <v>40314</v>
      </c>
    </row>
    <row r="20196" spans="1:3" x14ac:dyDescent="0.15">
      <c r="A20196">
        <v>4802</v>
      </c>
      <c r="B20196" t="s">
        <v>40315</v>
      </c>
      <c r="C20196" t="s">
        <v>40316</v>
      </c>
    </row>
    <row r="20197" spans="1:3" x14ac:dyDescent="0.15">
      <c r="A20197">
        <v>4801</v>
      </c>
      <c r="B20197" t="s">
        <v>40317</v>
      </c>
      <c r="C20197" t="s">
        <v>40318</v>
      </c>
    </row>
    <row r="20198" spans="1:3" x14ac:dyDescent="0.15">
      <c r="A20198">
        <v>4800</v>
      </c>
      <c r="B20198" t="s">
        <v>40319</v>
      </c>
      <c r="C20198" t="s">
        <v>40320</v>
      </c>
    </row>
    <row r="20199" spans="1:3" x14ac:dyDescent="0.15">
      <c r="A20199">
        <v>4799</v>
      </c>
      <c r="B20199" t="s">
        <v>40321</v>
      </c>
      <c r="C20199" t="s">
        <v>40322</v>
      </c>
    </row>
    <row r="20200" spans="1:3" x14ac:dyDescent="0.15">
      <c r="A20200">
        <v>4798</v>
      </c>
      <c r="B20200" t="s">
        <v>40323</v>
      </c>
      <c r="C20200" t="s">
        <v>40324</v>
      </c>
    </row>
    <row r="20201" spans="1:3" x14ac:dyDescent="0.15">
      <c r="A20201">
        <v>4797</v>
      </c>
      <c r="B20201" t="s">
        <v>40325</v>
      </c>
      <c r="C20201" t="s">
        <v>40326</v>
      </c>
    </row>
    <row r="20202" spans="1:3" x14ac:dyDescent="0.15">
      <c r="A20202">
        <v>4796</v>
      </c>
      <c r="B20202" t="s">
        <v>40327</v>
      </c>
      <c r="C20202" t="s">
        <v>40328</v>
      </c>
    </row>
    <row r="20203" spans="1:3" x14ac:dyDescent="0.15">
      <c r="A20203">
        <v>4795</v>
      </c>
      <c r="B20203" t="s">
        <v>40329</v>
      </c>
      <c r="C20203" t="s">
        <v>40330</v>
      </c>
    </row>
    <row r="20204" spans="1:3" x14ac:dyDescent="0.15">
      <c r="A20204">
        <v>4794</v>
      </c>
      <c r="B20204" t="s">
        <v>40331</v>
      </c>
      <c r="C20204" t="s">
        <v>40332</v>
      </c>
    </row>
    <row r="20205" spans="1:3" x14ac:dyDescent="0.15">
      <c r="A20205">
        <v>4793</v>
      </c>
      <c r="B20205" t="s">
        <v>40333</v>
      </c>
      <c r="C20205" t="s">
        <v>40334</v>
      </c>
    </row>
    <row r="20206" spans="1:3" x14ac:dyDescent="0.15">
      <c r="A20206">
        <v>4792</v>
      </c>
      <c r="B20206" t="s">
        <v>40335</v>
      </c>
      <c r="C20206" t="s">
        <v>40336</v>
      </c>
    </row>
    <row r="20207" spans="1:3" x14ac:dyDescent="0.15">
      <c r="A20207">
        <v>4791</v>
      </c>
      <c r="B20207" t="s">
        <v>40337</v>
      </c>
      <c r="C20207" t="s">
        <v>40338</v>
      </c>
    </row>
    <row r="20208" spans="1:3" x14ac:dyDescent="0.15">
      <c r="A20208">
        <v>4790</v>
      </c>
      <c r="B20208" t="s">
        <v>40339</v>
      </c>
      <c r="C20208" t="s">
        <v>40340</v>
      </c>
    </row>
    <row r="20209" spans="1:3" x14ac:dyDescent="0.15">
      <c r="A20209">
        <v>4789</v>
      </c>
      <c r="B20209" t="s">
        <v>40341</v>
      </c>
      <c r="C20209" t="s">
        <v>40342</v>
      </c>
    </row>
    <row r="20210" spans="1:3" x14ac:dyDescent="0.15">
      <c r="A20210">
        <v>4788</v>
      </c>
      <c r="B20210" t="s">
        <v>40343</v>
      </c>
      <c r="C20210" t="s">
        <v>40344</v>
      </c>
    </row>
    <row r="20211" spans="1:3" x14ac:dyDescent="0.15">
      <c r="A20211">
        <v>4787</v>
      </c>
      <c r="B20211" t="s">
        <v>40345</v>
      </c>
      <c r="C20211" t="s">
        <v>40346</v>
      </c>
    </row>
    <row r="20212" spans="1:3" x14ac:dyDescent="0.15">
      <c r="A20212">
        <v>4786</v>
      </c>
      <c r="B20212" t="s">
        <v>40347</v>
      </c>
      <c r="C20212" t="s">
        <v>40348</v>
      </c>
    </row>
    <row r="20213" spans="1:3" x14ac:dyDescent="0.15">
      <c r="A20213">
        <v>4785</v>
      </c>
      <c r="B20213" t="s">
        <v>40349</v>
      </c>
      <c r="C20213" t="s">
        <v>40350</v>
      </c>
    </row>
    <row r="20214" spans="1:3" x14ac:dyDescent="0.15">
      <c r="A20214">
        <v>4784</v>
      </c>
      <c r="B20214" t="s">
        <v>40351</v>
      </c>
      <c r="C20214" t="s">
        <v>40352</v>
      </c>
    </row>
    <row r="20215" spans="1:3" x14ac:dyDescent="0.15">
      <c r="A20215">
        <v>4783</v>
      </c>
      <c r="B20215" t="s">
        <v>40353</v>
      </c>
      <c r="C20215" t="s">
        <v>40354</v>
      </c>
    </row>
    <row r="20216" spans="1:3" x14ac:dyDescent="0.15">
      <c r="A20216">
        <v>4782</v>
      </c>
      <c r="B20216" t="s">
        <v>40355</v>
      </c>
      <c r="C20216" t="s">
        <v>40356</v>
      </c>
    </row>
    <row r="20217" spans="1:3" x14ac:dyDescent="0.15">
      <c r="A20217">
        <v>4781</v>
      </c>
      <c r="B20217" t="s">
        <v>40357</v>
      </c>
      <c r="C20217" t="s">
        <v>40358</v>
      </c>
    </row>
    <row r="20218" spans="1:3" x14ac:dyDescent="0.15">
      <c r="A20218">
        <v>4780</v>
      </c>
      <c r="B20218" t="s">
        <v>40359</v>
      </c>
      <c r="C20218" t="s">
        <v>40360</v>
      </c>
    </row>
    <row r="20219" spans="1:3" x14ac:dyDescent="0.15">
      <c r="A20219">
        <v>4779</v>
      </c>
      <c r="B20219" t="s">
        <v>40361</v>
      </c>
      <c r="C20219" t="s">
        <v>40362</v>
      </c>
    </row>
    <row r="20220" spans="1:3" x14ac:dyDescent="0.15">
      <c r="A20220">
        <v>4778</v>
      </c>
      <c r="B20220" t="s">
        <v>40363</v>
      </c>
      <c r="C20220" t="s">
        <v>40364</v>
      </c>
    </row>
    <row r="20221" spans="1:3" x14ac:dyDescent="0.15">
      <c r="A20221">
        <v>4777</v>
      </c>
      <c r="B20221" t="s">
        <v>40365</v>
      </c>
      <c r="C20221" t="s">
        <v>40366</v>
      </c>
    </row>
    <row r="20222" spans="1:3" x14ac:dyDescent="0.15">
      <c r="A20222">
        <v>4776</v>
      </c>
      <c r="B20222" t="s">
        <v>40367</v>
      </c>
      <c r="C20222" t="s">
        <v>40368</v>
      </c>
    </row>
    <row r="20223" spans="1:3" x14ac:dyDescent="0.15">
      <c r="A20223">
        <v>4775</v>
      </c>
      <c r="B20223" t="s">
        <v>40369</v>
      </c>
      <c r="C20223" t="s">
        <v>40370</v>
      </c>
    </row>
    <row r="20224" spans="1:3" x14ac:dyDescent="0.15">
      <c r="A20224">
        <v>4774</v>
      </c>
      <c r="B20224" t="s">
        <v>40371</v>
      </c>
      <c r="C20224" t="s">
        <v>40372</v>
      </c>
    </row>
    <row r="20225" spans="1:3" x14ac:dyDescent="0.15">
      <c r="A20225">
        <v>4773</v>
      </c>
      <c r="B20225" t="s">
        <v>40373</v>
      </c>
      <c r="C20225" t="s">
        <v>40374</v>
      </c>
    </row>
    <row r="20226" spans="1:3" x14ac:dyDescent="0.15">
      <c r="A20226">
        <v>4772</v>
      </c>
      <c r="B20226" t="s">
        <v>40375</v>
      </c>
      <c r="C20226" t="s">
        <v>40376</v>
      </c>
    </row>
    <row r="20227" spans="1:3" x14ac:dyDescent="0.15">
      <c r="A20227">
        <v>4771</v>
      </c>
      <c r="B20227" t="s">
        <v>40377</v>
      </c>
      <c r="C20227" t="s">
        <v>40378</v>
      </c>
    </row>
    <row r="20228" spans="1:3" x14ac:dyDescent="0.15">
      <c r="A20228">
        <v>4770</v>
      </c>
      <c r="B20228" t="s">
        <v>40379</v>
      </c>
      <c r="C20228" t="s">
        <v>40380</v>
      </c>
    </row>
    <row r="20229" spans="1:3" x14ac:dyDescent="0.15">
      <c r="A20229">
        <v>4769</v>
      </c>
      <c r="B20229" t="s">
        <v>40381</v>
      </c>
      <c r="C20229" t="s">
        <v>40382</v>
      </c>
    </row>
    <row r="20230" spans="1:3" x14ac:dyDescent="0.15">
      <c r="A20230">
        <v>4768</v>
      </c>
      <c r="B20230" t="s">
        <v>40383</v>
      </c>
      <c r="C20230" t="s">
        <v>40384</v>
      </c>
    </row>
    <row r="20231" spans="1:3" x14ac:dyDescent="0.15">
      <c r="A20231">
        <v>4767</v>
      </c>
      <c r="B20231" t="s">
        <v>40385</v>
      </c>
      <c r="C20231" t="s">
        <v>40386</v>
      </c>
    </row>
    <row r="20232" spans="1:3" x14ac:dyDescent="0.15">
      <c r="A20232">
        <v>4766</v>
      </c>
      <c r="B20232" t="s">
        <v>40387</v>
      </c>
      <c r="C20232" t="s">
        <v>40388</v>
      </c>
    </row>
    <row r="20233" spans="1:3" x14ac:dyDescent="0.15">
      <c r="A20233">
        <v>4765</v>
      </c>
      <c r="B20233" t="s">
        <v>40389</v>
      </c>
      <c r="C20233" t="s">
        <v>40390</v>
      </c>
    </row>
    <row r="20234" spans="1:3" x14ac:dyDescent="0.15">
      <c r="A20234">
        <v>4764</v>
      </c>
      <c r="B20234" t="s">
        <v>40391</v>
      </c>
      <c r="C20234" t="s">
        <v>40392</v>
      </c>
    </row>
    <row r="20235" spans="1:3" x14ac:dyDescent="0.15">
      <c r="A20235">
        <v>4763</v>
      </c>
      <c r="B20235" t="s">
        <v>40393</v>
      </c>
      <c r="C20235" t="s">
        <v>40394</v>
      </c>
    </row>
    <row r="20236" spans="1:3" x14ac:dyDescent="0.15">
      <c r="A20236">
        <v>4762</v>
      </c>
      <c r="B20236" t="s">
        <v>40395</v>
      </c>
      <c r="C20236" t="s">
        <v>40396</v>
      </c>
    </row>
    <row r="20237" spans="1:3" x14ac:dyDescent="0.15">
      <c r="A20237">
        <v>4761</v>
      </c>
      <c r="B20237" t="s">
        <v>40397</v>
      </c>
      <c r="C20237" t="s">
        <v>40398</v>
      </c>
    </row>
    <row r="20238" spans="1:3" x14ac:dyDescent="0.15">
      <c r="A20238">
        <v>4760</v>
      </c>
      <c r="B20238" t="s">
        <v>40399</v>
      </c>
      <c r="C20238" t="s">
        <v>40400</v>
      </c>
    </row>
    <row r="20239" spans="1:3" x14ac:dyDescent="0.15">
      <c r="A20239">
        <v>4759</v>
      </c>
      <c r="B20239" t="s">
        <v>40401</v>
      </c>
      <c r="C20239" t="s">
        <v>40402</v>
      </c>
    </row>
    <row r="20240" spans="1:3" x14ac:dyDescent="0.15">
      <c r="A20240">
        <v>4758</v>
      </c>
      <c r="B20240" t="s">
        <v>40403</v>
      </c>
      <c r="C20240" t="s">
        <v>40404</v>
      </c>
    </row>
    <row r="20241" spans="1:3" x14ac:dyDescent="0.15">
      <c r="A20241">
        <v>4757</v>
      </c>
      <c r="B20241" t="s">
        <v>40405</v>
      </c>
      <c r="C20241" t="s">
        <v>40406</v>
      </c>
    </row>
    <row r="20242" spans="1:3" x14ac:dyDescent="0.15">
      <c r="A20242">
        <v>4756</v>
      </c>
      <c r="B20242" t="s">
        <v>40407</v>
      </c>
      <c r="C20242" t="s">
        <v>40408</v>
      </c>
    </row>
    <row r="20243" spans="1:3" x14ac:dyDescent="0.15">
      <c r="A20243">
        <v>4755</v>
      </c>
      <c r="B20243" t="s">
        <v>40409</v>
      </c>
      <c r="C20243" t="s">
        <v>40410</v>
      </c>
    </row>
    <row r="20244" spans="1:3" x14ac:dyDescent="0.15">
      <c r="A20244">
        <v>4754</v>
      </c>
      <c r="B20244" t="s">
        <v>40411</v>
      </c>
      <c r="C20244" t="s">
        <v>40412</v>
      </c>
    </row>
    <row r="20245" spans="1:3" x14ac:dyDescent="0.15">
      <c r="A20245">
        <v>4753</v>
      </c>
      <c r="B20245" t="s">
        <v>40413</v>
      </c>
      <c r="C20245" t="s">
        <v>40414</v>
      </c>
    </row>
    <row r="20246" spans="1:3" x14ac:dyDescent="0.15">
      <c r="A20246">
        <v>4752</v>
      </c>
      <c r="B20246" t="s">
        <v>40415</v>
      </c>
      <c r="C20246" t="s">
        <v>40416</v>
      </c>
    </row>
    <row r="20247" spans="1:3" x14ac:dyDescent="0.15">
      <c r="A20247">
        <v>4751</v>
      </c>
      <c r="B20247" t="s">
        <v>40417</v>
      </c>
      <c r="C20247" t="s">
        <v>40418</v>
      </c>
    </row>
    <row r="20248" spans="1:3" x14ac:dyDescent="0.15">
      <c r="A20248">
        <v>4750</v>
      </c>
      <c r="B20248" t="s">
        <v>40419</v>
      </c>
      <c r="C20248" t="s">
        <v>40420</v>
      </c>
    </row>
    <row r="20249" spans="1:3" x14ac:dyDescent="0.15">
      <c r="A20249">
        <v>4749</v>
      </c>
      <c r="B20249" t="s">
        <v>40421</v>
      </c>
      <c r="C20249" t="s">
        <v>40422</v>
      </c>
    </row>
    <row r="20250" spans="1:3" x14ac:dyDescent="0.15">
      <c r="A20250">
        <v>4748</v>
      </c>
      <c r="B20250" t="s">
        <v>40423</v>
      </c>
      <c r="C20250" t="s">
        <v>40424</v>
      </c>
    </row>
    <row r="20251" spans="1:3" x14ac:dyDescent="0.15">
      <c r="A20251">
        <v>4747</v>
      </c>
      <c r="B20251" t="s">
        <v>40425</v>
      </c>
      <c r="C20251" t="s">
        <v>40426</v>
      </c>
    </row>
    <row r="20252" spans="1:3" x14ac:dyDescent="0.15">
      <c r="A20252">
        <v>4746</v>
      </c>
      <c r="B20252" t="s">
        <v>40427</v>
      </c>
      <c r="C20252" t="s">
        <v>40428</v>
      </c>
    </row>
    <row r="20253" spans="1:3" x14ac:dyDescent="0.15">
      <c r="A20253">
        <v>4745</v>
      </c>
      <c r="B20253" t="s">
        <v>40429</v>
      </c>
      <c r="C20253" t="s">
        <v>40430</v>
      </c>
    </row>
    <row r="20254" spans="1:3" x14ac:dyDescent="0.15">
      <c r="A20254">
        <v>4744</v>
      </c>
      <c r="B20254" t="s">
        <v>40431</v>
      </c>
      <c r="C20254" t="s">
        <v>40432</v>
      </c>
    </row>
    <row r="20255" spans="1:3" x14ac:dyDescent="0.15">
      <c r="A20255">
        <v>4743</v>
      </c>
      <c r="B20255" t="s">
        <v>40433</v>
      </c>
      <c r="C20255" t="s">
        <v>40434</v>
      </c>
    </row>
    <row r="20256" spans="1:3" x14ac:dyDescent="0.15">
      <c r="A20256">
        <v>4742</v>
      </c>
      <c r="B20256" t="s">
        <v>40435</v>
      </c>
      <c r="C20256" t="s">
        <v>40436</v>
      </c>
    </row>
    <row r="20257" spans="1:3" x14ac:dyDescent="0.15">
      <c r="A20257">
        <v>4741</v>
      </c>
      <c r="B20257" t="s">
        <v>40437</v>
      </c>
      <c r="C20257" t="s">
        <v>40438</v>
      </c>
    </row>
    <row r="20258" spans="1:3" x14ac:dyDescent="0.15">
      <c r="A20258">
        <v>4740</v>
      </c>
      <c r="B20258" t="s">
        <v>40439</v>
      </c>
      <c r="C20258" t="s">
        <v>40440</v>
      </c>
    </row>
    <row r="20259" spans="1:3" x14ac:dyDescent="0.15">
      <c r="A20259">
        <v>4739</v>
      </c>
      <c r="B20259" t="s">
        <v>40441</v>
      </c>
      <c r="C20259" t="s">
        <v>40442</v>
      </c>
    </row>
    <row r="20260" spans="1:3" x14ac:dyDescent="0.15">
      <c r="A20260">
        <v>4738</v>
      </c>
      <c r="B20260" t="s">
        <v>40443</v>
      </c>
      <c r="C20260" t="s">
        <v>40444</v>
      </c>
    </row>
    <row r="20261" spans="1:3" x14ac:dyDescent="0.15">
      <c r="A20261">
        <v>4737</v>
      </c>
      <c r="B20261" t="s">
        <v>40445</v>
      </c>
      <c r="C20261" t="s">
        <v>40446</v>
      </c>
    </row>
    <row r="20262" spans="1:3" x14ac:dyDescent="0.15">
      <c r="A20262">
        <v>4736</v>
      </c>
      <c r="B20262" t="s">
        <v>40447</v>
      </c>
      <c r="C20262" t="s">
        <v>40448</v>
      </c>
    </row>
    <row r="20263" spans="1:3" x14ac:dyDescent="0.15">
      <c r="A20263">
        <v>4735</v>
      </c>
      <c r="B20263" t="s">
        <v>40449</v>
      </c>
      <c r="C20263" t="s">
        <v>40450</v>
      </c>
    </row>
    <row r="20264" spans="1:3" x14ac:dyDescent="0.15">
      <c r="A20264">
        <v>4734</v>
      </c>
      <c r="B20264" t="s">
        <v>40451</v>
      </c>
      <c r="C20264" t="s">
        <v>40452</v>
      </c>
    </row>
    <row r="20265" spans="1:3" x14ac:dyDescent="0.15">
      <c r="A20265">
        <v>4733</v>
      </c>
      <c r="B20265" t="s">
        <v>40453</v>
      </c>
      <c r="C20265" t="s">
        <v>40454</v>
      </c>
    </row>
    <row r="20266" spans="1:3" x14ac:dyDescent="0.15">
      <c r="A20266">
        <v>4732</v>
      </c>
      <c r="B20266" t="s">
        <v>40455</v>
      </c>
      <c r="C20266" t="s">
        <v>40456</v>
      </c>
    </row>
    <row r="20267" spans="1:3" x14ac:dyDescent="0.15">
      <c r="A20267">
        <v>4731</v>
      </c>
      <c r="B20267" t="s">
        <v>40457</v>
      </c>
      <c r="C20267" t="s">
        <v>40458</v>
      </c>
    </row>
    <row r="20268" spans="1:3" x14ac:dyDescent="0.15">
      <c r="A20268">
        <v>4730</v>
      </c>
      <c r="B20268" t="s">
        <v>40459</v>
      </c>
      <c r="C20268" t="s">
        <v>40460</v>
      </c>
    </row>
    <row r="20269" spans="1:3" x14ac:dyDescent="0.15">
      <c r="A20269">
        <v>4729</v>
      </c>
      <c r="B20269" t="s">
        <v>40461</v>
      </c>
      <c r="C20269" t="s">
        <v>40462</v>
      </c>
    </row>
    <row r="20270" spans="1:3" x14ac:dyDescent="0.15">
      <c r="A20270">
        <v>4728</v>
      </c>
      <c r="B20270" t="s">
        <v>40463</v>
      </c>
      <c r="C20270" t="s">
        <v>40464</v>
      </c>
    </row>
    <row r="20271" spans="1:3" x14ac:dyDescent="0.15">
      <c r="A20271">
        <v>4727</v>
      </c>
      <c r="B20271" t="s">
        <v>40465</v>
      </c>
      <c r="C20271" t="s">
        <v>40466</v>
      </c>
    </row>
    <row r="20272" spans="1:3" x14ac:dyDescent="0.15">
      <c r="A20272">
        <v>4726</v>
      </c>
      <c r="B20272" t="s">
        <v>40467</v>
      </c>
      <c r="C20272" t="s">
        <v>40468</v>
      </c>
    </row>
    <row r="20273" spans="1:3" x14ac:dyDescent="0.15">
      <c r="A20273">
        <v>4725</v>
      </c>
      <c r="B20273" t="s">
        <v>40469</v>
      </c>
      <c r="C20273" t="s">
        <v>40470</v>
      </c>
    </row>
    <row r="20274" spans="1:3" x14ac:dyDescent="0.15">
      <c r="A20274">
        <v>4724</v>
      </c>
      <c r="B20274" t="s">
        <v>40471</v>
      </c>
      <c r="C20274" t="s">
        <v>40472</v>
      </c>
    </row>
    <row r="20275" spans="1:3" x14ac:dyDescent="0.15">
      <c r="A20275">
        <v>4723</v>
      </c>
      <c r="B20275" t="s">
        <v>40473</v>
      </c>
      <c r="C20275" t="s">
        <v>40474</v>
      </c>
    </row>
    <row r="20276" spans="1:3" x14ac:dyDescent="0.15">
      <c r="A20276">
        <v>4722</v>
      </c>
      <c r="B20276" t="s">
        <v>40475</v>
      </c>
      <c r="C20276" t="s">
        <v>40476</v>
      </c>
    </row>
    <row r="20277" spans="1:3" x14ac:dyDescent="0.15">
      <c r="A20277">
        <v>4721</v>
      </c>
      <c r="B20277" t="s">
        <v>40477</v>
      </c>
      <c r="C20277" t="s">
        <v>40478</v>
      </c>
    </row>
    <row r="20278" spans="1:3" x14ac:dyDescent="0.15">
      <c r="A20278">
        <v>4720</v>
      </c>
      <c r="B20278" t="s">
        <v>40479</v>
      </c>
      <c r="C20278" t="s">
        <v>40480</v>
      </c>
    </row>
    <row r="20279" spans="1:3" x14ac:dyDescent="0.15">
      <c r="A20279">
        <v>4719</v>
      </c>
      <c r="B20279" t="s">
        <v>40481</v>
      </c>
      <c r="C20279" t="s">
        <v>40482</v>
      </c>
    </row>
    <row r="20280" spans="1:3" x14ac:dyDescent="0.15">
      <c r="A20280">
        <v>4718</v>
      </c>
      <c r="B20280" t="s">
        <v>40483</v>
      </c>
      <c r="C20280" t="s">
        <v>40484</v>
      </c>
    </row>
    <row r="20281" spans="1:3" x14ac:dyDescent="0.15">
      <c r="A20281">
        <v>4717</v>
      </c>
      <c r="B20281" t="s">
        <v>40485</v>
      </c>
      <c r="C20281" t="s">
        <v>40486</v>
      </c>
    </row>
    <row r="20282" spans="1:3" x14ac:dyDescent="0.15">
      <c r="A20282">
        <v>4716</v>
      </c>
      <c r="B20282" t="s">
        <v>40487</v>
      </c>
      <c r="C20282" t="s">
        <v>40488</v>
      </c>
    </row>
    <row r="20283" spans="1:3" x14ac:dyDescent="0.15">
      <c r="A20283">
        <v>4715</v>
      </c>
      <c r="B20283" t="s">
        <v>40489</v>
      </c>
      <c r="C20283" t="s">
        <v>40490</v>
      </c>
    </row>
    <row r="20284" spans="1:3" x14ac:dyDescent="0.15">
      <c r="A20284">
        <v>4714</v>
      </c>
      <c r="B20284" t="s">
        <v>40491</v>
      </c>
      <c r="C20284" t="s">
        <v>40492</v>
      </c>
    </row>
    <row r="20285" spans="1:3" x14ac:dyDescent="0.15">
      <c r="A20285">
        <v>4713</v>
      </c>
      <c r="B20285" t="s">
        <v>40493</v>
      </c>
      <c r="C20285" t="s">
        <v>40494</v>
      </c>
    </row>
    <row r="20286" spans="1:3" x14ac:dyDescent="0.15">
      <c r="A20286">
        <v>4712</v>
      </c>
      <c r="B20286" t="s">
        <v>40495</v>
      </c>
      <c r="C20286" t="s">
        <v>40496</v>
      </c>
    </row>
    <row r="20287" spans="1:3" x14ac:dyDescent="0.15">
      <c r="A20287">
        <v>4711</v>
      </c>
      <c r="B20287" t="s">
        <v>40497</v>
      </c>
      <c r="C20287" t="s">
        <v>40498</v>
      </c>
    </row>
    <row r="20288" spans="1:3" x14ac:dyDescent="0.15">
      <c r="A20288">
        <v>4710</v>
      </c>
      <c r="B20288" t="s">
        <v>40499</v>
      </c>
      <c r="C20288" t="s">
        <v>40500</v>
      </c>
    </row>
    <row r="20289" spans="1:3" x14ac:dyDescent="0.15">
      <c r="A20289">
        <v>4709</v>
      </c>
      <c r="B20289" t="s">
        <v>40501</v>
      </c>
      <c r="C20289" t="s">
        <v>40502</v>
      </c>
    </row>
    <row r="20290" spans="1:3" x14ac:dyDescent="0.15">
      <c r="A20290">
        <v>4708</v>
      </c>
      <c r="B20290" t="s">
        <v>40503</v>
      </c>
      <c r="C20290" t="s">
        <v>40504</v>
      </c>
    </row>
    <row r="20291" spans="1:3" x14ac:dyDescent="0.15">
      <c r="A20291">
        <v>4707</v>
      </c>
      <c r="B20291" t="s">
        <v>40505</v>
      </c>
      <c r="C20291" t="s">
        <v>40506</v>
      </c>
    </row>
    <row r="20292" spans="1:3" x14ac:dyDescent="0.15">
      <c r="A20292">
        <v>4706</v>
      </c>
      <c r="B20292" t="s">
        <v>40507</v>
      </c>
      <c r="C20292" t="s">
        <v>40508</v>
      </c>
    </row>
    <row r="20293" spans="1:3" x14ac:dyDescent="0.15">
      <c r="A20293">
        <v>4705</v>
      </c>
      <c r="B20293" t="s">
        <v>40509</v>
      </c>
      <c r="C20293" t="s">
        <v>40510</v>
      </c>
    </row>
    <row r="20294" spans="1:3" x14ac:dyDescent="0.15">
      <c r="A20294">
        <v>4704</v>
      </c>
      <c r="B20294" t="s">
        <v>40511</v>
      </c>
      <c r="C20294" t="s">
        <v>40512</v>
      </c>
    </row>
    <row r="20295" spans="1:3" x14ac:dyDescent="0.15">
      <c r="A20295">
        <v>4703</v>
      </c>
      <c r="B20295" t="s">
        <v>40513</v>
      </c>
      <c r="C20295" t="s">
        <v>40514</v>
      </c>
    </row>
    <row r="20296" spans="1:3" x14ac:dyDescent="0.15">
      <c r="A20296">
        <v>4702</v>
      </c>
      <c r="B20296" t="s">
        <v>40515</v>
      </c>
      <c r="C20296" t="s">
        <v>40516</v>
      </c>
    </row>
    <row r="20297" spans="1:3" x14ac:dyDescent="0.15">
      <c r="A20297">
        <v>4701</v>
      </c>
      <c r="B20297" t="s">
        <v>40517</v>
      </c>
      <c r="C20297" t="s">
        <v>40518</v>
      </c>
    </row>
    <row r="20298" spans="1:3" x14ac:dyDescent="0.15">
      <c r="A20298">
        <v>4700</v>
      </c>
      <c r="B20298" t="s">
        <v>40519</v>
      </c>
      <c r="C20298" t="s">
        <v>40520</v>
      </c>
    </row>
    <row r="20299" spans="1:3" x14ac:dyDescent="0.15">
      <c r="A20299">
        <v>4699</v>
      </c>
      <c r="B20299" t="s">
        <v>40521</v>
      </c>
      <c r="C20299" t="s">
        <v>40522</v>
      </c>
    </row>
    <row r="20300" spans="1:3" x14ac:dyDescent="0.15">
      <c r="A20300">
        <v>4698</v>
      </c>
      <c r="B20300" t="s">
        <v>40523</v>
      </c>
      <c r="C20300" t="s">
        <v>40524</v>
      </c>
    </row>
    <row r="20301" spans="1:3" x14ac:dyDescent="0.15">
      <c r="A20301">
        <v>4697</v>
      </c>
      <c r="B20301" t="s">
        <v>40525</v>
      </c>
      <c r="C20301" t="s">
        <v>40526</v>
      </c>
    </row>
    <row r="20302" spans="1:3" x14ac:dyDescent="0.15">
      <c r="A20302">
        <v>4696</v>
      </c>
      <c r="B20302" t="s">
        <v>40527</v>
      </c>
      <c r="C20302" t="s">
        <v>40528</v>
      </c>
    </row>
    <row r="20303" spans="1:3" x14ac:dyDescent="0.15">
      <c r="A20303">
        <v>4695</v>
      </c>
      <c r="B20303" t="s">
        <v>40529</v>
      </c>
      <c r="C20303" t="s">
        <v>40530</v>
      </c>
    </row>
    <row r="20304" spans="1:3" x14ac:dyDescent="0.15">
      <c r="A20304">
        <v>4694</v>
      </c>
      <c r="B20304" t="s">
        <v>40531</v>
      </c>
      <c r="C20304" t="s">
        <v>40532</v>
      </c>
    </row>
    <row r="20305" spans="1:3" x14ac:dyDescent="0.15">
      <c r="A20305">
        <v>4693</v>
      </c>
      <c r="B20305" t="s">
        <v>40533</v>
      </c>
      <c r="C20305" t="s">
        <v>40534</v>
      </c>
    </row>
    <row r="20306" spans="1:3" x14ac:dyDescent="0.15">
      <c r="A20306">
        <v>4692</v>
      </c>
      <c r="B20306" t="s">
        <v>40535</v>
      </c>
      <c r="C20306" t="s">
        <v>40536</v>
      </c>
    </row>
    <row r="20307" spans="1:3" x14ac:dyDescent="0.15">
      <c r="A20307">
        <v>4691</v>
      </c>
      <c r="B20307" t="s">
        <v>40537</v>
      </c>
      <c r="C20307" t="s">
        <v>40538</v>
      </c>
    </row>
    <row r="20308" spans="1:3" x14ac:dyDescent="0.15">
      <c r="A20308">
        <v>4690</v>
      </c>
      <c r="B20308" t="s">
        <v>40539</v>
      </c>
      <c r="C20308" t="s">
        <v>40540</v>
      </c>
    </row>
    <row r="20309" spans="1:3" x14ac:dyDescent="0.15">
      <c r="A20309">
        <v>4689</v>
      </c>
      <c r="B20309" t="s">
        <v>40541</v>
      </c>
      <c r="C20309" t="s">
        <v>40542</v>
      </c>
    </row>
    <row r="20310" spans="1:3" x14ac:dyDescent="0.15">
      <c r="A20310">
        <v>4688</v>
      </c>
      <c r="B20310" t="s">
        <v>40543</v>
      </c>
      <c r="C20310" t="s">
        <v>40544</v>
      </c>
    </row>
    <row r="20311" spans="1:3" x14ac:dyDescent="0.15">
      <c r="A20311">
        <v>4687</v>
      </c>
      <c r="B20311" t="s">
        <v>40545</v>
      </c>
      <c r="C20311" t="s">
        <v>40546</v>
      </c>
    </row>
    <row r="20312" spans="1:3" x14ac:dyDescent="0.15">
      <c r="A20312">
        <v>4686</v>
      </c>
      <c r="B20312" t="s">
        <v>40547</v>
      </c>
      <c r="C20312" t="s">
        <v>40548</v>
      </c>
    </row>
    <row r="20313" spans="1:3" x14ac:dyDescent="0.15">
      <c r="A20313">
        <v>4685</v>
      </c>
      <c r="B20313" t="s">
        <v>40549</v>
      </c>
      <c r="C20313" t="s">
        <v>40550</v>
      </c>
    </row>
    <row r="20314" spans="1:3" x14ac:dyDescent="0.15">
      <c r="A20314">
        <v>4684</v>
      </c>
      <c r="B20314" t="s">
        <v>40551</v>
      </c>
      <c r="C20314" t="s">
        <v>40552</v>
      </c>
    </row>
    <row r="20315" spans="1:3" x14ac:dyDescent="0.15">
      <c r="A20315">
        <v>4683</v>
      </c>
      <c r="B20315" t="s">
        <v>40553</v>
      </c>
      <c r="C20315" t="s">
        <v>40554</v>
      </c>
    </row>
    <row r="20316" spans="1:3" x14ac:dyDescent="0.15">
      <c r="A20316">
        <v>4682</v>
      </c>
      <c r="B20316" t="s">
        <v>40555</v>
      </c>
      <c r="C20316" t="s">
        <v>40556</v>
      </c>
    </row>
    <row r="20317" spans="1:3" x14ac:dyDescent="0.15">
      <c r="A20317">
        <v>4681</v>
      </c>
      <c r="B20317" t="s">
        <v>40557</v>
      </c>
      <c r="C20317" t="s">
        <v>40558</v>
      </c>
    </row>
    <row r="20318" spans="1:3" x14ac:dyDescent="0.15">
      <c r="A20318">
        <v>4680</v>
      </c>
      <c r="B20318" t="s">
        <v>40559</v>
      </c>
      <c r="C20318" t="s">
        <v>40560</v>
      </c>
    </row>
    <row r="20319" spans="1:3" x14ac:dyDescent="0.15">
      <c r="A20319">
        <v>4679</v>
      </c>
      <c r="B20319" t="s">
        <v>40561</v>
      </c>
      <c r="C20319" t="s">
        <v>40562</v>
      </c>
    </row>
    <row r="20320" spans="1:3" x14ac:dyDescent="0.15">
      <c r="A20320">
        <v>4678</v>
      </c>
      <c r="B20320" t="s">
        <v>40563</v>
      </c>
      <c r="C20320" t="s">
        <v>40564</v>
      </c>
    </row>
    <row r="20321" spans="1:3" x14ac:dyDescent="0.15">
      <c r="A20321">
        <v>4677</v>
      </c>
      <c r="B20321" t="s">
        <v>40565</v>
      </c>
      <c r="C20321" t="s">
        <v>40566</v>
      </c>
    </row>
    <row r="20322" spans="1:3" x14ac:dyDescent="0.15">
      <c r="A20322">
        <v>4676</v>
      </c>
      <c r="B20322" t="s">
        <v>40567</v>
      </c>
      <c r="C20322" t="s">
        <v>40568</v>
      </c>
    </row>
    <row r="20323" spans="1:3" x14ac:dyDescent="0.15">
      <c r="A20323">
        <v>4675</v>
      </c>
      <c r="B20323" t="s">
        <v>40569</v>
      </c>
      <c r="C20323" t="s">
        <v>40570</v>
      </c>
    </row>
    <row r="20324" spans="1:3" x14ac:dyDescent="0.15">
      <c r="A20324">
        <v>4674</v>
      </c>
      <c r="B20324" t="s">
        <v>40571</v>
      </c>
      <c r="C20324" t="s">
        <v>40572</v>
      </c>
    </row>
    <row r="20325" spans="1:3" x14ac:dyDescent="0.15">
      <c r="A20325">
        <v>4673</v>
      </c>
      <c r="B20325" t="s">
        <v>40573</v>
      </c>
      <c r="C20325" t="s">
        <v>40574</v>
      </c>
    </row>
    <row r="20326" spans="1:3" x14ac:dyDescent="0.15">
      <c r="A20326">
        <v>4672</v>
      </c>
      <c r="B20326" t="s">
        <v>40575</v>
      </c>
      <c r="C20326" t="s">
        <v>40576</v>
      </c>
    </row>
    <row r="20327" spans="1:3" x14ac:dyDescent="0.15">
      <c r="A20327">
        <v>4671</v>
      </c>
      <c r="B20327" t="s">
        <v>40577</v>
      </c>
      <c r="C20327" t="s">
        <v>40578</v>
      </c>
    </row>
    <row r="20328" spans="1:3" x14ac:dyDescent="0.15">
      <c r="A20328">
        <v>4670</v>
      </c>
      <c r="B20328" t="s">
        <v>40579</v>
      </c>
      <c r="C20328" t="s">
        <v>40580</v>
      </c>
    </row>
    <row r="20329" spans="1:3" x14ac:dyDescent="0.15">
      <c r="A20329">
        <v>4669</v>
      </c>
      <c r="B20329" t="s">
        <v>40581</v>
      </c>
      <c r="C20329" t="s">
        <v>40582</v>
      </c>
    </row>
    <row r="20330" spans="1:3" x14ac:dyDescent="0.15">
      <c r="A20330">
        <v>4668</v>
      </c>
      <c r="B20330" t="s">
        <v>40583</v>
      </c>
      <c r="C20330" t="s">
        <v>40584</v>
      </c>
    </row>
    <row r="20331" spans="1:3" x14ac:dyDescent="0.15">
      <c r="A20331">
        <v>4667</v>
      </c>
      <c r="B20331" t="s">
        <v>40585</v>
      </c>
      <c r="C20331" t="s">
        <v>40586</v>
      </c>
    </row>
    <row r="20332" spans="1:3" x14ac:dyDescent="0.15">
      <c r="A20332">
        <v>4666</v>
      </c>
      <c r="B20332" t="s">
        <v>40587</v>
      </c>
      <c r="C20332" t="s">
        <v>40588</v>
      </c>
    </row>
    <row r="20333" spans="1:3" x14ac:dyDescent="0.15">
      <c r="A20333">
        <v>4665</v>
      </c>
      <c r="B20333" t="s">
        <v>40589</v>
      </c>
      <c r="C20333" t="s">
        <v>40590</v>
      </c>
    </row>
    <row r="20334" spans="1:3" x14ac:dyDescent="0.15">
      <c r="A20334">
        <v>4664</v>
      </c>
      <c r="B20334" t="s">
        <v>40591</v>
      </c>
      <c r="C20334" t="s">
        <v>40592</v>
      </c>
    </row>
    <row r="20335" spans="1:3" x14ac:dyDescent="0.15">
      <c r="A20335">
        <v>4663</v>
      </c>
      <c r="B20335" t="s">
        <v>40593</v>
      </c>
      <c r="C20335" t="s">
        <v>40594</v>
      </c>
    </row>
    <row r="20336" spans="1:3" x14ac:dyDescent="0.15">
      <c r="A20336">
        <v>4662</v>
      </c>
      <c r="B20336" t="s">
        <v>40595</v>
      </c>
      <c r="C20336" t="s">
        <v>40596</v>
      </c>
    </row>
    <row r="20337" spans="1:3" x14ac:dyDescent="0.15">
      <c r="A20337">
        <v>4661</v>
      </c>
      <c r="B20337" t="s">
        <v>40597</v>
      </c>
      <c r="C20337" t="s">
        <v>40598</v>
      </c>
    </row>
    <row r="20338" spans="1:3" x14ac:dyDescent="0.15">
      <c r="A20338">
        <v>4660</v>
      </c>
      <c r="B20338" t="s">
        <v>40599</v>
      </c>
      <c r="C20338" t="s">
        <v>40600</v>
      </c>
    </row>
    <row r="20339" spans="1:3" x14ac:dyDescent="0.15">
      <c r="A20339">
        <v>4659</v>
      </c>
      <c r="B20339" t="s">
        <v>40601</v>
      </c>
      <c r="C20339" t="s">
        <v>40602</v>
      </c>
    </row>
    <row r="20340" spans="1:3" x14ac:dyDescent="0.15">
      <c r="A20340">
        <v>4658</v>
      </c>
      <c r="B20340" t="s">
        <v>40603</v>
      </c>
      <c r="C20340" t="s">
        <v>40604</v>
      </c>
    </row>
    <row r="20341" spans="1:3" x14ac:dyDescent="0.15">
      <c r="A20341">
        <v>4657</v>
      </c>
      <c r="B20341" t="s">
        <v>40605</v>
      </c>
      <c r="C20341" t="s">
        <v>40606</v>
      </c>
    </row>
    <row r="20342" spans="1:3" x14ac:dyDescent="0.15">
      <c r="A20342">
        <v>4656</v>
      </c>
      <c r="B20342" t="s">
        <v>40607</v>
      </c>
      <c r="C20342" t="s">
        <v>40608</v>
      </c>
    </row>
    <row r="20343" spans="1:3" x14ac:dyDescent="0.15">
      <c r="A20343">
        <v>4655</v>
      </c>
      <c r="B20343" t="s">
        <v>40609</v>
      </c>
      <c r="C20343" t="s">
        <v>40610</v>
      </c>
    </row>
    <row r="20344" spans="1:3" x14ac:dyDescent="0.15">
      <c r="A20344">
        <v>4654</v>
      </c>
      <c r="B20344" t="s">
        <v>40611</v>
      </c>
      <c r="C20344" t="s">
        <v>40612</v>
      </c>
    </row>
    <row r="20345" spans="1:3" x14ac:dyDescent="0.15">
      <c r="A20345">
        <v>4653</v>
      </c>
      <c r="B20345" t="s">
        <v>40613</v>
      </c>
      <c r="C20345" t="s">
        <v>40614</v>
      </c>
    </row>
    <row r="20346" spans="1:3" x14ac:dyDescent="0.15">
      <c r="A20346">
        <v>4652</v>
      </c>
      <c r="B20346" t="s">
        <v>40615</v>
      </c>
      <c r="C20346" t="s">
        <v>40616</v>
      </c>
    </row>
    <row r="20347" spans="1:3" x14ac:dyDescent="0.15">
      <c r="A20347">
        <v>4651</v>
      </c>
      <c r="B20347" t="s">
        <v>40617</v>
      </c>
      <c r="C20347" t="s">
        <v>40618</v>
      </c>
    </row>
    <row r="20348" spans="1:3" x14ac:dyDescent="0.15">
      <c r="A20348">
        <v>4650</v>
      </c>
      <c r="B20348" t="s">
        <v>40619</v>
      </c>
      <c r="C20348" t="s">
        <v>40620</v>
      </c>
    </row>
    <row r="20349" spans="1:3" x14ac:dyDescent="0.15">
      <c r="A20349">
        <v>4649</v>
      </c>
      <c r="B20349" t="s">
        <v>40621</v>
      </c>
      <c r="C20349" t="s">
        <v>40622</v>
      </c>
    </row>
    <row r="20350" spans="1:3" x14ac:dyDescent="0.15">
      <c r="A20350">
        <v>4648</v>
      </c>
      <c r="B20350" t="s">
        <v>40623</v>
      </c>
      <c r="C20350" t="s">
        <v>40624</v>
      </c>
    </row>
    <row r="20351" spans="1:3" x14ac:dyDescent="0.15">
      <c r="A20351">
        <v>4647</v>
      </c>
      <c r="B20351" t="s">
        <v>40625</v>
      </c>
      <c r="C20351" t="s">
        <v>40626</v>
      </c>
    </row>
    <row r="20352" spans="1:3" x14ac:dyDescent="0.15">
      <c r="A20352">
        <v>4646</v>
      </c>
      <c r="B20352" t="s">
        <v>40627</v>
      </c>
      <c r="C20352" t="s">
        <v>40628</v>
      </c>
    </row>
    <row r="20353" spans="1:3" x14ac:dyDescent="0.15">
      <c r="A20353">
        <v>4645</v>
      </c>
      <c r="B20353" t="s">
        <v>40629</v>
      </c>
      <c r="C20353" t="s">
        <v>40630</v>
      </c>
    </row>
    <row r="20354" spans="1:3" x14ac:dyDescent="0.15">
      <c r="A20354">
        <v>4644</v>
      </c>
      <c r="B20354" t="s">
        <v>40631</v>
      </c>
      <c r="C20354" t="s">
        <v>40632</v>
      </c>
    </row>
    <row r="20355" spans="1:3" x14ac:dyDescent="0.15">
      <c r="A20355">
        <v>4643</v>
      </c>
      <c r="B20355" t="s">
        <v>40633</v>
      </c>
      <c r="C20355" t="s">
        <v>40634</v>
      </c>
    </row>
    <row r="20356" spans="1:3" x14ac:dyDescent="0.15">
      <c r="A20356">
        <v>4642</v>
      </c>
      <c r="B20356" t="s">
        <v>40635</v>
      </c>
      <c r="C20356" t="s">
        <v>40636</v>
      </c>
    </row>
    <row r="20357" spans="1:3" x14ac:dyDescent="0.15">
      <c r="A20357">
        <v>4641</v>
      </c>
      <c r="B20357" t="s">
        <v>40637</v>
      </c>
      <c r="C20357" t="s">
        <v>40638</v>
      </c>
    </row>
    <row r="20358" spans="1:3" x14ac:dyDescent="0.15">
      <c r="A20358">
        <v>4640</v>
      </c>
      <c r="B20358" t="s">
        <v>40639</v>
      </c>
      <c r="C20358" t="s">
        <v>40640</v>
      </c>
    </row>
    <row r="20359" spans="1:3" x14ac:dyDescent="0.15">
      <c r="A20359">
        <v>4639</v>
      </c>
      <c r="B20359" t="s">
        <v>40641</v>
      </c>
      <c r="C20359" t="s">
        <v>40642</v>
      </c>
    </row>
    <row r="20360" spans="1:3" x14ac:dyDescent="0.15">
      <c r="A20360">
        <v>4638</v>
      </c>
      <c r="B20360" t="s">
        <v>40643</v>
      </c>
      <c r="C20360" t="s">
        <v>40644</v>
      </c>
    </row>
    <row r="20361" spans="1:3" x14ac:dyDescent="0.15">
      <c r="A20361">
        <v>4637</v>
      </c>
      <c r="B20361" t="s">
        <v>40645</v>
      </c>
      <c r="C20361" t="s">
        <v>40646</v>
      </c>
    </row>
    <row r="20362" spans="1:3" x14ac:dyDescent="0.15">
      <c r="A20362">
        <v>4636</v>
      </c>
      <c r="B20362" t="s">
        <v>40647</v>
      </c>
      <c r="C20362" t="s">
        <v>40648</v>
      </c>
    </row>
    <row r="20363" spans="1:3" x14ac:dyDescent="0.15">
      <c r="A20363">
        <v>4635</v>
      </c>
      <c r="B20363" t="s">
        <v>40649</v>
      </c>
      <c r="C20363" t="s">
        <v>40650</v>
      </c>
    </row>
    <row r="20364" spans="1:3" x14ac:dyDescent="0.15">
      <c r="A20364">
        <v>4634</v>
      </c>
      <c r="B20364" t="s">
        <v>40651</v>
      </c>
      <c r="C20364" t="s">
        <v>40652</v>
      </c>
    </row>
    <row r="20365" spans="1:3" x14ac:dyDescent="0.15">
      <c r="A20365">
        <v>4633</v>
      </c>
      <c r="B20365" t="s">
        <v>40653</v>
      </c>
      <c r="C20365" t="s">
        <v>40654</v>
      </c>
    </row>
    <row r="20366" spans="1:3" x14ac:dyDescent="0.15">
      <c r="A20366">
        <v>4632</v>
      </c>
      <c r="B20366" t="s">
        <v>40655</v>
      </c>
      <c r="C20366" t="s">
        <v>40656</v>
      </c>
    </row>
    <row r="20367" spans="1:3" x14ac:dyDescent="0.15">
      <c r="A20367">
        <v>4631</v>
      </c>
      <c r="B20367" t="s">
        <v>40657</v>
      </c>
      <c r="C20367" t="s">
        <v>40658</v>
      </c>
    </row>
    <row r="20368" spans="1:3" x14ac:dyDescent="0.15">
      <c r="A20368">
        <v>4630</v>
      </c>
      <c r="B20368" t="s">
        <v>40659</v>
      </c>
      <c r="C20368" t="s">
        <v>40660</v>
      </c>
    </row>
    <row r="20369" spans="1:3" x14ac:dyDescent="0.15">
      <c r="A20369">
        <v>4629</v>
      </c>
      <c r="B20369" t="s">
        <v>40661</v>
      </c>
      <c r="C20369" t="s">
        <v>40662</v>
      </c>
    </row>
    <row r="20370" spans="1:3" x14ac:dyDescent="0.15">
      <c r="A20370">
        <v>4628</v>
      </c>
      <c r="B20370" t="s">
        <v>40663</v>
      </c>
      <c r="C20370" t="s">
        <v>40664</v>
      </c>
    </row>
    <row r="20371" spans="1:3" x14ac:dyDescent="0.15">
      <c r="A20371">
        <v>4627</v>
      </c>
      <c r="B20371" t="s">
        <v>40665</v>
      </c>
      <c r="C20371" t="s">
        <v>40666</v>
      </c>
    </row>
    <row r="20372" spans="1:3" x14ac:dyDescent="0.15">
      <c r="A20372">
        <v>4626</v>
      </c>
      <c r="B20372" t="s">
        <v>40667</v>
      </c>
      <c r="C20372" t="s">
        <v>40668</v>
      </c>
    </row>
    <row r="20373" spans="1:3" x14ac:dyDescent="0.15">
      <c r="A20373">
        <v>4625</v>
      </c>
      <c r="B20373" t="s">
        <v>40669</v>
      </c>
      <c r="C20373" t="s">
        <v>40670</v>
      </c>
    </row>
    <row r="20374" spans="1:3" x14ac:dyDescent="0.15">
      <c r="A20374">
        <v>4624</v>
      </c>
      <c r="B20374" t="s">
        <v>40671</v>
      </c>
      <c r="C20374" t="s">
        <v>40672</v>
      </c>
    </row>
    <row r="20375" spans="1:3" x14ac:dyDescent="0.15">
      <c r="A20375">
        <v>4623</v>
      </c>
      <c r="B20375" t="s">
        <v>40673</v>
      </c>
      <c r="C20375" t="s">
        <v>40674</v>
      </c>
    </row>
    <row r="20376" spans="1:3" x14ac:dyDescent="0.15">
      <c r="A20376">
        <v>4622</v>
      </c>
      <c r="B20376" t="s">
        <v>40675</v>
      </c>
      <c r="C20376" t="s">
        <v>40676</v>
      </c>
    </row>
    <row r="20377" spans="1:3" x14ac:dyDescent="0.15">
      <c r="A20377">
        <v>4621</v>
      </c>
      <c r="B20377" t="s">
        <v>40677</v>
      </c>
      <c r="C20377" t="s">
        <v>40678</v>
      </c>
    </row>
    <row r="20378" spans="1:3" x14ac:dyDescent="0.15">
      <c r="A20378">
        <v>4620</v>
      </c>
      <c r="B20378" t="s">
        <v>40679</v>
      </c>
      <c r="C20378" t="s">
        <v>40680</v>
      </c>
    </row>
    <row r="20379" spans="1:3" x14ac:dyDescent="0.15">
      <c r="A20379">
        <v>4619</v>
      </c>
      <c r="B20379" t="s">
        <v>40681</v>
      </c>
      <c r="C20379" t="s">
        <v>40682</v>
      </c>
    </row>
    <row r="20380" spans="1:3" x14ac:dyDescent="0.15">
      <c r="A20380">
        <v>4618</v>
      </c>
      <c r="B20380" t="s">
        <v>40683</v>
      </c>
      <c r="C20380" t="s">
        <v>40684</v>
      </c>
    </row>
    <row r="20381" spans="1:3" x14ac:dyDescent="0.15">
      <c r="A20381">
        <v>4617</v>
      </c>
      <c r="B20381" t="s">
        <v>40685</v>
      </c>
      <c r="C20381" t="s">
        <v>40686</v>
      </c>
    </row>
    <row r="20382" spans="1:3" x14ac:dyDescent="0.15">
      <c r="A20382">
        <v>4616</v>
      </c>
      <c r="B20382" t="s">
        <v>40687</v>
      </c>
      <c r="C20382" t="s">
        <v>40688</v>
      </c>
    </row>
    <row r="20383" spans="1:3" x14ac:dyDescent="0.15">
      <c r="A20383">
        <v>4615</v>
      </c>
      <c r="B20383" t="s">
        <v>40689</v>
      </c>
      <c r="C20383" t="s">
        <v>40690</v>
      </c>
    </row>
    <row r="20384" spans="1:3" x14ac:dyDescent="0.15">
      <c r="A20384">
        <v>4614</v>
      </c>
      <c r="B20384" t="s">
        <v>40691</v>
      </c>
      <c r="C20384" t="s">
        <v>40692</v>
      </c>
    </row>
    <row r="20385" spans="1:3" x14ac:dyDescent="0.15">
      <c r="A20385">
        <v>4613</v>
      </c>
      <c r="B20385" t="s">
        <v>40693</v>
      </c>
      <c r="C20385" t="s">
        <v>40694</v>
      </c>
    </row>
    <row r="20386" spans="1:3" x14ac:dyDescent="0.15">
      <c r="A20386">
        <v>4612</v>
      </c>
      <c r="B20386" t="s">
        <v>40695</v>
      </c>
      <c r="C20386" t="s">
        <v>40696</v>
      </c>
    </row>
    <row r="20387" spans="1:3" x14ac:dyDescent="0.15">
      <c r="A20387">
        <v>4611</v>
      </c>
      <c r="B20387" t="s">
        <v>40697</v>
      </c>
      <c r="C20387" t="s">
        <v>40698</v>
      </c>
    </row>
    <row r="20388" spans="1:3" x14ac:dyDescent="0.15">
      <c r="A20388">
        <v>4610</v>
      </c>
      <c r="B20388" t="s">
        <v>40699</v>
      </c>
      <c r="C20388" t="s">
        <v>40700</v>
      </c>
    </row>
    <row r="20389" spans="1:3" x14ac:dyDescent="0.15">
      <c r="A20389">
        <v>4609</v>
      </c>
      <c r="B20389" t="s">
        <v>40701</v>
      </c>
      <c r="C20389" t="s">
        <v>40702</v>
      </c>
    </row>
    <row r="20390" spans="1:3" x14ac:dyDescent="0.15">
      <c r="A20390">
        <v>4608</v>
      </c>
      <c r="B20390" t="s">
        <v>40703</v>
      </c>
      <c r="C20390" t="s">
        <v>40704</v>
      </c>
    </row>
    <row r="20391" spans="1:3" x14ac:dyDescent="0.15">
      <c r="A20391">
        <v>4607</v>
      </c>
      <c r="B20391" t="s">
        <v>40705</v>
      </c>
      <c r="C20391" t="s">
        <v>40706</v>
      </c>
    </row>
    <row r="20392" spans="1:3" x14ac:dyDescent="0.15">
      <c r="A20392">
        <v>4606</v>
      </c>
      <c r="B20392" t="s">
        <v>40707</v>
      </c>
      <c r="C20392" t="s">
        <v>40708</v>
      </c>
    </row>
    <row r="20393" spans="1:3" x14ac:dyDescent="0.15">
      <c r="A20393">
        <v>4605</v>
      </c>
      <c r="B20393" t="s">
        <v>40709</v>
      </c>
      <c r="C20393" t="s">
        <v>40710</v>
      </c>
    </row>
    <row r="20394" spans="1:3" x14ac:dyDescent="0.15">
      <c r="A20394">
        <v>4604</v>
      </c>
      <c r="B20394" t="s">
        <v>40711</v>
      </c>
      <c r="C20394" t="s">
        <v>40712</v>
      </c>
    </row>
    <row r="20395" spans="1:3" x14ac:dyDescent="0.15">
      <c r="A20395">
        <v>4603</v>
      </c>
      <c r="B20395" t="s">
        <v>40713</v>
      </c>
      <c r="C20395" t="s">
        <v>40714</v>
      </c>
    </row>
    <row r="20396" spans="1:3" x14ac:dyDescent="0.15">
      <c r="A20396">
        <v>4602</v>
      </c>
      <c r="B20396" t="s">
        <v>40715</v>
      </c>
      <c r="C20396" t="s">
        <v>40716</v>
      </c>
    </row>
    <row r="20397" spans="1:3" x14ac:dyDescent="0.15">
      <c r="A20397">
        <v>4601</v>
      </c>
      <c r="B20397" t="s">
        <v>40717</v>
      </c>
      <c r="C20397" t="s">
        <v>40718</v>
      </c>
    </row>
    <row r="20398" spans="1:3" x14ac:dyDescent="0.15">
      <c r="A20398">
        <v>4600</v>
      </c>
      <c r="B20398" t="s">
        <v>40719</v>
      </c>
      <c r="C20398" t="s">
        <v>40720</v>
      </c>
    </row>
    <row r="20399" spans="1:3" x14ac:dyDescent="0.15">
      <c r="A20399">
        <v>4599</v>
      </c>
      <c r="B20399" t="s">
        <v>40721</v>
      </c>
      <c r="C20399" t="s">
        <v>40722</v>
      </c>
    </row>
    <row r="20400" spans="1:3" x14ac:dyDescent="0.15">
      <c r="A20400">
        <v>4598</v>
      </c>
      <c r="B20400" t="s">
        <v>40723</v>
      </c>
      <c r="C20400" t="s">
        <v>40724</v>
      </c>
    </row>
    <row r="20401" spans="1:3" x14ac:dyDescent="0.15">
      <c r="A20401">
        <v>4597</v>
      </c>
      <c r="B20401" t="s">
        <v>40725</v>
      </c>
      <c r="C20401" t="s">
        <v>40726</v>
      </c>
    </row>
    <row r="20402" spans="1:3" x14ac:dyDescent="0.15">
      <c r="A20402">
        <v>4596</v>
      </c>
      <c r="B20402" t="s">
        <v>40727</v>
      </c>
      <c r="C20402" t="s">
        <v>40728</v>
      </c>
    </row>
    <row r="20403" spans="1:3" x14ac:dyDescent="0.15">
      <c r="A20403">
        <v>4595</v>
      </c>
      <c r="B20403" t="s">
        <v>40729</v>
      </c>
      <c r="C20403" t="s">
        <v>40730</v>
      </c>
    </row>
    <row r="20404" spans="1:3" x14ac:dyDescent="0.15">
      <c r="A20404">
        <v>4594</v>
      </c>
      <c r="B20404" t="s">
        <v>40731</v>
      </c>
      <c r="C20404" t="s">
        <v>40732</v>
      </c>
    </row>
    <row r="20405" spans="1:3" x14ac:dyDescent="0.15">
      <c r="A20405">
        <v>4593</v>
      </c>
      <c r="B20405" t="s">
        <v>40733</v>
      </c>
      <c r="C20405" t="s">
        <v>40734</v>
      </c>
    </row>
    <row r="20406" spans="1:3" x14ac:dyDescent="0.15">
      <c r="A20406">
        <v>4592</v>
      </c>
      <c r="B20406" t="s">
        <v>40735</v>
      </c>
      <c r="C20406" t="s">
        <v>40736</v>
      </c>
    </row>
    <row r="20407" spans="1:3" x14ac:dyDescent="0.15">
      <c r="A20407">
        <v>4591</v>
      </c>
      <c r="B20407" t="s">
        <v>40737</v>
      </c>
      <c r="C20407" t="s">
        <v>40738</v>
      </c>
    </row>
    <row r="20408" spans="1:3" x14ac:dyDescent="0.15">
      <c r="A20408">
        <v>4590</v>
      </c>
      <c r="B20408" t="s">
        <v>40739</v>
      </c>
      <c r="C20408" t="s">
        <v>40740</v>
      </c>
    </row>
    <row r="20409" spans="1:3" x14ac:dyDescent="0.15">
      <c r="A20409">
        <v>4589</v>
      </c>
      <c r="B20409" t="s">
        <v>40741</v>
      </c>
      <c r="C20409" t="s">
        <v>40742</v>
      </c>
    </row>
    <row r="20410" spans="1:3" x14ac:dyDescent="0.15">
      <c r="A20410">
        <v>4588</v>
      </c>
      <c r="B20410" t="s">
        <v>40743</v>
      </c>
      <c r="C20410" t="s">
        <v>40744</v>
      </c>
    </row>
    <row r="20411" spans="1:3" x14ac:dyDescent="0.15">
      <c r="A20411">
        <v>4587</v>
      </c>
      <c r="B20411" t="s">
        <v>40745</v>
      </c>
      <c r="C20411" t="s">
        <v>40746</v>
      </c>
    </row>
    <row r="20412" spans="1:3" x14ac:dyDescent="0.15">
      <c r="A20412">
        <v>4586</v>
      </c>
      <c r="B20412" t="s">
        <v>40747</v>
      </c>
      <c r="C20412" t="s">
        <v>40748</v>
      </c>
    </row>
    <row r="20413" spans="1:3" x14ac:dyDescent="0.15">
      <c r="A20413">
        <v>4585</v>
      </c>
      <c r="B20413" t="s">
        <v>40749</v>
      </c>
      <c r="C20413" t="s">
        <v>40750</v>
      </c>
    </row>
    <row r="20414" spans="1:3" x14ac:dyDescent="0.15">
      <c r="A20414">
        <v>4584</v>
      </c>
      <c r="B20414" t="s">
        <v>40751</v>
      </c>
      <c r="C20414" t="s">
        <v>40752</v>
      </c>
    </row>
    <row r="20415" spans="1:3" x14ac:dyDescent="0.15">
      <c r="A20415">
        <v>4583</v>
      </c>
      <c r="B20415" t="s">
        <v>40753</v>
      </c>
      <c r="C20415" t="s">
        <v>40754</v>
      </c>
    </row>
    <row r="20416" spans="1:3" x14ac:dyDescent="0.15">
      <c r="A20416">
        <v>4582</v>
      </c>
      <c r="B20416" t="s">
        <v>40755</v>
      </c>
      <c r="C20416" t="s">
        <v>40756</v>
      </c>
    </row>
    <row r="20417" spans="1:3" x14ac:dyDescent="0.15">
      <c r="A20417">
        <v>4581</v>
      </c>
      <c r="B20417" t="s">
        <v>40757</v>
      </c>
      <c r="C20417" t="s">
        <v>40758</v>
      </c>
    </row>
    <row r="20418" spans="1:3" x14ac:dyDescent="0.15">
      <c r="A20418">
        <v>4580</v>
      </c>
      <c r="B20418" t="s">
        <v>40759</v>
      </c>
      <c r="C20418" t="s">
        <v>40760</v>
      </c>
    </row>
    <row r="20419" spans="1:3" x14ac:dyDescent="0.15">
      <c r="A20419">
        <v>4579</v>
      </c>
      <c r="B20419" t="s">
        <v>40761</v>
      </c>
      <c r="C20419" t="s">
        <v>40762</v>
      </c>
    </row>
    <row r="20420" spans="1:3" x14ac:dyDescent="0.15">
      <c r="A20420">
        <v>4578</v>
      </c>
      <c r="B20420" t="s">
        <v>40763</v>
      </c>
      <c r="C20420" t="s">
        <v>40764</v>
      </c>
    </row>
    <row r="20421" spans="1:3" x14ac:dyDescent="0.15">
      <c r="A20421">
        <v>4577</v>
      </c>
      <c r="B20421" t="s">
        <v>40765</v>
      </c>
      <c r="C20421" t="s">
        <v>40766</v>
      </c>
    </row>
    <row r="20422" spans="1:3" x14ac:dyDescent="0.15">
      <c r="A20422">
        <v>4576</v>
      </c>
      <c r="B20422" t="s">
        <v>40767</v>
      </c>
      <c r="C20422" t="s">
        <v>40768</v>
      </c>
    </row>
    <row r="20423" spans="1:3" x14ac:dyDescent="0.15">
      <c r="A20423">
        <v>4575</v>
      </c>
      <c r="B20423" t="s">
        <v>40769</v>
      </c>
      <c r="C20423" t="s">
        <v>40770</v>
      </c>
    </row>
    <row r="20424" spans="1:3" x14ac:dyDescent="0.15">
      <c r="A20424">
        <v>4574</v>
      </c>
      <c r="B20424" t="s">
        <v>40771</v>
      </c>
      <c r="C20424" t="s">
        <v>40772</v>
      </c>
    </row>
    <row r="20425" spans="1:3" x14ac:dyDescent="0.15">
      <c r="A20425">
        <v>4573</v>
      </c>
      <c r="B20425" t="s">
        <v>40773</v>
      </c>
      <c r="C20425" t="s">
        <v>40774</v>
      </c>
    </row>
    <row r="20426" spans="1:3" x14ac:dyDescent="0.15">
      <c r="A20426">
        <v>4572</v>
      </c>
      <c r="B20426" t="s">
        <v>40775</v>
      </c>
      <c r="C20426" t="s">
        <v>40776</v>
      </c>
    </row>
    <row r="20427" spans="1:3" x14ac:dyDescent="0.15">
      <c r="A20427">
        <v>4571</v>
      </c>
      <c r="B20427" t="s">
        <v>40777</v>
      </c>
      <c r="C20427" t="s">
        <v>40778</v>
      </c>
    </row>
    <row r="20428" spans="1:3" x14ac:dyDescent="0.15">
      <c r="A20428">
        <v>4570</v>
      </c>
      <c r="B20428" t="s">
        <v>40779</v>
      </c>
      <c r="C20428" t="s">
        <v>40780</v>
      </c>
    </row>
    <row r="20429" spans="1:3" x14ac:dyDescent="0.15">
      <c r="A20429">
        <v>4569</v>
      </c>
      <c r="B20429" t="s">
        <v>40781</v>
      </c>
      <c r="C20429" t="s">
        <v>40782</v>
      </c>
    </row>
    <row r="20430" spans="1:3" x14ac:dyDescent="0.15">
      <c r="A20430">
        <v>4568</v>
      </c>
      <c r="B20430" t="s">
        <v>40783</v>
      </c>
      <c r="C20430" t="s">
        <v>40784</v>
      </c>
    </row>
    <row r="20431" spans="1:3" x14ac:dyDescent="0.15">
      <c r="A20431">
        <v>4567</v>
      </c>
      <c r="B20431" t="s">
        <v>40785</v>
      </c>
      <c r="C20431" t="s">
        <v>40786</v>
      </c>
    </row>
    <row r="20432" spans="1:3" x14ac:dyDescent="0.15">
      <c r="A20432">
        <v>4566</v>
      </c>
      <c r="B20432" t="s">
        <v>40787</v>
      </c>
      <c r="C20432" t="s">
        <v>40788</v>
      </c>
    </row>
    <row r="20433" spans="1:3" x14ac:dyDescent="0.15">
      <c r="A20433">
        <v>4565</v>
      </c>
      <c r="B20433" t="s">
        <v>40789</v>
      </c>
      <c r="C20433" t="s">
        <v>40790</v>
      </c>
    </row>
    <row r="20434" spans="1:3" x14ac:dyDescent="0.15">
      <c r="A20434">
        <v>4564</v>
      </c>
      <c r="B20434" t="s">
        <v>40791</v>
      </c>
      <c r="C20434" t="s">
        <v>40792</v>
      </c>
    </row>
    <row r="20435" spans="1:3" x14ac:dyDescent="0.15">
      <c r="A20435">
        <v>4563</v>
      </c>
      <c r="B20435" t="s">
        <v>40793</v>
      </c>
      <c r="C20435" t="s">
        <v>40794</v>
      </c>
    </row>
    <row r="20436" spans="1:3" x14ac:dyDescent="0.15">
      <c r="A20436">
        <v>4562</v>
      </c>
      <c r="B20436" t="s">
        <v>40795</v>
      </c>
      <c r="C20436" t="s">
        <v>40796</v>
      </c>
    </row>
    <row r="20437" spans="1:3" x14ac:dyDescent="0.15">
      <c r="A20437">
        <v>4561</v>
      </c>
      <c r="B20437" t="s">
        <v>40797</v>
      </c>
      <c r="C20437" t="s">
        <v>40798</v>
      </c>
    </row>
    <row r="20438" spans="1:3" x14ac:dyDescent="0.15">
      <c r="A20438">
        <v>4560</v>
      </c>
      <c r="B20438" t="s">
        <v>40799</v>
      </c>
      <c r="C20438" t="s">
        <v>40800</v>
      </c>
    </row>
    <row r="20439" spans="1:3" x14ac:dyDescent="0.15">
      <c r="A20439">
        <v>4559</v>
      </c>
      <c r="B20439" t="s">
        <v>40801</v>
      </c>
      <c r="C20439" t="s">
        <v>40802</v>
      </c>
    </row>
    <row r="20440" spans="1:3" x14ac:dyDescent="0.15">
      <c r="A20440">
        <v>4558</v>
      </c>
      <c r="B20440" t="s">
        <v>40803</v>
      </c>
      <c r="C20440" t="s">
        <v>40804</v>
      </c>
    </row>
    <row r="20441" spans="1:3" x14ac:dyDescent="0.15">
      <c r="A20441">
        <v>4557</v>
      </c>
      <c r="B20441" t="s">
        <v>40805</v>
      </c>
      <c r="C20441" t="s">
        <v>40806</v>
      </c>
    </row>
    <row r="20442" spans="1:3" x14ac:dyDescent="0.15">
      <c r="A20442">
        <v>4556</v>
      </c>
      <c r="B20442" t="s">
        <v>40807</v>
      </c>
      <c r="C20442" t="s">
        <v>40808</v>
      </c>
    </row>
    <row r="20443" spans="1:3" x14ac:dyDescent="0.15">
      <c r="A20443">
        <v>4555</v>
      </c>
      <c r="B20443" t="s">
        <v>40809</v>
      </c>
      <c r="C20443" t="s">
        <v>40810</v>
      </c>
    </row>
    <row r="20444" spans="1:3" x14ac:dyDescent="0.15">
      <c r="A20444">
        <v>4554</v>
      </c>
      <c r="B20444" t="s">
        <v>40811</v>
      </c>
      <c r="C20444" t="s">
        <v>40812</v>
      </c>
    </row>
    <row r="20445" spans="1:3" x14ac:dyDescent="0.15">
      <c r="A20445">
        <v>4553</v>
      </c>
      <c r="B20445" t="s">
        <v>40813</v>
      </c>
      <c r="C20445" t="s">
        <v>40814</v>
      </c>
    </row>
    <row r="20446" spans="1:3" x14ac:dyDescent="0.15">
      <c r="A20446">
        <v>4552</v>
      </c>
      <c r="B20446" t="s">
        <v>40815</v>
      </c>
      <c r="C20446" t="s">
        <v>40816</v>
      </c>
    </row>
    <row r="20447" spans="1:3" x14ac:dyDescent="0.15">
      <c r="A20447">
        <v>4551</v>
      </c>
      <c r="B20447" t="s">
        <v>40817</v>
      </c>
      <c r="C20447" t="s">
        <v>40818</v>
      </c>
    </row>
    <row r="20448" spans="1:3" x14ac:dyDescent="0.15">
      <c r="A20448">
        <v>4550</v>
      </c>
      <c r="B20448" t="s">
        <v>40819</v>
      </c>
      <c r="C20448" t="s">
        <v>40820</v>
      </c>
    </row>
    <row r="20449" spans="1:3" x14ac:dyDescent="0.15">
      <c r="A20449">
        <v>4549</v>
      </c>
      <c r="B20449" t="s">
        <v>40821</v>
      </c>
      <c r="C20449" t="s">
        <v>40822</v>
      </c>
    </row>
    <row r="20450" spans="1:3" x14ac:dyDescent="0.15">
      <c r="A20450">
        <v>4548</v>
      </c>
      <c r="B20450" t="s">
        <v>40823</v>
      </c>
      <c r="C20450" t="s">
        <v>40824</v>
      </c>
    </row>
    <row r="20451" spans="1:3" x14ac:dyDescent="0.15">
      <c r="A20451">
        <v>4547</v>
      </c>
      <c r="B20451" t="s">
        <v>40825</v>
      </c>
      <c r="C20451" t="s">
        <v>40826</v>
      </c>
    </row>
    <row r="20452" spans="1:3" x14ac:dyDescent="0.15">
      <c r="A20452">
        <v>4546</v>
      </c>
      <c r="B20452" t="s">
        <v>40827</v>
      </c>
      <c r="C20452" t="s">
        <v>40828</v>
      </c>
    </row>
    <row r="20453" spans="1:3" x14ac:dyDescent="0.15">
      <c r="A20453">
        <v>4545</v>
      </c>
      <c r="B20453" t="s">
        <v>40829</v>
      </c>
      <c r="C20453" t="s">
        <v>40830</v>
      </c>
    </row>
    <row r="20454" spans="1:3" x14ac:dyDescent="0.15">
      <c r="A20454">
        <v>4544</v>
      </c>
      <c r="B20454" t="s">
        <v>40831</v>
      </c>
      <c r="C20454" t="s">
        <v>40832</v>
      </c>
    </row>
    <row r="20455" spans="1:3" x14ac:dyDescent="0.15">
      <c r="A20455">
        <v>4543</v>
      </c>
      <c r="B20455" t="s">
        <v>40833</v>
      </c>
      <c r="C20455" t="s">
        <v>7420</v>
      </c>
    </row>
    <row r="20456" spans="1:3" x14ac:dyDescent="0.15">
      <c r="A20456">
        <v>4542</v>
      </c>
      <c r="B20456" t="s">
        <v>40834</v>
      </c>
      <c r="C20456" t="s">
        <v>40835</v>
      </c>
    </row>
    <row r="20457" spans="1:3" x14ac:dyDescent="0.15">
      <c r="A20457">
        <v>4541</v>
      </c>
      <c r="B20457" t="s">
        <v>40836</v>
      </c>
      <c r="C20457" t="s">
        <v>40837</v>
      </c>
    </row>
    <row r="20458" spans="1:3" x14ac:dyDescent="0.15">
      <c r="A20458">
        <v>4540</v>
      </c>
      <c r="B20458" t="s">
        <v>40838</v>
      </c>
      <c r="C20458" t="s">
        <v>40839</v>
      </c>
    </row>
    <row r="20459" spans="1:3" x14ac:dyDescent="0.15">
      <c r="A20459">
        <v>4539</v>
      </c>
      <c r="B20459" t="s">
        <v>40840</v>
      </c>
      <c r="C20459" t="s">
        <v>40841</v>
      </c>
    </row>
    <row r="20460" spans="1:3" x14ac:dyDescent="0.15">
      <c r="A20460">
        <v>4538</v>
      </c>
      <c r="B20460" t="s">
        <v>40842</v>
      </c>
      <c r="C20460" t="s">
        <v>40843</v>
      </c>
    </row>
    <row r="20461" spans="1:3" x14ac:dyDescent="0.15">
      <c r="A20461">
        <v>4537</v>
      </c>
      <c r="B20461" t="s">
        <v>40844</v>
      </c>
      <c r="C20461" t="s">
        <v>40845</v>
      </c>
    </row>
    <row r="20462" spans="1:3" x14ac:dyDescent="0.15">
      <c r="A20462">
        <v>4536</v>
      </c>
      <c r="B20462" t="s">
        <v>40846</v>
      </c>
      <c r="C20462" t="s">
        <v>40847</v>
      </c>
    </row>
    <row r="20463" spans="1:3" x14ac:dyDescent="0.15">
      <c r="A20463">
        <v>4535</v>
      </c>
      <c r="B20463" t="s">
        <v>40848</v>
      </c>
      <c r="C20463" t="s">
        <v>40849</v>
      </c>
    </row>
    <row r="20464" spans="1:3" x14ac:dyDescent="0.15">
      <c r="A20464">
        <v>4534</v>
      </c>
      <c r="B20464" t="s">
        <v>40850</v>
      </c>
      <c r="C20464" t="s">
        <v>40851</v>
      </c>
    </row>
    <row r="20465" spans="1:3" x14ac:dyDescent="0.15">
      <c r="A20465">
        <v>4533</v>
      </c>
      <c r="B20465" t="s">
        <v>40852</v>
      </c>
      <c r="C20465" t="s">
        <v>40853</v>
      </c>
    </row>
    <row r="20466" spans="1:3" x14ac:dyDescent="0.15">
      <c r="A20466">
        <v>4532</v>
      </c>
      <c r="B20466" t="s">
        <v>40854</v>
      </c>
      <c r="C20466" t="s">
        <v>40855</v>
      </c>
    </row>
    <row r="20467" spans="1:3" x14ac:dyDescent="0.15">
      <c r="A20467">
        <v>4531</v>
      </c>
      <c r="B20467" t="s">
        <v>40856</v>
      </c>
      <c r="C20467" t="s">
        <v>40857</v>
      </c>
    </row>
    <row r="20468" spans="1:3" x14ac:dyDescent="0.15">
      <c r="A20468">
        <v>4530</v>
      </c>
      <c r="B20468" t="s">
        <v>40858</v>
      </c>
      <c r="C20468" t="s">
        <v>40859</v>
      </c>
    </row>
    <row r="20469" spans="1:3" x14ac:dyDescent="0.15">
      <c r="A20469">
        <v>4529</v>
      </c>
      <c r="B20469" t="s">
        <v>40860</v>
      </c>
      <c r="C20469" t="s">
        <v>40861</v>
      </c>
    </row>
    <row r="20470" spans="1:3" x14ac:dyDescent="0.15">
      <c r="A20470">
        <v>4528</v>
      </c>
      <c r="B20470" t="s">
        <v>40862</v>
      </c>
      <c r="C20470" t="s">
        <v>40863</v>
      </c>
    </row>
    <row r="20471" spans="1:3" x14ac:dyDescent="0.15">
      <c r="A20471">
        <v>4527</v>
      </c>
      <c r="B20471" t="s">
        <v>40864</v>
      </c>
      <c r="C20471" t="s">
        <v>40865</v>
      </c>
    </row>
    <row r="20472" spans="1:3" x14ac:dyDescent="0.15">
      <c r="A20472">
        <v>4526</v>
      </c>
      <c r="B20472" t="s">
        <v>40866</v>
      </c>
      <c r="C20472" t="s">
        <v>40867</v>
      </c>
    </row>
    <row r="20473" spans="1:3" x14ac:dyDescent="0.15">
      <c r="A20473">
        <v>4525</v>
      </c>
      <c r="B20473" t="s">
        <v>40868</v>
      </c>
      <c r="C20473" t="s">
        <v>40869</v>
      </c>
    </row>
    <row r="20474" spans="1:3" x14ac:dyDescent="0.15">
      <c r="A20474">
        <v>4524</v>
      </c>
      <c r="B20474" t="s">
        <v>40870</v>
      </c>
      <c r="C20474" t="s">
        <v>40871</v>
      </c>
    </row>
    <row r="20475" spans="1:3" x14ac:dyDescent="0.15">
      <c r="A20475">
        <v>4523</v>
      </c>
      <c r="B20475" t="s">
        <v>40872</v>
      </c>
      <c r="C20475" t="s">
        <v>40873</v>
      </c>
    </row>
    <row r="20476" spans="1:3" x14ac:dyDescent="0.15">
      <c r="A20476">
        <v>4522</v>
      </c>
      <c r="B20476" t="s">
        <v>40874</v>
      </c>
      <c r="C20476" t="s">
        <v>40875</v>
      </c>
    </row>
    <row r="20477" spans="1:3" x14ac:dyDescent="0.15">
      <c r="A20477">
        <v>4521</v>
      </c>
      <c r="B20477" t="s">
        <v>40876</v>
      </c>
      <c r="C20477" t="s">
        <v>40877</v>
      </c>
    </row>
    <row r="20478" spans="1:3" x14ac:dyDescent="0.15">
      <c r="A20478">
        <v>4520</v>
      </c>
      <c r="B20478" t="s">
        <v>40878</v>
      </c>
      <c r="C20478" t="s">
        <v>40879</v>
      </c>
    </row>
    <row r="20479" spans="1:3" x14ac:dyDescent="0.15">
      <c r="A20479">
        <v>4519</v>
      </c>
      <c r="B20479" t="s">
        <v>40880</v>
      </c>
      <c r="C20479" t="s">
        <v>40881</v>
      </c>
    </row>
    <row r="20480" spans="1:3" x14ac:dyDescent="0.15">
      <c r="A20480">
        <v>4518</v>
      </c>
      <c r="B20480" t="s">
        <v>40882</v>
      </c>
      <c r="C20480" t="s">
        <v>40883</v>
      </c>
    </row>
    <row r="20481" spans="1:3" x14ac:dyDescent="0.15">
      <c r="A20481">
        <v>4517</v>
      </c>
      <c r="B20481" t="s">
        <v>40884</v>
      </c>
      <c r="C20481" t="s">
        <v>40885</v>
      </c>
    </row>
    <row r="20482" spans="1:3" x14ac:dyDescent="0.15">
      <c r="A20482">
        <v>4516</v>
      </c>
      <c r="B20482" t="s">
        <v>40886</v>
      </c>
      <c r="C20482" t="s">
        <v>40887</v>
      </c>
    </row>
    <row r="20483" spans="1:3" x14ac:dyDescent="0.15">
      <c r="A20483">
        <v>4515</v>
      </c>
      <c r="B20483" t="s">
        <v>40888</v>
      </c>
      <c r="C20483" t="s">
        <v>40889</v>
      </c>
    </row>
    <row r="20484" spans="1:3" x14ac:dyDescent="0.15">
      <c r="A20484">
        <v>4514</v>
      </c>
      <c r="B20484" t="s">
        <v>40890</v>
      </c>
      <c r="C20484" t="s">
        <v>40891</v>
      </c>
    </row>
    <row r="20485" spans="1:3" x14ac:dyDescent="0.15">
      <c r="A20485">
        <v>4513</v>
      </c>
      <c r="B20485" t="s">
        <v>40892</v>
      </c>
      <c r="C20485" t="s">
        <v>40893</v>
      </c>
    </row>
    <row r="20486" spans="1:3" x14ac:dyDescent="0.15">
      <c r="A20486">
        <v>4512</v>
      </c>
      <c r="B20486" t="s">
        <v>40894</v>
      </c>
      <c r="C20486" t="s">
        <v>40895</v>
      </c>
    </row>
    <row r="20487" spans="1:3" x14ac:dyDescent="0.15">
      <c r="A20487">
        <v>4511</v>
      </c>
      <c r="B20487" t="s">
        <v>40896</v>
      </c>
      <c r="C20487" t="s">
        <v>40897</v>
      </c>
    </row>
    <row r="20488" spans="1:3" x14ac:dyDescent="0.15">
      <c r="A20488">
        <v>4510</v>
      </c>
      <c r="B20488" t="s">
        <v>40898</v>
      </c>
      <c r="C20488" t="s">
        <v>40899</v>
      </c>
    </row>
    <row r="20489" spans="1:3" x14ac:dyDescent="0.15">
      <c r="A20489">
        <v>4509</v>
      </c>
      <c r="B20489" t="s">
        <v>40900</v>
      </c>
      <c r="C20489" t="s">
        <v>40901</v>
      </c>
    </row>
    <row r="20490" spans="1:3" x14ac:dyDescent="0.15">
      <c r="A20490">
        <v>4508</v>
      </c>
      <c r="B20490" t="s">
        <v>40902</v>
      </c>
      <c r="C20490" t="s">
        <v>40903</v>
      </c>
    </row>
    <row r="20491" spans="1:3" x14ac:dyDescent="0.15">
      <c r="A20491">
        <v>4507</v>
      </c>
      <c r="B20491" t="s">
        <v>40904</v>
      </c>
      <c r="C20491" t="s">
        <v>40905</v>
      </c>
    </row>
    <row r="20492" spans="1:3" x14ac:dyDescent="0.15">
      <c r="A20492">
        <v>4506</v>
      </c>
      <c r="B20492" t="s">
        <v>40906</v>
      </c>
      <c r="C20492" t="s">
        <v>40907</v>
      </c>
    </row>
    <row r="20493" spans="1:3" x14ac:dyDescent="0.15">
      <c r="A20493">
        <v>4505</v>
      </c>
      <c r="B20493" t="s">
        <v>40908</v>
      </c>
      <c r="C20493" t="s">
        <v>40909</v>
      </c>
    </row>
    <row r="20494" spans="1:3" x14ac:dyDescent="0.15">
      <c r="A20494">
        <v>4504</v>
      </c>
      <c r="B20494" t="s">
        <v>40910</v>
      </c>
      <c r="C20494" t="s">
        <v>40911</v>
      </c>
    </row>
    <row r="20495" spans="1:3" x14ac:dyDescent="0.15">
      <c r="A20495">
        <v>4503</v>
      </c>
      <c r="B20495" t="s">
        <v>40912</v>
      </c>
      <c r="C20495" t="s">
        <v>40913</v>
      </c>
    </row>
    <row r="20496" spans="1:3" x14ac:dyDescent="0.15">
      <c r="A20496">
        <v>4502</v>
      </c>
      <c r="B20496" t="s">
        <v>40914</v>
      </c>
      <c r="C20496" t="s">
        <v>40915</v>
      </c>
    </row>
    <row r="20497" spans="1:3" x14ac:dyDescent="0.15">
      <c r="A20497">
        <v>4501</v>
      </c>
      <c r="B20497" t="s">
        <v>40916</v>
      </c>
      <c r="C20497" t="s">
        <v>40917</v>
      </c>
    </row>
    <row r="20498" spans="1:3" x14ac:dyDescent="0.15">
      <c r="A20498">
        <v>4500</v>
      </c>
      <c r="B20498" t="s">
        <v>40918</v>
      </c>
      <c r="C20498" t="s">
        <v>40919</v>
      </c>
    </row>
    <row r="20499" spans="1:3" x14ac:dyDescent="0.15">
      <c r="A20499">
        <v>4499</v>
      </c>
      <c r="B20499" t="s">
        <v>40920</v>
      </c>
      <c r="C20499" t="s">
        <v>40921</v>
      </c>
    </row>
    <row r="20500" spans="1:3" x14ac:dyDescent="0.15">
      <c r="A20500">
        <v>4498</v>
      </c>
      <c r="B20500" t="s">
        <v>40922</v>
      </c>
      <c r="C20500" t="s">
        <v>40923</v>
      </c>
    </row>
    <row r="20501" spans="1:3" x14ac:dyDescent="0.15">
      <c r="A20501">
        <v>4497</v>
      </c>
      <c r="B20501" t="s">
        <v>40924</v>
      </c>
      <c r="C20501" t="s">
        <v>40925</v>
      </c>
    </row>
    <row r="20502" spans="1:3" x14ac:dyDescent="0.15">
      <c r="A20502">
        <v>4496</v>
      </c>
      <c r="B20502" t="s">
        <v>40926</v>
      </c>
      <c r="C20502" t="s">
        <v>40927</v>
      </c>
    </row>
    <row r="20503" spans="1:3" x14ac:dyDescent="0.15">
      <c r="A20503">
        <v>4495</v>
      </c>
      <c r="B20503" t="s">
        <v>40928</v>
      </c>
      <c r="C20503" t="s">
        <v>40929</v>
      </c>
    </row>
    <row r="20504" spans="1:3" x14ac:dyDescent="0.15">
      <c r="A20504">
        <v>4494</v>
      </c>
      <c r="B20504" t="s">
        <v>40930</v>
      </c>
      <c r="C20504" t="s">
        <v>40931</v>
      </c>
    </row>
    <row r="20505" spans="1:3" x14ac:dyDescent="0.15">
      <c r="A20505">
        <v>4493</v>
      </c>
      <c r="B20505" t="s">
        <v>40932</v>
      </c>
      <c r="C20505" t="s">
        <v>40933</v>
      </c>
    </row>
    <row r="20506" spans="1:3" x14ac:dyDescent="0.15">
      <c r="A20506">
        <v>4492</v>
      </c>
      <c r="B20506" t="s">
        <v>40934</v>
      </c>
      <c r="C20506" t="s">
        <v>40935</v>
      </c>
    </row>
    <row r="20507" spans="1:3" x14ac:dyDescent="0.15">
      <c r="A20507">
        <v>4491</v>
      </c>
      <c r="B20507" t="s">
        <v>40936</v>
      </c>
      <c r="C20507" t="s">
        <v>40937</v>
      </c>
    </row>
    <row r="20508" spans="1:3" x14ac:dyDescent="0.15">
      <c r="A20508">
        <v>4490</v>
      </c>
      <c r="B20508" t="s">
        <v>40938</v>
      </c>
      <c r="C20508" t="s">
        <v>40939</v>
      </c>
    </row>
    <row r="20509" spans="1:3" x14ac:dyDescent="0.15">
      <c r="A20509">
        <v>4489</v>
      </c>
      <c r="B20509" t="s">
        <v>40940</v>
      </c>
      <c r="C20509" t="s">
        <v>40941</v>
      </c>
    </row>
    <row r="20510" spans="1:3" x14ac:dyDescent="0.15">
      <c r="A20510">
        <v>4488</v>
      </c>
      <c r="B20510" t="s">
        <v>40942</v>
      </c>
      <c r="C20510" t="s">
        <v>40943</v>
      </c>
    </row>
    <row r="20511" spans="1:3" x14ac:dyDescent="0.15">
      <c r="A20511">
        <v>4487</v>
      </c>
      <c r="B20511" t="s">
        <v>40944</v>
      </c>
      <c r="C20511" t="s">
        <v>40945</v>
      </c>
    </row>
    <row r="20512" spans="1:3" x14ac:dyDescent="0.15">
      <c r="A20512">
        <v>4486</v>
      </c>
      <c r="B20512" t="s">
        <v>40946</v>
      </c>
      <c r="C20512" t="s">
        <v>40947</v>
      </c>
    </row>
    <row r="20513" spans="1:3" x14ac:dyDescent="0.15">
      <c r="A20513">
        <v>4485</v>
      </c>
      <c r="B20513" t="s">
        <v>40948</v>
      </c>
      <c r="C20513" t="s">
        <v>40949</v>
      </c>
    </row>
    <row r="20514" spans="1:3" x14ac:dyDescent="0.15">
      <c r="A20514">
        <v>4484</v>
      </c>
      <c r="B20514" t="s">
        <v>40950</v>
      </c>
      <c r="C20514" t="s">
        <v>40951</v>
      </c>
    </row>
    <row r="20515" spans="1:3" x14ac:dyDescent="0.15">
      <c r="A20515">
        <v>4483</v>
      </c>
      <c r="B20515" t="s">
        <v>40952</v>
      </c>
      <c r="C20515" t="s">
        <v>40953</v>
      </c>
    </row>
    <row r="20516" spans="1:3" x14ac:dyDescent="0.15">
      <c r="A20516">
        <v>4482</v>
      </c>
      <c r="B20516" t="s">
        <v>40954</v>
      </c>
      <c r="C20516" t="s">
        <v>40955</v>
      </c>
    </row>
    <row r="20517" spans="1:3" x14ac:dyDescent="0.15">
      <c r="A20517">
        <v>4481</v>
      </c>
      <c r="B20517" t="s">
        <v>40956</v>
      </c>
      <c r="C20517" t="s">
        <v>40957</v>
      </c>
    </row>
    <row r="20518" spans="1:3" x14ac:dyDescent="0.15">
      <c r="A20518">
        <v>4480</v>
      </c>
      <c r="B20518" t="s">
        <v>40958</v>
      </c>
      <c r="C20518" t="s">
        <v>40959</v>
      </c>
    </row>
    <row r="20519" spans="1:3" x14ac:dyDescent="0.15">
      <c r="A20519">
        <v>4479</v>
      </c>
      <c r="B20519" t="s">
        <v>40960</v>
      </c>
      <c r="C20519" t="s">
        <v>40961</v>
      </c>
    </row>
    <row r="20520" spans="1:3" x14ac:dyDescent="0.15">
      <c r="A20520">
        <v>4478</v>
      </c>
      <c r="B20520" t="s">
        <v>40962</v>
      </c>
      <c r="C20520" t="s">
        <v>40963</v>
      </c>
    </row>
    <row r="20521" spans="1:3" x14ac:dyDescent="0.15">
      <c r="A20521">
        <v>4477</v>
      </c>
      <c r="B20521" t="s">
        <v>40964</v>
      </c>
      <c r="C20521" t="s">
        <v>40965</v>
      </c>
    </row>
    <row r="20522" spans="1:3" x14ac:dyDescent="0.15">
      <c r="A20522">
        <v>4476</v>
      </c>
      <c r="B20522" t="s">
        <v>40966</v>
      </c>
      <c r="C20522" t="s">
        <v>40967</v>
      </c>
    </row>
    <row r="20523" spans="1:3" x14ac:dyDescent="0.15">
      <c r="A20523">
        <v>4475</v>
      </c>
      <c r="B20523" t="s">
        <v>40968</v>
      </c>
      <c r="C20523" t="s">
        <v>40969</v>
      </c>
    </row>
    <row r="20524" spans="1:3" x14ac:dyDescent="0.15">
      <c r="A20524">
        <v>4474</v>
      </c>
      <c r="B20524" t="s">
        <v>40970</v>
      </c>
      <c r="C20524" t="s">
        <v>40971</v>
      </c>
    </row>
    <row r="20525" spans="1:3" x14ac:dyDescent="0.15">
      <c r="A20525">
        <v>4473</v>
      </c>
      <c r="B20525" t="s">
        <v>40972</v>
      </c>
      <c r="C20525" t="s">
        <v>40973</v>
      </c>
    </row>
    <row r="20526" spans="1:3" x14ac:dyDescent="0.15">
      <c r="A20526">
        <v>4472</v>
      </c>
      <c r="B20526" t="s">
        <v>40974</v>
      </c>
      <c r="C20526" t="s">
        <v>40975</v>
      </c>
    </row>
    <row r="20527" spans="1:3" x14ac:dyDescent="0.15">
      <c r="A20527">
        <v>4471</v>
      </c>
      <c r="B20527" t="s">
        <v>40976</v>
      </c>
      <c r="C20527" t="s">
        <v>40977</v>
      </c>
    </row>
    <row r="20528" spans="1:3" x14ac:dyDescent="0.15">
      <c r="A20528">
        <v>4470</v>
      </c>
      <c r="B20528" t="s">
        <v>40978</v>
      </c>
      <c r="C20528" t="s">
        <v>40979</v>
      </c>
    </row>
    <row r="20529" spans="1:3" x14ac:dyDescent="0.15">
      <c r="A20529">
        <v>4469</v>
      </c>
      <c r="B20529" t="s">
        <v>40980</v>
      </c>
      <c r="C20529" t="s">
        <v>40981</v>
      </c>
    </row>
    <row r="20530" spans="1:3" x14ac:dyDescent="0.15">
      <c r="A20530">
        <v>4468</v>
      </c>
      <c r="B20530" t="s">
        <v>40982</v>
      </c>
      <c r="C20530" t="s">
        <v>40983</v>
      </c>
    </row>
    <row r="20531" spans="1:3" x14ac:dyDescent="0.15">
      <c r="A20531">
        <v>4467</v>
      </c>
      <c r="B20531" t="s">
        <v>40984</v>
      </c>
      <c r="C20531" t="s">
        <v>40985</v>
      </c>
    </row>
    <row r="20532" spans="1:3" x14ac:dyDescent="0.15">
      <c r="A20532">
        <v>4466</v>
      </c>
      <c r="B20532" t="s">
        <v>40986</v>
      </c>
      <c r="C20532" t="s">
        <v>40987</v>
      </c>
    </row>
    <row r="20533" spans="1:3" x14ac:dyDescent="0.15">
      <c r="A20533">
        <v>4465</v>
      </c>
      <c r="B20533" t="s">
        <v>40988</v>
      </c>
      <c r="C20533" t="s">
        <v>40989</v>
      </c>
    </row>
    <row r="20534" spans="1:3" x14ac:dyDescent="0.15">
      <c r="A20534">
        <v>4464</v>
      </c>
      <c r="B20534" t="s">
        <v>40990</v>
      </c>
      <c r="C20534" t="s">
        <v>40991</v>
      </c>
    </row>
    <row r="20535" spans="1:3" x14ac:dyDescent="0.15">
      <c r="A20535">
        <v>4463</v>
      </c>
      <c r="B20535" t="s">
        <v>40992</v>
      </c>
      <c r="C20535" t="s">
        <v>40993</v>
      </c>
    </row>
    <row r="20536" spans="1:3" x14ac:dyDescent="0.15">
      <c r="A20536">
        <v>4462</v>
      </c>
      <c r="B20536" t="s">
        <v>40994</v>
      </c>
      <c r="C20536" t="s">
        <v>40995</v>
      </c>
    </row>
    <row r="20537" spans="1:3" x14ac:dyDescent="0.15">
      <c r="A20537">
        <v>4461</v>
      </c>
      <c r="B20537" t="s">
        <v>40996</v>
      </c>
      <c r="C20537" t="s">
        <v>40997</v>
      </c>
    </row>
    <row r="20538" spans="1:3" x14ac:dyDescent="0.15">
      <c r="A20538">
        <v>4460</v>
      </c>
      <c r="B20538" t="s">
        <v>40998</v>
      </c>
      <c r="C20538" t="s">
        <v>40999</v>
      </c>
    </row>
    <row r="20539" spans="1:3" x14ac:dyDescent="0.15">
      <c r="A20539">
        <v>4459</v>
      </c>
      <c r="B20539" t="s">
        <v>41000</v>
      </c>
      <c r="C20539" t="s">
        <v>41001</v>
      </c>
    </row>
    <row r="20540" spans="1:3" x14ac:dyDescent="0.15">
      <c r="A20540">
        <v>4458</v>
      </c>
      <c r="B20540" t="s">
        <v>41002</v>
      </c>
      <c r="C20540" t="s">
        <v>41003</v>
      </c>
    </row>
    <row r="20541" spans="1:3" x14ac:dyDescent="0.15">
      <c r="A20541">
        <v>4457</v>
      </c>
      <c r="B20541" t="s">
        <v>41004</v>
      </c>
      <c r="C20541" t="s">
        <v>41005</v>
      </c>
    </row>
    <row r="20542" spans="1:3" x14ac:dyDescent="0.15">
      <c r="A20542">
        <v>4456</v>
      </c>
      <c r="B20542" t="s">
        <v>41006</v>
      </c>
      <c r="C20542" t="s">
        <v>41007</v>
      </c>
    </row>
    <row r="20543" spans="1:3" x14ac:dyDescent="0.15">
      <c r="A20543">
        <v>4455</v>
      </c>
      <c r="B20543" t="s">
        <v>41008</v>
      </c>
      <c r="C20543" t="s">
        <v>41009</v>
      </c>
    </row>
    <row r="20544" spans="1:3" x14ac:dyDescent="0.15">
      <c r="A20544">
        <v>4454</v>
      </c>
      <c r="B20544" t="s">
        <v>41010</v>
      </c>
      <c r="C20544" t="s">
        <v>41011</v>
      </c>
    </row>
    <row r="20545" spans="1:3" x14ac:dyDescent="0.15">
      <c r="A20545">
        <v>4453</v>
      </c>
      <c r="B20545" t="s">
        <v>41012</v>
      </c>
      <c r="C20545" t="s">
        <v>41013</v>
      </c>
    </row>
    <row r="20546" spans="1:3" x14ac:dyDescent="0.15">
      <c r="A20546">
        <v>4452</v>
      </c>
      <c r="B20546" t="s">
        <v>41014</v>
      </c>
      <c r="C20546" t="s">
        <v>41015</v>
      </c>
    </row>
    <row r="20547" spans="1:3" x14ac:dyDescent="0.15">
      <c r="A20547">
        <v>4451</v>
      </c>
      <c r="B20547" t="s">
        <v>41016</v>
      </c>
      <c r="C20547" t="s">
        <v>41017</v>
      </c>
    </row>
    <row r="20548" spans="1:3" x14ac:dyDescent="0.15">
      <c r="A20548">
        <v>4450</v>
      </c>
      <c r="B20548" t="s">
        <v>41018</v>
      </c>
      <c r="C20548" t="s">
        <v>41019</v>
      </c>
    </row>
    <row r="20549" spans="1:3" x14ac:dyDescent="0.15">
      <c r="A20549">
        <v>4449</v>
      </c>
      <c r="B20549" t="s">
        <v>41020</v>
      </c>
      <c r="C20549" t="s">
        <v>41021</v>
      </c>
    </row>
    <row r="20550" spans="1:3" x14ac:dyDescent="0.15">
      <c r="A20550">
        <v>4448</v>
      </c>
      <c r="B20550" t="s">
        <v>41022</v>
      </c>
      <c r="C20550" t="s">
        <v>41023</v>
      </c>
    </row>
    <row r="20551" spans="1:3" x14ac:dyDescent="0.15">
      <c r="A20551">
        <v>4447</v>
      </c>
      <c r="B20551" t="s">
        <v>41024</v>
      </c>
      <c r="C20551" t="s">
        <v>41025</v>
      </c>
    </row>
    <row r="20552" spans="1:3" x14ac:dyDescent="0.15">
      <c r="A20552">
        <v>4446</v>
      </c>
      <c r="B20552" t="s">
        <v>41026</v>
      </c>
      <c r="C20552" t="s">
        <v>41027</v>
      </c>
    </row>
    <row r="20553" spans="1:3" x14ac:dyDescent="0.15">
      <c r="A20553">
        <v>4445</v>
      </c>
      <c r="B20553" t="s">
        <v>41028</v>
      </c>
      <c r="C20553" t="s">
        <v>41029</v>
      </c>
    </row>
    <row r="20554" spans="1:3" x14ac:dyDescent="0.15">
      <c r="A20554">
        <v>4444</v>
      </c>
      <c r="B20554" t="s">
        <v>41030</v>
      </c>
      <c r="C20554" t="s">
        <v>41031</v>
      </c>
    </row>
    <row r="20555" spans="1:3" x14ac:dyDescent="0.15">
      <c r="A20555">
        <v>4443</v>
      </c>
      <c r="B20555" t="s">
        <v>41032</v>
      </c>
      <c r="C20555" t="s">
        <v>41033</v>
      </c>
    </row>
    <row r="20556" spans="1:3" x14ac:dyDescent="0.15">
      <c r="A20556">
        <v>4442</v>
      </c>
      <c r="B20556" t="s">
        <v>41034</v>
      </c>
      <c r="C20556" t="s">
        <v>41035</v>
      </c>
    </row>
    <row r="20557" spans="1:3" x14ac:dyDescent="0.15">
      <c r="A20557">
        <v>4441</v>
      </c>
      <c r="B20557" t="s">
        <v>41036</v>
      </c>
      <c r="C20557" t="s">
        <v>41037</v>
      </c>
    </row>
    <row r="20558" spans="1:3" x14ac:dyDescent="0.15">
      <c r="A20558">
        <v>4440</v>
      </c>
      <c r="B20558" t="s">
        <v>41038</v>
      </c>
      <c r="C20558" t="s">
        <v>41039</v>
      </c>
    </row>
    <row r="20559" spans="1:3" x14ac:dyDescent="0.15">
      <c r="A20559">
        <v>4439</v>
      </c>
      <c r="B20559" t="s">
        <v>41040</v>
      </c>
      <c r="C20559" t="s">
        <v>41041</v>
      </c>
    </row>
    <row r="20560" spans="1:3" x14ac:dyDescent="0.15">
      <c r="A20560">
        <v>4438</v>
      </c>
      <c r="B20560" t="s">
        <v>41042</v>
      </c>
      <c r="C20560" t="s">
        <v>41043</v>
      </c>
    </row>
    <row r="20561" spans="1:3" x14ac:dyDescent="0.15">
      <c r="A20561">
        <v>4437</v>
      </c>
      <c r="B20561" t="s">
        <v>41044</v>
      </c>
      <c r="C20561" t="s">
        <v>41045</v>
      </c>
    </row>
    <row r="20562" spans="1:3" x14ac:dyDescent="0.15">
      <c r="A20562">
        <v>4436</v>
      </c>
      <c r="B20562" t="s">
        <v>41046</v>
      </c>
      <c r="C20562" t="s">
        <v>41047</v>
      </c>
    </row>
    <row r="20563" spans="1:3" x14ac:dyDescent="0.15">
      <c r="A20563">
        <v>4435</v>
      </c>
      <c r="B20563" t="s">
        <v>41048</v>
      </c>
      <c r="C20563" t="s">
        <v>41049</v>
      </c>
    </row>
    <row r="20564" spans="1:3" x14ac:dyDescent="0.15">
      <c r="A20564">
        <v>4434</v>
      </c>
      <c r="B20564" t="s">
        <v>41050</v>
      </c>
      <c r="C20564" t="s">
        <v>41051</v>
      </c>
    </row>
    <row r="20565" spans="1:3" x14ac:dyDescent="0.15">
      <c r="A20565">
        <v>4433</v>
      </c>
      <c r="B20565" t="s">
        <v>41052</v>
      </c>
      <c r="C20565" t="s">
        <v>41053</v>
      </c>
    </row>
    <row r="20566" spans="1:3" x14ac:dyDescent="0.15">
      <c r="A20566">
        <v>4432</v>
      </c>
      <c r="B20566" t="s">
        <v>41054</v>
      </c>
      <c r="C20566" t="s">
        <v>41055</v>
      </c>
    </row>
    <row r="20567" spans="1:3" x14ac:dyDescent="0.15">
      <c r="A20567">
        <v>4431</v>
      </c>
      <c r="B20567" t="s">
        <v>41056</v>
      </c>
      <c r="C20567" t="s">
        <v>41057</v>
      </c>
    </row>
    <row r="20568" spans="1:3" x14ac:dyDescent="0.15">
      <c r="A20568">
        <v>4430</v>
      </c>
      <c r="B20568" t="s">
        <v>41058</v>
      </c>
      <c r="C20568" t="s">
        <v>41059</v>
      </c>
    </row>
    <row r="20569" spans="1:3" x14ac:dyDescent="0.15">
      <c r="A20569">
        <v>4429</v>
      </c>
      <c r="B20569" t="s">
        <v>41060</v>
      </c>
      <c r="C20569" t="s">
        <v>41061</v>
      </c>
    </row>
    <row r="20570" spans="1:3" x14ac:dyDescent="0.15">
      <c r="A20570">
        <v>4428</v>
      </c>
      <c r="B20570" t="s">
        <v>41062</v>
      </c>
      <c r="C20570" t="s">
        <v>41063</v>
      </c>
    </row>
    <row r="20571" spans="1:3" x14ac:dyDescent="0.15">
      <c r="A20571">
        <v>4427</v>
      </c>
      <c r="B20571" t="s">
        <v>41064</v>
      </c>
      <c r="C20571" t="s">
        <v>41065</v>
      </c>
    </row>
    <row r="20572" spans="1:3" x14ac:dyDescent="0.15">
      <c r="A20572">
        <v>4426</v>
      </c>
      <c r="B20572" t="s">
        <v>41066</v>
      </c>
      <c r="C20572" t="s">
        <v>41067</v>
      </c>
    </row>
    <row r="20573" spans="1:3" x14ac:dyDescent="0.15">
      <c r="A20573">
        <v>4425</v>
      </c>
      <c r="B20573" t="s">
        <v>41068</v>
      </c>
      <c r="C20573" t="s">
        <v>41069</v>
      </c>
    </row>
    <row r="20574" spans="1:3" x14ac:dyDescent="0.15">
      <c r="A20574">
        <v>4424</v>
      </c>
      <c r="B20574" t="s">
        <v>41070</v>
      </c>
      <c r="C20574" t="s">
        <v>41071</v>
      </c>
    </row>
    <row r="20575" spans="1:3" x14ac:dyDescent="0.15">
      <c r="A20575">
        <v>4423</v>
      </c>
      <c r="B20575" t="s">
        <v>41072</v>
      </c>
      <c r="C20575" t="s">
        <v>41073</v>
      </c>
    </row>
    <row r="20576" spans="1:3" x14ac:dyDescent="0.15">
      <c r="A20576">
        <v>4422</v>
      </c>
      <c r="B20576" t="s">
        <v>41074</v>
      </c>
      <c r="C20576" t="s">
        <v>41075</v>
      </c>
    </row>
    <row r="20577" spans="1:3" x14ac:dyDescent="0.15">
      <c r="A20577">
        <v>4421</v>
      </c>
      <c r="B20577" t="s">
        <v>41076</v>
      </c>
      <c r="C20577" t="s">
        <v>41077</v>
      </c>
    </row>
    <row r="20578" spans="1:3" x14ac:dyDescent="0.15">
      <c r="A20578">
        <v>4420</v>
      </c>
      <c r="B20578" t="s">
        <v>41078</v>
      </c>
      <c r="C20578" t="s">
        <v>41079</v>
      </c>
    </row>
    <row r="20579" spans="1:3" x14ac:dyDescent="0.15">
      <c r="A20579">
        <v>4419</v>
      </c>
      <c r="B20579" t="s">
        <v>41080</v>
      </c>
      <c r="C20579" t="s">
        <v>41081</v>
      </c>
    </row>
    <row r="20580" spans="1:3" x14ac:dyDescent="0.15">
      <c r="A20580">
        <v>4418</v>
      </c>
      <c r="B20580" t="s">
        <v>41082</v>
      </c>
      <c r="C20580" t="s">
        <v>41083</v>
      </c>
    </row>
    <row r="20581" spans="1:3" x14ac:dyDescent="0.15">
      <c r="A20581">
        <v>4417</v>
      </c>
      <c r="B20581" t="s">
        <v>41084</v>
      </c>
      <c r="C20581" t="s">
        <v>41085</v>
      </c>
    </row>
    <row r="20582" spans="1:3" x14ac:dyDescent="0.15">
      <c r="A20582">
        <v>4416</v>
      </c>
      <c r="B20582" t="s">
        <v>41086</v>
      </c>
      <c r="C20582" t="s">
        <v>41087</v>
      </c>
    </row>
    <row r="20583" spans="1:3" x14ac:dyDescent="0.15">
      <c r="A20583">
        <v>4415</v>
      </c>
      <c r="B20583" t="s">
        <v>41088</v>
      </c>
      <c r="C20583" t="s">
        <v>41089</v>
      </c>
    </row>
    <row r="20584" spans="1:3" x14ac:dyDescent="0.15">
      <c r="A20584">
        <v>4414</v>
      </c>
      <c r="B20584" t="s">
        <v>41090</v>
      </c>
      <c r="C20584" t="s">
        <v>41091</v>
      </c>
    </row>
    <row r="20585" spans="1:3" x14ac:dyDescent="0.15">
      <c r="A20585">
        <v>4413</v>
      </c>
      <c r="B20585" t="s">
        <v>41092</v>
      </c>
      <c r="C20585" t="s">
        <v>41093</v>
      </c>
    </row>
    <row r="20586" spans="1:3" x14ac:dyDescent="0.15">
      <c r="A20586">
        <v>4412</v>
      </c>
      <c r="B20586" t="s">
        <v>41094</v>
      </c>
      <c r="C20586" t="s">
        <v>41095</v>
      </c>
    </row>
    <row r="20587" spans="1:3" x14ac:dyDescent="0.15">
      <c r="A20587">
        <v>4411</v>
      </c>
      <c r="B20587" t="s">
        <v>41096</v>
      </c>
      <c r="C20587" t="s">
        <v>41097</v>
      </c>
    </row>
    <row r="20588" spans="1:3" x14ac:dyDescent="0.15">
      <c r="A20588">
        <v>4410</v>
      </c>
      <c r="B20588" t="s">
        <v>41098</v>
      </c>
      <c r="C20588" t="s">
        <v>41099</v>
      </c>
    </row>
    <row r="20589" spans="1:3" x14ac:dyDescent="0.15">
      <c r="A20589">
        <v>4409</v>
      </c>
      <c r="B20589" t="s">
        <v>41100</v>
      </c>
      <c r="C20589" t="s">
        <v>41101</v>
      </c>
    </row>
    <row r="20590" spans="1:3" x14ac:dyDescent="0.15">
      <c r="A20590">
        <v>4408</v>
      </c>
      <c r="B20590" t="s">
        <v>41102</v>
      </c>
      <c r="C20590" t="s">
        <v>41103</v>
      </c>
    </row>
    <row r="20591" spans="1:3" x14ac:dyDescent="0.15">
      <c r="A20591">
        <v>4407</v>
      </c>
      <c r="B20591" t="s">
        <v>41104</v>
      </c>
      <c r="C20591" t="s">
        <v>41105</v>
      </c>
    </row>
    <row r="20592" spans="1:3" x14ac:dyDescent="0.15">
      <c r="A20592">
        <v>4406</v>
      </c>
      <c r="B20592" t="s">
        <v>41106</v>
      </c>
      <c r="C20592" t="s">
        <v>41107</v>
      </c>
    </row>
    <row r="20593" spans="1:3" x14ac:dyDescent="0.15">
      <c r="A20593">
        <v>4405</v>
      </c>
      <c r="B20593" t="s">
        <v>41108</v>
      </c>
      <c r="C20593" t="s">
        <v>41109</v>
      </c>
    </row>
    <row r="20594" spans="1:3" x14ac:dyDescent="0.15">
      <c r="A20594">
        <v>4404</v>
      </c>
      <c r="B20594" t="s">
        <v>41110</v>
      </c>
      <c r="C20594" t="s">
        <v>41111</v>
      </c>
    </row>
    <row r="20595" spans="1:3" x14ac:dyDescent="0.15">
      <c r="A20595">
        <v>4403</v>
      </c>
      <c r="B20595" t="s">
        <v>41112</v>
      </c>
      <c r="C20595" t="s">
        <v>41113</v>
      </c>
    </row>
    <row r="20596" spans="1:3" x14ac:dyDescent="0.15">
      <c r="A20596">
        <v>4402</v>
      </c>
      <c r="B20596" t="s">
        <v>41114</v>
      </c>
      <c r="C20596" t="s">
        <v>41115</v>
      </c>
    </row>
    <row r="20597" spans="1:3" x14ac:dyDescent="0.15">
      <c r="A20597">
        <v>4401</v>
      </c>
      <c r="B20597" t="s">
        <v>41116</v>
      </c>
      <c r="C20597" t="s">
        <v>41117</v>
      </c>
    </row>
    <row r="20598" spans="1:3" x14ac:dyDescent="0.15">
      <c r="A20598">
        <v>4400</v>
      </c>
      <c r="B20598" t="s">
        <v>41118</v>
      </c>
      <c r="C20598" t="s">
        <v>41119</v>
      </c>
    </row>
    <row r="20599" spans="1:3" x14ac:dyDescent="0.15">
      <c r="A20599">
        <v>4399</v>
      </c>
      <c r="B20599" t="s">
        <v>41120</v>
      </c>
      <c r="C20599" t="s">
        <v>41121</v>
      </c>
    </row>
    <row r="20600" spans="1:3" x14ac:dyDescent="0.15">
      <c r="A20600">
        <v>4398</v>
      </c>
      <c r="B20600" t="s">
        <v>41122</v>
      </c>
      <c r="C20600" t="s">
        <v>41123</v>
      </c>
    </row>
    <row r="20601" spans="1:3" x14ac:dyDescent="0.15">
      <c r="A20601">
        <v>4397</v>
      </c>
      <c r="B20601" t="s">
        <v>41124</v>
      </c>
      <c r="C20601" t="s">
        <v>41125</v>
      </c>
    </row>
    <row r="20602" spans="1:3" x14ac:dyDescent="0.15">
      <c r="A20602">
        <v>4396</v>
      </c>
      <c r="B20602" t="s">
        <v>41126</v>
      </c>
      <c r="C20602" t="s">
        <v>41127</v>
      </c>
    </row>
    <row r="20603" spans="1:3" x14ac:dyDescent="0.15">
      <c r="A20603">
        <v>4395</v>
      </c>
      <c r="B20603" t="s">
        <v>41128</v>
      </c>
      <c r="C20603" t="s">
        <v>41129</v>
      </c>
    </row>
    <row r="20604" spans="1:3" x14ac:dyDescent="0.15">
      <c r="A20604">
        <v>4394</v>
      </c>
      <c r="B20604" t="s">
        <v>41130</v>
      </c>
      <c r="C20604" t="s">
        <v>41131</v>
      </c>
    </row>
    <row r="20605" spans="1:3" x14ac:dyDescent="0.15">
      <c r="A20605">
        <v>4393</v>
      </c>
      <c r="B20605" t="s">
        <v>41132</v>
      </c>
      <c r="C20605" t="s">
        <v>41133</v>
      </c>
    </row>
    <row r="20606" spans="1:3" x14ac:dyDescent="0.15">
      <c r="A20606">
        <v>4392</v>
      </c>
      <c r="B20606" t="s">
        <v>41134</v>
      </c>
      <c r="C20606" t="s">
        <v>41135</v>
      </c>
    </row>
    <row r="20607" spans="1:3" x14ac:dyDescent="0.15">
      <c r="A20607">
        <v>4391</v>
      </c>
      <c r="B20607" t="s">
        <v>41136</v>
      </c>
      <c r="C20607" t="s">
        <v>41137</v>
      </c>
    </row>
    <row r="20608" spans="1:3" x14ac:dyDescent="0.15">
      <c r="A20608">
        <v>4390</v>
      </c>
      <c r="B20608" t="s">
        <v>41138</v>
      </c>
      <c r="C20608" t="s">
        <v>41139</v>
      </c>
    </row>
    <row r="20609" spans="1:3" x14ac:dyDescent="0.15">
      <c r="A20609">
        <v>4389</v>
      </c>
      <c r="B20609" t="s">
        <v>41140</v>
      </c>
      <c r="C20609" t="s">
        <v>41141</v>
      </c>
    </row>
    <row r="20610" spans="1:3" x14ac:dyDescent="0.15">
      <c r="A20610">
        <v>4388</v>
      </c>
      <c r="B20610" t="s">
        <v>41142</v>
      </c>
      <c r="C20610" t="s">
        <v>41143</v>
      </c>
    </row>
    <row r="20611" spans="1:3" x14ac:dyDescent="0.15">
      <c r="A20611">
        <v>4387</v>
      </c>
      <c r="B20611" t="s">
        <v>41144</v>
      </c>
      <c r="C20611" t="s">
        <v>41145</v>
      </c>
    </row>
    <row r="20612" spans="1:3" x14ac:dyDescent="0.15">
      <c r="A20612">
        <v>4386</v>
      </c>
      <c r="B20612" t="s">
        <v>41146</v>
      </c>
      <c r="C20612" t="s">
        <v>41147</v>
      </c>
    </row>
    <row r="20613" spans="1:3" x14ac:dyDescent="0.15">
      <c r="A20613">
        <v>4385</v>
      </c>
      <c r="B20613" t="s">
        <v>41148</v>
      </c>
      <c r="C20613" t="s">
        <v>41149</v>
      </c>
    </row>
    <row r="20614" spans="1:3" x14ac:dyDescent="0.15">
      <c r="A20614">
        <v>4384</v>
      </c>
      <c r="B20614" t="s">
        <v>41150</v>
      </c>
      <c r="C20614" t="s">
        <v>41151</v>
      </c>
    </row>
    <row r="20615" spans="1:3" x14ac:dyDescent="0.15">
      <c r="A20615">
        <v>4383</v>
      </c>
      <c r="B20615" t="s">
        <v>41152</v>
      </c>
      <c r="C20615" t="s">
        <v>41153</v>
      </c>
    </row>
    <row r="20616" spans="1:3" x14ac:dyDescent="0.15">
      <c r="A20616">
        <v>4382</v>
      </c>
      <c r="B20616" t="s">
        <v>41154</v>
      </c>
      <c r="C20616" t="s">
        <v>41155</v>
      </c>
    </row>
    <row r="20617" spans="1:3" x14ac:dyDescent="0.15">
      <c r="A20617">
        <v>4381</v>
      </c>
      <c r="B20617" t="s">
        <v>41156</v>
      </c>
      <c r="C20617" t="s">
        <v>41157</v>
      </c>
    </row>
    <row r="20618" spans="1:3" x14ac:dyDescent="0.15">
      <c r="A20618">
        <v>4380</v>
      </c>
      <c r="B20618" t="s">
        <v>41158</v>
      </c>
      <c r="C20618" t="s">
        <v>41159</v>
      </c>
    </row>
    <row r="20619" spans="1:3" x14ac:dyDescent="0.15">
      <c r="A20619">
        <v>4379</v>
      </c>
      <c r="B20619" t="s">
        <v>41160</v>
      </c>
      <c r="C20619" t="s">
        <v>41161</v>
      </c>
    </row>
    <row r="20620" spans="1:3" x14ac:dyDescent="0.15">
      <c r="A20620">
        <v>4378</v>
      </c>
      <c r="B20620" t="s">
        <v>41162</v>
      </c>
      <c r="C20620" t="s">
        <v>41163</v>
      </c>
    </row>
    <row r="20621" spans="1:3" x14ac:dyDescent="0.15">
      <c r="A20621">
        <v>4377</v>
      </c>
      <c r="B20621" t="s">
        <v>41164</v>
      </c>
      <c r="C20621" t="s">
        <v>41165</v>
      </c>
    </row>
    <row r="20622" spans="1:3" x14ac:dyDescent="0.15">
      <c r="A20622">
        <v>4376</v>
      </c>
      <c r="B20622" t="s">
        <v>41166</v>
      </c>
      <c r="C20622" t="s">
        <v>41167</v>
      </c>
    </row>
    <row r="20623" spans="1:3" x14ac:dyDescent="0.15">
      <c r="A20623">
        <v>4375</v>
      </c>
      <c r="B20623" t="s">
        <v>41168</v>
      </c>
      <c r="C20623" t="s">
        <v>41169</v>
      </c>
    </row>
    <row r="20624" spans="1:3" x14ac:dyDescent="0.15">
      <c r="A20624">
        <v>4374</v>
      </c>
      <c r="B20624" t="s">
        <v>41170</v>
      </c>
      <c r="C20624" t="s">
        <v>41171</v>
      </c>
    </row>
    <row r="20625" spans="1:3" x14ac:dyDescent="0.15">
      <c r="A20625">
        <v>4373</v>
      </c>
      <c r="B20625" t="s">
        <v>41172</v>
      </c>
      <c r="C20625" t="s">
        <v>41173</v>
      </c>
    </row>
    <row r="20626" spans="1:3" x14ac:dyDescent="0.15">
      <c r="A20626">
        <v>4372</v>
      </c>
      <c r="B20626" t="s">
        <v>41174</v>
      </c>
      <c r="C20626" t="s">
        <v>41175</v>
      </c>
    </row>
    <row r="20627" spans="1:3" x14ac:dyDescent="0.15">
      <c r="A20627">
        <v>4371</v>
      </c>
      <c r="B20627" t="s">
        <v>41176</v>
      </c>
      <c r="C20627" t="s">
        <v>41177</v>
      </c>
    </row>
    <row r="20628" spans="1:3" x14ac:dyDescent="0.15">
      <c r="A20628">
        <v>4370</v>
      </c>
      <c r="B20628" t="s">
        <v>41178</v>
      </c>
      <c r="C20628" t="s">
        <v>41179</v>
      </c>
    </row>
    <row r="20629" spans="1:3" x14ac:dyDescent="0.15">
      <c r="A20629">
        <v>4369</v>
      </c>
      <c r="B20629" t="s">
        <v>41180</v>
      </c>
      <c r="C20629" t="s">
        <v>41181</v>
      </c>
    </row>
    <row r="20630" spans="1:3" x14ac:dyDescent="0.15">
      <c r="A20630">
        <v>4368</v>
      </c>
      <c r="B20630" t="s">
        <v>41182</v>
      </c>
      <c r="C20630" t="s">
        <v>41183</v>
      </c>
    </row>
    <row r="20631" spans="1:3" x14ac:dyDescent="0.15">
      <c r="A20631">
        <v>4367</v>
      </c>
      <c r="B20631" t="s">
        <v>41184</v>
      </c>
      <c r="C20631" t="s">
        <v>41185</v>
      </c>
    </row>
    <row r="20632" spans="1:3" x14ac:dyDescent="0.15">
      <c r="A20632">
        <v>4366</v>
      </c>
      <c r="B20632" t="s">
        <v>41186</v>
      </c>
      <c r="C20632" t="s">
        <v>41187</v>
      </c>
    </row>
    <row r="20633" spans="1:3" x14ac:dyDescent="0.15">
      <c r="A20633">
        <v>4365</v>
      </c>
      <c r="B20633" t="s">
        <v>41188</v>
      </c>
      <c r="C20633" t="s">
        <v>41189</v>
      </c>
    </row>
    <row r="20634" spans="1:3" x14ac:dyDescent="0.15">
      <c r="A20634">
        <v>4364</v>
      </c>
      <c r="B20634" t="s">
        <v>41190</v>
      </c>
      <c r="C20634" t="s">
        <v>41191</v>
      </c>
    </row>
    <row r="20635" spans="1:3" x14ac:dyDescent="0.15">
      <c r="A20635">
        <v>4363</v>
      </c>
      <c r="B20635" t="s">
        <v>41192</v>
      </c>
      <c r="C20635" t="s">
        <v>41193</v>
      </c>
    </row>
    <row r="20636" spans="1:3" x14ac:dyDescent="0.15">
      <c r="A20636">
        <v>4362</v>
      </c>
      <c r="B20636" t="s">
        <v>41194</v>
      </c>
      <c r="C20636" t="s">
        <v>41195</v>
      </c>
    </row>
    <row r="20637" spans="1:3" x14ac:dyDescent="0.15">
      <c r="A20637">
        <v>4361</v>
      </c>
      <c r="B20637" t="s">
        <v>41196</v>
      </c>
      <c r="C20637" t="s">
        <v>41197</v>
      </c>
    </row>
    <row r="20638" spans="1:3" x14ac:dyDescent="0.15">
      <c r="A20638">
        <v>4360</v>
      </c>
      <c r="B20638" t="s">
        <v>41198</v>
      </c>
      <c r="C20638" t="s">
        <v>41199</v>
      </c>
    </row>
    <row r="20639" spans="1:3" x14ac:dyDescent="0.15">
      <c r="A20639">
        <v>4359</v>
      </c>
      <c r="B20639" t="s">
        <v>41200</v>
      </c>
      <c r="C20639" t="s">
        <v>41201</v>
      </c>
    </row>
    <row r="20640" spans="1:3" x14ac:dyDescent="0.15">
      <c r="A20640">
        <v>4358</v>
      </c>
      <c r="B20640" t="s">
        <v>41202</v>
      </c>
      <c r="C20640" t="s">
        <v>41203</v>
      </c>
    </row>
    <row r="20641" spans="1:3" x14ac:dyDescent="0.15">
      <c r="A20641">
        <v>4357</v>
      </c>
      <c r="B20641" t="s">
        <v>41204</v>
      </c>
      <c r="C20641" t="s">
        <v>41205</v>
      </c>
    </row>
    <row r="20642" spans="1:3" x14ac:dyDescent="0.15">
      <c r="A20642">
        <v>4356</v>
      </c>
      <c r="B20642" t="s">
        <v>41206</v>
      </c>
      <c r="C20642" t="s">
        <v>41207</v>
      </c>
    </row>
    <row r="20643" spans="1:3" x14ac:dyDescent="0.15">
      <c r="A20643">
        <v>4355</v>
      </c>
      <c r="B20643" t="s">
        <v>41208</v>
      </c>
      <c r="C20643" t="s">
        <v>41209</v>
      </c>
    </row>
    <row r="20644" spans="1:3" x14ac:dyDescent="0.15">
      <c r="A20644">
        <v>4354</v>
      </c>
      <c r="B20644" t="s">
        <v>41210</v>
      </c>
      <c r="C20644" t="s">
        <v>41211</v>
      </c>
    </row>
    <row r="20645" spans="1:3" x14ac:dyDescent="0.15">
      <c r="A20645">
        <v>4353</v>
      </c>
      <c r="B20645" t="s">
        <v>41212</v>
      </c>
      <c r="C20645" t="s">
        <v>41213</v>
      </c>
    </row>
    <row r="20646" spans="1:3" x14ac:dyDescent="0.15">
      <c r="A20646">
        <v>4352</v>
      </c>
      <c r="B20646" t="s">
        <v>41214</v>
      </c>
      <c r="C20646" t="s">
        <v>41215</v>
      </c>
    </row>
    <row r="20647" spans="1:3" x14ac:dyDescent="0.15">
      <c r="A20647">
        <v>4351</v>
      </c>
      <c r="B20647" t="s">
        <v>41216</v>
      </c>
      <c r="C20647" t="s">
        <v>41217</v>
      </c>
    </row>
    <row r="20648" spans="1:3" x14ac:dyDescent="0.15">
      <c r="A20648">
        <v>4350</v>
      </c>
      <c r="B20648" t="s">
        <v>41218</v>
      </c>
      <c r="C20648" t="s">
        <v>41219</v>
      </c>
    </row>
    <row r="20649" spans="1:3" x14ac:dyDescent="0.15">
      <c r="A20649">
        <v>4349</v>
      </c>
      <c r="B20649" t="s">
        <v>41220</v>
      </c>
      <c r="C20649" t="s">
        <v>41221</v>
      </c>
    </row>
    <row r="20650" spans="1:3" x14ac:dyDescent="0.15">
      <c r="A20650">
        <v>4348</v>
      </c>
      <c r="B20650" t="s">
        <v>41222</v>
      </c>
      <c r="C20650" t="s">
        <v>41223</v>
      </c>
    </row>
    <row r="20651" spans="1:3" x14ac:dyDescent="0.15">
      <c r="A20651">
        <v>4347</v>
      </c>
      <c r="B20651" t="s">
        <v>41224</v>
      </c>
      <c r="C20651" t="s">
        <v>41225</v>
      </c>
    </row>
    <row r="20652" spans="1:3" x14ac:dyDescent="0.15">
      <c r="A20652">
        <v>4346</v>
      </c>
      <c r="B20652" t="s">
        <v>41226</v>
      </c>
      <c r="C20652" t="s">
        <v>41227</v>
      </c>
    </row>
    <row r="20653" spans="1:3" x14ac:dyDescent="0.15">
      <c r="A20653">
        <v>4345</v>
      </c>
      <c r="B20653" t="s">
        <v>41228</v>
      </c>
      <c r="C20653" t="s">
        <v>41229</v>
      </c>
    </row>
    <row r="20654" spans="1:3" x14ac:dyDescent="0.15">
      <c r="A20654">
        <v>4344</v>
      </c>
      <c r="B20654" t="s">
        <v>41230</v>
      </c>
      <c r="C20654" t="s">
        <v>41231</v>
      </c>
    </row>
    <row r="20655" spans="1:3" x14ac:dyDescent="0.15">
      <c r="A20655">
        <v>4343</v>
      </c>
      <c r="B20655" t="s">
        <v>41232</v>
      </c>
      <c r="C20655" t="s">
        <v>41233</v>
      </c>
    </row>
    <row r="20656" spans="1:3" x14ac:dyDescent="0.15">
      <c r="A20656">
        <v>4342</v>
      </c>
      <c r="B20656" t="s">
        <v>41234</v>
      </c>
      <c r="C20656" t="s">
        <v>41235</v>
      </c>
    </row>
    <row r="20657" spans="1:3" x14ac:dyDescent="0.15">
      <c r="A20657">
        <v>4341</v>
      </c>
      <c r="B20657" t="s">
        <v>41236</v>
      </c>
      <c r="C20657" t="s">
        <v>41237</v>
      </c>
    </row>
    <row r="20658" spans="1:3" x14ac:dyDescent="0.15">
      <c r="A20658">
        <v>4340</v>
      </c>
      <c r="B20658" t="s">
        <v>41238</v>
      </c>
      <c r="C20658" t="s">
        <v>41239</v>
      </c>
    </row>
    <row r="20659" spans="1:3" x14ac:dyDescent="0.15">
      <c r="A20659">
        <v>4339</v>
      </c>
      <c r="B20659" t="s">
        <v>41240</v>
      </c>
      <c r="C20659" t="s">
        <v>41241</v>
      </c>
    </row>
    <row r="20660" spans="1:3" x14ac:dyDescent="0.15">
      <c r="A20660">
        <v>4338</v>
      </c>
      <c r="B20660" t="s">
        <v>41242</v>
      </c>
      <c r="C20660" t="s">
        <v>41243</v>
      </c>
    </row>
    <row r="20661" spans="1:3" x14ac:dyDescent="0.15">
      <c r="A20661">
        <v>4337</v>
      </c>
      <c r="B20661" t="s">
        <v>41244</v>
      </c>
      <c r="C20661" t="s">
        <v>41245</v>
      </c>
    </row>
    <row r="20662" spans="1:3" x14ac:dyDescent="0.15">
      <c r="A20662">
        <v>4336</v>
      </c>
      <c r="B20662" t="s">
        <v>41246</v>
      </c>
      <c r="C20662" t="s">
        <v>41247</v>
      </c>
    </row>
    <row r="20663" spans="1:3" x14ac:dyDescent="0.15">
      <c r="A20663">
        <v>4335</v>
      </c>
      <c r="B20663" t="s">
        <v>41248</v>
      </c>
      <c r="C20663" t="s">
        <v>41249</v>
      </c>
    </row>
    <row r="20664" spans="1:3" x14ac:dyDescent="0.15">
      <c r="A20664">
        <v>4334</v>
      </c>
      <c r="B20664" t="s">
        <v>41250</v>
      </c>
      <c r="C20664" t="s">
        <v>41251</v>
      </c>
    </row>
    <row r="20665" spans="1:3" x14ac:dyDescent="0.15">
      <c r="A20665">
        <v>4333</v>
      </c>
      <c r="B20665" t="s">
        <v>41252</v>
      </c>
      <c r="C20665" t="s">
        <v>41253</v>
      </c>
    </row>
    <row r="20666" spans="1:3" x14ac:dyDescent="0.15">
      <c r="A20666">
        <v>4332</v>
      </c>
      <c r="B20666" t="s">
        <v>41254</v>
      </c>
      <c r="C20666" t="s">
        <v>41255</v>
      </c>
    </row>
    <row r="20667" spans="1:3" x14ac:dyDescent="0.15">
      <c r="A20667">
        <v>4331</v>
      </c>
      <c r="B20667" t="s">
        <v>41256</v>
      </c>
      <c r="C20667" t="s">
        <v>41257</v>
      </c>
    </row>
    <row r="20668" spans="1:3" x14ac:dyDescent="0.15">
      <c r="A20668">
        <v>4330</v>
      </c>
      <c r="B20668" t="s">
        <v>41258</v>
      </c>
      <c r="C20668" t="s">
        <v>41259</v>
      </c>
    </row>
    <row r="20669" spans="1:3" x14ac:dyDescent="0.15">
      <c r="A20669">
        <v>4329</v>
      </c>
      <c r="B20669" t="s">
        <v>41260</v>
      </c>
      <c r="C20669" t="s">
        <v>41261</v>
      </c>
    </row>
    <row r="20670" spans="1:3" x14ac:dyDescent="0.15">
      <c r="A20670">
        <v>4328</v>
      </c>
      <c r="B20670" t="s">
        <v>41262</v>
      </c>
      <c r="C20670" t="s">
        <v>41263</v>
      </c>
    </row>
    <row r="20671" spans="1:3" x14ac:dyDescent="0.15">
      <c r="A20671">
        <v>4327</v>
      </c>
      <c r="B20671" t="s">
        <v>41264</v>
      </c>
      <c r="C20671" t="s">
        <v>41265</v>
      </c>
    </row>
    <row r="20672" spans="1:3" x14ac:dyDescent="0.15">
      <c r="A20672">
        <v>4326</v>
      </c>
      <c r="B20672" t="s">
        <v>41266</v>
      </c>
      <c r="C20672" t="s">
        <v>41267</v>
      </c>
    </row>
    <row r="20673" spans="1:3" x14ac:dyDescent="0.15">
      <c r="A20673">
        <v>4325</v>
      </c>
      <c r="B20673" t="s">
        <v>41268</v>
      </c>
      <c r="C20673" t="s">
        <v>41269</v>
      </c>
    </row>
    <row r="20674" spans="1:3" x14ac:dyDescent="0.15">
      <c r="A20674">
        <v>4324</v>
      </c>
      <c r="B20674" t="s">
        <v>41270</v>
      </c>
      <c r="C20674" t="s">
        <v>41271</v>
      </c>
    </row>
    <row r="20675" spans="1:3" x14ac:dyDescent="0.15">
      <c r="A20675">
        <v>4323</v>
      </c>
      <c r="B20675" t="s">
        <v>41272</v>
      </c>
      <c r="C20675" t="s">
        <v>41273</v>
      </c>
    </row>
    <row r="20676" spans="1:3" x14ac:dyDescent="0.15">
      <c r="A20676">
        <v>4322</v>
      </c>
      <c r="B20676" t="s">
        <v>41274</v>
      </c>
      <c r="C20676" t="s">
        <v>41275</v>
      </c>
    </row>
    <row r="20677" spans="1:3" x14ac:dyDescent="0.15">
      <c r="A20677">
        <v>4321</v>
      </c>
      <c r="B20677" t="s">
        <v>41276</v>
      </c>
      <c r="C20677" t="s">
        <v>41277</v>
      </c>
    </row>
    <row r="20678" spans="1:3" x14ac:dyDescent="0.15">
      <c r="A20678">
        <v>4320</v>
      </c>
      <c r="B20678" t="s">
        <v>41278</v>
      </c>
      <c r="C20678" t="s">
        <v>41279</v>
      </c>
    </row>
    <row r="20679" spans="1:3" x14ac:dyDescent="0.15">
      <c r="A20679">
        <v>4319</v>
      </c>
      <c r="B20679" t="s">
        <v>41280</v>
      </c>
      <c r="C20679" t="s">
        <v>41281</v>
      </c>
    </row>
    <row r="20680" spans="1:3" x14ac:dyDescent="0.15">
      <c r="A20680">
        <v>4318</v>
      </c>
      <c r="B20680" t="s">
        <v>41282</v>
      </c>
      <c r="C20680" t="s">
        <v>41283</v>
      </c>
    </row>
    <row r="20681" spans="1:3" x14ac:dyDescent="0.15">
      <c r="A20681">
        <v>4317</v>
      </c>
      <c r="B20681" t="s">
        <v>41284</v>
      </c>
      <c r="C20681" t="s">
        <v>41285</v>
      </c>
    </row>
    <row r="20682" spans="1:3" x14ac:dyDescent="0.15">
      <c r="A20682">
        <v>4316</v>
      </c>
      <c r="B20682" t="s">
        <v>41286</v>
      </c>
      <c r="C20682" t="s">
        <v>41287</v>
      </c>
    </row>
    <row r="20683" spans="1:3" x14ac:dyDescent="0.15">
      <c r="A20683">
        <v>4315</v>
      </c>
      <c r="B20683" t="s">
        <v>41288</v>
      </c>
      <c r="C20683" t="s">
        <v>41289</v>
      </c>
    </row>
    <row r="20684" spans="1:3" x14ac:dyDescent="0.15">
      <c r="A20684">
        <v>4314</v>
      </c>
      <c r="B20684" t="s">
        <v>41290</v>
      </c>
      <c r="C20684" t="s">
        <v>41291</v>
      </c>
    </row>
    <row r="20685" spans="1:3" x14ac:dyDescent="0.15">
      <c r="A20685">
        <v>4313</v>
      </c>
      <c r="B20685" t="s">
        <v>41292</v>
      </c>
      <c r="C20685" t="s">
        <v>41293</v>
      </c>
    </row>
    <row r="20686" spans="1:3" x14ac:dyDescent="0.15">
      <c r="A20686">
        <v>4312</v>
      </c>
      <c r="B20686" t="s">
        <v>41294</v>
      </c>
      <c r="C20686" t="s">
        <v>41295</v>
      </c>
    </row>
    <row r="20687" spans="1:3" x14ac:dyDescent="0.15">
      <c r="A20687">
        <v>4311</v>
      </c>
      <c r="B20687" t="s">
        <v>41296</v>
      </c>
      <c r="C20687" t="s">
        <v>41297</v>
      </c>
    </row>
    <row r="20688" spans="1:3" x14ac:dyDescent="0.15">
      <c r="A20688">
        <v>4310</v>
      </c>
      <c r="B20688" t="s">
        <v>41298</v>
      </c>
      <c r="C20688" t="s">
        <v>41299</v>
      </c>
    </row>
    <row r="20689" spans="1:3" x14ac:dyDescent="0.15">
      <c r="A20689">
        <v>4309</v>
      </c>
      <c r="B20689" t="s">
        <v>41300</v>
      </c>
      <c r="C20689" t="s">
        <v>41301</v>
      </c>
    </row>
    <row r="20690" spans="1:3" x14ac:dyDescent="0.15">
      <c r="A20690">
        <v>4308</v>
      </c>
      <c r="B20690" t="s">
        <v>41302</v>
      </c>
      <c r="C20690" t="s">
        <v>41303</v>
      </c>
    </row>
    <row r="20691" spans="1:3" x14ac:dyDescent="0.15">
      <c r="A20691">
        <v>4307</v>
      </c>
      <c r="B20691" t="s">
        <v>41304</v>
      </c>
      <c r="C20691" t="s">
        <v>41305</v>
      </c>
    </row>
    <row r="20692" spans="1:3" x14ac:dyDescent="0.15">
      <c r="A20692">
        <v>4306</v>
      </c>
      <c r="B20692" t="s">
        <v>41306</v>
      </c>
      <c r="C20692" t="s">
        <v>41307</v>
      </c>
    </row>
    <row r="20693" spans="1:3" x14ac:dyDescent="0.15">
      <c r="A20693">
        <v>4305</v>
      </c>
      <c r="B20693" t="s">
        <v>41308</v>
      </c>
      <c r="C20693" t="s">
        <v>41309</v>
      </c>
    </row>
    <row r="20694" spans="1:3" x14ac:dyDescent="0.15">
      <c r="A20694">
        <v>4304</v>
      </c>
      <c r="B20694" t="s">
        <v>41310</v>
      </c>
      <c r="C20694" t="s">
        <v>41311</v>
      </c>
    </row>
    <row r="20695" spans="1:3" x14ac:dyDescent="0.15">
      <c r="A20695">
        <v>4303</v>
      </c>
      <c r="B20695" t="s">
        <v>41312</v>
      </c>
      <c r="C20695" t="s">
        <v>41313</v>
      </c>
    </row>
    <row r="20696" spans="1:3" x14ac:dyDescent="0.15">
      <c r="A20696">
        <v>4302</v>
      </c>
      <c r="B20696" t="s">
        <v>41314</v>
      </c>
      <c r="C20696" t="s">
        <v>41315</v>
      </c>
    </row>
    <row r="20697" spans="1:3" x14ac:dyDescent="0.15">
      <c r="A20697">
        <v>4301</v>
      </c>
      <c r="B20697" t="s">
        <v>41316</v>
      </c>
      <c r="C20697" t="s">
        <v>41317</v>
      </c>
    </row>
    <row r="20698" spans="1:3" x14ac:dyDescent="0.15">
      <c r="A20698">
        <v>4300</v>
      </c>
      <c r="B20698" t="s">
        <v>41318</v>
      </c>
      <c r="C20698" t="s">
        <v>41319</v>
      </c>
    </row>
    <row r="20699" spans="1:3" x14ac:dyDescent="0.15">
      <c r="A20699">
        <v>4299</v>
      </c>
      <c r="B20699" t="s">
        <v>41320</v>
      </c>
      <c r="C20699" t="s">
        <v>41321</v>
      </c>
    </row>
    <row r="20700" spans="1:3" x14ac:dyDescent="0.15">
      <c r="A20700">
        <v>4298</v>
      </c>
      <c r="B20700" t="s">
        <v>41322</v>
      </c>
      <c r="C20700" t="s">
        <v>41323</v>
      </c>
    </row>
    <row r="20701" spans="1:3" x14ac:dyDescent="0.15">
      <c r="A20701">
        <v>4297</v>
      </c>
      <c r="B20701" t="s">
        <v>41324</v>
      </c>
      <c r="C20701" t="s">
        <v>41325</v>
      </c>
    </row>
    <row r="20702" spans="1:3" x14ac:dyDescent="0.15">
      <c r="A20702">
        <v>4296</v>
      </c>
      <c r="B20702" t="s">
        <v>41326</v>
      </c>
      <c r="C20702" t="s">
        <v>41327</v>
      </c>
    </row>
    <row r="20703" spans="1:3" x14ac:dyDescent="0.15">
      <c r="A20703">
        <v>4295</v>
      </c>
      <c r="B20703" t="s">
        <v>41328</v>
      </c>
      <c r="C20703" t="s">
        <v>41329</v>
      </c>
    </row>
    <row r="20704" spans="1:3" x14ac:dyDescent="0.15">
      <c r="A20704">
        <v>4294</v>
      </c>
      <c r="B20704" t="s">
        <v>41330</v>
      </c>
      <c r="C20704" t="s">
        <v>41331</v>
      </c>
    </row>
    <row r="20705" spans="1:3" x14ac:dyDescent="0.15">
      <c r="A20705">
        <v>4293</v>
      </c>
      <c r="B20705" t="s">
        <v>41332</v>
      </c>
      <c r="C20705" t="s">
        <v>41333</v>
      </c>
    </row>
    <row r="20706" spans="1:3" x14ac:dyDescent="0.15">
      <c r="A20706">
        <v>4292</v>
      </c>
      <c r="B20706" t="s">
        <v>41334</v>
      </c>
      <c r="C20706" t="s">
        <v>41335</v>
      </c>
    </row>
    <row r="20707" spans="1:3" x14ac:dyDescent="0.15">
      <c r="A20707">
        <v>4291</v>
      </c>
      <c r="B20707" t="s">
        <v>41336</v>
      </c>
      <c r="C20707" t="s">
        <v>41337</v>
      </c>
    </row>
    <row r="20708" spans="1:3" x14ac:dyDescent="0.15">
      <c r="A20708">
        <v>4290</v>
      </c>
      <c r="B20708" t="s">
        <v>41338</v>
      </c>
      <c r="C20708" t="s">
        <v>41339</v>
      </c>
    </row>
    <row r="20709" spans="1:3" x14ac:dyDescent="0.15">
      <c r="A20709">
        <v>4289</v>
      </c>
      <c r="B20709" t="s">
        <v>41340</v>
      </c>
      <c r="C20709" t="s">
        <v>41341</v>
      </c>
    </row>
    <row r="20710" spans="1:3" x14ac:dyDescent="0.15">
      <c r="A20710">
        <v>4288</v>
      </c>
      <c r="B20710" t="s">
        <v>41342</v>
      </c>
      <c r="C20710" t="s">
        <v>41343</v>
      </c>
    </row>
    <row r="20711" spans="1:3" x14ac:dyDescent="0.15">
      <c r="A20711">
        <v>4287</v>
      </c>
      <c r="B20711" t="s">
        <v>41344</v>
      </c>
      <c r="C20711" t="s">
        <v>41345</v>
      </c>
    </row>
    <row r="20712" spans="1:3" x14ac:dyDescent="0.15">
      <c r="A20712">
        <v>4286</v>
      </c>
      <c r="B20712" t="s">
        <v>41346</v>
      </c>
      <c r="C20712" t="s">
        <v>41347</v>
      </c>
    </row>
    <row r="20713" spans="1:3" x14ac:dyDescent="0.15">
      <c r="A20713">
        <v>4285</v>
      </c>
      <c r="B20713" t="s">
        <v>41348</v>
      </c>
      <c r="C20713" t="s">
        <v>41349</v>
      </c>
    </row>
    <row r="20714" spans="1:3" x14ac:dyDescent="0.15">
      <c r="A20714">
        <v>4284</v>
      </c>
      <c r="B20714" t="s">
        <v>41350</v>
      </c>
      <c r="C20714" t="s">
        <v>41351</v>
      </c>
    </row>
    <row r="20715" spans="1:3" x14ac:dyDescent="0.15">
      <c r="A20715">
        <v>4283</v>
      </c>
      <c r="B20715" t="s">
        <v>41352</v>
      </c>
      <c r="C20715" t="s">
        <v>41353</v>
      </c>
    </row>
    <row r="20716" spans="1:3" x14ac:dyDescent="0.15">
      <c r="A20716">
        <v>4282</v>
      </c>
      <c r="B20716" t="s">
        <v>41354</v>
      </c>
      <c r="C20716" t="s">
        <v>41355</v>
      </c>
    </row>
    <row r="20717" spans="1:3" x14ac:dyDescent="0.15">
      <c r="A20717">
        <v>4281</v>
      </c>
      <c r="B20717" t="s">
        <v>41356</v>
      </c>
      <c r="C20717" t="s">
        <v>41357</v>
      </c>
    </row>
    <row r="20718" spans="1:3" x14ac:dyDescent="0.15">
      <c r="A20718">
        <v>4280</v>
      </c>
      <c r="B20718" t="s">
        <v>41358</v>
      </c>
      <c r="C20718" t="s">
        <v>41359</v>
      </c>
    </row>
    <row r="20719" spans="1:3" x14ac:dyDescent="0.15">
      <c r="A20719">
        <v>4279</v>
      </c>
      <c r="B20719" t="s">
        <v>41360</v>
      </c>
      <c r="C20719" t="s">
        <v>41361</v>
      </c>
    </row>
    <row r="20720" spans="1:3" x14ac:dyDescent="0.15">
      <c r="A20720">
        <v>4278</v>
      </c>
      <c r="B20720" t="s">
        <v>41362</v>
      </c>
      <c r="C20720" t="s">
        <v>41363</v>
      </c>
    </row>
    <row r="20721" spans="1:3" x14ac:dyDescent="0.15">
      <c r="A20721">
        <v>4277</v>
      </c>
      <c r="B20721" t="s">
        <v>41364</v>
      </c>
      <c r="C20721" t="s">
        <v>41365</v>
      </c>
    </row>
    <row r="20722" spans="1:3" x14ac:dyDescent="0.15">
      <c r="A20722">
        <v>4276</v>
      </c>
      <c r="B20722" t="s">
        <v>41366</v>
      </c>
      <c r="C20722" t="s">
        <v>41367</v>
      </c>
    </row>
    <row r="20723" spans="1:3" x14ac:dyDescent="0.15">
      <c r="A20723">
        <v>4275</v>
      </c>
      <c r="B20723" t="s">
        <v>41368</v>
      </c>
      <c r="C20723" t="s">
        <v>41369</v>
      </c>
    </row>
    <row r="20724" spans="1:3" x14ac:dyDescent="0.15">
      <c r="A20724">
        <v>4274</v>
      </c>
      <c r="B20724" t="s">
        <v>41370</v>
      </c>
      <c r="C20724" t="s">
        <v>41371</v>
      </c>
    </row>
    <row r="20725" spans="1:3" x14ac:dyDescent="0.15">
      <c r="A20725">
        <v>4273</v>
      </c>
      <c r="B20725" t="s">
        <v>41372</v>
      </c>
      <c r="C20725" t="s">
        <v>41373</v>
      </c>
    </row>
    <row r="20726" spans="1:3" x14ac:dyDescent="0.15">
      <c r="A20726">
        <v>4272</v>
      </c>
      <c r="B20726" t="s">
        <v>41374</v>
      </c>
      <c r="C20726" t="s">
        <v>41375</v>
      </c>
    </row>
    <row r="20727" spans="1:3" x14ac:dyDescent="0.15">
      <c r="A20727">
        <v>4271</v>
      </c>
      <c r="B20727" t="s">
        <v>41376</v>
      </c>
      <c r="C20727" t="s">
        <v>41377</v>
      </c>
    </row>
    <row r="20728" spans="1:3" x14ac:dyDescent="0.15">
      <c r="A20728">
        <v>4270</v>
      </c>
      <c r="B20728" t="s">
        <v>41378</v>
      </c>
      <c r="C20728" t="s">
        <v>41379</v>
      </c>
    </row>
    <row r="20729" spans="1:3" x14ac:dyDescent="0.15">
      <c r="A20729">
        <v>4269</v>
      </c>
      <c r="B20729" t="s">
        <v>41380</v>
      </c>
      <c r="C20729" t="s">
        <v>41381</v>
      </c>
    </row>
    <row r="20730" spans="1:3" x14ac:dyDescent="0.15">
      <c r="A20730">
        <v>4268</v>
      </c>
      <c r="B20730" t="s">
        <v>41382</v>
      </c>
      <c r="C20730" t="s">
        <v>41383</v>
      </c>
    </row>
    <row r="20731" spans="1:3" x14ac:dyDescent="0.15">
      <c r="A20731">
        <v>4267</v>
      </c>
      <c r="B20731" t="s">
        <v>41384</v>
      </c>
      <c r="C20731" t="s">
        <v>41385</v>
      </c>
    </row>
    <row r="20732" spans="1:3" x14ac:dyDescent="0.15">
      <c r="A20732">
        <v>4266</v>
      </c>
      <c r="B20732" t="s">
        <v>41386</v>
      </c>
      <c r="C20732" t="s">
        <v>41387</v>
      </c>
    </row>
    <row r="20733" spans="1:3" x14ac:dyDescent="0.15">
      <c r="A20733">
        <v>4265</v>
      </c>
      <c r="B20733" t="s">
        <v>41388</v>
      </c>
      <c r="C20733" t="s">
        <v>41389</v>
      </c>
    </row>
    <row r="20734" spans="1:3" x14ac:dyDescent="0.15">
      <c r="A20734">
        <v>4264</v>
      </c>
      <c r="B20734" t="s">
        <v>41390</v>
      </c>
      <c r="C20734" t="s">
        <v>41391</v>
      </c>
    </row>
    <row r="20735" spans="1:3" x14ac:dyDescent="0.15">
      <c r="A20735">
        <v>4263</v>
      </c>
      <c r="B20735" t="s">
        <v>41392</v>
      </c>
      <c r="C20735" t="s">
        <v>41393</v>
      </c>
    </row>
    <row r="20736" spans="1:3" x14ac:dyDescent="0.15">
      <c r="A20736">
        <v>4262</v>
      </c>
      <c r="B20736" t="s">
        <v>41394</v>
      </c>
      <c r="C20736" t="s">
        <v>41395</v>
      </c>
    </row>
    <row r="20737" spans="1:3" x14ac:dyDescent="0.15">
      <c r="A20737">
        <v>4261</v>
      </c>
      <c r="B20737" t="s">
        <v>41396</v>
      </c>
      <c r="C20737" t="s">
        <v>41397</v>
      </c>
    </row>
    <row r="20738" spans="1:3" x14ac:dyDescent="0.15">
      <c r="A20738">
        <v>4260</v>
      </c>
      <c r="B20738" t="s">
        <v>41398</v>
      </c>
      <c r="C20738" t="s">
        <v>41399</v>
      </c>
    </row>
    <row r="20739" spans="1:3" x14ac:dyDescent="0.15">
      <c r="A20739">
        <v>4259</v>
      </c>
      <c r="B20739" t="s">
        <v>41400</v>
      </c>
      <c r="C20739" t="s">
        <v>41401</v>
      </c>
    </row>
    <row r="20740" spans="1:3" x14ac:dyDescent="0.15">
      <c r="A20740">
        <v>4258</v>
      </c>
      <c r="B20740" t="s">
        <v>41402</v>
      </c>
      <c r="C20740" t="s">
        <v>41403</v>
      </c>
    </row>
    <row r="20741" spans="1:3" x14ac:dyDescent="0.15">
      <c r="A20741">
        <v>4257</v>
      </c>
      <c r="B20741" t="s">
        <v>41404</v>
      </c>
      <c r="C20741" t="s">
        <v>41405</v>
      </c>
    </row>
    <row r="20742" spans="1:3" x14ac:dyDescent="0.15">
      <c r="A20742">
        <v>4256</v>
      </c>
      <c r="B20742" t="s">
        <v>41406</v>
      </c>
      <c r="C20742" t="s">
        <v>41407</v>
      </c>
    </row>
    <row r="20743" spans="1:3" x14ac:dyDescent="0.15">
      <c r="A20743">
        <v>4255</v>
      </c>
      <c r="B20743" t="s">
        <v>41408</v>
      </c>
      <c r="C20743" t="s">
        <v>41409</v>
      </c>
    </row>
    <row r="20744" spans="1:3" x14ac:dyDescent="0.15">
      <c r="A20744">
        <v>4254</v>
      </c>
      <c r="B20744" t="s">
        <v>41410</v>
      </c>
      <c r="C20744" t="s">
        <v>41411</v>
      </c>
    </row>
    <row r="20745" spans="1:3" x14ac:dyDescent="0.15">
      <c r="A20745">
        <v>4253</v>
      </c>
      <c r="B20745" t="s">
        <v>41412</v>
      </c>
      <c r="C20745" t="s">
        <v>41413</v>
      </c>
    </row>
    <row r="20746" spans="1:3" x14ac:dyDescent="0.15">
      <c r="A20746">
        <v>4252</v>
      </c>
      <c r="B20746" t="s">
        <v>41414</v>
      </c>
      <c r="C20746" t="s">
        <v>41415</v>
      </c>
    </row>
    <row r="20747" spans="1:3" x14ac:dyDescent="0.15">
      <c r="A20747">
        <v>4251</v>
      </c>
      <c r="B20747" t="s">
        <v>41416</v>
      </c>
      <c r="C20747" t="s">
        <v>41417</v>
      </c>
    </row>
    <row r="20748" spans="1:3" x14ac:dyDescent="0.15">
      <c r="A20748">
        <v>4250</v>
      </c>
      <c r="B20748" t="s">
        <v>41418</v>
      </c>
      <c r="C20748" t="s">
        <v>41419</v>
      </c>
    </row>
    <row r="20749" spans="1:3" x14ac:dyDescent="0.15">
      <c r="A20749">
        <v>4249</v>
      </c>
      <c r="B20749" t="s">
        <v>41420</v>
      </c>
      <c r="C20749" t="s">
        <v>41421</v>
      </c>
    </row>
    <row r="20750" spans="1:3" x14ac:dyDescent="0.15">
      <c r="A20750">
        <v>4248</v>
      </c>
      <c r="B20750" t="s">
        <v>41422</v>
      </c>
      <c r="C20750" t="s">
        <v>41423</v>
      </c>
    </row>
    <row r="20751" spans="1:3" x14ac:dyDescent="0.15">
      <c r="A20751">
        <v>4247</v>
      </c>
      <c r="B20751" t="s">
        <v>41424</v>
      </c>
      <c r="C20751" t="s">
        <v>41425</v>
      </c>
    </row>
    <row r="20752" spans="1:3" x14ac:dyDescent="0.15">
      <c r="A20752">
        <v>4246</v>
      </c>
      <c r="B20752" t="s">
        <v>41426</v>
      </c>
      <c r="C20752" t="s">
        <v>41427</v>
      </c>
    </row>
    <row r="20753" spans="1:3" x14ac:dyDescent="0.15">
      <c r="A20753">
        <v>4245</v>
      </c>
      <c r="B20753" t="s">
        <v>41428</v>
      </c>
      <c r="C20753" t="s">
        <v>41429</v>
      </c>
    </row>
    <row r="20754" spans="1:3" x14ac:dyDescent="0.15">
      <c r="A20754">
        <v>4244</v>
      </c>
      <c r="B20754" t="s">
        <v>41430</v>
      </c>
      <c r="C20754" t="s">
        <v>41431</v>
      </c>
    </row>
    <row r="20755" spans="1:3" x14ac:dyDescent="0.15">
      <c r="A20755">
        <v>4243</v>
      </c>
      <c r="B20755" t="s">
        <v>41432</v>
      </c>
      <c r="C20755" t="s">
        <v>41433</v>
      </c>
    </row>
    <row r="20756" spans="1:3" x14ac:dyDescent="0.15">
      <c r="A20756">
        <v>4242</v>
      </c>
      <c r="B20756" t="s">
        <v>41434</v>
      </c>
      <c r="C20756" t="s">
        <v>41435</v>
      </c>
    </row>
    <row r="20757" spans="1:3" x14ac:dyDescent="0.15">
      <c r="A20757">
        <v>4241</v>
      </c>
      <c r="B20757" t="s">
        <v>41436</v>
      </c>
      <c r="C20757" t="s">
        <v>41437</v>
      </c>
    </row>
    <row r="20758" spans="1:3" x14ac:dyDescent="0.15">
      <c r="A20758">
        <v>4240</v>
      </c>
      <c r="B20758" t="s">
        <v>41438</v>
      </c>
      <c r="C20758" t="s">
        <v>41439</v>
      </c>
    </row>
    <row r="20759" spans="1:3" x14ac:dyDescent="0.15">
      <c r="A20759">
        <v>4239</v>
      </c>
      <c r="B20759" t="s">
        <v>41440</v>
      </c>
      <c r="C20759" t="s">
        <v>41441</v>
      </c>
    </row>
    <row r="20760" spans="1:3" x14ac:dyDescent="0.15">
      <c r="A20760">
        <v>4238</v>
      </c>
      <c r="B20760" t="s">
        <v>41442</v>
      </c>
      <c r="C20760" t="s">
        <v>41443</v>
      </c>
    </row>
    <row r="20761" spans="1:3" x14ac:dyDescent="0.15">
      <c r="A20761">
        <v>4237</v>
      </c>
      <c r="B20761" t="s">
        <v>41444</v>
      </c>
      <c r="C20761" t="s">
        <v>41445</v>
      </c>
    </row>
    <row r="20762" spans="1:3" x14ac:dyDescent="0.15">
      <c r="A20762">
        <v>4236</v>
      </c>
      <c r="B20762" t="s">
        <v>41446</v>
      </c>
      <c r="C20762" t="s">
        <v>41447</v>
      </c>
    </row>
    <row r="20763" spans="1:3" x14ac:dyDescent="0.15">
      <c r="A20763">
        <v>4235</v>
      </c>
      <c r="B20763" t="s">
        <v>41448</v>
      </c>
      <c r="C20763" t="s">
        <v>41449</v>
      </c>
    </row>
    <row r="20764" spans="1:3" x14ac:dyDescent="0.15">
      <c r="A20764">
        <v>4234</v>
      </c>
      <c r="B20764" t="s">
        <v>41450</v>
      </c>
      <c r="C20764" t="s">
        <v>41451</v>
      </c>
    </row>
    <row r="20765" spans="1:3" x14ac:dyDescent="0.15">
      <c r="A20765">
        <v>4233</v>
      </c>
      <c r="B20765" t="s">
        <v>41452</v>
      </c>
      <c r="C20765" t="s">
        <v>41453</v>
      </c>
    </row>
    <row r="20766" spans="1:3" x14ac:dyDescent="0.15">
      <c r="A20766">
        <v>4232</v>
      </c>
      <c r="B20766" t="s">
        <v>41454</v>
      </c>
      <c r="C20766" t="s">
        <v>41455</v>
      </c>
    </row>
    <row r="20767" spans="1:3" x14ac:dyDescent="0.15">
      <c r="A20767">
        <v>4231</v>
      </c>
      <c r="B20767" t="s">
        <v>41456</v>
      </c>
      <c r="C20767" t="s">
        <v>41457</v>
      </c>
    </row>
    <row r="20768" spans="1:3" x14ac:dyDescent="0.15">
      <c r="A20768">
        <v>4230</v>
      </c>
      <c r="B20768" t="s">
        <v>41458</v>
      </c>
      <c r="C20768" t="s">
        <v>41459</v>
      </c>
    </row>
    <row r="20769" spans="1:3" x14ac:dyDescent="0.15">
      <c r="A20769">
        <v>4229</v>
      </c>
      <c r="B20769" t="s">
        <v>41460</v>
      </c>
      <c r="C20769" t="s">
        <v>41461</v>
      </c>
    </row>
    <row r="20770" spans="1:3" x14ac:dyDescent="0.15">
      <c r="A20770">
        <v>4228</v>
      </c>
      <c r="B20770" t="s">
        <v>41462</v>
      </c>
      <c r="C20770" t="s">
        <v>41463</v>
      </c>
    </row>
    <row r="20771" spans="1:3" x14ac:dyDescent="0.15">
      <c r="A20771">
        <v>4227</v>
      </c>
      <c r="B20771" t="s">
        <v>41464</v>
      </c>
      <c r="C20771" t="s">
        <v>41465</v>
      </c>
    </row>
    <row r="20772" spans="1:3" x14ac:dyDescent="0.15">
      <c r="A20772">
        <v>4226</v>
      </c>
      <c r="B20772" t="s">
        <v>41466</v>
      </c>
      <c r="C20772" t="s">
        <v>41467</v>
      </c>
    </row>
    <row r="20773" spans="1:3" x14ac:dyDescent="0.15">
      <c r="A20773">
        <v>4225</v>
      </c>
      <c r="B20773" t="s">
        <v>41468</v>
      </c>
      <c r="C20773" t="s">
        <v>41469</v>
      </c>
    </row>
    <row r="20774" spans="1:3" x14ac:dyDescent="0.15">
      <c r="A20774">
        <v>4224</v>
      </c>
      <c r="B20774" t="s">
        <v>41470</v>
      </c>
      <c r="C20774" t="s">
        <v>41471</v>
      </c>
    </row>
    <row r="20775" spans="1:3" x14ac:dyDescent="0.15">
      <c r="A20775">
        <v>4223</v>
      </c>
      <c r="B20775" t="s">
        <v>41472</v>
      </c>
      <c r="C20775" t="s">
        <v>41473</v>
      </c>
    </row>
    <row r="20776" spans="1:3" x14ac:dyDescent="0.15">
      <c r="A20776">
        <v>4222</v>
      </c>
      <c r="B20776" t="s">
        <v>41474</v>
      </c>
      <c r="C20776" t="s">
        <v>41475</v>
      </c>
    </row>
    <row r="20777" spans="1:3" x14ac:dyDescent="0.15">
      <c r="A20777">
        <v>4221</v>
      </c>
      <c r="B20777" t="s">
        <v>41476</v>
      </c>
      <c r="C20777" t="s">
        <v>41477</v>
      </c>
    </row>
    <row r="20778" spans="1:3" x14ac:dyDescent="0.15">
      <c r="A20778">
        <v>4220</v>
      </c>
      <c r="B20778" t="s">
        <v>41478</v>
      </c>
      <c r="C20778" t="s">
        <v>41479</v>
      </c>
    </row>
    <row r="20779" spans="1:3" x14ac:dyDescent="0.15">
      <c r="A20779">
        <v>4219</v>
      </c>
      <c r="B20779" t="s">
        <v>41480</v>
      </c>
      <c r="C20779" t="s">
        <v>41481</v>
      </c>
    </row>
    <row r="20780" spans="1:3" x14ac:dyDescent="0.15">
      <c r="A20780">
        <v>4218</v>
      </c>
      <c r="B20780" t="s">
        <v>41482</v>
      </c>
      <c r="C20780" t="s">
        <v>41483</v>
      </c>
    </row>
    <row r="20781" spans="1:3" x14ac:dyDescent="0.15">
      <c r="A20781">
        <v>4217</v>
      </c>
      <c r="B20781" t="s">
        <v>41484</v>
      </c>
      <c r="C20781" t="s">
        <v>41485</v>
      </c>
    </row>
    <row r="20782" spans="1:3" x14ac:dyDescent="0.15">
      <c r="A20782">
        <v>4216</v>
      </c>
      <c r="B20782" t="s">
        <v>41486</v>
      </c>
      <c r="C20782" t="s">
        <v>41487</v>
      </c>
    </row>
    <row r="20783" spans="1:3" x14ac:dyDescent="0.15">
      <c r="A20783">
        <v>4215</v>
      </c>
      <c r="B20783" t="s">
        <v>41488</v>
      </c>
      <c r="C20783" t="s">
        <v>41489</v>
      </c>
    </row>
    <row r="20784" spans="1:3" x14ac:dyDescent="0.15">
      <c r="A20784">
        <v>4214</v>
      </c>
      <c r="B20784" t="s">
        <v>41490</v>
      </c>
      <c r="C20784" t="s">
        <v>41491</v>
      </c>
    </row>
    <row r="20785" spans="1:3" x14ac:dyDescent="0.15">
      <c r="A20785">
        <v>4213</v>
      </c>
      <c r="B20785" t="s">
        <v>41492</v>
      </c>
      <c r="C20785" t="s">
        <v>41493</v>
      </c>
    </row>
    <row r="20786" spans="1:3" x14ac:dyDescent="0.15">
      <c r="A20786">
        <v>4212</v>
      </c>
      <c r="B20786" t="s">
        <v>41494</v>
      </c>
      <c r="C20786" t="s">
        <v>41495</v>
      </c>
    </row>
    <row r="20787" spans="1:3" x14ac:dyDescent="0.15">
      <c r="A20787">
        <v>4211</v>
      </c>
      <c r="B20787" t="s">
        <v>41496</v>
      </c>
      <c r="C20787" t="s">
        <v>41497</v>
      </c>
    </row>
    <row r="20788" spans="1:3" x14ac:dyDescent="0.15">
      <c r="A20788">
        <v>4210</v>
      </c>
      <c r="B20788" t="s">
        <v>41498</v>
      </c>
      <c r="C20788" t="s">
        <v>41499</v>
      </c>
    </row>
    <row r="20789" spans="1:3" x14ac:dyDescent="0.15">
      <c r="A20789">
        <v>4209</v>
      </c>
      <c r="B20789" t="s">
        <v>41500</v>
      </c>
      <c r="C20789" t="s">
        <v>41501</v>
      </c>
    </row>
    <row r="20790" spans="1:3" x14ac:dyDescent="0.15">
      <c r="A20790">
        <v>4208</v>
      </c>
      <c r="B20790" t="s">
        <v>41502</v>
      </c>
      <c r="C20790" t="s">
        <v>41503</v>
      </c>
    </row>
    <row r="20791" spans="1:3" x14ac:dyDescent="0.15">
      <c r="A20791">
        <v>4207</v>
      </c>
      <c r="B20791" t="s">
        <v>41504</v>
      </c>
      <c r="C20791" t="s">
        <v>41505</v>
      </c>
    </row>
    <row r="20792" spans="1:3" x14ac:dyDescent="0.15">
      <c r="A20792">
        <v>4206</v>
      </c>
      <c r="B20792" t="s">
        <v>41506</v>
      </c>
      <c r="C20792" t="s">
        <v>41507</v>
      </c>
    </row>
    <row r="20793" spans="1:3" x14ac:dyDescent="0.15">
      <c r="A20793">
        <v>4205</v>
      </c>
      <c r="B20793" t="s">
        <v>41508</v>
      </c>
      <c r="C20793" t="s">
        <v>41509</v>
      </c>
    </row>
    <row r="20794" spans="1:3" x14ac:dyDescent="0.15">
      <c r="A20794">
        <v>4204</v>
      </c>
      <c r="B20794" t="s">
        <v>41510</v>
      </c>
      <c r="C20794" t="s">
        <v>41511</v>
      </c>
    </row>
    <row r="20795" spans="1:3" x14ac:dyDescent="0.15">
      <c r="A20795">
        <v>4203</v>
      </c>
      <c r="B20795" t="s">
        <v>41512</v>
      </c>
      <c r="C20795" t="s">
        <v>41513</v>
      </c>
    </row>
    <row r="20796" spans="1:3" x14ac:dyDescent="0.15">
      <c r="A20796">
        <v>4202</v>
      </c>
      <c r="B20796" t="s">
        <v>41514</v>
      </c>
      <c r="C20796" t="s">
        <v>41515</v>
      </c>
    </row>
    <row r="20797" spans="1:3" x14ac:dyDescent="0.15">
      <c r="A20797">
        <v>4201</v>
      </c>
      <c r="B20797" t="s">
        <v>41516</v>
      </c>
      <c r="C20797" t="s">
        <v>41517</v>
      </c>
    </row>
    <row r="20798" spans="1:3" x14ac:dyDescent="0.15">
      <c r="A20798">
        <v>4200</v>
      </c>
      <c r="B20798" t="s">
        <v>41518</v>
      </c>
      <c r="C20798" t="s">
        <v>41519</v>
      </c>
    </row>
    <row r="20799" spans="1:3" x14ac:dyDescent="0.15">
      <c r="A20799">
        <v>4199</v>
      </c>
      <c r="B20799" t="s">
        <v>41520</v>
      </c>
      <c r="C20799" t="s">
        <v>41521</v>
      </c>
    </row>
    <row r="20800" spans="1:3" x14ac:dyDescent="0.15">
      <c r="A20800">
        <v>4198</v>
      </c>
      <c r="B20800" t="s">
        <v>41522</v>
      </c>
      <c r="C20800" t="s">
        <v>41523</v>
      </c>
    </row>
    <row r="20801" spans="1:3" x14ac:dyDescent="0.15">
      <c r="A20801">
        <v>4197</v>
      </c>
      <c r="B20801" t="s">
        <v>41524</v>
      </c>
      <c r="C20801" t="s">
        <v>41525</v>
      </c>
    </row>
    <row r="20802" spans="1:3" x14ac:dyDescent="0.15">
      <c r="A20802">
        <v>4196</v>
      </c>
      <c r="B20802" t="s">
        <v>41526</v>
      </c>
      <c r="C20802" t="s">
        <v>41527</v>
      </c>
    </row>
    <row r="20803" spans="1:3" x14ac:dyDescent="0.15">
      <c r="A20803">
        <v>4195</v>
      </c>
      <c r="B20803" t="s">
        <v>41528</v>
      </c>
      <c r="C20803" t="s">
        <v>41529</v>
      </c>
    </row>
    <row r="20804" spans="1:3" x14ac:dyDescent="0.15">
      <c r="A20804">
        <v>4194</v>
      </c>
      <c r="B20804" t="s">
        <v>41530</v>
      </c>
      <c r="C20804" t="s">
        <v>41531</v>
      </c>
    </row>
    <row r="20805" spans="1:3" x14ac:dyDescent="0.15">
      <c r="A20805">
        <v>4193</v>
      </c>
      <c r="B20805" t="s">
        <v>41532</v>
      </c>
      <c r="C20805" t="s">
        <v>41533</v>
      </c>
    </row>
    <row r="20806" spans="1:3" x14ac:dyDescent="0.15">
      <c r="A20806">
        <v>4192</v>
      </c>
      <c r="B20806" t="s">
        <v>41534</v>
      </c>
      <c r="C20806" t="s">
        <v>41535</v>
      </c>
    </row>
    <row r="20807" spans="1:3" x14ac:dyDescent="0.15">
      <c r="A20807">
        <v>4191</v>
      </c>
      <c r="B20807" t="s">
        <v>41536</v>
      </c>
      <c r="C20807" t="s">
        <v>41537</v>
      </c>
    </row>
    <row r="20808" spans="1:3" x14ac:dyDescent="0.15">
      <c r="A20808">
        <v>4190</v>
      </c>
      <c r="B20808" t="s">
        <v>41538</v>
      </c>
      <c r="C20808" t="s">
        <v>41539</v>
      </c>
    </row>
    <row r="20809" spans="1:3" x14ac:dyDescent="0.15">
      <c r="A20809">
        <v>4189</v>
      </c>
      <c r="B20809" t="s">
        <v>41540</v>
      </c>
      <c r="C20809" t="s">
        <v>41541</v>
      </c>
    </row>
    <row r="20810" spans="1:3" x14ac:dyDescent="0.15">
      <c r="A20810">
        <v>4188</v>
      </c>
      <c r="B20810" t="s">
        <v>41542</v>
      </c>
      <c r="C20810" t="s">
        <v>41543</v>
      </c>
    </row>
    <row r="20811" spans="1:3" x14ac:dyDescent="0.15">
      <c r="A20811">
        <v>4187</v>
      </c>
      <c r="B20811" t="s">
        <v>41544</v>
      </c>
      <c r="C20811" t="s">
        <v>41545</v>
      </c>
    </row>
    <row r="20812" spans="1:3" x14ac:dyDescent="0.15">
      <c r="A20812">
        <v>4186</v>
      </c>
      <c r="B20812" t="s">
        <v>41546</v>
      </c>
      <c r="C20812" t="s">
        <v>41547</v>
      </c>
    </row>
    <row r="20813" spans="1:3" x14ac:dyDescent="0.15">
      <c r="A20813">
        <v>4185</v>
      </c>
      <c r="B20813" t="s">
        <v>41548</v>
      </c>
      <c r="C20813" t="s">
        <v>41549</v>
      </c>
    </row>
    <row r="20814" spans="1:3" x14ac:dyDescent="0.15">
      <c r="A20814">
        <v>4184</v>
      </c>
      <c r="B20814" t="s">
        <v>41550</v>
      </c>
      <c r="C20814" t="s">
        <v>41551</v>
      </c>
    </row>
    <row r="20815" spans="1:3" x14ac:dyDescent="0.15">
      <c r="A20815">
        <v>4183</v>
      </c>
      <c r="B20815" t="s">
        <v>41552</v>
      </c>
      <c r="C20815" t="s">
        <v>41553</v>
      </c>
    </row>
    <row r="20816" spans="1:3" x14ac:dyDescent="0.15">
      <c r="A20816">
        <v>4182</v>
      </c>
      <c r="B20816" t="s">
        <v>41554</v>
      </c>
      <c r="C20816" t="s">
        <v>41555</v>
      </c>
    </row>
    <row r="20817" spans="1:3" x14ac:dyDescent="0.15">
      <c r="A20817">
        <v>4181</v>
      </c>
      <c r="B20817" t="s">
        <v>41556</v>
      </c>
      <c r="C20817" t="s">
        <v>41557</v>
      </c>
    </row>
    <row r="20818" spans="1:3" x14ac:dyDescent="0.15">
      <c r="A20818">
        <v>4180</v>
      </c>
      <c r="B20818" t="s">
        <v>41558</v>
      </c>
      <c r="C20818" t="s">
        <v>41559</v>
      </c>
    </row>
    <row r="20819" spans="1:3" x14ac:dyDescent="0.15">
      <c r="A20819">
        <v>4179</v>
      </c>
      <c r="B20819" t="s">
        <v>41560</v>
      </c>
      <c r="C20819" t="s">
        <v>41561</v>
      </c>
    </row>
    <row r="20820" spans="1:3" x14ac:dyDescent="0.15">
      <c r="A20820">
        <v>4178</v>
      </c>
      <c r="B20820" t="s">
        <v>41562</v>
      </c>
      <c r="C20820" t="s">
        <v>41563</v>
      </c>
    </row>
    <row r="20821" spans="1:3" x14ac:dyDescent="0.15">
      <c r="A20821">
        <v>4177</v>
      </c>
      <c r="B20821" t="s">
        <v>41564</v>
      </c>
      <c r="C20821" t="s">
        <v>41565</v>
      </c>
    </row>
    <row r="20822" spans="1:3" x14ac:dyDescent="0.15">
      <c r="A20822">
        <v>4176</v>
      </c>
      <c r="B20822" t="s">
        <v>41566</v>
      </c>
      <c r="C20822" t="s">
        <v>41567</v>
      </c>
    </row>
    <row r="20823" spans="1:3" x14ac:dyDescent="0.15">
      <c r="A20823">
        <v>4175</v>
      </c>
      <c r="B20823" t="s">
        <v>41568</v>
      </c>
      <c r="C20823" t="s">
        <v>41569</v>
      </c>
    </row>
    <row r="20824" spans="1:3" x14ac:dyDescent="0.15">
      <c r="A20824">
        <v>4174</v>
      </c>
      <c r="B20824" t="s">
        <v>41570</v>
      </c>
      <c r="C20824" t="s">
        <v>41571</v>
      </c>
    </row>
    <row r="20825" spans="1:3" x14ac:dyDescent="0.15">
      <c r="A20825">
        <v>4173</v>
      </c>
      <c r="B20825" t="s">
        <v>41572</v>
      </c>
      <c r="C20825" t="s">
        <v>41573</v>
      </c>
    </row>
    <row r="20826" spans="1:3" x14ac:dyDescent="0.15">
      <c r="A20826">
        <v>4172</v>
      </c>
      <c r="B20826" t="s">
        <v>41574</v>
      </c>
      <c r="C20826" t="s">
        <v>41575</v>
      </c>
    </row>
    <row r="20827" spans="1:3" x14ac:dyDescent="0.15">
      <c r="A20827">
        <v>4171</v>
      </c>
      <c r="B20827" t="s">
        <v>41576</v>
      </c>
      <c r="C20827" t="s">
        <v>41577</v>
      </c>
    </row>
    <row r="20828" spans="1:3" x14ac:dyDescent="0.15">
      <c r="A20828">
        <v>4170</v>
      </c>
      <c r="B20828" t="s">
        <v>41578</v>
      </c>
      <c r="C20828" t="s">
        <v>41579</v>
      </c>
    </row>
    <row r="20829" spans="1:3" x14ac:dyDescent="0.15">
      <c r="A20829">
        <v>4169</v>
      </c>
      <c r="B20829" t="s">
        <v>41580</v>
      </c>
      <c r="C20829" t="s">
        <v>41581</v>
      </c>
    </row>
    <row r="20830" spans="1:3" x14ac:dyDescent="0.15">
      <c r="A20830">
        <v>4168</v>
      </c>
      <c r="B20830" t="s">
        <v>41582</v>
      </c>
      <c r="C20830" t="s">
        <v>41583</v>
      </c>
    </row>
    <row r="20831" spans="1:3" x14ac:dyDescent="0.15">
      <c r="A20831">
        <v>4167</v>
      </c>
      <c r="B20831" t="s">
        <v>41584</v>
      </c>
      <c r="C20831" t="s">
        <v>41585</v>
      </c>
    </row>
    <row r="20832" spans="1:3" x14ac:dyDescent="0.15">
      <c r="A20832">
        <v>4166</v>
      </c>
      <c r="B20832" t="s">
        <v>41586</v>
      </c>
      <c r="C20832" t="s">
        <v>41587</v>
      </c>
    </row>
    <row r="20833" spans="1:3" x14ac:dyDescent="0.15">
      <c r="A20833">
        <v>4165</v>
      </c>
      <c r="B20833" t="s">
        <v>41588</v>
      </c>
      <c r="C20833" t="s">
        <v>41589</v>
      </c>
    </row>
    <row r="20834" spans="1:3" x14ac:dyDescent="0.15">
      <c r="A20834">
        <v>4164</v>
      </c>
      <c r="B20834" t="s">
        <v>41590</v>
      </c>
      <c r="C20834" t="s">
        <v>41591</v>
      </c>
    </row>
    <row r="20835" spans="1:3" x14ac:dyDescent="0.15">
      <c r="A20835">
        <v>4163</v>
      </c>
      <c r="B20835" t="s">
        <v>41592</v>
      </c>
      <c r="C20835" t="s">
        <v>41593</v>
      </c>
    </row>
    <row r="20836" spans="1:3" x14ac:dyDescent="0.15">
      <c r="A20836">
        <v>4162</v>
      </c>
      <c r="B20836" t="s">
        <v>41594</v>
      </c>
      <c r="C20836" t="s">
        <v>41595</v>
      </c>
    </row>
    <row r="20837" spans="1:3" x14ac:dyDescent="0.15">
      <c r="A20837">
        <v>4161</v>
      </c>
      <c r="B20837" t="s">
        <v>41596</v>
      </c>
      <c r="C20837" t="s">
        <v>41597</v>
      </c>
    </row>
    <row r="20838" spans="1:3" x14ac:dyDescent="0.15">
      <c r="A20838">
        <v>4160</v>
      </c>
      <c r="B20838" t="s">
        <v>41598</v>
      </c>
      <c r="C20838" t="s">
        <v>41599</v>
      </c>
    </row>
    <row r="20839" spans="1:3" x14ac:dyDescent="0.15">
      <c r="A20839">
        <v>4159</v>
      </c>
      <c r="B20839" t="s">
        <v>41600</v>
      </c>
      <c r="C20839" t="s">
        <v>41601</v>
      </c>
    </row>
    <row r="20840" spans="1:3" x14ac:dyDescent="0.15">
      <c r="A20840">
        <v>4158</v>
      </c>
      <c r="B20840" t="s">
        <v>41602</v>
      </c>
      <c r="C20840" t="s">
        <v>41603</v>
      </c>
    </row>
    <row r="20841" spans="1:3" x14ac:dyDescent="0.15">
      <c r="A20841">
        <v>4157</v>
      </c>
      <c r="B20841" t="s">
        <v>41604</v>
      </c>
      <c r="C20841" t="s">
        <v>41605</v>
      </c>
    </row>
    <row r="20842" spans="1:3" x14ac:dyDescent="0.15">
      <c r="A20842">
        <v>4156</v>
      </c>
      <c r="B20842" t="s">
        <v>41606</v>
      </c>
      <c r="C20842" t="s">
        <v>41607</v>
      </c>
    </row>
    <row r="20843" spans="1:3" x14ac:dyDescent="0.15">
      <c r="A20843">
        <v>4155</v>
      </c>
      <c r="B20843" t="s">
        <v>41608</v>
      </c>
      <c r="C20843" t="s">
        <v>41609</v>
      </c>
    </row>
    <row r="20844" spans="1:3" x14ac:dyDescent="0.15">
      <c r="A20844">
        <v>4154</v>
      </c>
      <c r="B20844" t="s">
        <v>41610</v>
      </c>
      <c r="C20844" t="s">
        <v>41611</v>
      </c>
    </row>
    <row r="20845" spans="1:3" x14ac:dyDescent="0.15">
      <c r="A20845">
        <v>4153</v>
      </c>
      <c r="B20845" t="s">
        <v>41612</v>
      </c>
      <c r="C20845" t="s">
        <v>41613</v>
      </c>
    </row>
    <row r="20846" spans="1:3" x14ac:dyDescent="0.15">
      <c r="A20846">
        <v>4152</v>
      </c>
      <c r="B20846" t="s">
        <v>41614</v>
      </c>
      <c r="C20846" t="s">
        <v>41615</v>
      </c>
    </row>
    <row r="20847" spans="1:3" x14ac:dyDescent="0.15">
      <c r="A20847">
        <v>4151</v>
      </c>
      <c r="B20847" t="s">
        <v>41616</v>
      </c>
      <c r="C20847" t="s">
        <v>41617</v>
      </c>
    </row>
    <row r="20848" spans="1:3" x14ac:dyDescent="0.15">
      <c r="A20848">
        <v>4150</v>
      </c>
      <c r="B20848" t="s">
        <v>41618</v>
      </c>
      <c r="C20848" t="s">
        <v>41619</v>
      </c>
    </row>
    <row r="20849" spans="1:3" x14ac:dyDescent="0.15">
      <c r="A20849">
        <v>4149</v>
      </c>
      <c r="B20849" t="s">
        <v>41620</v>
      </c>
      <c r="C20849" t="s">
        <v>41621</v>
      </c>
    </row>
    <row r="20850" spans="1:3" x14ac:dyDescent="0.15">
      <c r="A20850">
        <v>4148</v>
      </c>
      <c r="B20850" t="s">
        <v>41622</v>
      </c>
      <c r="C20850" t="s">
        <v>41623</v>
      </c>
    </row>
    <row r="20851" spans="1:3" x14ac:dyDescent="0.15">
      <c r="A20851">
        <v>4147</v>
      </c>
      <c r="B20851" t="s">
        <v>41624</v>
      </c>
      <c r="C20851" t="s">
        <v>41625</v>
      </c>
    </row>
    <row r="20852" spans="1:3" x14ac:dyDescent="0.15">
      <c r="A20852">
        <v>4146</v>
      </c>
      <c r="B20852" t="s">
        <v>41626</v>
      </c>
      <c r="C20852" t="s">
        <v>41627</v>
      </c>
    </row>
    <row r="20853" spans="1:3" x14ac:dyDescent="0.15">
      <c r="A20853">
        <v>4145</v>
      </c>
      <c r="B20853" t="s">
        <v>41628</v>
      </c>
      <c r="C20853" t="s">
        <v>41629</v>
      </c>
    </row>
    <row r="20854" spans="1:3" x14ac:dyDescent="0.15">
      <c r="A20854">
        <v>4144</v>
      </c>
      <c r="B20854" t="s">
        <v>41630</v>
      </c>
      <c r="C20854" t="s">
        <v>41631</v>
      </c>
    </row>
    <row r="20855" spans="1:3" x14ac:dyDescent="0.15">
      <c r="A20855">
        <v>4143</v>
      </c>
      <c r="B20855" t="s">
        <v>41632</v>
      </c>
      <c r="C20855" t="s">
        <v>41633</v>
      </c>
    </row>
    <row r="20856" spans="1:3" x14ac:dyDescent="0.15">
      <c r="A20856">
        <v>4142</v>
      </c>
      <c r="B20856" t="s">
        <v>41634</v>
      </c>
      <c r="C20856" t="s">
        <v>41635</v>
      </c>
    </row>
    <row r="20857" spans="1:3" x14ac:dyDescent="0.15">
      <c r="A20857">
        <v>4141</v>
      </c>
      <c r="B20857" t="s">
        <v>41636</v>
      </c>
      <c r="C20857" t="s">
        <v>41637</v>
      </c>
    </row>
    <row r="20858" spans="1:3" x14ac:dyDescent="0.15">
      <c r="A20858">
        <v>4140</v>
      </c>
      <c r="B20858" t="s">
        <v>41638</v>
      </c>
      <c r="C20858" t="s">
        <v>41639</v>
      </c>
    </row>
    <row r="20859" spans="1:3" x14ac:dyDescent="0.15">
      <c r="A20859">
        <v>4139</v>
      </c>
      <c r="B20859" t="s">
        <v>41640</v>
      </c>
      <c r="C20859" t="s">
        <v>41641</v>
      </c>
    </row>
    <row r="20860" spans="1:3" x14ac:dyDescent="0.15">
      <c r="A20860">
        <v>4138</v>
      </c>
      <c r="B20860" t="s">
        <v>41642</v>
      </c>
      <c r="C20860" t="s">
        <v>41643</v>
      </c>
    </row>
    <row r="20861" spans="1:3" x14ac:dyDescent="0.15">
      <c r="A20861">
        <v>4137</v>
      </c>
      <c r="B20861" t="s">
        <v>41644</v>
      </c>
      <c r="C20861" t="s">
        <v>41645</v>
      </c>
    </row>
    <row r="20862" spans="1:3" x14ac:dyDescent="0.15">
      <c r="A20862">
        <v>4136</v>
      </c>
      <c r="B20862" t="s">
        <v>41646</v>
      </c>
      <c r="C20862" t="s">
        <v>41647</v>
      </c>
    </row>
    <row r="20863" spans="1:3" x14ac:dyDescent="0.15">
      <c r="A20863">
        <v>4135</v>
      </c>
      <c r="B20863" t="s">
        <v>41648</v>
      </c>
      <c r="C20863" t="s">
        <v>41649</v>
      </c>
    </row>
    <row r="20864" spans="1:3" x14ac:dyDescent="0.15">
      <c r="A20864">
        <v>4134</v>
      </c>
      <c r="B20864" t="s">
        <v>41650</v>
      </c>
      <c r="C20864" t="s">
        <v>41651</v>
      </c>
    </row>
    <row r="20865" spans="1:3" x14ac:dyDescent="0.15">
      <c r="A20865">
        <v>4133</v>
      </c>
      <c r="B20865" t="s">
        <v>41652</v>
      </c>
      <c r="C20865" t="s">
        <v>41653</v>
      </c>
    </row>
    <row r="20866" spans="1:3" x14ac:dyDescent="0.15">
      <c r="A20866">
        <v>4132</v>
      </c>
      <c r="B20866" t="s">
        <v>41654</v>
      </c>
      <c r="C20866" t="s">
        <v>491</v>
      </c>
    </row>
    <row r="20867" spans="1:3" x14ac:dyDescent="0.15">
      <c r="A20867">
        <v>4131</v>
      </c>
      <c r="B20867" t="s">
        <v>41655</v>
      </c>
      <c r="C20867" t="s">
        <v>41656</v>
      </c>
    </row>
    <row r="20868" spans="1:3" x14ac:dyDescent="0.15">
      <c r="A20868">
        <v>4130</v>
      </c>
      <c r="B20868" t="s">
        <v>41657</v>
      </c>
      <c r="C20868" t="s">
        <v>41658</v>
      </c>
    </row>
    <row r="20869" spans="1:3" x14ac:dyDescent="0.15">
      <c r="A20869">
        <v>4129</v>
      </c>
      <c r="B20869" t="s">
        <v>41659</v>
      </c>
      <c r="C20869" t="s">
        <v>41660</v>
      </c>
    </row>
    <row r="20870" spans="1:3" x14ac:dyDescent="0.15">
      <c r="A20870">
        <v>4128</v>
      </c>
      <c r="B20870" t="s">
        <v>41661</v>
      </c>
      <c r="C20870" t="s">
        <v>41662</v>
      </c>
    </row>
    <row r="20871" spans="1:3" x14ac:dyDescent="0.15">
      <c r="A20871">
        <v>4127</v>
      </c>
      <c r="B20871" t="s">
        <v>41663</v>
      </c>
      <c r="C20871" t="s">
        <v>41664</v>
      </c>
    </row>
    <row r="20872" spans="1:3" x14ac:dyDescent="0.15">
      <c r="A20872">
        <v>4126</v>
      </c>
      <c r="B20872" t="s">
        <v>41665</v>
      </c>
      <c r="C20872" t="s">
        <v>41666</v>
      </c>
    </row>
    <row r="20873" spans="1:3" x14ac:dyDescent="0.15">
      <c r="A20873">
        <v>4125</v>
      </c>
      <c r="B20873" t="s">
        <v>41667</v>
      </c>
      <c r="C20873" t="s">
        <v>41668</v>
      </c>
    </row>
    <row r="20874" spans="1:3" x14ac:dyDescent="0.15">
      <c r="A20874">
        <v>4124</v>
      </c>
      <c r="B20874" t="s">
        <v>41669</v>
      </c>
      <c r="C20874" t="s">
        <v>41670</v>
      </c>
    </row>
    <row r="20875" spans="1:3" x14ac:dyDescent="0.15">
      <c r="A20875">
        <v>4123</v>
      </c>
      <c r="B20875" t="s">
        <v>41671</v>
      </c>
      <c r="C20875" t="s">
        <v>41672</v>
      </c>
    </row>
    <row r="20876" spans="1:3" x14ac:dyDescent="0.15">
      <c r="A20876">
        <v>4122</v>
      </c>
      <c r="B20876" t="s">
        <v>41673</v>
      </c>
      <c r="C20876" t="s">
        <v>41674</v>
      </c>
    </row>
    <row r="20877" spans="1:3" x14ac:dyDescent="0.15">
      <c r="A20877">
        <v>4121</v>
      </c>
      <c r="B20877" t="s">
        <v>41675</v>
      </c>
      <c r="C20877" t="s">
        <v>41676</v>
      </c>
    </row>
    <row r="20878" spans="1:3" x14ac:dyDescent="0.15">
      <c r="A20878">
        <v>4120</v>
      </c>
      <c r="B20878" t="s">
        <v>41677</v>
      </c>
      <c r="C20878" t="s">
        <v>41678</v>
      </c>
    </row>
    <row r="20879" spans="1:3" x14ac:dyDescent="0.15">
      <c r="A20879">
        <v>4119</v>
      </c>
      <c r="B20879" t="s">
        <v>41679</v>
      </c>
      <c r="C20879" t="s">
        <v>41680</v>
      </c>
    </row>
    <row r="20880" spans="1:3" x14ac:dyDescent="0.15">
      <c r="A20880">
        <v>4118</v>
      </c>
      <c r="B20880" t="s">
        <v>41681</v>
      </c>
      <c r="C20880" t="s">
        <v>41682</v>
      </c>
    </row>
    <row r="20881" spans="1:3" x14ac:dyDescent="0.15">
      <c r="A20881">
        <v>4117</v>
      </c>
      <c r="B20881" t="s">
        <v>41683</v>
      </c>
      <c r="C20881" t="s">
        <v>41684</v>
      </c>
    </row>
    <row r="20882" spans="1:3" x14ac:dyDescent="0.15">
      <c r="A20882">
        <v>4116</v>
      </c>
      <c r="B20882" t="s">
        <v>41685</v>
      </c>
      <c r="C20882" t="s">
        <v>41686</v>
      </c>
    </row>
    <row r="20883" spans="1:3" x14ac:dyDescent="0.15">
      <c r="A20883">
        <v>4115</v>
      </c>
      <c r="B20883" t="s">
        <v>41687</v>
      </c>
      <c r="C20883" t="s">
        <v>41688</v>
      </c>
    </row>
    <row r="20884" spans="1:3" x14ac:dyDescent="0.15">
      <c r="A20884">
        <v>4114</v>
      </c>
      <c r="B20884" t="s">
        <v>41689</v>
      </c>
      <c r="C20884" t="s">
        <v>41690</v>
      </c>
    </row>
    <row r="20885" spans="1:3" x14ac:dyDescent="0.15">
      <c r="A20885">
        <v>4113</v>
      </c>
      <c r="B20885" t="s">
        <v>41691</v>
      </c>
      <c r="C20885" t="s">
        <v>41692</v>
      </c>
    </row>
    <row r="20886" spans="1:3" x14ac:dyDescent="0.15">
      <c r="A20886">
        <v>4112</v>
      </c>
      <c r="B20886" t="s">
        <v>41693</v>
      </c>
      <c r="C20886" t="s">
        <v>41694</v>
      </c>
    </row>
    <row r="20887" spans="1:3" x14ac:dyDescent="0.15">
      <c r="A20887">
        <v>4111</v>
      </c>
      <c r="B20887" t="s">
        <v>41695</v>
      </c>
      <c r="C20887" t="s">
        <v>41696</v>
      </c>
    </row>
    <row r="20888" spans="1:3" x14ac:dyDescent="0.15">
      <c r="A20888">
        <v>4110</v>
      </c>
      <c r="B20888" t="s">
        <v>41697</v>
      </c>
      <c r="C20888" t="s">
        <v>41698</v>
      </c>
    </row>
    <row r="20889" spans="1:3" x14ac:dyDescent="0.15">
      <c r="A20889">
        <v>4109</v>
      </c>
      <c r="B20889" t="s">
        <v>41699</v>
      </c>
      <c r="C20889" t="s">
        <v>41700</v>
      </c>
    </row>
    <row r="20890" spans="1:3" x14ac:dyDescent="0.15">
      <c r="A20890">
        <v>4108</v>
      </c>
      <c r="B20890" t="s">
        <v>41701</v>
      </c>
      <c r="C20890" t="s">
        <v>41702</v>
      </c>
    </row>
    <row r="20891" spans="1:3" x14ac:dyDescent="0.15">
      <c r="A20891">
        <v>4107</v>
      </c>
      <c r="B20891" t="s">
        <v>41703</v>
      </c>
      <c r="C20891" t="s">
        <v>41704</v>
      </c>
    </row>
    <row r="20892" spans="1:3" x14ac:dyDescent="0.15">
      <c r="A20892">
        <v>4106</v>
      </c>
      <c r="B20892" t="s">
        <v>41705</v>
      </c>
      <c r="C20892" t="s">
        <v>41706</v>
      </c>
    </row>
    <row r="20893" spans="1:3" x14ac:dyDescent="0.15">
      <c r="A20893">
        <v>4105</v>
      </c>
      <c r="B20893" t="s">
        <v>41707</v>
      </c>
      <c r="C20893" t="s">
        <v>41708</v>
      </c>
    </row>
    <row r="20894" spans="1:3" x14ac:dyDescent="0.15">
      <c r="A20894">
        <v>4104</v>
      </c>
      <c r="B20894" t="s">
        <v>41709</v>
      </c>
      <c r="C20894" t="s">
        <v>41710</v>
      </c>
    </row>
    <row r="20895" spans="1:3" x14ac:dyDescent="0.15">
      <c r="A20895">
        <v>4103</v>
      </c>
      <c r="B20895" t="s">
        <v>41711</v>
      </c>
      <c r="C20895" t="s">
        <v>41712</v>
      </c>
    </row>
    <row r="20896" spans="1:3" x14ac:dyDescent="0.15">
      <c r="A20896">
        <v>4102</v>
      </c>
      <c r="B20896" t="s">
        <v>41713</v>
      </c>
      <c r="C20896" t="s">
        <v>41714</v>
      </c>
    </row>
    <row r="20897" spans="1:3" x14ac:dyDescent="0.15">
      <c r="A20897">
        <v>4101</v>
      </c>
      <c r="B20897" t="s">
        <v>41715</v>
      </c>
      <c r="C20897" t="s">
        <v>41716</v>
      </c>
    </row>
    <row r="20898" spans="1:3" x14ac:dyDescent="0.15">
      <c r="A20898">
        <v>4100</v>
      </c>
      <c r="B20898" t="s">
        <v>41717</v>
      </c>
      <c r="C20898" t="s">
        <v>41718</v>
      </c>
    </row>
    <row r="20899" spans="1:3" x14ac:dyDescent="0.15">
      <c r="A20899">
        <v>4099</v>
      </c>
      <c r="B20899" t="s">
        <v>41719</v>
      </c>
      <c r="C20899" t="s">
        <v>41720</v>
      </c>
    </row>
    <row r="20900" spans="1:3" x14ac:dyDescent="0.15">
      <c r="A20900">
        <v>4098</v>
      </c>
      <c r="B20900" t="s">
        <v>41721</v>
      </c>
      <c r="C20900" t="s">
        <v>41722</v>
      </c>
    </row>
    <row r="20901" spans="1:3" x14ac:dyDescent="0.15">
      <c r="A20901">
        <v>4097</v>
      </c>
      <c r="B20901" t="s">
        <v>41723</v>
      </c>
      <c r="C20901" t="s">
        <v>41724</v>
      </c>
    </row>
    <row r="20902" spans="1:3" x14ac:dyDescent="0.15">
      <c r="A20902">
        <v>4096</v>
      </c>
      <c r="B20902" t="s">
        <v>41725</v>
      </c>
      <c r="C20902" t="s">
        <v>41726</v>
      </c>
    </row>
    <row r="20903" spans="1:3" x14ac:dyDescent="0.15">
      <c r="A20903">
        <v>4095</v>
      </c>
      <c r="B20903" t="s">
        <v>41727</v>
      </c>
      <c r="C20903" t="s">
        <v>41728</v>
      </c>
    </row>
    <row r="20904" spans="1:3" x14ac:dyDescent="0.15">
      <c r="A20904">
        <v>4094</v>
      </c>
      <c r="B20904" t="s">
        <v>41729</v>
      </c>
      <c r="C20904" t="s">
        <v>41730</v>
      </c>
    </row>
    <row r="20905" spans="1:3" x14ac:dyDescent="0.15">
      <c r="A20905">
        <v>4093</v>
      </c>
      <c r="B20905" t="s">
        <v>41731</v>
      </c>
      <c r="C20905" t="s">
        <v>41732</v>
      </c>
    </row>
    <row r="20906" spans="1:3" x14ac:dyDescent="0.15">
      <c r="A20906">
        <v>4092</v>
      </c>
      <c r="B20906" t="s">
        <v>41733</v>
      </c>
      <c r="C20906" t="s">
        <v>41734</v>
      </c>
    </row>
    <row r="20907" spans="1:3" x14ac:dyDescent="0.15">
      <c r="A20907">
        <v>4091</v>
      </c>
      <c r="B20907" t="s">
        <v>41735</v>
      </c>
      <c r="C20907" t="s">
        <v>41736</v>
      </c>
    </row>
    <row r="20908" spans="1:3" x14ac:dyDescent="0.15">
      <c r="A20908">
        <v>4090</v>
      </c>
      <c r="B20908" t="s">
        <v>41737</v>
      </c>
      <c r="C20908" t="s">
        <v>41738</v>
      </c>
    </row>
    <row r="20909" spans="1:3" x14ac:dyDescent="0.15">
      <c r="A20909">
        <v>4089</v>
      </c>
      <c r="B20909" t="s">
        <v>41739</v>
      </c>
      <c r="C20909" t="s">
        <v>41740</v>
      </c>
    </row>
    <row r="20910" spans="1:3" x14ac:dyDescent="0.15">
      <c r="A20910">
        <v>4088</v>
      </c>
      <c r="B20910" t="s">
        <v>41741</v>
      </c>
      <c r="C20910" t="s">
        <v>41742</v>
      </c>
    </row>
    <row r="20911" spans="1:3" x14ac:dyDescent="0.15">
      <c r="A20911">
        <v>4087</v>
      </c>
      <c r="B20911" t="s">
        <v>41743</v>
      </c>
      <c r="C20911" t="s">
        <v>41744</v>
      </c>
    </row>
    <row r="20912" spans="1:3" x14ac:dyDescent="0.15">
      <c r="A20912">
        <v>4086</v>
      </c>
      <c r="B20912" t="s">
        <v>41745</v>
      </c>
      <c r="C20912" t="s">
        <v>41746</v>
      </c>
    </row>
    <row r="20913" spans="1:3" x14ac:dyDescent="0.15">
      <c r="A20913">
        <v>4085</v>
      </c>
      <c r="B20913" t="s">
        <v>41747</v>
      </c>
      <c r="C20913" t="s">
        <v>41748</v>
      </c>
    </row>
    <row r="20914" spans="1:3" x14ac:dyDescent="0.15">
      <c r="A20914">
        <v>4084</v>
      </c>
      <c r="B20914" t="s">
        <v>41749</v>
      </c>
      <c r="C20914" t="s">
        <v>41750</v>
      </c>
    </row>
    <row r="20915" spans="1:3" x14ac:dyDescent="0.15">
      <c r="A20915">
        <v>4083</v>
      </c>
      <c r="B20915" t="s">
        <v>41751</v>
      </c>
      <c r="C20915" t="s">
        <v>41752</v>
      </c>
    </row>
    <row r="20916" spans="1:3" x14ac:dyDescent="0.15">
      <c r="A20916">
        <v>4082</v>
      </c>
      <c r="B20916" t="s">
        <v>41753</v>
      </c>
      <c r="C20916" t="s">
        <v>41754</v>
      </c>
    </row>
    <row r="20917" spans="1:3" x14ac:dyDescent="0.15">
      <c r="A20917">
        <v>4081</v>
      </c>
      <c r="B20917" t="s">
        <v>41755</v>
      </c>
      <c r="C20917" t="s">
        <v>41756</v>
      </c>
    </row>
    <row r="20918" spans="1:3" x14ac:dyDescent="0.15">
      <c r="A20918">
        <v>4080</v>
      </c>
      <c r="B20918" t="s">
        <v>41757</v>
      </c>
      <c r="C20918" t="s">
        <v>41758</v>
      </c>
    </row>
    <row r="20919" spans="1:3" x14ac:dyDescent="0.15">
      <c r="A20919">
        <v>4079</v>
      </c>
      <c r="B20919" t="s">
        <v>41759</v>
      </c>
      <c r="C20919" t="s">
        <v>41760</v>
      </c>
    </row>
    <row r="20920" spans="1:3" x14ac:dyDescent="0.15">
      <c r="A20920">
        <v>4078</v>
      </c>
      <c r="B20920" t="s">
        <v>41761</v>
      </c>
      <c r="C20920" t="s">
        <v>41762</v>
      </c>
    </row>
    <row r="20921" spans="1:3" x14ac:dyDescent="0.15">
      <c r="A20921">
        <v>4077</v>
      </c>
      <c r="B20921" t="s">
        <v>41763</v>
      </c>
      <c r="C20921" t="s">
        <v>41764</v>
      </c>
    </row>
    <row r="20922" spans="1:3" x14ac:dyDescent="0.15">
      <c r="A20922">
        <v>4076</v>
      </c>
      <c r="B20922" t="s">
        <v>41765</v>
      </c>
      <c r="C20922" t="s">
        <v>41766</v>
      </c>
    </row>
    <row r="20923" spans="1:3" x14ac:dyDescent="0.15">
      <c r="A20923">
        <v>4075</v>
      </c>
      <c r="B20923" t="s">
        <v>41767</v>
      </c>
      <c r="C20923" t="s">
        <v>41768</v>
      </c>
    </row>
    <row r="20924" spans="1:3" x14ac:dyDescent="0.15">
      <c r="A20924">
        <v>4074</v>
      </c>
      <c r="B20924" t="s">
        <v>41769</v>
      </c>
      <c r="C20924" t="s">
        <v>41770</v>
      </c>
    </row>
    <row r="20925" spans="1:3" x14ac:dyDescent="0.15">
      <c r="A20925">
        <v>4073</v>
      </c>
      <c r="B20925" t="s">
        <v>41771</v>
      </c>
      <c r="C20925" t="s">
        <v>41772</v>
      </c>
    </row>
    <row r="20926" spans="1:3" x14ac:dyDescent="0.15">
      <c r="A20926">
        <v>4072</v>
      </c>
      <c r="B20926" t="s">
        <v>41773</v>
      </c>
      <c r="C20926" t="s">
        <v>41774</v>
      </c>
    </row>
    <row r="20927" spans="1:3" x14ac:dyDescent="0.15">
      <c r="A20927">
        <v>4071</v>
      </c>
      <c r="B20927" t="s">
        <v>41775</v>
      </c>
      <c r="C20927" t="s">
        <v>41776</v>
      </c>
    </row>
    <row r="20928" spans="1:3" x14ac:dyDescent="0.15">
      <c r="A20928">
        <v>4070</v>
      </c>
      <c r="B20928" t="s">
        <v>41777</v>
      </c>
      <c r="C20928" t="s">
        <v>41778</v>
      </c>
    </row>
    <row r="20929" spans="1:3" x14ac:dyDescent="0.15">
      <c r="A20929">
        <v>4069</v>
      </c>
      <c r="B20929" t="s">
        <v>41779</v>
      </c>
      <c r="C20929" t="s">
        <v>41780</v>
      </c>
    </row>
    <row r="20930" spans="1:3" x14ac:dyDescent="0.15">
      <c r="A20930">
        <v>4068</v>
      </c>
      <c r="B20930" t="s">
        <v>41781</v>
      </c>
      <c r="C20930" t="s">
        <v>41782</v>
      </c>
    </row>
    <row r="20931" spans="1:3" x14ac:dyDescent="0.15">
      <c r="A20931">
        <v>4067</v>
      </c>
      <c r="B20931" t="s">
        <v>41783</v>
      </c>
      <c r="C20931" t="s">
        <v>41784</v>
      </c>
    </row>
    <row r="20932" spans="1:3" x14ac:dyDescent="0.15">
      <c r="A20932">
        <v>4066</v>
      </c>
      <c r="B20932" t="s">
        <v>41785</v>
      </c>
      <c r="C20932" t="s">
        <v>41786</v>
      </c>
    </row>
    <row r="20933" spans="1:3" x14ac:dyDescent="0.15">
      <c r="A20933">
        <v>4065</v>
      </c>
      <c r="B20933" t="s">
        <v>41787</v>
      </c>
      <c r="C20933" t="s">
        <v>41788</v>
      </c>
    </row>
    <row r="20934" spans="1:3" x14ac:dyDescent="0.15">
      <c r="A20934">
        <v>4064</v>
      </c>
      <c r="B20934" t="s">
        <v>41789</v>
      </c>
      <c r="C20934" t="s">
        <v>41790</v>
      </c>
    </row>
    <row r="20935" spans="1:3" x14ac:dyDescent="0.15">
      <c r="A20935">
        <v>4063</v>
      </c>
      <c r="B20935" t="s">
        <v>41791</v>
      </c>
      <c r="C20935" t="s">
        <v>41792</v>
      </c>
    </row>
    <row r="20936" spans="1:3" x14ac:dyDescent="0.15">
      <c r="A20936">
        <v>4062</v>
      </c>
      <c r="B20936" t="s">
        <v>41793</v>
      </c>
      <c r="C20936" t="s">
        <v>41794</v>
      </c>
    </row>
    <row r="20937" spans="1:3" x14ac:dyDescent="0.15">
      <c r="A20937">
        <v>4061</v>
      </c>
      <c r="B20937" t="s">
        <v>41795</v>
      </c>
      <c r="C20937" t="s">
        <v>41796</v>
      </c>
    </row>
    <row r="20938" spans="1:3" x14ac:dyDescent="0.15">
      <c r="A20938">
        <v>4060</v>
      </c>
      <c r="B20938" t="s">
        <v>41797</v>
      </c>
      <c r="C20938" t="s">
        <v>41798</v>
      </c>
    </row>
    <row r="20939" spans="1:3" x14ac:dyDescent="0.15">
      <c r="A20939">
        <v>4059</v>
      </c>
      <c r="B20939" t="s">
        <v>41799</v>
      </c>
      <c r="C20939" t="s">
        <v>41800</v>
      </c>
    </row>
    <row r="20940" spans="1:3" x14ac:dyDescent="0.15">
      <c r="A20940">
        <v>4058</v>
      </c>
      <c r="B20940" t="s">
        <v>41801</v>
      </c>
      <c r="C20940" t="s">
        <v>41802</v>
      </c>
    </row>
    <row r="20941" spans="1:3" x14ac:dyDescent="0.15">
      <c r="A20941">
        <v>4057</v>
      </c>
      <c r="B20941" t="s">
        <v>41803</v>
      </c>
      <c r="C20941" t="s">
        <v>41804</v>
      </c>
    </row>
    <row r="20942" spans="1:3" x14ac:dyDescent="0.15">
      <c r="A20942">
        <v>4056</v>
      </c>
      <c r="B20942" t="s">
        <v>41805</v>
      </c>
      <c r="C20942" t="s">
        <v>41806</v>
      </c>
    </row>
    <row r="20943" spans="1:3" x14ac:dyDescent="0.15">
      <c r="A20943">
        <v>4055</v>
      </c>
      <c r="B20943" t="s">
        <v>41807</v>
      </c>
      <c r="C20943" t="s">
        <v>41808</v>
      </c>
    </row>
    <row r="20944" spans="1:3" x14ac:dyDescent="0.15">
      <c r="A20944">
        <v>4054</v>
      </c>
      <c r="B20944" t="s">
        <v>41809</v>
      </c>
      <c r="C20944" t="s">
        <v>41810</v>
      </c>
    </row>
    <row r="20945" spans="1:3" x14ac:dyDescent="0.15">
      <c r="A20945">
        <v>4053</v>
      </c>
      <c r="B20945" t="s">
        <v>41811</v>
      </c>
      <c r="C20945" t="s">
        <v>41812</v>
      </c>
    </row>
    <row r="20946" spans="1:3" x14ac:dyDescent="0.15">
      <c r="A20946">
        <v>4052</v>
      </c>
      <c r="B20946" t="s">
        <v>41813</v>
      </c>
      <c r="C20946" t="s">
        <v>41814</v>
      </c>
    </row>
    <row r="20947" spans="1:3" x14ac:dyDescent="0.15">
      <c r="A20947">
        <v>4051</v>
      </c>
      <c r="B20947" t="s">
        <v>41815</v>
      </c>
      <c r="C20947" t="s">
        <v>41816</v>
      </c>
    </row>
    <row r="20948" spans="1:3" x14ac:dyDescent="0.15">
      <c r="A20948">
        <v>4050</v>
      </c>
      <c r="B20948" t="s">
        <v>41817</v>
      </c>
      <c r="C20948" t="s">
        <v>41818</v>
      </c>
    </row>
    <row r="20949" spans="1:3" x14ac:dyDescent="0.15">
      <c r="A20949">
        <v>4049</v>
      </c>
      <c r="B20949" t="s">
        <v>41819</v>
      </c>
      <c r="C20949" t="s">
        <v>41820</v>
      </c>
    </row>
    <row r="20950" spans="1:3" x14ac:dyDescent="0.15">
      <c r="A20950">
        <v>4048</v>
      </c>
      <c r="B20950" t="s">
        <v>41821</v>
      </c>
      <c r="C20950" t="s">
        <v>41822</v>
      </c>
    </row>
    <row r="20951" spans="1:3" x14ac:dyDescent="0.15">
      <c r="A20951">
        <v>4047</v>
      </c>
      <c r="B20951" t="s">
        <v>41823</v>
      </c>
      <c r="C20951" t="s">
        <v>41824</v>
      </c>
    </row>
    <row r="20952" spans="1:3" x14ac:dyDescent="0.15">
      <c r="A20952">
        <v>4046</v>
      </c>
      <c r="B20952" t="s">
        <v>41825</v>
      </c>
      <c r="C20952" t="s">
        <v>41826</v>
      </c>
    </row>
    <row r="20953" spans="1:3" x14ac:dyDescent="0.15">
      <c r="A20953">
        <v>4045</v>
      </c>
      <c r="B20953" t="s">
        <v>41827</v>
      </c>
      <c r="C20953" t="s">
        <v>41828</v>
      </c>
    </row>
    <row r="20954" spans="1:3" x14ac:dyDescent="0.15">
      <c r="A20954">
        <v>4044</v>
      </c>
      <c r="B20954" t="s">
        <v>41829</v>
      </c>
      <c r="C20954" t="s">
        <v>41830</v>
      </c>
    </row>
    <row r="20955" spans="1:3" x14ac:dyDescent="0.15">
      <c r="A20955">
        <v>4043</v>
      </c>
      <c r="B20955" t="s">
        <v>41831</v>
      </c>
      <c r="C20955" t="s">
        <v>41832</v>
      </c>
    </row>
    <row r="20956" spans="1:3" x14ac:dyDescent="0.15">
      <c r="A20956">
        <v>4042</v>
      </c>
      <c r="B20956" t="s">
        <v>41833</v>
      </c>
      <c r="C20956" t="s">
        <v>41834</v>
      </c>
    </row>
    <row r="20957" spans="1:3" x14ac:dyDescent="0.15">
      <c r="A20957">
        <v>4041</v>
      </c>
      <c r="B20957" t="s">
        <v>41835</v>
      </c>
      <c r="C20957" t="s">
        <v>41836</v>
      </c>
    </row>
    <row r="20958" spans="1:3" x14ac:dyDescent="0.15">
      <c r="A20958">
        <v>4040</v>
      </c>
      <c r="B20958" t="s">
        <v>41837</v>
      </c>
      <c r="C20958" t="s">
        <v>41838</v>
      </c>
    </row>
    <row r="20959" spans="1:3" x14ac:dyDescent="0.15">
      <c r="A20959">
        <v>4039</v>
      </c>
      <c r="B20959" t="s">
        <v>41839</v>
      </c>
      <c r="C20959" t="s">
        <v>41840</v>
      </c>
    </row>
    <row r="20960" spans="1:3" x14ac:dyDescent="0.15">
      <c r="A20960">
        <v>4038</v>
      </c>
      <c r="B20960" t="s">
        <v>41841</v>
      </c>
      <c r="C20960" t="s">
        <v>41842</v>
      </c>
    </row>
    <row r="20961" spans="1:3" x14ac:dyDescent="0.15">
      <c r="A20961">
        <v>4037</v>
      </c>
      <c r="B20961" t="s">
        <v>41843</v>
      </c>
      <c r="C20961" t="s">
        <v>41844</v>
      </c>
    </row>
    <row r="20962" spans="1:3" x14ac:dyDescent="0.15">
      <c r="A20962">
        <v>4036</v>
      </c>
      <c r="B20962" t="s">
        <v>41845</v>
      </c>
      <c r="C20962" t="s">
        <v>41846</v>
      </c>
    </row>
    <row r="20963" spans="1:3" x14ac:dyDescent="0.15">
      <c r="A20963">
        <v>4035</v>
      </c>
      <c r="B20963" t="s">
        <v>41847</v>
      </c>
      <c r="C20963" t="s">
        <v>41848</v>
      </c>
    </row>
    <row r="20964" spans="1:3" x14ac:dyDescent="0.15">
      <c r="A20964">
        <v>4034</v>
      </c>
      <c r="B20964" t="s">
        <v>41849</v>
      </c>
      <c r="C20964" t="s">
        <v>41850</v>
      </c>
    </row>
    <row r="20965" spans="1:3" x14ac:dyDescent="0.15">
      <c r="A20965">
        <v>4033</v>
      </c>
      <c r="B20965" t="s">
        <v>41851</v>
      </c>
      <c r="C20965" t="s">
        <v>41852</v>
      </c>
    </row>
    <row r="20966" spans="1:3" x14ac:dyDescent="0.15">
      <c r="A20966">
        <v>4032</v>
      </c>
      <c r="B20966" t="s">
        <v>41853</v>
      </c>
      <c r="C20966" t="s">
        <v>41854</v>
      </c>
    </row>
    <row r="20967" spans="1:3" x14ac:dyDescent="0.15">
      <c r="A20967">
        <v>4031</v>
      </c>
      <c r="B20967" t="s">
        <v>41855</v>
      </c>
      <c r="C20967" t="s">
        <v>41856</v>
      </c>
    </row>
    <row r="20968" spans="1:3" x14ac:dyDescent="0.15">
      <c r="A20968">
        <v>4030</v>
      </c>
      <c r="B20968" t="s">
        <v>41857</v>
      </c>
      <c r="C20968" t="s">
        <v>41858</v>
      </c>
    </row>
    <row r="20969" spans="1:3" x14ac:dyDescent="0.15">
      <c r="A20969">
        <v>4029</v>
      </c>
      <c r="B20969" t="s">
        <v>41859</v>
      </c>
      <c r="C20969" t="s">
        <v>41860</v>
      </c>
    </row>
    <row r="20970" spans="1:3" x14ac:dyDescent="0.15">
      <c r="A20970">
        <v>4028</v>
      </c>
      <c r="B20970" t="s">
        <v>41861</v>
      </c>
      <c r="C20970" t="s">
        <v>41862</v>
      </c>
    </row>
    <row r="20971" spans="1:3" x14ac:dyDescent="0.15">
      <c r="A20971">
        <v>4027</v>
      </c>
      <c r="B20971" t="s">
        <v>41863</v>
      </c>
      <c r="C20971" t="s">
        <v>41864</v>
      </c>
    </row>
    <row r="20972" spans="1:3" x14ac:dyDescent="0.15">
      <c r="A20972">
        <v>4026</v>
      </c>
      <c r="B20972" t="s">
        <v>41865</v>
      </c>
      <c r="C20972" t="s">
        <v>41866</v>
      </c>
    </row>
    <row r="20973" spans="1:3" x14ac:dyDescent="0.15">
      <c r="A20973">
        <v>4025</v>
      </c>
      <c r="B20973" t="s">
        <v>41867</v>
      </c>
      <c r="C20973" t="s">
        <v>41868</v>
      </c>
    </row>
    <row r="20974" spans="1:3" x14ac:dyDescent="0.15">
      <c r="A20974">
        <v>4024</v>
      </c>
      <c r="B20974" t="s">
        <v>41869</v>
      </c>
      <c r="C20974" t="s">
        <v>41870</v>
      </c>
    </row>
    <row r="20975" spans="1:3" x14ac:dyDescent="0.15">
      <c r="A20975">
        <v>4023</v>
      </c>
      <c r="B20975" t="s">
        <v>41871</v>
      </c>
      <c r="C20975" t="s">
        <v>41872</v>
      </c>
    </row>
    <row r="20976" spans="1:3" x14ac:dyDescent="0.15">
      <c r="A20976">
        <v>4022</v>
      </c>
      <c r="B20976" t="s">
        <v>41873</v>
      </c>
      <c r="C20976" t="s">
        <v>41874</v>
      </c>
    </row>
    <row r="20977" spans="1:3" x14ac:dyDescent="0.15">
      <c r="A20977">
        <v>4021</v>
      </c>
      <c r="B20977" t="s">
        <v>41875</v>
      </c>
      <c r="C20977" t="s">
        <v>41876</v>
      </c>
    </row>
    <row r="20978" spans="1:3" x14ac:dyDescent="0.15">
      <c r="A20978">
        <v>4020</v>
      </c>
      <c r="B20978" t="s">
        <v>41877</v>
      </c>
      <c r="C20978" t="s">
        <v>41878</v>
      </c>
    </row>
    <row r="20979" spans="1:3" x14ac:dyDescent="0.15">
      <c r="A20979">
        <v>4019</v>
      </c>
      <c r="B20979" t="s">
        <v>41879</v>
      </c>
      <c r="C20979" t="s">
        <v>41880</v>
      </c>
    </row>
    <row r="20980" spans="1:3" x14ac:dyDescent="0.15">
      <c r="A20980">
        <v>4018</v>
      </c>
      <c r="B20980" t="s">
        <v>41881</v>
      </c>
      <c r="C20980" t="s">
        <v>41882</v>
      </c>
    </row>
    <row r="20981" spans="1:3" x14ac:dyDescent="0.15">
      <c r="A20981">
        <v>4017</v>
      </c>
      <c r="B20981" t="s">
        <v>41883</v>
      </c>
      <c r="C20981" t="s">
        <v>41884</v>
      </c>
    </row>
    <row r="20982" spans="1:3" x14ac:dyDescent="0.15">
      <c r="A20982">
        <v>4016</v>
      </c>
      <c r="B20982" t="s">
        <v>41885</v>
      </c>
      <c r="C20982" t="s">
        <v>41886</v>
      </c>
    </row>
    <row r="20983" spans="1:3" x14ac:dyDescent="0.15">
      <c r="A20983">
        <v>4015</v>
      </c>
      <c r="B20983" t="s">
        <v>41887</v>
      </c>
      <c r="C20983" t="s">
        <v>41888</v>
      </c>
    </row>
    <row r="20984" spans="1:3" x14ac:dyDescent="0.15">
      <c r="A20984">
        <v>4014</v>
      </c>
      <c r="B20984" t="s">
        <v>41889</v>
      </c>
      <c r="C20984" t="s">
        <v>41890</v>
      </c>
    </row>
    <row r="20985" spans="1:3" x14ac:dyDescent="0.15">
      <c r="A20985">
        <v>4013</v>
      </c>
      <c r="B20985" t="s">
        <v>41891</v>
      </c>
      <c r="C20985" t="s">
        <v>41892</v>
      </c>
    </row>
    <row r="20986" spans="1:3" x14ac:dyDescent="0.15">
      <c r="A20986">
        <v>4012</v>
      </c>
      <c r="B20986" t="s">
        <v>41893</v>
      </c>
      <c r="C20986" t="s">
        <v>41894</v>
      </c>
    </row>
    <row r="20987" spans="1:3" x14ac:dyDescent="0.15">
      <c r="A20987">
        <v>4011</v>
      </c>
      <c r="B20987" t="s">
        <v>41895</v>
      </c>
      <c r="C20987" t="s">
        <v>41896</v>
      </c>
    </row>
    <row r="20988" spans="1:3" x14ac:dyDescent="0.15">
      <c r="A20988">
        <v>4010</v>
      </c>
      <c r="B20988" t="s">
        <v>41897</v>
      </c>
      <c r="C20988" t="s">
        <v>41898</v>
      </c>
    </row>
    <row r="20989" spans="1:3" x14ac:dyDescent="0.15">
      <c r="A20989">
        <v>4009</v>
      </c>
      <c r="B20989" t="s">
        <v>41899</v>
      </c>
      <c r="C20989" t="s">
        <v>41900</v>
      </c>
    </row>
    <row r="20990" spans="1:3" x14ac:dyDescent="0.15">
      <c r="A20990">
        <v>4008</v>
      </c>
      <c r="B20990" t="s">
        <v>41901</v>
      </c>
      <c r="C20990" t="s">
        <v>41902</v>
      </c>
    </row>
    <row r="20991" spans="1:3" x14ac:dyDescent="0.15">
      <c r="A20991">
        <v>4007</v>
      </c>
      <c r="B20991" t="s">
        <v>41903</v>
      </c>
      <c r="C20991" t="s">
        <v>41904</v>
      </c>
    </row>
    <row r="20992" spans="1:3" x14ac:dyDescent="0.15">
      <c r="A20992">
        <v>4006</v>
      </c>
      <c r="B20992" t="s">
        <v>41905</v>
      </c>
      <c r="C20992" t="s">
        <v>41906</v>
      </c>
    </row>
    <row r="20993" spans="1:3" x14ac:dyDescent="0.15">
      <c r="A20993">
        <v>4005</v>
      </c>
      <c r="B20993" t="s">
        <v>41907</v>
      </c>
      <c r="C20993" t="s">
        <v>41908</v>
      </c>
    </row>
    <row r="20994" spans="1:3" x14ac:dyDescent="0.15">
      <c r="A20994">
        <v>4004</v>
      </c>
      <c r="B20994" t="s">
        <v>41909</v>
      </c>
      <c r="C20994" t="s">
        <v>41910</v>
      </c>
    </row>
    <row r="20995" spans="1:3" x14ac:dyDescent="0.15">
      <c r="A20995">
        <v>4003</v>
      </c>
      <c r="B20995" t="s">
        <v>41911</v>
      </c>
      <c r="C20995" t="s">
        <v>41912</v>
      </c>
    </row>
    <row r="20996" spans="1:3" x14ac:dyDescent="0.15">
      <c r="A20996">
        <v>4002</v>
      </c>
      <c r="B20996" t="s">
        <v>41913</v>
      </c>
      <c r="C20996" t="s">
        <v>41914</v>
      </c>
    </row>
    <row r="20997" spans="1:3" x14ac:dyDescent="0.15">
      <c r="A20997">
        <v>4001</v>
      </c>
      <c r="B20997" t="s">
        <v>41915</v>
      </c>
      <c r="C20997" t="s">
        <v>41916</v>
      </c>
    </row>
    <row r="20998" spans="1:3" x14ac:dyDescent="0.15">
      <c r="A20998">
        <v>4000</v>
      </c>
      <c r="B20998" t="s">
        <v>41917</v>
      </c>
      <c r="C20998" t="s">
        <v>41918</v>
      </c>
    </row>
    <row r="20999" spans="1:3" x14ac:dyDescent="0.15">
      <c r="A20999">
        <v>3999</v>
      </c>
      <c r="B20999" t="s">
        <v>41919</v>
      </c>
      <c r="C20999" t="s">
        <v>41920</v>
      </c>
    </row>
    <row r="21000" spans="1:3" x14ac:dyDescent="0.15">
      <c r="A21000">
        <v>3998</v>
      </c>
      <c r="B21000" t="s">
        <v>41921</v>
      </c>
      <c r="C21000" t="s">
        <v>41922</v>
      </c>
    </row>
    <row r="21001" spans="1:3" x14ac:dyDescent="0.15">
      <c r="A21001">
        <v>3997</v>
      </c>
      <c r="B21001" t="s">
        <v>41923</v>
      </c>
      <c r="C21001" t="s">
        <v>41924</v>
      </c>
    </row>
    <row r="21002" spans="1:3" x14ac:dyDescent="0.15">
      <c r="A21002">
        <v>3996</v>
      </c>
      <c r="B21002" t="s">
        <v>41925</v>
      </c>
      <c r="C21002" t="s">
        <v>41926</v>
      </c>
    </row>
    <row r="21003" spans="1:3" x14ac:dyDescent="0.15">
      <c r="A21003">
        <v>3995</v>
      </c>
      <c r="B21003" t="s">
        <v>41927</v>
      </c>
      <c r="C21003" t="s">
        <v>41928</v>
      </c>
    </row>
    <row r="21004" spans="1:3" x14ac:dyDescent="0.15">
      <c r="A21004">
        <v>3994</v>
      </c>
      <c r="B21004" t="s">
        <v>41929</v>
      </c>
      <c r="C21004" t="s">
        <v>41930</v>
      </c>
    </row>
    <row r="21005" spans="1:3" x14ac:dyDescent="0.15">
      <c r="A21005">
        <v>3993</v>
      </c>
      <c r="B21005" t="s">
        <v>41931</v>
      </c>
      <c r="C21005" t="s">
        <v>41932</v>
      </c>
    </row>
    <row r="21006" spans="1:3" x14ac:dyDescent="0.15">
      <c r="A21006">
        <v>3992</v>
      </c>
      <c r="B21006" t="s">
        <v>41933</v>
      </c>
      <c r="C21006" t="s">
        <v>41934</v>
      </c>
    </row>
    <row r="21007" spans="1:3" x14ac:dyDescent="0.15">
      <c r="A21007">
        <v>3991</v>
      </c>
      <c r="B21007" t="s">
        <v>41935</v>
      </c>
      <c r="C21007" t="s">
        <v>41936</v>
      </c>
    </row>
    <row r="21008" spans="1:3" x14ac:dyDescent="0.15">
      <c r="A21008">
        <v>3990</v>
      </c>
      <c r="B21008" t="s">
        <v>41937</v>
      </c>
      <c r="C21008" t="s">
        <v>41938</v>
      </c>
    </row>
    <row r="21009" spans="1:3" x14ac:dyDescent="0.15">
      <c r="A21009">
        <v>3989</v>
      </c>
      <c r="B21009" t="s">
        <v>41939</v>
      </c>
      <c r="C21009" t="s">
        <v>41940</v>
      </c>
    </row>
    <row r="21010" spans="1:3" x14ac:dyDescent="0.15">
      <c r="A21010">
        <v>3988</v>
      </c>
      <c r="B21010" t="s">
        <v>41941</v>
      </c>
      <c r="C21010" t="s">
        <v>41942</v>
      </c>
    </row>
    <row r="21011" spans="1:3" x14ac:dyDescent="0.15">
      <c r="A21011">
        <v>3987</v>
      </c>
      <c r="B21011" t="s">
        <v>41943</v>
      </c>
      <c r="C21011" t="s">
        <v>41944</v>
      </c>
    </row>
    <row r="21012" spans="1:3" x14ac:dyDescent="0.15">
      <c r="A21012">
        <v>3986</v>
      </c>
      <c r="B21012" t="s">
        <v>41945</v>
      </c>
      <c r="C21012" t="s">
        <v>41946</v>
      </c>
    </row>
    <row r="21013" spans="1:3" x14ac:dyDescent="0.15">
      <c r="A21013">
        <v>3985</v>
      </c>
      <c r="B21013" t="s">
        <v>41947</v>
      </c>
      <c r="C21013" t="s">
        <v>41948</v>
      </c>
    </row>
    <row r="21014" spans="1:3" x14ac:dyDescent="0.15">
      <c r="A21014">
        <v>3984</v>
      </c>
      <c r="B21014" t="s">
        <v>41949</v>
      </c>
      <c r="C21014" t="s">
        <v>41950</v>
      </c>
    </row>
    <row r="21015" spans="1:3" x14ac:dyDescent="0.15">
      <c r="A21015">
        <v>3983</v>
      </c>
      <c r="B21015" t="s">
        <v>41951</v>
      </c>
      <c r="C21015" t="s">
        <v>41952</v>
      </c>
    </row>
    <row r="21016" spans="1:3" x14ac:dyDescent="0.15">
      <c r="A21016">
        <v>3982</v>
      </c>
      <c r="B21016" t="s">
        <v>41953</v>
      </c>
      <c r="C21016" t="s">
        <v>41954</v>
      </c>
    </row>
    <row r="21017" spans="1:3" x14ac:dyDescent="0.15">
      <c r="A21017">
        <v>3981</v>
      </c>
      <c r="B21017" t="s">
        <v>41955</v>
      </c>
      <c r="C21017" t="s">
        <v>41956</v>
      </c>
    </row>
    <row r="21018" spans="1:3" x14ac:dyDescent="0.15">
      <c r="A21018">
        <v>3980</v>
      </c>
      <c r="B21018" t="s">
        <v>41957</v>
      </c>
      <c r="C21018" t="s">
        <v>41958</v>
      </c>
    </row>
    <row r="21019" spans="1:3" x14ac:dyDescent="0.15">
      <c r="A21019">
        <v>3979</v>
      </c>
      <c r="B21019" t="s">
        <v>41959</v>
      </c>
      <c r="C21019" t="s">
        <v>41960</v>
      </c>
    </row>
    <row r="21020" spans="1:3" x14ac:dyDescent="0.15">
      <c r="A21020">
        <v>3978</v>
      </c>
      <c r="B21020" t="s">
        <v>41961</v>
      </c>
      <c r="C21020" t="s">
        <v>41962</v>
      </c>
    </row>
    <row r="21021" spans="1:3" x14ac:dyDescent="0.15">
      <c r="A21021">
        <v>3977</v>
      </c>
      <c r="B21021" t="s">
        <v>41963</v>
      </c>
      <c r="C21021" t="s">
        <v>41964</v>
      </c>
    </row>
    <row r="21022" spans="1:3" x14ac:dyDescent="0.15">
      <c r="A21022">
        <v>3976</v>
      </c>
      <c r="B21022" t="s">
        <v>41965</v>
      </c>
      <c r="C21022" t="s">
        <v>41966</v>
      </c>
    </row>
    <row r="21023" spans="1:3" x14ac:dyDescent="0.15">
      <c r="A21023">
        <v>3975</v>
      </c>
      <c r="B21023" t="s">
        <v>41967</v>
      </c>
      <c r="C21023" t="s">
        <v>41968</v>
      </c>
    </row>
    <row r="21024" spans="1:3" x14ac:dyDescent="0.15">
      <c r="A21024">
        <v>3974</v>
      </c>
      <c r="B21024" t="s">
        <v>41969</v>
      </c>
      <c r="C21024" t="s">
        <v>41970</v>
      </c>
    </row>
    <row r="21025" spans="1:3" x14ac:dyDescent="0.15">
      <c r="A21025">
        <v>3973</v>
      </c>
      <c r="B21025" t="s">
        <v>41971</v>
      </c>
      <c r="C21025" t="s">
        <v>41972</v>
      </c>
    </row>
    <row r="21026" spans="1:3" x14ac:dyDescent="0.15">
      <c r="A21026">
        <v>3972</v>
      </c>
      <c r="B21026" t="s">
        <v>41973</v>
      </c>
      <c r="C21026" t="s">
        <v>41974</v>
      </c>
    </row>
    <row r="21027" spans="1:3" x14ac:dyDescent="0.15">
      <c r="A21027">
        <v>3971</v>
      </c>
      <c r="B21027" t="s">
        <v>41975</v>
      </c>
      <c r="C21027" t="s">
        <v>41976</v>
      </c>
    </row>
    <row r="21028" spans="1:3" x14ac:dyDescent="0.15">
      <c r="A21028">
        <v>3970</v>
      </c>
      <c r="B21028" t="s">
        <v>41977</v>
      </c>
      <c r="C21028" t="s">
        <v>41978</v>
      </c>
    </row>
    <row r="21029" spans="1:3" x14ac:dyDescent="0.15">
      <c r="A21029">
        <v>3969</v>
      </c>
      <c r="B21029" t="s">
        <v>41979</v>
      </c>
      <c r="C21029" t="s">
        <v>41980</v>
      </c>
    </row>
    <row r="21030" spans="1:3" x14ac:dyDescent="0.15">
      <c r="A21030">
        <v>3968</v>
      </c>
      <c r="B21030" t="s">
        <v>41981</v>
      </c>
      <c r="C21030" t="s">
        <v>41982</v>
      </c>
    </row>
    <row r="21031" spans="1:3" x14ac:dyDescent="0.15">
      <c r="A21031">
        <v>3967</v>
      </c>
      <c r="B21031" t="s">
        <v>41983</v>
      </c>
      <c r="C21031" t="s">
        <v>41984</v>
      </c>
    </row>
    <row r="21032" spans="1:3" x14ac:dyDescent="0.15">
      <c r="A21032">
        <v>3966</v>
      </c>
      <c r="B21032" t="s">
        <v>41985</v>
      </c>
      <c r="C21032" t="s">
        <v>41986</v>
      </c>
    </row>
    <row r="21033" spans="1:3" x14ac:dyDescent="0.15">
      <c r="A21033">
        <v>3965</v>
      </c>
      <c r="B21033" t="s">
        <v>41987</v>
      </c>
      <c r="C21033" t="s">
        <v>41988</v>
      </c>
    </row>
    <row r="21034" spans="1:3" x14ac:dyDescent="0.15">
      <c r="A21034">
        <v>3964</v>
      </c>
      <c r="B21034" t="s">
        <v>41989</v>
      </c>
      <c r="C21034" t="s">
        <v>41990</v>
      </c>
    </row>
    <row r="21035" spans="1:3" x14ac:dyDescent="0.15">
      <c r="A21035">
        <v>3963</v>
      </c>
      <c r="B21035" t="s">
        <v>41991</v>
      </c>
      <c r="C21035" t="s">
        <v>41992</v>
      </c>
    </row>
    <row r="21036" spans="1:3" x14ac:dyDescent="0.15">
      <c r="A21036">
        <v>3962</v>
      </c>
      <c r="B21036" t="s">
        <v>41993</v>
      </c>
      <c r="C21036" t="s">
        <v>41994</v>
      </c>
    </row>
    <row r="21037" spans="1:3" x14ac:dyDescent="0.15">
      <c r="A21037">
        <v>3961</v>
      </c>
      <c r="B21037" t="s">
        <v>41995</v>
      </c>
      <c r="C21037" t="s">
        <v>41996</v>
      </c>
    </row>
    <row r="21038" spans="1:3" x14ac:dyDescent="0.15">
      <c r="A21038">
        <v>3960</v>
      </c>
      <c r="B21038" t="s">
        <v>41997</v>
      </c>
      <c r="C21038" t="s">
        <v>41998</v>
      </c>
    </row>
    <row r="21039" spans="1:3" x14ac:dyDescent="0.15">
      <c r="A21039">
        <v>3959</v>
      </c>
      <c r="B21039" t="s">
        <v>41999</v>
      </c>
      <c r="C21039" t="s">
        <v>42000</v>
      </c>
    </row>
    <row r="21040" spans="1:3" x14ac:dyDescent="0.15">
      <c r="A21040">
        <v>3958</v>
      </c>
      <c r="B21040" t="s">
        <v>42001</v>
      </c>
      <c r="C21040" t="s">
        <v>42002</v>
      </c>
    </row>
    <row r="21041" spans="1:3" x14ac:dyDescent="0.15">
      <c r="A21041">
        <v>3957</v>
      </c>
      <c r="B21041" t="s">
        <v>42003</v>
      </c>
      <c r="C21041" t="s">
        <v>42004</v>
      </c>
    </row>
    <row r="21042" spans="1:3" x14ac:dyDescent="0.15">
      <c r="A21042">
        <v>3956</v>
      </c>
      <c r="B21042" t="s">
        <v>42005</v>
      </c>
      <c r="C21042" t="s">
        <v>42006</v>
      </c>
    </row>
    <row r="21043" spans="1:3" x14ac:dyDescent="0.15">
      <c r="A21043">
        <v>3955</v>
      </c>
      <c r="B21043" t="s">
        <v>42007</v>
      </c>
      <c r="C21043" t="s">
        <v>42008</v>
      </c>
    </row>
    <row r="21044" spans="1:3" x14ac:dyDescent="0.15">
      <c r="A21044">
        <v>3954</v>
      </c>
      <c r="B21044" t="s">
        <v>42009</v>
      </c>
      <c r="C21044" t="s">
        <v>42010</v>
      </c>
    </row>
    <row r="21045" spans="1:3" x14ac:dyDescent="0.15">
      <c r="A21045">
        <v>3953</v>
      </c>
      <c r="B21045" t="s">
        <v>42011</v>
      </c>
      <c r="C21045" t="s">
        <v>42012</v>
      </c>
    </row>
    <row r="21046" spans="1:3" x14ac:dyDescent="0.15">
      <c r="A21046">
        <v>3952</v>
      </c>
      <c r="B21046" t="s">
        <v>42013</v>
      </c>
      <c r="C21046" t="s">
        <v>42014</v>
      </c>
    </row>
    <row r="21047" spans="1:3" x14ac:dyDescent="0.15">
      <c r="A21047">
        <v>3951</v>
      </c>
      <c r="B21047" t="s">
        <v>42015</v>
      </c>
      <c r="C21047" t="s">
        <v>42016</v>
      </c>
    </row>
    <row r="21048" spans="1:3" x14ac:dyDescent="0.15">
      <c r="A21048">
        <v>3950</v>
      </c>
      <c r="B21048" t="s">
        <v>42017</v>
      </c>
      <c r="C21048" t="s">
        <v>42018</v>
      </c>
    </row>
    <row r="21049" spans="1:3" x14ac:dyDescent="0.15">
      <c r="A21049">
        <v>3949</v>
      </c>
      <c r="B21049" t="s">
        <v>42019</v>
      </c>
      <c r="C21049" t="s">
        <v>42020</v>
      </c>
    </row>
    <row r="21050" spans="1:3" x14ac:dyDescent="0.15">
      <c r="A21050">
        <v>3948</v>
      </c>
      <c r="B21050" t="s">
        <v>42021</v>
      </c>
      <c r="C21050" t="s">
        <v>42022</v>
      </c>
    </row>
    <row r="21051" spans="1:3" x14ac:dyDescent="0.15">
      <c r="A21051">
        <v>3947</v>
      </c>
      <c r="B21051" t="s">
        <v>42023</v>
      </c>
      <c r="C21051" t="s">
        <v>42024</v>
      </c>
    </row>
    <row r="21052" spans="1:3" x14ac:dyDescent="0.15">
      <c r="A21052">
        <v>3946</v>
      </c>
      <c r="B21052" t="s">
        <v>42025</v>
      </c>
      <c r="C21052" t="s">
        <v>42026</v>
      </c>
    </row>
    <row r="21053" spans="1:3" x14ac:dyDescent="0.15">
      <c r="A21053">
        <v>3945</v>
      </c>
      <c r="B21053" t="s">
        <v>42027</v>
      </c>
      <c r="C21053" t="s">
        <v>42028</v>
      </c>
    </row>
    <row r="21054" spans="1:3" x14ac:dyDescent="0.15">
      <c r="A21054">
        <v>3944</v>
      </c>
      <c r="B21054" t="s">
        <v>42029</v>
      </c>
      <c r="C21054" t="s">
        <v>42030</v>
      </c>
    </row>
    <row r="21055" spans="1:3" x14ac:dyDescent="0.15">
      <c r="A21055">
        <v>3943</v>
      </c>
      <c r="B21055" t="s">
        <v>42031</v>
      </c>
      <c r="C21055" t="s">
        <v>42032</v>
      </c>
    </row>
    <row r="21056" spans="1:3" x14ac:dyDescent="0.15">
      <c r="A21056">
        <v>3942</v>
      </c>
      <c r="B21056" t="s">
        <v>42033</v>
      </c>
      <c r="C21056" t="s">
        <v>42034</v>
      </c>
    </row>
    <row r="21057" spans="1:3" x14ac:dyDescent="0.15">
      <c r="A21057">
        <v>3941</v>
      </c>
      <c r="B21057" t="s">
        <v>42035</v>
      </c>
      <c r="C21057" t="s">
        <v>42036</v>
      </c>
    </row>
    <row r="21058" spans="1:3" x14ac:dyDescent="0.15">
      <c r="A21058">
        <v>3940</v>
      </c>
      <c r="B21058" t="s">
        <v>42037</v>
      </c>
      <c r="C21058" t="s">
        <v>42038</v>
      </c>
    </row>
    <row r="21059" spans="1:3" x14ac:dyDescent="0.15">
      <c r="A21059">
        <v>3939</v>
      </c>
      <c r="B21059" t="s">
        <v>42039</v>
      </c>
      <c r="C21059" t="s">
        <v>42040</v>
      </c>
    </row>
    <row r="21060" spans="1:3" x14ac:dyDescent="0.15">
      <c r="A21060">
        <v>3938</v>
      </c>
      <c r="B21060" t="s">
        <v>42041</v>
      </c>
      <c r="C21060" t="s">
        <v>42042</v>
      </c>
    </row>
    <row r="21061" spans="1:3" x14ac:dyDescent="0.15">
      <c r="A21061">
        <v>3937</v>
      </c>
      <c r="B21061" t="s">
        <v>42043</v>
      </c>
      <c r="C21061" t="s">
        <v>42044</v>
      </c>
    </row>
    <row r="21062" spans="1:3" x14ac:dyDescent="0.15">
      <c r="A21062">
        <v>3936</v>
      </c>
      <c r="B21062" t="s">
        <v>42045</v>
      </c>
      <c r="C21062" t="s">
        <v>42046</v>
      </c>
    </row>
    <row r="21063" spans="1:3" x14ac:dyDescent="0.15">
      <c r="A21063">
        <v>3935</v>
      </c>
      <c r="B21063" t="s">
        <v>42047</v>
      </c>
      <c r="C21063" t="s">
        <v>42048</v>
      </c>
    </row>
    <row r="21064" spans="1:3" x14ac:dyDescent="0.15">
      <c r="A21064">
        <v>3934</v>
      </c>
      <c r="B21064" t="s">
        <v>42049</v>
      </c>
      <c r="C21064" t="s">
        <v>42050</v>
      </c>
    </row>
    <row r="21065" spans="1:3" x14ac:dyDescent="0.15">
      <c r="A21065">
        <v>3933</v>
      </c>
      <c r="B21065" t="s">
        <v>42051</v>
      </c>
      <c r="C21065" t="s">
        <v>42052</v>
      </c>
    </row>
    <row r="21066" spans="1:3" x14ac:dyDescent="0.15">
      <c r="A21066">
        <v>3932</v>
      </c>
      <c r="B21066" t="s">
        <v>42053</v>
      </c>
      <c r="C21066" t="s">
        <v>42054</v>
      </c>
    </row>
    <row r="21067" spans="1:3" x14ac:dyDescent="0.15">
      <c r="A21067">
        <v>3931</v>
      </c>
      <c r="B21067" t="s">
        <v>42055</v>
      </c>
      <c r="C21067" t="s">
        <v>42056</v>
      </c>
    </row>
    <row r="21068" spans="1:3" x14ac:dyDescent="0.15">
      <c r="A21068">
        <v>3930</v>
      </c>
      <c r="B21068" t="s">
        <v>42057</v>
      </c>
      <c r="C21068" t="s">
        <v>42058</v>
      </c>
    </row>
    <row r="21069" spans="1:3" x14ac:dyDescent="0.15">
      <c r="A21069">
        <v>3929</v>
      </c>
      <c r="B21069" t="s">
        <v>42059</v>
      </c>
      <c r="C21069" t="s">
        <v>42060</v>
      </c>
    </row>
    <row r="21070" spans="1:3" x14ac:dyDescent="0.15">
      <c r="A21070">
        <v>3928</v>
      </c>
      <c r="B21070" t="s">
        <v>42061</v>
      </c>
      <c r="C21070" t="s">
        <v>42062</v>
      </c>
    </row>
    <row r="21071" spans="1:3" x14ac:dyDescent="0.15">
      <c r="A21071">
        <v>3927</v>
      </c>
      <c r="B21071" t="s">
        <v>42063</v>
      </c>
      <c r="C21071" t="s">
        <v>42064</v>
      </c>
    </row>
    <row r="21072" spans="1:3" x14ac:dyDescent="0.15">
      <c r="A21072">
        <v>3926</v>
      </c>
      <c r="B21072" t="s">
        <v>42065</v>
      </c>
      <c r="C21072" t="s">
        <v>42066</v>
      </c>
    </row>
    <row r="21073" spans="1:3" x14ac:dyDescent="0.15">
      <c r="A21073">
        <v>3925</v>
      </c>
      <c r="B21073" t="s">
        <v>42067</v>
      </c>
      <c r="C21073" t="s">
        <v>42068</v>
      </c>
    </row>
    <row r="21074" spans="1:3" x14ac:dyDescent="0.15">
      <c r="A21074">
        <v>3924</v>
      </c>
      <c r="B21074" t="s">
        <v>42069</v>
      </c>
      <c r="C21074" t="s">
        <v>42070</v>
      </c>
    </row>
    <row r="21075" spans="1:3" x14ac:dyDescent="0.15">
      <c r="A21075">
        <v>3923</v>
      </c>
      <c r="B21075" t="s">
        <v>42071</v>
      </c>
      <c r="C21075" t="s">
        <v>42072</v>
      </c>
    </row>
    <row r="21076" spans="1:3" x14ac:dyDescent="0.15">
      <c r="A21076">
        <v>3922</v>
      </c>
      <c r="B21076" t="s">
        <v>42073</v>
      </c>
      <c r="C21076" t="s">
        <v>42074</v>
      </c>
    </row>
    <row r="21077" spans="1:3" x14ac:dyDescent="0.15">
      <c r="A21077">
        <v>3921</v>
      </c>
      <c r="B21077" t="s">
        <v>42075</v>
      </c>
      <c r="C21077" t="s">
        <v>42076</v>
      </c>
    </row>
    <row r="21078" spans="1:3" x14ac:dyDescent="0.15">
      <c r="A21078">
        <v>3920</v>
      </c>
      <c r="B21078" t="s">
        <v>42077</v>
      </c>
      <c r="C21078" t="s">
        <v>42078</v>
      </c>
    </row>
    <row r="21079" spans="1:3" x14ac:dyDescent="0.15">
      <c r="A21079">
        <v>3919</v>
      </c>
      <c r="B21079" t="s">
        <v>42079</v>
      </c>
      <c r="C21079" t="s">
        <v>42080</v>
      </c>
    </row>
    <row r="21080" spans="1:3" x14ac:dyDescent="0.15">
      <c r="A21080">
        <v>3918</v>
      </c>
      <c r="B21080" t="s">
        <v>42081</v>
      </c>
      <c r="C21080" t="s">
        <v>42082</v>
      </c>
    </row>
    <row r="21081" spans="1:3" x14ac:dyDescent="0.15">
      <c r="A21081">
        <v>3917</v>
      </c>
      <c r="B21081" t="s">
        <v>42083</v>
      </c>
      <c r="C21081" t="s">
        <v>42084</v>
      </c>
    </row>
    <row r="21082" spans="1:3" x14ac:dyDescent="0.15">
      <c r="A21082">
        <v>3916</v>
      </c>
      <c r="B21082" t="s">
        <v>42085</v>
      </c>
      <c r="C21082" t="s">
        <v>42086</v>
      </c>
    </row>
    <row r="21083" spans="1:3" x14ac:dyDescent="0.15">
      <c r="A21083">
        <v>3915</v>
      </c>
      <c r="B21083" t="s">
        <v>42087</v>
      </c>
      <c r="C21083" t="s">
        <v>42088</v>
      </c>
    </row>
    <row r="21084" spans="1:3" x14ac:dyDescent="0.15">
      <c r="A21084">
        <v>3914</v>
      </c>
      <c r="B21084" t="s">
        <v>42089</v>
      </c>
      <c r="C21084" t="s">
        <v>42090</v>
      </c>
    </row>
    <row r="21085" spans="1:3" x14ac:dyDescent="0.15">
      <c r="A21085">
        <v>3913</v>
      </c>
      <c r="B21085" t="s">
        <v>42091</v>
      </c>
      <c r="C21085" t="s">
        <v>42092</v>
      </c>
    </row>
    <row r="21086" spans="1:3" x14ac:dyDescent="0.15">
      <c r="A21086">
        <v>3912</v>
      </c>
      <c r="B21086" t="s">
        <v>42093</v>
      </c>
      <c r="C21086" t="s">
        <v>42094</v>
      </c>
    </row>
    <row r="21087" spans="1:3" x14ac:dyDescent="0.15">
      <c r="A21087">
        <v>3911</v>
      </c>
      <c r="B21087" t="s">
        <v>42095</v>
      </c>
      <c r="C21087" t="s">
        <v>42096</v>
      </c>
    </row>
    <row r="21088" spans="1:3" x14ac:dyDescent="0.15">
      <c r="A21088">
        <v>3910</v>
      </c>
      <c r="B21088" t="s">
        <v>42097</v>
      </c>
      <c r="C21088" t="s">
        <v>42098</v>
      </c>
    </row>
    <row r="21089" spans="1:3" x14ac:dyDescent="0.15">
      <c r="A21089">
        <v>3909</v>
      </c>
      <c r="B21089" t="s">
        <v>42099</v>
      </c>
      <c r="C21089" t="s">
        <v>42100</v>
      </c>
    </row>
    <row r="21090" spans="1:3" x14ac:dyDescent="0.15">
      <c r="A21090">
        <v>3908</v>
      </c>
      <c r="B21090" t="s">
        <v>42101</v>
      </c>
      <c r="C21090" t="s">
        <v>42102</v>
      </c>
    </row>
    <row r="21091" spans="1:3" x14ac:dyDescent="0.15">
      <c r="A21091">
        <v>3907</v>
      </c>
      <c r="B21091" t="s">
        <v>42103</v>
      </c>
      <c r="C21091" t="s">
        <v>42104</v>
      </c>
    </row>
    <row r="21092" spans="1:3" x14ac:dyDescent="0.15">
      <c r="A21092">
        <v>3906</v>
      </c>
      <c r="B21092" t="s">
        <v>42105</v>
      </c>
      <c r="C21092" t="s">
        <v>42106</v>
      </c>
    </row>
    <row r="21093" spans="1:3" x14ac:dyDescent="0.15">
      <c r="A21093">
        <v>3905</v>
      </c>
      <c r="B21093" t="s">
        <v>42107</v>
      </c>
      <c r="C21093" t="s">
        <v>42108</v>
      </c>
    </row>
    <row r="21094" spans="1:3" x14ac:dyDescent="0.15">
      <c r="A21094">
        <v>3904</v>
      </c>
      <c r="B21094" t="s">
        <v>42109</v>
      </c>
      <c r="C21094" t="s">
        <v>42110</v>
      </c>
    </row>
    <row r="21095" spans="1:3" x14ac:dyDescent="0.15">
      <c r="A21095">
        <v>3903</v>
      </c>
      <c r="B21095" t="s">
        <v>42111</v>
      </c>
      <c r="C21095" t="s">
        <v>42112</v>
      </c>
    </row>
    <row r="21096" spans="1:3" x14ac:dyDescent="0.15">
      <c r="A21096">
        <v>3902</v>
      </c>
      <c r="B21096" t="s">
        <v>42113</v>
      </c>
      <c r="C21096" t="s">
        <v>42114</v>
      </c>
    </row>
    <row r="21097" spans="1:3" x14ac:dyDescent="0.15">
      <c r="A21097">
        <v>3901</v>
      </c>
      <c r="B21097" t="s">
        <v>42115</v>
      </c>
      <c r="C21097" t="s">
        <v>42116</v>
      </c>
    </row>
    <row r="21098" spans="1:3" x14ac:dyDescent="0.15">
      <c r="A21098">
        <v>3900</v>
      </c>
      <c r="B21098" t="s">
        <v>42117</v>
      </c>
      <c r="C21098" t="s">
        <v>42118</v>
      </c>
    </row>
    <row r="21099" spans="1:3" x14ac:dyDescent="0.15">
      <c r="A21099">
        <v>3899</v>
      </c>
      <c r="B21099" t="s">
        <v>42119</v>
      </c>
      <c r="C21099" t="s">
        <v>42120</v>
      </c>
    </row>
    <row r="21100" spans="1:3" x14ac:dyDescent="0.15">
      <c r="A21100">
        <v>3898</v>
      </c>
      <c r="B21100" t="s">
        <v>42121</v>
      </c>
      <c r="C21100" t="s">
        <v>42122</v>
      </c>
    </row>
    <row r="21101" spans="1:3" x14ac:dyDescent="0.15">
      <c r="A21101">
        <v>3897</v>
      </c>
      <c r="B21101" t="s">
        <v>42123</v>
      </c>
      <c r="C21101" t="s">
        <v>42124</v>
      </c>
    </row>
    <row r="21102" spans="1:3" x14ac:dyDescent="0.15">
      <c r="A21102">
        <v>3896</v>
      </c>
      <c r="B21102" t="s">
        <v>42125</v>
      </c>
      <c r="C21102" t="s">
        <v>42126</v>
      </c>
    </row>
    <row r="21103" spans="1:3" x14ac:dyDescent="0.15">
      <c r="A21103">
        <v>3895</v>
      </c>
      <c r="B21103" t="s">
        <v>42127</v>
      </c>
      <c r="C21103" t="s">
        <v>42128</v>
      </c>
    </row>
    <row r="21104" spans="1:3" x14ac:dyDescent="0.15">
      <c r="A21104">
        <v>3894</v>
      </c>
      <c r="B21104" t="s">
        <v>42129</v>
      </c>
      <c r="C21104" t="s">
        <v>42130</v>
      </c>
    </row>
    <row r="21105" spans="1:3" x14ac:dyDescent="0.15">
      <c r="A21105">
        <v>3893</v>
      </c>
      <c r="B21105" t="s">
        <v>42131</v>
      </c>
      <c r="C21105" t="s">
        <v>42132</v>
      </c>
    </row>
    <row r="21106" spans="1:3" x14ac:dyDescent="0.15">
      <c r="A21106">
        <v>3892</v>
      </c>
      <c r="B21106" t="s">
        <v>42133</v>
      </c>
      <c r="C21106" t="s">
        <v>42134</v>
      </c>
    </row>
    <row r="21107" spans="1:3" x14ac:dyDescent="0.15">
      <c r="A21107">
        <v>3891</v>
      </c>
      <c r="B21107" t="s">
        <v>42135</v>
      </c>
      <c r="C21107" t="s">
        <v>42136</v>
      </c>
    </row>
    <row r="21108" spans="1:3" x14ac:dyDescent="0.15">
      <c r="A21108">
        <v>3890</v>
      </c>
      <c r="B21108" t="s">
        <v>42137</v>
      </c>
      <c r="C21108" t="s">
        <v>42138</v>
      </c>
    </row>
    <row r="21109" spans="1:3" x14ac:dyDescent="0.15">
      <c r="A21109">
        <v>3889</v>
      </c>
      <c r="B21109" t="s">
        <v>42139</v>
      </c>
      <c r="C21109" t="s">
        <v>42140</v>
      </c>
    </row>
    <row r="21110" spans="1:3" x14ac:dyDescent="0.15">
      <c r="A21110">
        <v>3888</v>
      </c>
      <c r="B21110" t="s">
        <v>42141</v>
      </c>
      <c r="C21110" t="s">
        <v>42142</v>
      </c>
    </row>
    <row r="21111" spans="1:3" x14ac:dyDescent="0.15">
      <c r="A21111">
        <v>3887</v>
      </c>
      <c r="B21111" t="s">
        <v>42143</v>
      </c>
      <c r="C21111" t="s">
        <v>42144</v>
      </c>
    </row>
    <row r="21112" spans="1:3" x14ac:dyDescent="0.15">
      <c r="A21112">
        <v>3886</v>
      </c>
      <c r="B21112" t="s">
        <v>42145</v>
      </c>
      <c r="C21112" t="s">
        <v>42146</v>
      </c>
    </row>
    <row r="21113" spans="1:3" x14ac:dyDescent="0.15">
      <c r="A21113">
        <v>3885</v>
      </c>
      <c r="B21113" t="s">
        <v>42147</v>
      </c>
      <c r="C21113" t="s">
        <v>42148</v>
      </c>
    </row>
    <row r="21114" spans="1:3" x14ac:dyDescent="0.15">
      <c r="A21114">
        <v>3884</v>
      </c>
      <c r="B21114" t="s">
        <v>42149</v>
      </c>
      <c r="C21114" t="s">
        <v>42150</v>
      </c>
    </row>
    <row r="21115" spans="1:3" x14ac:dyDescent="0.15">
      <c r="A21115">
        <v>3883</v>
      </c>
      <c r="B21115" t="s">
        <v>42151</v>
      </c>
      <c r="C21115" t="s">
        <v>42152</v>
      </c>
    </row>
    <row r="21116" spans="1:3" x14ac:dyDescent="0.15">
      <c r="A21116">
        <v>3882</v>
      </c>
      <c r="B21116" t="s">
        <v>42153</v>
      </c>
      <c r="C21116" t="s">
        <v>42154</v>
      </c>
    </row>
    <row r="21117" spans="1:3" x14ac:dyDescent="0.15">
      <c r="A21117">
        <v>3881</v>
      </c>
      <c r="B21117" t="s">
        <v>42155</v>
      </c>
      <c r="C21117" t="s">
        <v>42156</v>
      </c>
    </row>
    <row r="21118" spans="1:3" x14ac:dyDescent="0.15">
      <c r="A21118">
        <v>3880</v>
      </c>
      <c r="B21118" t="s">
        <v>42157</v>
      </c>
      <c r="C21118" t="s">
        <v>42158</v>
      </c>
    </row>
    <row r="21119" spans="1:3" x14ac:dyDescent="0.15">
      <c r="A21119">
        <v>3879</v>
      </c>
      <c r="B21119" t="s">
        <v>42159</v>
      </c>
      <c r="C21119" t="s">
        <v>42160</v>
      </c>
    </row>
    <row r="21120" spans="1:3" x14ac:dyDescent="0.15">
      <c r="A21120">
        <v>3878</v>
      </c>
      <c r="B21120" t="s">
        <v>42161</v>
      </c>
      <c r="C21120" t="s">
        <v>42162</v>
      </c>
    </row>
    <row r="21121" spans="1:3" x14ac:dyDescent="0.15">
      <c r="A21121">
        <v>3877</v>
      </c>
      <c r="B21121" t="s">
        <v>42163</v>
      </c>
      <c r="C21121" t="s">
        <v>42164</v>
      </c>
    </row>
    <row r="21122" spans="1:3" x14ac:dyDescent="0.15">
      <c r="A21122">
        <v>3876</v>
      </c>
      <c r="B21122" t="s">
        <v>42165</v>
      </c>
      <c r="C21122" t="s">
        <v>42166</v>
      </c>
    </row>
    <row r="21123" spans="1:3" x14ac:dyDescent="0.15">
      <c r="A21123">
        <v>3875</v>
      </c>
      <c r="B21123" t="s">
        <v>42167</v>
      </c>
      <c r="C21123" t="s">
        <v>42168</v>
      </c>
    </row>
    <row r="21124" spans="1:3" x14ac:dyDescent="0.15">
      <c r="A21124">
        <v>3874</v>
      </c>
      <c r="B21124" t="s">
        <v>42169</v>
      </c>
      <c r="C21124" t="s">
        <v>42170</v>
      </c>
    </row>
    <row r="21125" spans="1:3" x14ac:dyDescent="0.15">
      <c r="A21125">
        <v>3873</v>
      </c>
      <c r="B21125" t="s">
        <v>42171</v>
      </c>
      <c r="C21125" t="s">
        <v>42172</v>
      </c>
    </row>
    <row r="21126" spans="1:3" x14ac:dyDescent="0.15">
      <c r="A21126">
        <v>3872</v>
      </c>
      <c r="B21126" t="s">
        <v>42173</v>
      </c>
      <c r="C21126" t="s">
        <v>42174</v>
      </c>
    </row>
    <row r="21127" spans="1:3" x14ac:dyDescent="0.15">
      <c r="A21127">
        <v>3871</v>
      </c>
      <c r="B21127" t="s">
        <v>42175</v>
      </c>
      <c r="C21127" t="s">
        <v>42176</v>
      </c>
    </row>
    <row r="21128" spans="1:3" x14ac:dyDescent="0.15">
      <c r="A21128">
        <v>3870</v>
      </c>
      <c r="B21128" t="s">
        <v>42177</v>
      </c>
      <c r="C21128" t="s">
        <v>42178</v>
      </c>
    </row>
    <row r="21129" spans="1:3" x14ac:dyDescent="0.15">
      <c r="A21129">
        <v>3869</v>
      </c>
      <c r="B21129" t="s">
        <v>42179</v>
      </c>
      <c r="C21129" t="s">
        <v>42180</v>
      </c>
    </row>
    <row r="21130" spans="1:3" x14ac:dyDescent="0.15">
      <c r="A21130">
        <v>3868</v>
      </c>
      <c r="B21130" t="s">
        <v>42181</v>
      </c>
      <c r="C21130" t="s">
        <v>42182</v>
      </c>
    </row>
    <row r="21131" spans="1:3" x14ac:dyDescent="0.15">
      <c r="A21131">
        <v>3867</v>
      </c>
      <c r="B21131" t="s">
        <v>42183</v>
      </c>
      <c r="C21131" t="s">
        <v>42184</v>
      </c>
    </row>
    <row r="21132" spans="1:3" x14ac:dyDescent="0.15">
      <c r="A21132">
        <v>3866</v>
      </c>
      <c r="B21132" t="s">
        <v>42185</v>
      </c>
      <c r="C21132" t="s">
        <v>42186</v>
      </c>
    </row>
    <row r="21133" spans="1:3" x14ac:dyDescent="0.15">
      <c r="A21133">
        <v>3865</v>
      </c>
      <c r="B21133" t="s">
        <v>42187</v>
      </c>
      <c r="C21133" t="s">
        <v>42188</v>
      </c>
    </row>
    <row r="21134" spans="1:3" x14ac:dyDescent="0.15">
      <c r="A21134">
        <v>3864</v>
      </c>
      <c r="B21134" t="s">
        <v>42189</v>
      </c>
      <c r="C21134" t="s">
        <v>42190</v>
      </c>
    </row>
    <row r="21135" spans="1:3" x14ac:dyDescent="0.15">
      <c r="A21135">
        <v>3863</v>
      </c>
      <c r="B21135" t="s">
        <v>42191</v>
      </c>
      <c r="C21135" t="s">
        <v>42192</v>
      </c>
    </row>
    <row r="21136" spans="1:3" x14ac:dyDescent="0.15">
      <c r="A21136">
        <v>3862</v>
      </c>
      <c r="B21136" t="s">
        <v>42193</v>
      </c>
      <c r="C21136" t="s">
        <v>42194</v>
      </c>
    </row>
    <row r="21137" spans="1:3" x14ac:dyDescent="0.15">
      <c r="A21137">
        <v>3861</v>
      </c>
      <c r="B21137" t="s">
        <v>42195</v>
      </c>
      <c r="C21137" t="s">
        <v>42196</v>
      </c>
    </row>
    <row r="21138" spans="1:3" x14ac:dyDescent="0.15">
      <c r="A21138">
        <v>3860</v>
      </c>
      <c r="B21138" t="s">
        <v>42197</v>
      </c>
      <c r="C21138" t="s">
        <v>42198</v>
      </c>
    </row>
    <row r="21139" spans="1:3" x14ac:dyDescent="0.15">
      <c r="A21139">
        <v>3859</v>
      </c>
      <c r="B21139" t="s">
        <v>42199</v>
      </c>
      <c r="C21139" t="s">
        <v>42200</v>
      </c>
    </row>
    <row r="21140" spans="1:3" x14ac:dyDescent="0.15">
      <c r="A21140">
        <v>3858</v>
      </c>
      <c r="B21140" t="s">
        <v>42201</v>
      </c>
      <c r="C21140" t="s">
        <v>42202</v>
      </c>
    </row>
    <row r="21141" spans="1:3" x14ac:dyDescent="0.15">
      <c r="A21141">
        <v>3857</v>
      </c>
      <c r="B21141" t="s">
        <v>42203</v>
      </c>
      <c r="C21141" t="s">
        <v>42204</v>
      </c>
    </row>
    <row r="21142" spans="1:3" x14ac:dyDescent="0.15">
      <c r="A21142">
        <v>3856</v>
      </c>
      <c r="B21142" t="s">
        <v>42205</v>
      </c>
      <c r="C21142" t="s">
        <v>42206</v>
      </c>
    </row>
    <row r="21143" spans="1:3" x14ac:dyDescent="0.15">
      <c r="A21143">
        <v>3855</v>
      </c>
      <c r="B21143" t="s">
        <v>42207</v>
      </c>
      <c r="C21143" t="s">
        <v>42208</v>
      </c>
    </row>
    <row r="21144" spans="1:3" x14ac:dyDescent="0.15">
      <c r="A21144">
        <v>3854</v>
      </c>
      <c r="B21144" t="s">
        <v>42209</v>
      </c>
      <c r="C21144" t="s">
        <v>42210</v>
      </c>
    </row>
    <row r="21145" spans="1:3" x14ac:dyDescent="0.15">
      <c r="A21145">
        <v>3853</v>
      </c>
      <c r="B21145" t="s">
        <v>42211</v>
      </c>
      <c r="C21145" t="s">
        <v>42212</v>
      </c>
    </row>
    <row r="21146" spans="1:3" x14ac:dyDescent="0.15">
      <c r="A21146">
        <v>3852</v>
      </c>
      <c r="B21146" t="s">
        <v>42213</v>
      </c>
      <c r="C21146" t="s">
        <v>42214</v>
      </c>
    </row>
    <row r="21147" spans="1:3" x14ac:dyDescent="0.15">
      <c r="A21147">
        <v>3851</v>
      </c>
      <c r="B21147" t="s">
        <v>42215</v>
      </c>
      <c r="C21147" t="s">
        <v>42216</v>
      </c>
    </row>
    <row r="21148" spans="1:3" x14ac:dyDescent="0.15">
      <c r="A21148">
        <v>3850</v>
      </c>
      <c r="B21148" t="s">
        <v>42217</v>
      </c>
      <c r="C21148" t="s">
        <v>42218</v>
      </c>
    </row>
    <row r="21149" spans="1:3" x14ac:dyDescent="0.15">
      <c r="A21149">
        <v>3849</v>
      </c>
      <c r="B21149" t="s">
        <v>42219</v>
      </c>
      <c r="C21149" t="s">
        <v>42220</v>
      </c>
    </row>
    <row r="21150" spans="1:3" x14ac:dyDescent="0.15">
      <c r="A21150">
        <v>3848</v>
      </c>
      <c r="B21150" t="s">
        <v>42221</v>
      </c>
      <c r="C21150" t="s">
        <v>42222</v>
      </c>
    </row>
    <row r="21151" spans="1:3" x14ac:dyDescent="0.15">
      <c r="A21151">
        <v>3847</v>
      </c>
      <c r="B21151" t="s">
        <v>42223</v>
      </c>
      <c r="C21151" t="s">
        <v>42224</v>
      </c>
    </row>
    <row r="21152" spans="1:3" x14ac:dyDescent="0.15">
      <c r="A21152">
        <v>3846</v>
      </c>
      <c r="B21152" t="s">
        <v>42225</v>
      </c>
      <c r="C21152" t="s">
        <v>42226</v>
      </c>
    </row>
    <row r="21153" spans="1:3" x14ac:dyDescent="0.15">
      <c r="A21153">
        <v>3845</v>
      </c>
      <c r="B21153" t="s">
        <v>42227</v>
      </c>
      <c r="C21153" t="s">
        <v>42228</v>
      </c>
    </row>
    <row r="21154" spans="1:3" x14ac:dyDescent="0.15">
      <c r="A21154">
        <v>3844</v>
      </c>
      <c r="B21154" t="s">
        <v>42229</v>
      </c>
      <c r="C21154" t="s">
        <v>42230</v>
      </c>
    </row>
    <row r="21155" spans="1:3" x14ac:dyDescent="0.15">
      <c r="A21155">
        <v>3843</v>
      </c>
      <c r="B21155" t="s">
        <v>42231</v>
      </c>
      <c r="C21155" t="s">
        <v>42232</v>
      </c>
    </row>
    <row r="21156" spans="1:3" x14ac:dyDescent="0.15">
      <c r="A21156">
        <v>3842</v>
      </c>
      <c r="B21156" t="s">
        <v>42233</v>
      </c>
      <c r="C21156" t="s">
        <v>42234</v>
      </c>
    </row>
    <row r="21157" spans="1:3" x14ac:dyDescent="0.15">
      <c r="A21157">
        <v>3841</v>
      </c>
      <c r="B21157" t="s">
        <v>42235</v>
      </c>
      <c r="C21157" t="s">
        <v>42236</v>
      </c>
    </row>
    <row r="21158" spans="1:3" x14ac:dyDescent="0.15">
      <c r="A21158">
        <v>3840</v>
      </c>
      <c r="B21158" t="s">
        <v>42237</v>
      </c>
      <c r="C21158" t="s">
        <v>42238</v>
      </c>
    </row>
    <row r="21159" spans="1:3" x14ac:dyDescent="0.15">
      <c r="A21159">
        <v>3839</v>
      </c>
      <c r="B21159" t="s">
        <v>42239</v>
      </c>
      <c r="C21159" t="s">
        <v>42240</v>
      </c>
    </row>
    <row r="21160" spans="1:3" x14ac:dyDescent="0.15">
      <c r="A21160">
        <v>3838</v>
      </c>
      <c r="B21160" t="s">
        <v>42241</v>
      </c>
      <c r="C21160" t="s">
        <v>42242</v>
      </c>
    </row>
    <row r="21161" spans="1:3" x14ac:dyDescent="0.15">
      <c r="A21161">
        <v>3837</v>
      </c>
      <c r="B21161" t="s">
        <v>42243</v>
      </c>
      <c r="C21161" t="s">
        <v>42244</v>
      </c>
    </row>
    <row r="21162" spans="1:3" x14ac:dyDescent="0.15">
      <c r="A21162">
        <v>3836</v>
      </c>
      <c r="B21162" t="s">
        <v>42245</v>
      </c>
      <c r="C21162" t="s">
        <v>42246</v>
      </c>
    </row>
    <row r="21163" spans="1:3" x14ac:dyDescent="0.15">
      <c r="A21163">
        <v>3835</v>
      </c>
      <c r="B21163" t="s">
        <v>42247</v>
      </c>
      <c r="C21163" t="s">
        <v>42248</v>
      </c>
    </row>
    <row r="21164" spans="1:3" x14ac:dyDescent="0.15">
      <c r="A21164">
        <v>3834</v>
      </c>
      <c r="B21164" t="s">
        <v>42249</v>
      </c>
      <c r="C21164" t="s">
        <v>42250</v>
      </c>
    </row>
    <row r="21165" spans="1:3" x14ac:dyDescent="0.15">
      <c r="A21165">
        <v>3833</v>
      </c>
      <c r="B21165" t="s">
        <v>42251</v>
      </c>
      <c r="C21165" t="s">
        <v>42252</v>
      </c>
    </row>
    <row r="21166" spans="1:3" x14ac:dyDescent="0.15">
      <c r="A21166">
        <v>3832</v>
      </c>
      <c r="B21166" t="s">
        <v>42253</v>
      </c>
      <c r="C21166" t="s">
        <v>42254</v>
      </c>
    </row>
    <row r="21167" spans="1:3" x14ac:dyDescent="0.15">
      <c r="A21167">
        <v>3831</v>
      </c>
      <c r="B21167" t="s">
        <v>42255</v>
      </c>
      <c r="C21167" t="s">
        <v>42256</v>
      </c>
    </row>
    <row r="21168" spans="1:3" x14ac:dyDescent="0.15">
      <c r="A21168">
        <v>3830</v>
      </c>
      <c r="B21168" t="s">
        <v>42257</v>
      </c>
      <c r="C21168" t="s">
        <v>42258</v>
      </c>
    </row>
    <row r="21169" spans="1:3" x14ac:dyDescent="0.15">
      <c r="A21169">
        <v>3829</v>
      </c>
      <c r="B21169" t="s">
        <v>42259</v>
      </c>
      <c r="C21169" t="s">
        <v>42260</v>
      </c>
    </row>
    <row r="21170" spans="1:3" x14ac:dyDescent="0.15">
      <c r="A21170">
        <v>3828</v>
      </c>
      <c r="B21170" t="s">
        <v>42261</v>
      </c>
      <c r="C21170" t="s">
        <v>42262</v>
      </c>
    </row>
    <row r="21171" spans="1:3" x14ac:dyDescent="0.15">
      <c r="A21171">
        <v>3827</v>
      </c>
      <c r="B21171" t="s">
        <v>42263</v>
      </c>
      <c r="C21171" t="s">
        <v>42264</v>
      </c>
    </row>
    <row r="21172" spans="1:3" x14ac:dyDescent="0.15">
      <c r="A21172">
        <v>3826</v>
      </c>
      <c r="B21172" t="s">
        <v>42265</v>
      </c>
      <c r="C21172" t="s">
        <v>42266</v>
      </c>
    </row>
    <row r="21173" spans="1:3" x14ac:dyDescent="0.15">
      <c r="A21173">
        <v>3825</v>
      </c>
      <c r="B21173" t="s">
        <v>42267</v>
      </c>
      <c r="C21173" t="s">
        <v>42268</v>
      </c>
    </row>
    <row r="21174" spans="1:3" x14ac:dyDescent="0.15">
      <c r="A21174">
        <v>3824</v>
      </c>
      <c r="B21174" t="s">
        <v>42269</v>
      </c>
      <c r="C21174" t="s">
        <v>42270</v>
      </c>
    </row>
    <row r="21175" spans="1:3" x14ac:dyDescent="0.15">
      <c r="A21175">
        <v>3823</v>
      </c>
      <c r="B21175" t="s">
        <v>42271</v>
      </c>
      <c r="C21175" t="s">
        <v>42272</v>
      </c>
    </row>
    <row r="21176" spans="1:3" x14ac:dyDescent="0.15">
      <c r="A21176">
        <v>3822</v>
      </c>
      <c r="B21176" t="s">
        <v>42273</v>
      </c>
      <c r="C21176" t="s">
        <v>42274</v>
      </c>
    </row>
    <row r="21177" spans="1:3" x14ac:dyDescent="0.15">
      <c r="A21177">
        <v>3821</v>
      </c>
      <c r="B21177" t="s">
        <v>42275</v>
      </c>
      <c r="C21177" t="s">
        <v>42276</v>
      </c>
    </row>
    <row r="21178" spans="1:3" x14ac:dyDescent="0.15">
      <c r="A21178">
        <v>3820</v>
      </c>
      <c r="B21178" t="s">
        <v>42277</v>
      </c>
      <c r="C21178" t="s">
        <v>42278</v>
      </c>
    </row>
    <row r="21179" spans="1:3" x14ac:dyDescent="0.15">
      <c r="A21179">
        <v>3819</v>
      </c>
      <c r="B21179" t="s">
        <v>42279</v>
      </c>
      <c r="C21179" t="s">
        <v>42280</v>
      </c>
    </row>
    <row r="21180" spans="1:3" x14ac:dyDescent="0.15">
      <c r="A21180">
        <v>3818</v>
      </c>
      <c r="B21180" t="s">
        <v>42281</v>
      </c>
      <c r="C21180" t="s">
        <v>42282</v>
      </c>
    </row>
    <row r="21181" spans="1:3" x14ac:dyDescent="0.15">
      <c r="A21181">
        <v>3817</v>
      </c>
      <c r="B21181" t="s">
        <v>42283</v>
      </c>
      <c r="C21181" t="s">
        <v>42284</v>
      </c>
    </row>
    <row r="21182" spans="1:3" x14ac:dyDescent="0.15">
      <c r="A21182">
        <v>3816</v>
      </c>
      <c r="B21182" t="s">
        <v>42285</v>
      </c>
      <c r="C21182" t="s">
        <v>42286</v>
      </c>
    </row>
    <row r="21183" spans="1:3" x14ac:dyDescent="0.15">
      <c r="A21183">
        <v>3815</v>
      </c>
      <c r="B21183" t="s">
        <v>42287</v>
      </c>
      <c r="C21183" t="s">
        <v>42288</v>
      </c>
    </row>
    <row r="21184" spans="1:3" x14ac:dyDescent="0.15">
      <c r="A21184">
        <v>3814</v>
      </c>
      <c r="B21184" t="s">
        <v>42289</v>
      </c>
      <c r="C21184" t="s">
        <v>42290</v>
      </c>
    </row>
    <row r="21185" spans="1:3" x14ac:dyDescent="0.15">
      <c r="A21185">
        <v>3813</v>
      </c>
      <c r="B21185" t="s">
        <v>42291</v>
      </c>
      <c r="C21185" t="s">
        <v>42292</v>
      </c>
    </row>
    <row r="21186" spans="1:3" x14ac:dyDescent="0.15">
      <c r="A21186">
        <v>3812</v>
      </c>
      <c r="B21186" t="s">
        <v>42293</v>
      </c>
      <c r="C21186" t="s">
        <v>42294</v>
      </c>
    </row>
    <row r="21187" spans="1:3" x14ac:dyDescent="0.15">
      <c r="A21187">
        <v>3811</v>
      </c>
      <c r="B21187" t="s">
        <v>42295</v>
      </c>
      <c r="C21187" t="s">
        <v>42296</v>
      </c>
    </row>
    <row r="21188" spans="1:3" x14ac:dyDescent="0.15">
      <c r="A21188">
        <v>3810</v>
      </c>
      <c r="B21188" t="s">
        <v>42297</v>
      </c>
      <c r="C21188" t="s">
        <v>42298</v>
      </c>
    </row>
    <row r="21189" spans="1:3" x14ac:dyDescent="0.15">
      <c r="A21189">
        <v>3809</v>
      </c>
      <c r="B21189" t="s">
        <v>42299</v>
      </c>
      <c r="C21189" t="s">
        <v>42300</v>
      </c>
    </row>
    <row r="21190" spans="1:3" x14ac:dyDescent="0.15">
      <c r="A21190">
        <v>3808</v>
      </c>
      <c r="B21190" t="s">
        <v>42301</v>
      </c>
      <c r="C21190" t="s">
        <v>42302</v>
      </c>
    </row>
    <row r="21191" spans="1:3" x14ac:dyDescent="0.15">
      <c r="A21191">
        <v>3807</v>
      </c>
      <c r="B21191" t="s">
        <v>42303</v>
      </c>
      <c r="C21191" t="s">
        <v>42304</v>
      </c>
    </row>
    <row r="21192" spans="1:3" x14ac:dyDescent="0.15">
      <c r="A21192">
        <v>3806</v>
      </c>
      <c r="B21192" t="s">
        <v>42305</v>
      </c>
      <c r="C21192" t="s">
        <v>42306</v>
      </c>
    </row>
    <row r="21193" spans="1:3" x14ac:dyDescent="0.15">
      <c r="A21193">
        <v>3805</v>
      </c>
      <c r="B21193" t="s">
        <v>42307</v>
      </c>
      <c r="C21193" t="s">
        <v>42308</v>
      </c>
    </row>
    <row r="21194" spans="1:3" x14ac:dyDescent="0.15">
      <c r="A21194">
        <v>3804</v>
      </c>
      <c r="B21194" t="s">
        <v>42309</v>
      </c>
      <c r="C21194" t="s">
        <v>42310</v>
      </c>
    </row>
    <row r="21195" spans="1:3" x14ac:dyDescent="0.15">
      <c r="A21195">
        <v>3803</v>
      </c>
      <c r="B21195" t="s">
        <v>42311</v>
      </c>
      <c r="C21195" t="s">
        <v>42312</v>
      </c>
    </row>
    <row r="21196" spans="1:3" x14ac:dyDescent="0.15">
      <c r="A21196">
        <v>3802</v>
      </c>
      <c r="B21196" t="s">
        <v>42313</v>
      </c>
      <c r="C21196" t="s">
        <v>42314</v>
      </c>
    </row>
    <row r="21197" spans="1:3" x14ac:dyDescent="0.15">
      <c r="A21197">
        <v>3801</v>
      </c>
      <c r="B21197" t="s">
        <v>42315</v>
      </c>
      <c r="C21197" t="s">
        <v>42316</v>
      </c>
    </row>
    <row r="21198" spans="1:3" x14ac:dyDescent="0.15">
      <c r="A21198">
        <v>3800</v>
      </c>
      <c r="B21198" t="s">
        <v>42317</v>
      </c>
      <c r="C21198" t="s">
        <v>42318</v>
      </c>
    </row>
    <row r="21199" spans="1:3" x14ac:dyDescent="0.15">
      <c r="A21199">
        <v>3799</v>
      </c>
      <c r="B21199" t="s">
        <v>42319</v>
      </c>
      <c r="C21199" t="s">
        <v>42320</v>
      </c>
    </row>
    <row r="21200" spans="1:3" x14ac:dyDescent="0.15">
      <c r="A21200">
        <v>3798</v>
      </c>
      <c r="B21200" t="s">
        <v>42321</v>
      </c>
      <c r="C21200" t="s">
        <v>42322</v>
      </c>
    </row>
    <row r="21201" spans="1:3" x14ac:dyDescent="0.15">
      <c r="A21201">
        <v>3797</v>
      </c>
      <c r="B21201" t="s">
        <v>42323</v>
      </c>
      <c r="C21201" t="s">
        <v>42324</v>
      </c>
    </row>
    <row r="21202" spans="1:3" x14ac:dyDescent="0.15">
      <c r="A21202">
        <v>3796</v>
      </c>
      <c r="B21202" t="s">
        <v>42325</v>
      </c>
      <c r="C21202" t="s">
        <v>42326</v>
      </c>
    </row>
    <row r="21203" spans="1:3" x14ac:dyDescent="0.15">
      <c r="A21203">
        <v>3795</v>
      </c>
      <c r="B21203" t="s">
        <v>42327</v>
      </c>
      <c r="C21203" t="s">
        <v>42328</v>
      </c>
    </row>
    <row r="21204" spans="1:3" x14ac:dyDescent="0.15">
      <c r="A21204">
        <v>3794</v>
      </c>
      <c r="B21204" t="s">
        <v>42329</v>
      </c>
      <c r="C21204" t="s">
        <v>42330</v>
      </c>
    </row>
    <row r="21205" spans="1:3" x14ac:dyDescent="0.15">
      <c r="A21205">
        <v>3793</v>
      </c>
      <c r="B21205" t="s">
        <v>42331</v>
      </c>
      <c r="C21205" t="s">
        <v>42332</v>
      </c>
    </row>
    <row r="21206" spans="1:3" x14ac:dyDescent="0.15">
      <c r="A21206">
        <v>3792</v>
      </c>
      <c r="B21206" t="s">
        <v>42333</v>
      </c>
      <c r="C21206" t="s">
        <v>42334</v>
      </c>
    </row>
    <row r="21207" spans="1:3" x14ac:dyDescent="0.15">
      <c r="A21207">
        <v>3791</v>
      </c>
      <c r="B21207" t="s">
        <v>42335</v>
      </c>
      <c r="C21207" t="s">
        <v>42336</v>
      </c>
    </row>
    <row r="21208" spans="1:3" x14ac:dyDescent="0.15">
      <c r="A21208">
        <v>3790</v>
      </c>
      <c r="B21208" t="s">
        <v>42337</v>
      </c>
      <c r="C21208" t="s">
        <v>42338</v>
      </c>
    </row>
    <row r="21209" spans="1:3" x14ac:dyDescent="0.15">
      <c r="A21209">
        <v>3789</v>
      </c>
      <c r="B21209" t="s">
        <v>42339</v>
      </c>
      <c r="C21209" t="s">
        <v>42340</v>
      </c>
    </row>
    <row r="21210" spans="1:3" x14ac:dyDescent="0.15">
      <c r="A21210">
        <v>3788</v>
      </c>
      <c r="B21210" t="s">
        <v>42341</v>
      </c>
      <c r="C21210" t="s">
        <v>42342</v>
      </c>
    </row>
    <row r="21211" spans="1:3" x14ac:dyDescent="0.15">
      <c r="A21211">
        <v>3787</v>
      </c>
      <c r="B21211" t="s">
        <v>42343</v>
      </c>
      <c r="C21211" t="s">
        <v>42344</v>
      </c>
    </row>
    <row r="21212" spans="1:3" x14ac:dyDescent="0.15">
      <c r="A21212">
        <v>3786</v>
      </c>
      <c r="B21212" t="s">
        <v>42345</v>
      </c>
      <c r="C21212" t="s">
        <v>42346</v>
      </c>
    </row>
    <row r="21213" spans="1:3" x14ac:dyDescent="0.15">
      <c r="A21213">
        <v>3785</v>
      </c>
      <c r="B21213" t="s">
        <v>42347</v>
      </c>
      <c r="C21213" t="s">
        <v>42348</v>
      </c>
    </row>
    <row r="21214" spans="1:3" x14ac:dyDescent="0.15">
      <c r="A21214">
        <v>3784</v>
      </c>
      <c r="B21214" t="s">
        <v>42349</v>
      </c>
      <c r="C21214" t="s">
        <v>42350</v>
      </c>
    </row>
    <row r="21215" spans="1:3" x14ac:dyDescent="0.15">
      <c r="A21215">
        <v>3783</v>
      </c>
      <c r="B21215" t="s">
        <v>42351</v>
      </c>
      <c r="C21215" t="s">
        <v>42352</v>
      </c>
    </row>
    <row r="21216" spans="1:3" x14ac:dyDescent="0.15">
      <c r="A21216">
        <v>3782</v>
      </c>
      <c r="B21216" t="s">
        <v>42353</v>
      </c>
      <c r="C21216" t="s">
        <v>42354</v>
      </c>
    </row>
    <row r="21217" spans="1:3" x14ac:dyDescent="0.15">
      <c r="A21217">
        <v>3781</v>
      </c>
      <c r="B21217" t="s">
        <v>42355</v>
      </c>
      <c r="C21217" t="s">
        <v>42356</v>
      </c>
    </row>
    <row r="21218" spans="1:3" x14ac:dyDescent="0.15">
      <c r="A21218">
        <v>3780</v>
      </c>
      <c r="B21218" t="s">
        <v>42357</v>
      </c>
      <c r="C21218" t="s">
        <v>42358</v>
      </c>
    </row>
    <row r="21219" spans="1:3" x14ac:dyDescent="0.15">
      <c r="A21219">
        <v>3779</v>
      </c>
      <c r="B21219" t="s">
        <v>42359</v>
      </c>
      <c r="C21219" t="s">
        <v>42360</v>
      </c>
    </row>
    <row r="21220" spans="1:3" x14ac:dyDescent="0.15">
      <c r="A21220">
        <v>3778</v>
      </c>
      <c r="B21220" t="s">
        <v>42361</v>
      </c>
      <c r="C21220" t="s">
        <v>42362</v>
      </c>
    </row>
    <row r="21221" spans="1:3" x14ac:dyDescent="0.15">
      <c r="A21221">
        <v>3777</v>
      </c>
      <c r="B21221" t="s">
        <v>42363</v>
      </c>
      <c r="C21221" t="s">
        <v>42364</v>
      </c>
    </row>
    <row r="21222" spans="1:3" x14ac:dyDescent="0.15">
      <c r="A21222">
        <v>3776</v>
      </c>
      <c r="B21222" t="s">
        <v>42365</v>
      </c>
      <c r="C21222" t="s">
        <v>42366</v>
      </c>
    </row>
    <row r="21223" spans="1:3" x14ac:dyDescent="0.15">
      <c r="A21223">
        <v>3775</v>
      </c>
      <c r="B21223" t="s">
        <v>42367</v>
      </c>
      <c r="C21223" t="s">
        <v>42368</v>
      </c>
    </row>
    <row r="21224" spans="1:3" x14ac:dyDescent="0.15">
      <c r="A21224">
        <v>3774</v>
      </c>
      <c r="B21224" t="s">
        <v>42369</v>
      </c>
      <c r="C21224" t="s">
        <v>42370</v>
      </c>
    </row>
    <row r="21225" spans="1:3" x14ac:dyDescent="0.15">
      <c r="A21225">
        <v>3773</v>
      </c>
      <c r="B21225" t="s">
        <v>42371</v>
      </c>
      <c r="C21225" t="s">
        <v>42372</v>
      </c>
    </row>
    <row r="21226" spans="1:3" x14ac:dyDescent="0.15">
      <c r="A21226">
        <v>3772</v>
      </c>
      <c r="B21226" t="s">
        <v>42373</v>
      </c>
      <c r="C21226" t="s">
        <v>42374</v>
      </c>
    </row>
    <row r="21227" spans="1:3" x14ac:dyDescent="0.15">
      <c r="A21227">
        <v>3771</v>
      </c>
      <c r="B21227" t="s">
        <v>42375</v>
      </c>
      <c r="C21227" t="s">
        <v>42376</v>
      </c>
    </row>
    <row r="21228" spans="1:3" x14ac:dyDescent="0.15">
      <c r="A21228">
        <v>3770</v>
      </c>
      <c r="B21228" t="s">
        <v>42377</v>
      </c>
      <c r="C21228" t="s">
        <v>42378</v>
      </c>
    </row>
    <row r="21229" spans="1:3" x14ac:dyDescent="0.15">
      <c r="A21229">
        <v>3769</v>
      </c>
      <c r="B21229" t="s">
        <v>42379</v>
      </c>
      <c r="C21229" t="s">
        <v>42380</v>
      </c>
    </row>
    <row r="21230" spans="1:3" x14ac:dyDescent="0.15">
      <c r="A21230">
        <v>3768</v>
      </c>
      <c r="B21230" t="s">
        <v>42381</v>
      </c>
      <c r="C21230" t="s">
        <v>42382</v>
      </c>
    </row>
    <row r="21231" spans="1:3" x14ac:dyDescent="0.15">
      <c r="A21231">
        <v>3767</v>
      </c>
      <c r="B21231" t="s">
        <v>42383</v>
      </c>
      <c r="C21231" t="s">
        <v>42384</v>
      </c>
    </row>
    <row r="21232" spans="1:3" x14ac:dyDescent="0.15">
      <c r="A21232">
        <v>3766</v>
      </c>
      <c r="B21232" t="s">
        <v>42385</v>
      </c>
      <c r="C21232" t="s">
        <v>42386</v>
      </c>
    </row>
    <row r="21233" spans="1:3" x14ac:dyDescent="0.15">
      <c r="A21233">
        <v>3765</v>
      </c>
      <c r="B21233" t="s">
        <v>42387</v>
      </c>
      <c r="C21233" t="s">
        <v>42388</v>
      </c>
    </row>
    <row r="21234" spans="1:3" x14ac:dyDescent="0.15">
      <c r="A21234">
        <v>3764</v>
      </c>
      <c r="B21234" t="s">
        <v>42389</v>
      </c>
      <c r="C21234" t="s">
        <v>42390</v>
      </c>
    </row>
    <row r="21235" spans="1:3" x14ac:dyDescent="0.15">
      <c r="A21235">
        <v>3763</v>
      </c>
      <c r="B21235" t="s">
        <v>42391</v>
      </c>
      <c r="C21235" t="s">
        <v>42392</v>
      </c>
    </row>
    <row r="21236" spans="1:3" x14ac:dyDescent="0.15">
      <c r="A21236">
        <v>3762</v>
      </c>
      <c r="B21236" t="s">
        <v>42393</v>
      </c>
      <c r="C21236" t="s">
        <v>42394</v>
      </c>
    </row>
    <row r="21237" spans="1:3" x14ac:dyDescent="0.15">
      <c r="A21237">
        <v>3761</v>
      </c>
      <c r="B21237" t="s">
        <v>42395</v>
      </c>
      <c r="C21237" t="s">
        <v>42396</v>
      </c>
    </row>
    <row r="21238" spans="1:3" x14ac:dyDescent="0.15">
      <c r="A21238">
        <v>3760</v>
      </c>
      <c r="B21238" t="s">
        <v>42397</v>
      </c>
      <c r="C21238" t="s">
        <v>42398</v>
      </c>
    </row>
    <row r="21239" spans="1:3" x14ac:dyDescent="0.15">
      <c r="A21239">
        <v>3759</v>
      </c>
      <c r="B21239" t="s">
        <v>42399</v>
      </c>
      <c r="C21239" t="s">
        <v>42400</v>
      </c>
    </row>
    <row r="21240" spans="1:3" x14ac:dyDescent="0.15">
      <c r="A21240">
        <v>3758</v>
      </c>
      <c r="B21240" t="s">
        <v>42401</v>
      </c>
      <c r="C21240" t="s">
        <v>42402</v>
      </c>
    </row>
    <row r="21241" spans="1:3" x14ac:dyDescent="0.15">
      <c r="A21241">
        <v>3757</v>
      </c>
      <c r="B21241" t="s">
        <v>42403</v>
      </c>
      <c r="C21241" t="s">
        <v>42404</v>
      </c>
    </row>
    <row r="21242" spans="1:3" x14ac:dyDescent="0.15">
      <c r="A21242">
        <v>3756</v>
      </c>
      <c r="B21242" t="s">
        <v>42405</v>
      </c>
      <c r="C21242" t="s">
        <v>42406</v>
      </c>
    </row>
    <row r="21243" spans="1:3" x14ac:dyDescent="0.15">
      <c r="A21243">
        <v>3755</v>
      </c>
      <c r="B21243" t="s">
        <v>42407</v>
      </c>
      <c r="C21243" t="s">
        <v>42408</v>
      </c>
    </row>
    <row r="21244" spans="1:3" x14ac:dyDescent="0.15">
      <c r="A21244">
        <v>3754</v>
      </c>
      <c r="B21244" t="s">
        <v>42409</v>
      </c>
      <c r="C21244" t="s">
        <v>42410</v>
      </c>
    </row>
    <row r="21245" spans="1:3" x14ac:dyDescent="0.15">
      <c r="A21245">
        <v>3753</v>
      </c>
      <c r="B21245" t="s">
        <v>42411</v>
      </c>
      <c r="C21245" t="s">
        <v>42412</v>
      </c>
    </row>
    <row r="21246" spans="1:3" x14ac:dyDescent="0.15">
      <c r="A21246">
        <v>3752</v>
      </c>
      <c r="B21246" t="s">
        <v>42413</v>
      </c>
      <c r="C21246" t="s">
        <v>42414</v>
      </c>
    </row>
    <row r="21247" spans="1:3" x14ac:dyDescent="0.15">
      <c r="A21247">
        <v>3751</v>
      </c>
      <c r="B21247" t="s">
        <v>42415</v>
      </c>
      <c r="C21247" t="s">
        <v>42416</v>
      </c>
    </row>
    <row r="21248" spans="1:3" x14ac:dyDescent="0.15">
      <c r="A21248">
        <v>3750</v>
      </c>
      <c r="B21248" t="s">
        <v>42417</v>
      </c>
      <c r="C21248" t="s">
        <v>42418</v>
      </c>
    </row>
    <row r="21249" spans="1:3" x14ac:dyDescent="0.15">
      <c r="A21249">
        <v>3749</v>
      </c>
      <c r="B21249" t="s">
        <v>42419</v>
      </c>
      <c r="C21249" t="s">
        <v>42420</v>
      </c>
    </row>
    <row r="21250" spans="1:3" x14ac:dyDescent="0.15">
      <c r="A21250">
        <v>3748</v>
      </c>
      <c r="B21250" t="s">
        <v>42421</v>
      </c>
      <c r="C21250" t="s">
        <v>42422</v>
      </c>
    </row>
    <row r="21251" spans="1:3" x14ac:dyDescent="0.15">
      <c r="A21251">
        <v>3747</v>
      </c>
      <c r="B21251" t="s">
        <v>42423</v>
      </c>
      <c r="C21251" t="s">
        <v>42424</v>
      </c>
    </row>
    <row r="21252" spans="1:3" x14ac:dyDescent="0.15">
      <c r="A21252">
        <v>3746</v>
      </c>
      <c r="B21252" t="s">
        <v>42425</v>
      </c>
      <c r="C21252" t="s">
        <v>42426</v>
      </c>
    </row>
    <row r="21253" spans="1:3" x14ac:dyDescent="0.15">
      <c r="A21253">
        <v>3745</v>
      </c>
      <c r="B21253" t="s">
        <v>42427</v>
      </c>
      <c r="C21253" t="s">
        <v>42428</v>
      </c>
    </row>
    <row r="21254" spans="1:3" x14ac:dyDescent="0.15">
      <c r="A21254">
        <v>3744</v>
      </c>
      <c r="B21254" t="s">
        <v>42429</v>
      </c>
      <c r="C21254" t="s">
        <v>42430</v>
      </c>
    </row>
    <row r="21255" spans="1:3" x14ac:dyDescent="0.15">
      <c r="A21255">
        <v>3743</v>
      </c>
      <c r="B21255" t="s">
        <v>42431</v>
      </c>
      <c r="C21255" t="s">
        <v>42432</v>
      </c>
    </row>
    <row r="21256" spans="1:3" x14ac:dyDescent="0.15">
      <c r="A21256">
        <v>3742</v>
      </c>
      <c r="B21256" t="s">
        <v>42433</v>
      </c>
      <c r="C21256" t="s">
        <v>42434</v>
      </c>
    </row>
    <row r="21257" spans="1:3" x14ac:dyDescent="0.15">
      <c r="A21257">
        <v>3741</v>
      </c>
      <c r="B21257" t="s">
        <v>42435</v>
      </c>
      <c r="C21257" t="s">
        <v>42436</v>
      </c>
    </row>
    <row r="21258" spans="1:3" x14ac:dyDescent="0.15">
      <c r="A21258">
        <v>3740</v>
      </c>
      <c r="B21258" t="s">
        <v>42437</v>
      </c>
      <c r="C21258" t="s">
        <v>42438</v>
      </c>
    </row>
    <row r="21259" spans="1:3" x14ac:dyDescent="0.15">
      <c r="A21259">
        <v>3739</v>
      </c>
      <c r="B21259" t="s">
        <v>42439</v>
      </c>
      <c r="C21259" t="s">
        <v>42440</v>
      </c>
    </row>
    <row r="21260" spans="1:3" x14ac:dyDescent="0.15">
      <c r="A21260">
        <v>3738</v>
      </c>
      <c r="B21260" t="s">
        <v>42441</v>
      </c>
      <c r="C21260" t="s">
        <v>42442</v>
      </c>
    </row>
    <row r="21261" spans="1:3" x14ac:dyDescent="0.15">
      <c r="A21261">
        <v>3737</v>
      </c>
      <c r="B21261" t="s">
        <v>42443</v>
      </c>
      <c r="C21261" t="s">
        <v>42444</v>
      </c>
    </row>
    <row r="21262" spans="1:3" x14ac:dyDescent="0.15">
      <c r="A21262">
        <v>3736</v>
      </c>
      <c r="B21262" t="s">
        <v>42445</v>
      </c>
      <c r="C21262" t="s">
        <v>42446</v>
      </c>
    </row>
    <row r="21263" spans="1:3" x14ac:dyDescent="0.15">
      <c r="A21263">
        <v>3735</v>
      </c>
      <c r="B21263" t="s">
        <v>42447</v>
      </c>
      <c r="C21263" t="s">
        <v>42448</v>
      </c>
    </row>
    <row r="21264" spans="1:3" x14ac:dyDescent="0.15">
      <c r="A21264">
        <v>3734</v>
      </c>
      <c r="B21264" t="s">
        <v>42449</v>
      </c>
      <c r="C21264" t="s">
        <v>42450</v>
      </c>
    </row>
    <row r="21265" spans="1:3" x14ac:dyDescent="0.15">
      <c r="A21265">
        <v>3733</v>
      </c>
      <c r="B21265" t="s">
        <v>42451</v>
      </c>
      <c r="C21265" t="s">
        <v>42452</v>
      </c>
    </row>
    <row r="21266" spans="1:3" x14ac:dyDescent="0.15">
      <c r="A21266">
        <v>3732</v>
      </c>
      <c r="B21266" t="s">
        <v>42453</v>
      </c>
      <c r="C21266" t="s">
        <v>42454</v>
      </c>
    </row>
    <row r="21267" spans="1:3" x14ac:dyDescent="0.15">
      <c r="A21267">
        <v>3731</v>
      </c>
      <c r="B21267" t="s">
        <v>42455</v>
      </c>
      <c r="C21267" t="s">
        <v>42456</v>
      </c>
    </row>
    <row r="21268" spans="1:3" x14ac:dyDescent="0.15">
      <c r="A21268">
        <v>3730</v>
      </c>
      <c r="B21268" t="s">
        <v>42457</v>
      </c>
      <c r="C21268" t="s">
        <v>42458</v>
      </c>
    </row>
    <row r="21269" spans="1:3" x14ac:dyDescent="0.15">
      <c r="A21269">
        <v>3729</v>
      </c>
      <c r="B21269" t="s">
        <v>42459</v>
      </c>
      <c r="C21269" t="s">
        <v>42460</v>
      </c>
    </row>
    <row r="21270" spans="1:3" x14ac:dyDescent="0.15">
      <c r="A21270">
        <v>3728</v>
      </c>
      <c r="B21270" t="s">
        <v>42461</v>
      </c>
      <c r="C21270" t="s">
        <v>42462</v>
      </c>
    </row>
    <row r="21271" spans="1:3" x14ac:dyDescent="0.15">
      <c r="A21271">
        <v>3727</v>
      </c>
      <c r="B21271" t="s">
        <v>42463</v>
      </c>
      <c r="C21271" t="s">
        <v>42464</v>
      </c>
    </row>
    <row r="21272" spans="1:3" x14ac:dyDescent="0.15">
      <c r="A21272">
        <v>3726</v>
      </c>
      <c r="B21272" t="s">
        <v>42465</v>
      </c>
      <c r="C21272" t="s">
        <v>42466</v>
      </c>
    </row>
    <row r="21273" spans="1:3" x14ac:dyDescent="0.15">
      <c r="A21273">
        <v>3725</v>
      </c>
      <c r="B21273" t="s">
        <v>42467</v>
      </c>
      <c r="C21273" t="s">
        <v>42468</v>
      </c>
    </row>
    <row r="21274" spans="1:3" x14ac:dyDescent="0.15">
      <c r="A21274">
        <v>3724</v>
      </c>
      <c r="B21274" t="s">
        <v>42469</v>
      </c>
      <c r="C21274" t="s">
        <v>42470</v>
      </c>
    </row>
    <row r="21275" spans="1:3" x14ac:dyDescent="0.15">
      <c r="A21275">
        <v>3723</v>
      </c>
      <c r="B21275" t="s">
        <v>42471</v>
      </c>
      <c r="C21275" t="s">
        <v>42472</v>
      </c>
    </row>
    <row r="21276" spans="1:3" x14ac:dyDescent="0.15">
      <c r="A21276">
        <v>3722</v>
      </c>
      <c r="B21276" t="s">
        <v>42473</v>
      </c>
      <c r="C21276" t="s">
        <v>42474</v>
      </c>
    </row>
    <row r="21277" spans="1:3" x14ac:dyDescent="0.15">
      <c r="A21277">
        <v>3721</v>
      </c>
      <c r="B21277" t="s">
        <v>42475</v>
      </c>
      <c r="C21277" t="s">
        <v>42476</v>
      </c>
    </row>
    <row r="21278" spans="1:3" x14ac:dyDescent="0.15">
      <c r="A21278">
        <v>3720</v>
      </c>
      <c r="B21278" t="s">
        <v>42477</v>
      </c>
      <c r="C21278" t="s">
        <v>42478</v>
      </c>
    </row>
    <row r="21279" spans="1:3" x14ac:dyDescent="0.15">
      <c r="A21279">
        <v>3719</v>
      </c>
      <c r="B21279" t="s">
        <v>42479</v>
      </c>
      <c r="C21279" t="s">
        <v>42480</v>
      </c>
    </row>
    <row r="21280" spans="1:3" x14ac:dyDescent="0.15">
      <c r="A21280">
        <v>3718</v>
      </c>
      <c r="B21280" t="s">
        <v>42481</v>
      </c>
      <c r="C21280" t="s">
        <v>42482</v>
      </c>
    </row>
    <row r="21281" spans="1:3" x14ac:dyDescent="0.15">
      <c r="A21281">
        <v>3717</v>
      </c>
      <c r="B21281" t="s">
        <v>42483</v>
      </c>
      <c r="C21281" t="s">
        <v>42484</v>
      </c>
    </row>
    <row r="21282" spans="1:3" x14ac:dyDescent="0.15">
      <c r="A21282">
        <v>3716</v>
      </c>
      <c r="B21282" t="s">
        <v>42485</v>
      </c>
      <c r="C21282" t="s">
        <v>42486</v>
      </c>
    </row>
    <row r="21283" spans="1:3" x14ac:dyDescent="0.15">
      <c r="A21283">
        <v>3715</v>
      </c>
      <c r="B21283" t="s">
        <v>42487</v>
      </c>
      <c r="C21283" t="s">
        <v>42488</v>
      </c>
    </row>
    <row r="21284" spans="1:3" x14ac:dyDescent="0.15">
      <c r="A21284">
        <v>3714</v>
      </c>
      <c r="B21284" t="s">
        <v>42489</v>
      </c>
      <c r="C21284" t="s">
        <v>42490</v>
      </c>
    </row>
    <row r="21285" spans="1:3" x14ac:dyDescent="0.15">
      <c r="A21285">
        <v>3713</v>
      </c>
      <c r="B21285" t="s">
        <v>42491</v>
      </c>
      <c r="C21285" t="s">
        <v>42492</v>
      </c>
    </row>
    <row r="21286" spans="1:3" x14ac:dyDescent="0.15">
      <c r="A21286">
        <v>3712</v>
      </c>
      <c r="B21286" t="s">
        <v>42493</v>
      </c>
      <c r="C21286" t="s">
        <v>42494</v>
      </c>
    </row>
    <row r="21287" spans="1:3" x14ac:dyDescent="0.15">
      <c r="A21287">
        <v>3711</v>
      </c>
      <c r="B21287" t="s">
        <v>42495</v>
      </c>
      <c r="C21287" t="s">
        <v>42496</v>
      </c>
    </row>
    <row r="21288" spans="1:3" x14ac:dyDescent="0.15">
      <c r="A21288">
        <v>3710</v>
      </c>
      <c r="B21288" t="s">
        <v>42497</v>
      </c>
      <c r="C21288" t="s">
        <v>42498</v>
      </c>
    </row>
    <row r="21289" spans="1:3" x14ac:dyDescent="0.15">
      <c r="A21289">
        <v>3709</v>
      </c>
      <c r="B21289" t="s">
        <v>42499</v>
      </c>
      <c r="C21289" t="s">
        <v>42500</v>
      </c>
    </row>
    <row r="21290" spans="1:3" x14ac:dyDescent="0.15">
      <c r="A21290">
        <v>3708</v>
      </c>
      <c r="B21290" t="s">
        <v>42501</v>
      </c>
      <c r="C21290" t="s">
        <v>42502</v>
      </c>
    </row>
    <row r="21291" spans="1:3" x14ac:dyDescent="0.15">
      <c r="A21291">
        <v>3707</v>
      </c>
      <c r="B21291" t="s">
        <v>42503</v>
      </c>
      <c r="C21291" t="s">
        <v>42504</v>
      </c>
    </row>
    <row r="21292" spans="1:3" x14ac:dyDescent="0.15">
      <c r="A21292">
        <v>3706</v>
      </c>
      <c r="B21292" t="s">
        <v>42505</v>
      </c>
      <c r="C21292" t="s">
        <v>42506</v>
      </c>
    </row>
    <row r="21293" spans="1:3" x14ac:dyDescent="0.15">
      <c r="A21293">
        <v>3705</v>
      </c>
      <c r="B21293" t="s">
        <v>42507</v>
      </c>
      <c r="C21293" t="s">
        <v>42508</v>
      </c>
    </row>
    <row r="21294" spans="1:3" x14ac:dyDescent="0.15">
      <c r="A21294">
        <v>3704</v>
      </c>
      <c r="B21294" t="s">
        <v>42509</v>
      </c>
      <c r="C21294" t="s">
        <v>42510</v>
      </c>
    </row>
    <row r="21295" spans="1:3" x14ac:dyDescent="0.15">
      <c r="A21295">
        <v>3703</v>
      </c>
      <c r="B21295" t="s">
        <v>42511</v>
      </c>
      <c r="C21295" t="s">
        <v>42512</v>
      </c>
    </row>
    <row r="21296" spans="1:3" x14ac:dyDescent="0.15">
      <c r="A21296">
        <v>3702</v>
      </c>
      <c r="B21296" t="s">
        <v>42513</v>
      </c>
      <c r="C21296" t="s">
        <v>42514</v>
      </c>
    </row>
    <row r="21297" spans="1:3" x14ac:dyDescent="0.15">
      <c r="A21297">
        <v>3701</v>
      </c>
      <c r="B21297" t="s">
        <v>42515</v>
      </c>
      <c r="C21297" t="s">
        <v>42516</v>
      </c>
    </row>
    <row r="21298" spans="1:3" x14ac:dyDescent="0.15">
      <c r="A21298">
        <v>3700</v>
      </c>
      <c r="B21298" t="s">
        <v>42517</v>
      </c>
      <c r="C21298" t="s">
        <v>42518</v>
      </c>
    </row>
    <row r="21299" spans="1:3" x14ac:dyDescent="0.15">
      <c r="A21299">
        <v>3699</v>
      </c>
      <c r="B21299" t="s">
        <v>42519</v>
      </c>
      <c r="C21299" t="s">
        <v>42520</v>
      </c>
    </row>
    <row r="21300" spans="1:3" x14ac:dyDescent="0.15">
      <c r="A21300">
        <v>3698</v>
      </c>
      <c r="B21300" t="s">
        <v>42521</v>
      </c>
      <c r="C21300" t="s">
        <v>42522</v>
      </c>
    </row>
    <row r="21301" spans="1:3" x14ac:dyDescent="0.15">
      <c r="A21301">
        <v>3697</v>
      </c>
      <c r="B21301" t="s">
        <v>42523</v>
      </c>
      <c r="C21301" t="s">
        <v>42524</v>
      </c>
    </row>
    <row r="21302" spans="1:3" x14ac:dyDescent="0.15">
      <c r="A21302">
        <v>3696</v>
      </c>
      <c r="B21302" t="s">
        <v>42525</v>
      </c>
      <c r="C21302" t="s">
        <v>42526</v>
      </c>
    </row>
    <row r="21303" spans="1:3" x14ac:dyDescent="0.15">
      <c r="A21303">
        <v>3695</v>
      </c>
      <c r="B21303" t="s">
        <v>42527</v>
      </c>
      <c r="C21303" t="s">
        <v>42528</v>
      </c>
    </row>
    <row r="21304" spans="1:3" x14ac:dyDescent="0.15">
      <c r="A21304">
        <v>3694</v>
      </c>
      <c r="B21304" t="s">
        <v>42529</v>
      </c>
      <c r="C21304" t="s">
        <v>42530</v>
      </c>
    </row>
    <row r="21305" spans="1:3" x14ac:dyDescent="0.15">
      <c r="A21305">
        <v>3693</v>
      </c>
      <c r="B21305" t="s">
        <v>42531</v>
      </c>
      <c r="C21305" t="s">
        <v>42532</v>
      </c>
    </row>
    <row r="21306" spans="1:3" x14ac:dyDescent="0.15">
      <c r="A21306">
        <v>3692</v>
      </c>
      <c r="B21306" t="s">
        <v>42533</v>
      </c>
      <c r="C21306" t="s">
        <v>42534</v>
      </c>
    </row>
    <row r="21307" spans="1:3" x14ac:dyDescent="0.15">
      <c r="A21307">
        <v>3691</v>
      </c>
      <c r="B21307" t="s">
        <v>42535</v>
      </c>
      <c r="C21307" t="s">
        <v>42536</v>
      </c>
    </row>
    <row r="21308" spans="1:3" x14ac:dyDescent="0.15">
      <c r="A21308">
        <v>3690</v>
      </c>
      <c r="B21308" t="s">
        <v>42537</v>
      </c>
      <c r="C21308" t="s">
        <v>42538</v>
      </c>
    </row>
    <row r="21309" spans="1:3" x14ac:dyDescent="0.15">
      <c r="A21309">
        <v>3689</v>
      </c>
      <c r="B21309" t="s">
        <v>42539</v>
      </c>
      <c r="C21309" t="s">
        <v>42540</v>
      </c>
    </row>
    <row r="21310" spans="1:3" x14ac:dyDescent="0.15">
      <c r="A21310">
        <v>3688</v>
      </c>
      <c r="B21310" t="s">
        <v>42541</v>
      </c>
      <c r="C21310" t="s">
        <v>42542</v>
      </c>
    </row>
    <row r="21311" spans="1:3" x14ac:dyDescent="0.15">
      <c r="A21311">
        <v>3687</v>
      </c>
      <c r="B21311" t="s">
        <v>42543</v>
      </c>
      <c r="C21311" t="s">
        <v>42544</v>
      </c>
    </row>
    <row r="21312" spans="1:3" x14ac:dyDescent="0.15">
      <c r="A21312">
        <v>3686</v>
      </c>
      <c r="B21312" t="s">
        <v>42545</v>
      </c>
      <c r="C21312" t="s">
        <v>42546</v>
      </c>
    </row>
    <row r="21313" spans="1:3" x14ac:dyDescent="0.15">
      <c r="A21313">
        <v>3685</v>
      </c>
      <c r="B21313" t="s">
        <v>42547</v>
      </c>
      <c r="C21313" t="s">
        <v>42548</v>
      </c>
    </row>
    <row r="21314" spans="1:3" x14ac:dyDescent="0.15">
      <c r="A21314">
        <v>3684</v>
      </c>
      <c r="B21314" t="s">
        <v>42549</v>
      </c>
      <c r="C21314" t="s">
        <v>42550</v>
      </c>
    </row>
    <row r="21315" spans="1:3" x14ac:dyDescent="0.15">
      <c r="A21315">
        <v>3683</v>
      </c>
      <c r="B21315" t="s">
        <v>42551</v>
      </c>
      <c r="C21315" t="s">
        <v>42552</v>
      </c>
    </row>
    <row r="21316" spans="1:3" x14ac:dyDescent="0.15">
      <c r="A21316">
        <v>3682</v>
      </c>
      <c r="B21316" t="s">
        <v>42553</v>
      </c>
      <c r="C21316" t="s">
        <v>42554</v>
      </c>
    </row>
    <row r="21317" spans="1:3" x14ac:dyDescent="0.15">
      <c r="A21317">
        <v>3681</v>
      </c>
      <c r="B21317" t="s">
        <v>42555</v>
      </c>
      <c r="C21317" t="s">
        <v>42556</v>
      </c>
    </row>
    <row r="21318" spans="1:3" x14ac:dyDescent="0.15">
      <c r="A21318">
        <v>3680</v>
      </c>
      <c r="B21318" t="s">
        <v>42557</v>
      </c>
      <c r="C21318" t="s">
        <v>42558</v>
      </c>
    </row>
    <row r="21319" spans="1:3" x14ac:dyDescent="0.15">
      <c r="A21319">
        <v>3679</v>
      </c>
      <c r="B21319" t="s">
        <v>42559</v>
      </c>
      <c r="C21319" t="s">
        <v>42560</v>
      </c>
    </row>
    <row r="21320" spans="1:3" x14ac:dyDescent="0.15">
      <c r="A21320">
        <v>3678</v>
      </c>
      <c r="B21320" t="s">
        <v>42561</v>
      </c>
      <c r="C21320" t="s">
        <v>42562</v>
      </c>
    </row>
    <row r="21321" spans="1:3" x14ac:dyDescent="0.15">
      <c r="A21321">
        <v>3677</v>
      </c>
      <c r="B21321" t="s">
        <v>42563</v>
      </c>
      <c r="C21321" t="s">
        <v>42564</v>
      </c>
    </row>
    <row r="21322" spans="1:3" x14ac:dyDescent="0.15">
      <c r="A21322">
        <v>3676</v>
      </c>
      <c r="B21322" t="s">
        <v>42565</v>
      </c>
      <c r="C21322" t="s">
        <v>42566</v>
      </c>
    </row>
    <row r="21323" spans="1:3" x14ac:dyDescent="0.15">
      <c r="A21323">
        <v>3675</v>
      </c>
      <c r="B21323" t="s">
        <v>42567</v>
      </c>
      <c r="C21323" t="s">
        <v>42568</v>
      </c>
    </row>
    <row r="21324" spans="1:3" x14ac:dyDescent="0.15">
      <c r="A21324">
        <v>3674</v>
      </c>
      <c r="B21324" t="s">
        <v>42569</v>
      </c>
      <c r="C21324" t="s">
        <v>42570</v>
      </c>
    </row>
    <row r="21325" spans="1:3" x14ac:dyDescent="0.15">
      <c r="A21325">
        <v>3673</v>
      </c>
      <c r="B21325" t="s">
        <v>42571</v>
      </c>
      <c r="C21325" t="s">
        <v>42572</v>
      </c>
    </row>
    <row r="21326" spans="1:3" x14ac:dyDescent="0.15">
      <c r="A21326">
        <v>3672</v>
      </c>
      <c r="B21326" t="s">
        <v>42573</v>
      </c>
      <c r="C21326" t="s">
        <v>42574</v>
      </c>
    </row>
    <row r="21327" spans="1:3" x14ac:dyDescent="0.15">
      <c r="A21327">
        <v>3671</v>
      </c>
      <c r="B21327" t="s">
        <v>42575</v>
      </c>
      <c r="C21327" t="s">
        <v>42576</v>
      </c>
    </row>
    <row r="21328" spans="1:3" x14ac:dyDescent="0.15">
      <c r="A21328">
        <v>3670</v>
      </c>
      <c r="B21328" t="s">
        <v>42577</v>
      </c>
      <c r="C21328" t="s">
        <v>42578</v>
      </c>
    </row>
    <row r="21329" spans="1:3" x14ac:dyDescent="0.15">
      <c r="A21329">
        <v>3669</v>
      </c>
      <c r="B21329" t="s">
        <v>42579</v>
      </c>
      <c r="C21329" t="s">
        <v>42580</v>
      </c>
    </row>
    <row r="21330" spans="1:3" x14ac:dyDescent="0.15">
      <c r="A21330">
        <v>3668</v>
      </c>
      <c r="B21330" t="s">
        <v>42581</v>
      </c>
      <c r="C21330" t="s">
        <v>42582</v>
      </c>
    </row>
    <row r="21331" spans="1:3" x14ac:dyDescent="0.15">
      <c r="A21331">
        <v>3667</v>
      </c>
      <c r="B21331" t="s">
        <v>42583</v>
      </c>
      <c r="C21331" t="s">
        <v>42584</v>
      </c>
    </row>
    <row r="21332" spans="1:3" x14ac:dyDescent="0.15">
      <c r="A21332">
        <v>3666</v>
      </c>
      <c r="B21332" t="s">
        <v>42585</v>
      </c>
      <c r="C21332" t="s">
        <v>42586</v>
      </c>
    </row>
    <row r="21333" spans="1:3" x14ac:dyDescent="0.15">
      <c r="A21333">
        <v>3665</v>
      </c>
      <c r="B21333" t="s">
        <v>42587</v>
      </c>
      <c r="C21333" t="s">
        <v>42588</v>
      </c>
    </row>
    <row r="21334" spans="1:3" x14ac:dyDescent="0.15">
      <c r="A21334">
        <v>3664</v>
      </c>
      <c r="B21334" t="s">
        <v>42589</v>
      </c>
      <c r="C21334" t="s">
        <v>42590</v>
      </c>
    </row>
    <row r="21335" spans="1:3" x14ac:dyDescent="0.15">
      <c r="A21335">
        <v>3663</v>
      </c>
      <c r="B21335" t="s">
        <v>42591</v>
      </c>
      <c r="C21335" t="s">
        <v>42592</v>
      </c>
    </row>
    <row r="21336" spans="1:3" x14ac:dyDescent="0.15">
      <c r="A21336">
        <v>3662</v>
      </c>
      <c r="B21336" t="s">
        <v>42593</v>
      </c>
      <c r="C21336" t="s">
        <v>42594</v>
      </c>
    </row>
    <row r="21337" spans="1:3" x14ac:dyDescent="0.15">
      <c r="A21337">
        <v>3661</v>
      </c>
      <c r="B21337" t="s">
        <v>42595</v>
      </c>
      <c r="C21337" t="s">
        <v>42596</v>
      </c>
    </row>
    <row r="21338" spans="1:3" x14ac:dyDescent="0.15">
      <c r="A21338">
        <v>3660</v>
      </c>
      <c r="B21338" t="s">
        <v>42597</v>
      </c>
      <c r="C21338" t="s">
        <v>42598</v>
      </c>
    </row>
    <row r="21339" spans="1:3" x14ac:dyDescent="0.15">
      <c r="A21339">
        <v>3659</v>
      </c>
      <c r="B21339" t="s">
        <v>42599</v>
      </c>
      <c r="C21339" t="s">
        <v>42600</v>
      </c>
    </row>
    <row r="21340" spans="1:3" x14ac:dyDescent="0.15">
      <c r="A21340">
        <v>3658</v>
      </c>
      <c r="B21340" t="s">
        <v>42601</v>
      </c>
      <c r="C21340" t="s">
        <v>42602</v>
      </c>
    </row>
    <row r="21341" spans="1:3" x14ac:dyDescent="0.15">
      <c r="A21341">
        <v>3657</v>
      </c>
      <c r="B21341" t="s">
        <v>42603</v>
      </c>
      <c r="C21341" t="s">
        <v>42604</v>
      </c>
    </row>
    <row r="21342" spans="1:3" x14ac:dyDescent="0.15">
      <c r="A21342">
        <v>3656</v>
      </c>
      <c r="B21342" t="s">
        <v>42605</v>
      </c>
      <c r="C21342" t="s">
        <v>42606</v>
      </c>
    </row>
    <row r="21343" spans="1:3" x14ac:dyDescent="0.15">
      <c r="A21343">
        <v>3655</v>
      </c>
      <c r="B21343" t="s">
        <v>42607</v>
      </c>
      <c r="C21343" t="s">
        <v>42608</v>
      </c>
    </row>
    <row r="21344" spans="1:3" x14ac:dyDescent="0.15">
      <c r="A21344">
        <v>3654</v>
      </c>
      <c r="B21344" t="s">
        <v>42609</v>
      </c>
      <c r="C21344" t="s">
        <v>42610</v>
      </c>
    </row>
    <row r="21345" spans="1:3" x14ac:dyDescent="0.15">
      <c r="A21345">
        <v>3653</v>
      </c>
      <c r="B21345" t="s">
        <v>42611</v>
      </c>
      <c r="C21345" t="s">
        <v>42612</v>
      </c>
    </row>
    <row r="21346" spans="1:3" x14ac:dyDescent="0.15">
      <c r="A21346">
        <v>3652</v>
      </c>
      <c r="B21346" t="s">
        <v>42613</v>
      </c>
      <c r="C21346" t="s">
        <v>42614</v>
      </c>
    </row>
    <row r="21347" spans="1:3" x14ac:dyDescent="0.15">
      <c r="A21347">
        <v>3651</v>
      </c>
      <c r="B21347" t="s">
        <v>42615</v>
      </c>
      <c r="C21347" t="s">
        <v>42616</v>
      </c>
    </row>
    <row r="21348" spans="1:3" x14ac:dyDescent="0.15">
      <c r="A21348">
        <v>3650</v>
      </c>
      <c r="B21348" t="s">
        <v>42617</v>
      </c>
      <c r="C21348" t="s">
        <v>42618</v>
      </c>
    </row>
    <row r="21349" spans="1:3" x14ac:dyDescent="0.15">
      <c r="A21349">
        <v>3649</v>
      </c>
      <c r="B21349" t="s">
        <v>42619</v>
      </c>
      <c r="C21349" t="s">
        <v>42620</v>
      </c>
    </row>
    <row r="21350" spans="1:3" x14ac:dyDescent="0.15">
      <c r="A21350">
        <v>3648</v>
      </c>
      <c r="B21350" t="s">
        <v>42621</v>
      </c>
      <c r="C21350" t="s">
        <v>42622</v>
      </c>
    </row>
    <row r="21351" spans="1:3" x14ac:dyDescent="0.15">
      <c r="A21351">
        <v>3647</v>
      </c>
      <c r="B21351" t="s">
        <v>42623</v>
      </c>
      <c r="C21351" t="s">
        <v>42624</v>
      </c>
    </row>
    <row r="21352" spans="1:3" x14ac:dyDescent="0.15">
      <c r="A21352">
        <v>3646</v>
      </c>
      <c r="B21352" t="s">
        <v>42625</v>
      </c>
      <c r="C21352" t="s">
        <v>42626</v>
      </c>
    </row>
    <row r="21353" spans="1:3" x14ac:dyDescent="0.15">
      <c r="A21353">
        <v>3645</v>
      </c>
      <c r="B21353" t="s">
        <v>42627</v>
      </c>
      <c r="C21353" t="s">
        <v>42628</v>
      </c>
    </row>
    <row r="21354" spans="1:3" x14ac:dyDescent="0.15">
      <c r="A21354">
        <v>3644</v>
      </c>
      <c r="B21354" t="s">
        <v>42629</v>
      </c>
      <c r="C21354" t="s">
        <v>42630</v>
      </c>
    </row>
    <row r="21355" spans="1:3" x14ac:dyDescent="0.15">
      <c r="A21355">
        <v>3643</v>
      </c>
      <c r="B21355" t="s">
        <v>42631</v>
      </c>
      <c r="C21355" t="s">
        <v>42632</v>
      </c>
    </row>
    <row r="21356" spans="1:3" x14ac:dyDescent="0.15">
      <c r="A21356">
        <v>3642</v>
      </c>
      <c r="B21356" t="s">
        <v>42633</v>
      </c>
      <c r="C21356" t="s">
        <v>42634</v>
      </c>
    </row>
    <row r="21357" spans="1:3" x14ac:dyDescent="0.15">
      <c r="A21357">
        <v>3641</v>
      </c>
      <c r="B21357" t="s">
        <v>42635</v>
      </c>
      <c r="C21357" t="s">
        <v>42636</v>
      </c>
    </row>
    <row r="21358" spans="1:3" x14ac:dyDescent="0.15">
      <c r="A21358">
        <v>3640</v>
      </c>
      <c r="B21358" t="s">
        <v>42637</v>
      </c>
      <c r="C21358" t="s">
        <v>42638</v>
      </c>
    </row>
    <row r="21359" spans="1:3" x14ac:dyDescent="0.15">
      <c r="A21359">
        <v>3639</v>
      </c>
      <c r="B21359" t="s">
        <v>42639</v>
      </c>
      <c r="C21359" t="s">
        <v>42640</v>
      </c>
    </row>
    <row r="21360" spans="1:3" x14ac:dyDescent="0.15">
      <c r="A21360">
        <v>3638</v>
      </c>
      <c r="B21360" t="s">
        <v>42641</v>
      </c>
      <c r="C21360" t="s">
        <v>42642</v>
      </c>
    </row>
    <row r="21361" spans="1:3" x14ac:dyDescent="0.15">
      <c r="A21361">
        <v>3637</v>
      </c>
      <c r="B21361" t="s">
        <v>42643</v>
      </c>
      <c r="C21361" t="s">
        <v>42644</v>
      </c>
    </row>
    <row r="21362" spans="1:3" x14ac:dyDescent="0.15">
      <c r="A21362">
        <v>3636</v>
      </c>
      <c r="B21362" t="s">
        <v>42645</v>
      </c>
      <c r="C21362" t="s">
        <v>42646</v>
      </c>
    </row>
    <row r="21363" spans="1:3" x14ac:dyDescent="0.15">
      <c r="A21363">
        <v>3635</v>
      </c>
      <c r="B21363" t="s">
        <v>42647</v>
      </c>
      <c r="C21363" t="s">
        <v>42648</v>
      </c>
    </row>
    <row r="21364" spans="1:3" x14ac:dyDescent="0.15">
      <c r="A21364">
        <v>3634</v>
      </c>
      <c r="B21364" t="s">
        <v>42649</v>
      </c>
      <c r="C21364" t="s">
        <v>42650</v>
      </c>
    </row>
    <row r="21365" spans="1:3" x14ac:dyDescent="0.15">
      <c r="A21365">
        <v>3633</v>
      </c>
      <c r="B21365" t="s">
        <v>42651</v>
      </c>
      <c r="C21365" t="s">
        <v>42652</v>
      </c>
    </row>
    <row r="21366" spans="1:3" x14ac:dyDescent="0.15">
      <c r="A21366">
        <v>3632</v>
      </c>
      <c r="B21366" t="s">
        <v>42653</v>
      </c>
      <c r="C21366" t="s">
        <v>42654</v>
      </c>
    </row>
    <row r="21367" spans="1:3" x14ac:dyDescent="0.15">
      <c r="A21367">
        <v>3631</v>
      </c>
      <c r="B21367" t="s">
        <v>42655</v>
      </c>
      <c r="C21367" t="s">
        <v>42656</v>
      </c>
    </row>
    <row r="21368" spans="1:3" x14ac:dyDescent="0.15">
      <c r="A21368">
        <v>3630</v>
      </c>
      <c r="B21368" t="s">
        <v>42657</v>
      </c>
      <c r="C21368" t="s">
        <v>42658</v>
      </c>
    </row>
    <row r="21369" spans="1:3" x14ac:dyDescent="0.15">
      <c r="A21369">
        <v>3629</v>
      </c>
      <c r="B21369" t="s">
        <v>42659</v>
      </c>
      <c r="C21369" t="s">
        <v>42660</v>
      </c>
    </row>
    <row r="21370" spans="1:3" x14ac:dyDescent="0.15">
      <c r="A21370">
        <v>3628</v>
      </c>
      <c r="B21370" t="s">
        <v>42661</v>
      </c>
      <c r="C21370" t="s">
        <v>42662</v>
      </c>
    </row>
    <row r="21371" spans="1:3" x14ac:dyDescent="0.15">
      <c r="A21371">
        <v>3627</v>
      </c>
      <c r="B21371" t="s">
        <v>42663</v>
      </c>
      <c r="C21371" t="s">
        <v>42664</v>
      </c>
    </row>
    <row r="21372" spans="1:3" x14ac:dyDescent="0.15">
      <c r="A21372">
        <v>3626</v>
      </c>
      <c r="B21372" t="s">
        <v>42665</v>
      </c>
      <c r="C21372" t="s">
        <v>42666</v>
      </c>
    </row>
    <row r="21373" spans="1:3" x14ac:dyDescent="0.15">
      <c r="A21373">
        <v>3625</v>
      </c>
      <c r="B21373" t="s">
        <v>42667</v>
      </c>
      <c r="C21373" t="s">
        <v>42668</v>
      </c>
    </row>
    <row r="21374" spans="1:3" x14ac:dyDescent="0.15">
      <c r="A21374">
        <v>3624</v>
      </c>
      <c r="B21374" t="s">
        <v>42669</v>
      </c>
      <c r="C21374" t="s">
        <v>42670</v>
      </c>
    </row>
    <row r="21375" spans="1:3" x14ac:dyDescent="0.15">
      <c r="A21375">
        <v>3623</v>
      </c>
      <c r="B21375" t="s">
        <v>42671</v>
      </c>
      <c r="C21375" t="s">
        <v>42672</v>
      </c>
    </row>
    <row r="21376" spans="1:3" x14ac:dyDescent="0.15">
      <c r="A21376">
        <v>3622</v>
      </c>
      <c r="B21376" t="s">
        <v>42673</v>
      </c>
      <c r="C21376" t="s">
        <v>42674</v>
      </c>
    </row>
    <row r="21377" spans="1:3" x14ac:dyDescent="0.15">
      <c r="A21377">
        <v>3621</v>
      </c>
      <c r="B21377" t="s">
        <v>42675</v>
      </c>
      <c r="C21377" t="s">
        <v>42676</v>
      </c>
    </row>
    <row r="21378" spans="1:3" x14ac:dyDescent="0.15">
      <c r="A21378">
        <v>3620</v>
      </c>
      <c r="B21378" t="s">
        <v>42677</v>
      </c>
      <c r="C21378" t="s">
        <v>42678</v>
      </c>
    </row>
    <row r="21379" spans="1:3" x14ac:dyDescent="0.15">
      <c r="A21379">
        <v>3619</v>
      </c>
      <c r="B21379" t="s">
        <v>42679</v>
      </c>
      <c r="C21379" t="s">
        <v>42680</v>
      </c>
    </row>
    <row r="21380" spans="1:3" x14ac:dyDescent="0.15">
      <c r="A21380">
        <v>3618</v>
      </c>
      <c r="B21380" t="s">
        <v>42681</v>
      </c>
      <c r="C21380" t="s">
        <v>42682</v>
      </c>
    </row>
    <row r="21381" spans="1:3" x14ac:dyDescent="0.15">
      <c r="A21381">
        <v>3617</v>
      </c>
      <c r="B21381" t="s">
        <v>42683</v>
      </c>
      <c r="C21381" t="s">
        <v>42684</v>
      </c>
    </row>
    <row r="21382" spans="1:3" x14ac:dyDescent="0.15">
      <c r="A21382">
        <v>3616</v>
      </c>
      <c r="B21382" t="s">
        <v>42685</v>
      </c>
      <c r="C21382" t="s">
        <v>42686</v>
      </c>
    </row>
    <row r="21383" spans="1:3" x14ac:dyDescent="0.15">
      <c r="A21383">
        <v>3615</v>
      </c>
      <c r="B21383" t="s">
        <v>42687</v>
      </c>
      <c r="C21383" t="s">
        <v>42688</v>
      </c>
    </row>
    <row r="21384" spans="1:3" x14ac:dyDescent="0.15">
      <c r="A21384">
        <v>3614</v>
      </c>
      <c r="B21384" t="s">
        <v>42689</v>
      </c>
      <c r="C21384" t="s">
        <v>42690</v>
      </c>
    </row>
    <row r="21385" spans="1:3" x14ac:dyDescent="0.15">
      <c r="A21385">
        <v>3613</v>
      </c>
      <c r="B21385" t="s">
        <v>42691</v>
      </c>
      <c r="C21385" t="s">
        <v>42692</v>
      </c>
    </row>
    <row r="21386" spans="1:3" x14ac:dyDescent="0.15">
      <c r="A21386">
        <v>3612</v>
      </c>
      <c r="B21386" t="s">
        <v>42693</v>
      </c>
      <c r="C21386" t="s">
        <v>42694</v>
      </c>
    </row>
    <row r="21387" spans="1:3" x14ac:dyDescent="0.15">
      <c r="A21387">
        <v>3611</v>
      </c>
      <c r="B21387" t="s">
        <v>42695</v>
      </c>
      <c r="C21387" t="s">
        <v>42696</v>
      </c>
    </row>
    <row r="21388" spans="1:3" x14ac:dyDescent="0.15">
      <c r="A21388">
        <v>3610</v>
      </c>
      <c r="B21388" t="s">
        <v>42697</v>
      </c>
      <c r="C21388" t="s">
        <v>42698</v>
      </c>
    </row>
    <row r="21389" spans="1:3" x14ac:dyDescent="0.15">
      <c r="A21389">
        <v>3609</v>
      </c>
      <c r="B21389" t="s">
        <v>42699</v>
      </c>
      <c r="C21389" t="s">
        <v>42700</v>
      </c>
    </row>
    <row r="21390" spans="1:3" x14ac:dyDescent="0.15">
      <c r="A21390">
        <v>3608</v>
      </c>
      <c r="B21390" t="s">
        <v>42701</v>
      </c>
      <c r="C21390" t="s">
        <v>42702</v>
      </c>
    </row>
    <row r="21391" spans="1:3" x14ac:dyDescent="0.15">
      <c r="A21391">
        <v>3607</v>
      </c>
      <c r="B21391" t="s">
        <v>42703</v>
      </c>
      <c r="C21391" t="s">
        <v>42704</v>
      </c>
    </row>
    <row r="21392" spans="1:3" x14ac:dyDescent="0.15">
      <c r="A21392">
        <v>3606</v>
      </c>
      <c r="B21392" t="s">
        <v>42705</v>
      </c>
      <c r="C21392" t="s">
        <v>42706</v>
      </c>
    </row>
    <row r="21393" spans="1:3" x14ac:dyDescent="0.15">
      <c r="A21393">
        <v>3605</v>
      </c>
      <c r="B21393" t="s">
        <v>42707</v>
      </c>
      <c r="C21393" t="s">
        <v>42708</v>
      </c>
    </row>
    <row r="21394" spans="1:3" x14ac:dyDescent="0.15">
      <c r="A21394">
        <v>3604</v>
      </c>
      <c r="B21394" t="s">
        <v>42709</v>
      </c>
      <c r="C21394" t="s">
        <v>42710</v>
      </c>
    </row>
    <row r="21395" spans="1:3" x14ac:dyDescent="0.15">
      <c r="A21395">
        <v>3603</v>
      </c>
      <c r="B21395" t="s">
        <v>42711</v>
      </c>
      <c r="C21395" t="s">
        <v>42712</v>
      </c>
    </row>
    <row r="21396" spans="1:3" x14ac:dyDescent="0.15">
      <c r="A21396">
        <v>3602</v>
      </c>
      <c r="B21396" t="s">
        <v>42713</v>
      </c>
      <c r="C21396" t="s">
        <v>42714</v>
      </c>
    </row>
    <row r="21397" spans="1:3" x14ac:dyDescent="0.15">
      <c r="A21397">
        <v>3601</v>
      </c>
      <c r="B21397" t="s">
        <v>42715</v>
      </c>
      <c r="C21397" t="s">
        <v>42716</v>
      </c>
    </row>
    <row r="21398" spans="1:3" x14ac:dyDescent="0.15">
      <c r="A21398">
        <v>3600</v>
      </c>
      <c r="B21398" t="s">
        <v>42717</v>
      </c>
      <c r="C21398" t="s">
        <v>42718</v>
      </c>
    </row>
    <row r="21399" spans="1:3" x14ac:dyDescent="0.15">
      <c r="A21399">
        <v>3599</v>
      </c>
      <c r="B21399" t="s">
        <v>42719</v>
      </c>
      <c r="C21399" t="s">
        <v>42720</v>
      </c>
    </row>
    <row r="21400" spans="1:3" x14ac:dyDescent="0.15">
      <c r="A21400">
        <v>3598</v>
      </c>
      <c r="B21400" t="s">
        <v>42721</v>
      </c>
      <c r="C21400" t="s">
        <v>42722</v>
      </c>
    </row>
    <row r="21401" spans="1:3" x14ac:dyDescent="0.15">
      <c r="A21401">
        <v>3597</v>
      </c>
      <c r="B21401" t="s">
        <v>42723</v>
      </c>
      <c r="C21401" t="s">
        <v>42724</v>
      </c>
    </row>
    <row r="21402" spans="1:3" x14ac:dyDescent="0.15">
      <c r="A21402">
        <v>3596</v>
      </c>
      <c r="B21402" t="s">
        <v>42725</v>
      </c>
      <c r="C21402" t="s">
        <v>42726</v>
      </c>
    </row>
    <row r="21403" spans="1:3" x14ac:dyDescent="0.15">
      <c r="A21403">
        <v>3595</v>
      </c>
      <c r="B21403" t="s">
        <v>42727</v>
      </c>
      <c r="C21403" t="s">
        <v>42728</v>
      </c>
    </row>
    <row r="21404" spans="1:3" x14ac:dyDescent="0.15">
      <c r="A21404">
        <v>3594</v>
      </c>
      <c r="B21404" t="s">
        <v>42729</v>
      </c>
      <c r="C21404" t="s">
        <v>42730</v>
      </c>
    </row>
    <row r="21405" spans="1:3" x14ac:dyDescent="0.15">
      <c r="A21405">
        <v>3593</v>
      </c>
      <c r="B21405" t="s">
        <v>42731</v>
      </c>
      <c r="C21405" t="s">
        <v>42732</v>
      </c>
    </row>
    <row r="21406" spans="1:3" x14ac:dyDescent="0.15">
      <c r="A21406">
        <v>3592</v>
      </c>
      <c r="B21406" t="s">
        <v>42733</v>
      </c>
      <c r="C21406" t="s">
        <v>42734</v>
      </c>
    </row>
    <row r="21407" spans="1:3" x14ac:dyDescent="0.15">
      <c r="A21407">
        <v>3591</v>
      </c>
      <c r="B21407" t="s">
        <v>42735</v>
      </c>
      <c r="C21407" t="s">
        <v>42736</v>
      </c>
    </row>
    <row r="21408" spans="1:3" x14ac:dyDescent="0.15">
      <c r="A21408">
        <v>3590</v>
      </c>
      <c r="B21408" t="s">
        <v>42737</v>
      </c>
      <c r="C21408" t="s">
        <v>42738</v>
      </c>
    </row>
    <row r="21409" spans="1:3" x14ac:dyDescent="0.15">
      <c r="A21409">
        <v>3589</v>
      </c>
      <c r="B21409" t="s">
        <v>42739</v>
      </c>
      <c r="C21409" t="s">
        <v>42740</v>
      </c>
    </row>
    <row r="21410" spans="1:3" x14ac:dyDescent="0.15">
      <c r="A21410">
        <v>3588</v>
      </c>
      <c r="B21410" t="s">
        <v>42741</v>
      </c>
      <c r="C21410" t="s">
        <v>491</v>
      </c>
    </row>
    <row r="21411" spans="1:3" x14ac:dyDescent="0.15">
      <c r="A21411">
        <v>3587</v>
      </c>
      <c r="B21411" t="s">
        <v>42742</v>
      </c>
      <c r="C21411" t="s">
        <v>42743</v>
      </c>
    </row>
    <row r="21412" spans="1:3" x14ac:dyDescent="0.15">
      <c r="A21412">
        <v>3586</v>
      </c>
      <c r="B21412" t="s">
        <v>42744</v>
      </c>
      <c r="C21412" t="s">
        <v>42745</v>
      </c>
    </row>
    <row r="21413" spans="1:3" x14ac:dyDescent="0.15">
      <c r="A21413">
        <v>3585</v>
      </c>
      <c r="B21413" t="s">
        <v>42746</v>
      </c>
      <c r="C21413" t="s">
        <v>42747</v>
      </c>
    </row>
    <row r="21414" spans="1:3" x14ac:dyDescent="0.15">
      <c r="A21414">
        <v>3584</v>
      </c>
      <c r="B21414" t="s">
        <v>42748</v>
      </c>
      <c r="C21414" t="s">
        <v>42749</v>
      </c>
    </row>
    <row r="21415" spans="1:3" x14ac:dyDescent="0.15">
      <c r="A21415">
        <v>3583</v>
      </c>
      <c r="B21415" t="s">
        <v>42750</v>
      </c>
      <c r="C21415" t="s">
        <v>42751</v>
      </c>
    </row>
    <row r="21416" spans="1:3" x14ac:dyDescent="0.15">
      <c r="A21416">
        <v>3582</v>
      </c>
      <c r="B21416" t="s">
        <v>42752</v>
      </c>
      <c r="C21416" t="s">
        <v>42753</v>
      </c>
    </row>
    <row r="21417" spans="1:3" x14ac:dyDescent="0.15">
      <c r="A21417">
        <v>3581</v>
      </c>
      <c r="B21417" t="s">
        <v>42754</v>
      </c>
      <c r="C21417" t="s">
        <v>42755</v>
      </c>
    </row>
    <row r="21418" spans="1:3" x14ac:dyDescent="0.15">
      <c r="A21418">
        <v>3580</v>
      </c>
      <c r="B21418" t="s">
        <v>42756</v>
      </c>
      <c r="C21418" t="s">
        <v>42757</v>
      </c>
    </row>
    <row r="21419" spans="1:3" x14ac:dyDescent="0.15">
      <c r="A21419">
        <v>3579</v>
      </c>
      <c r="B21419" t="s">
        <v>42758</v>
      </c>
      <c r="C21419" t="s">
        <v>42759</v>
      </c>
    </row>
    <row r="21420" spans="1:3" x14ac:dyDescent="0.15">
      <c r="A21420">
        <v>3578</v>
      </c>
      <c r="B21420" t="s">
        <v>42760</v>
      </c>
      <c r="C21420" t="s">
        <v>42761</v>
      </c>
    </row>
    <row r="21421" spans="1:3" x14ac:dyDescent="0.15">
      <c r="A21421">
        <v>3577</v>
      </c>
      <c r="B21421" t="s">
        <v>42762</v>
      </c>
      <c r="C21421" t="s">
        <v>42763</v>
      </c>
    </row>
    <row r="21422" spans="1:3" x14ac:dyDescent="0.15">
      <c r="A21422">
        <v>3576</v>
      </c>
      <c r="B21422" t="s">
        <v>42764</v>
      </c>
      <c r="C21422" t="s">
        <v>42765</v>
      </c>
    </row>
    <row r="21423" spans="1:3" x14ac:dyDescent="0.15">
      <c r="A21423">
        <v>3575</v>
      </c>
      <c r="B21423" t="s">
        <v>42766</v>
      </c>
      <c r="C21423" t="s">
        <v>42767</v>
      </c>
    </row>
    <row r="21424" spans="1:3" x14ac:dyDescent="0.15">
      <c r="A21424">
        <v>3574</v>
      </c>
      <c r="B21424" t="s">
        <v>42768</v>
      </c>
      <c r="C21424" t="s">
        <v>42769</v>
      </c>
    </row>
    <row r="21425" spans="1:3" x14ac:dyDescent="0.15">
      <c r="A21425">
        <v>3573</v>
      </c>
      <c r="B21425" t="s">
        <v>42770</v>
      </c>
      <c r="C21425" t="s">
        <v>42771</v>
      </c>
    </row>
    <row r="21426" spans="1:3" x14ac:dyDescent="0.15">
      <c r="A21426">
        <v>3572</v>
      </c>
      <c r="B21426" t="s">
        <v>42772</v>
      </c>
      <c r="C21426" t="s">
        <v>42773</v>
      </c>
    </row>
    <row r="21427" spans="1:3" x14ac:dyDescent="0.15">
      <c r="A21427">
        <v>3571</v>
      </c>
      <c r="B21427" t="s">
        <v>42774</v>
      </c>
      <c r="C21427" t="s">
        <v>42775</v>
      </c>
    </row>
    <row r="21428" spans="1:3" x14ac:dyDescent="0.15">
      <c r="A21428">
        <v>3570</v>
      </c>
      <c r="B21428" t="s">
        <v>42776</v>
      </c>
      <c r="C21428" t="s">
        <v>42777</v>
      </c>
    </row>
    <row r="21429" spans="1:3" x14ac:dyDescent="0.15">
      <c r="A21429">
        <v>3569</v>
      </c>
      <c r="B21429" t="s">
        <v>42778</v>
      </c>
      <c r="C21429" t="s">
        <v>42779</v>
      </c>
    </row>
    <row r="21430" spans="1:3" x14ac:dyDescent="0.15">
      <c r="A21430">
        <v>3568</v>
      </c>
      <c r="B21430" t="s">
        <v>42780</v>
      </c>
      <c r="C21430" t="s">
        <v>42781</v>
      </c>
    </row>
    <row r="21431" spans="1:3" x14ac:dyDescent="0.15">
      <c r="A21431">
        <v>3567</v>
      </c>
      <c r="B21431" t="s">
        <v>42782</v>
      </c>
      <c r="C21431" t="s">
        <v>42783</v>
      </c>
    </row>
    <row r="21432" spans="1:3" x14ac:dyDescent="0.15">
      <c r="A21432">
        <v>3566</v>
      </c>
      <c r="B21432" t="s">
        <v>42784</v>
      </c>
      <c r="C21432" t="s">
        <v>42785</v>
      </c>
    </row>
    <row r="21433" spans="1:3" x14ac:dyDescent="0.15">
      <c r="A21433">
        <v>3565</v>
      </c>
      <c r="B21433" t="s">
        <v>42786</v>
      </c>
      <c r="C21433" t="s">
        <v>42787</v>
      </c>
    </row>
    <row r="21434" spans="1:3" x14ac:dyDescent="0.15">
      <c r="A21434">
        <v>3564</v>
      </c>
      <c r="B21434" t="s">
        <v>42788</v>
      </c>
      <c r="C21434" t="s">
        <v>42789</v>
      </c>
    </row>
    <row r="21435" spans="1:3" x14ac:dyDescent="0.15">
      <c r="A21435">
        <v>3563</v>
      </c>
      <c r="B21435" t="s">
        <v>42790</v>
      </c>
      <c r="C21435" t="s">
        <v>42791</v>
      </c>
    </row>
    <row r="21436" spans="1:3" x14ac:dyDescent="0.15">
      <c r="A21436">
        <v>3562</v>
      </c>
      <c r="B21436" t="s">
        <v>42792</v>
      </c>
      <c r="C21436" t="s">
        <v>42793</v>
      </c>
    </row>
    <row r="21437" spans="1:3" x14ac:dyDescent="0.15">
      <c r="A21437">
        <v>3561</v>
      </c>
      <c r="B21437" t="s">
        <v>42794</v>
      </c>
      <c r="C21437" t="s">
        <v>42795</v>
      </c>
    </row>
    <row r="21438" spans="1:3" x14ac:dyDescent="0.15">
      <c r="A21438">
        <v>3560</v>
      </c>
      <c r="B21438" t="s">
        <v>42796</v>
      </c>
      <c r="C21438" t="s">
        <v>42797</v>
      </c>
    </row>
    <row r="21439" spans="1:3" x14ac:dyDescent="0.15">
      <c r="A21439">
        <v>3559</v>
      </c>
      <c r="B21439" t="s">
        <v>42798</v>
      </c>
      <c r="C21439" t="s">
        <v>42799</v>
      </c>
    </row>
    <row r="21440" spans="1:3" x14ac:dyDescent="0.15">
      <c r="A21440">
        <v>3558</v>
      </c>
      <c r="B21440" t="s">
        <v>42800</v>
      </c>
      <c r="C21440" t="s">
        <v>42801</v>
      </c>
    </row>
    <row r="21441" spans="1:3" x14ac:dyDescent="0.15">
      <c r="A21441">
        <v>3557</v>
      </c>
      <c r="B21441" t="s">
        <v>42802</v>
      </c>
      <c r="C21441" t="s">
        <v>42803</v>
      </c>
    </row>
    <row r="21442" spans="1:3" x14ac:dyDescent="0.15">
      <c r="A21442">
        <v>3556</v>
      </c>
      <c r="B21442" t="s">
        <v>42804</v>
      </c>
      <c r="C21442" t="s">
        <v>42805</v>
      </c>
    </row>
    <row r="21443" spans="1:3" x14ac:dyDescent="0.15">
      <c r="A21443">
        <v>3555</v>
      </c>
      <c r="B21443" t="s">
        <v>42806</v>
      </c>
      <c r="C21443" t="s">
        <v>42807</v>
      </c>
    </row>
    <row r="21444" spans="1:3" x14ac:dyDescent="0.15">
      <c r="A21444">
        <v>3554</v>
      </c>
      <c r="B21444" t="s">
        <v>42808</v>
      </c>
      <c r="C21444" t="s">
        <v>42809</v>
      </c>
    </row>
    <row r="21445" spans="1:3" x14ac:dyDescent="0.15">
      <c r="A21445">
        <v>3553</v>
      </c>
      <c r="B21445" t="s">
        <v>42810</v>
      </c>
      <c r="C21445" t="s">
        <v>42811</v>
      </c>
    </row>
    <row r="21446" spans="1:3" x14ac:dyDescent="0.15">
      <c r="A21446">
        <v>3552</v>
      </c>
      <c r="B21446" t="s">
        <v>42812</v>
      </c>
      <c r="C21446" t="s">
        <v>42813</v>
      </c>
    </row>
    <row r="21447" spans="1:3" x14ac:dyDescent="0.15">
      <c r="A21447">
        <v>3551</v>
      </c>
      <c r="B21447" t="s">
        <v>42814</v>
      </c>
      <c r="C21447" t="s">
        <v>42815</v>
      </c>
    </row>
    <row r="21448" spans="1:3" x14ac:dyDescent="0.15">
      <c r="A21448">
        <v>3550</v>
      </c>
      <c r="B21448" t="s">
        <v>42816</v>
      </c>
      <c r="C21448" t="s">
        <v>42817</v>
      </c>
    </row>
    <row r="21449" spans="1:3" x14ac:dyDescent="0.15">
      <c r="A21449">
        <v>3549</v>
      </c>
      <c r="B21449" t="s">
        <v>42818</v>
      </c>
      <c r="C21449" t="s">
        <v>42819</v>
      </c>
    </row>
    <row r="21450" spans="1:3" x14ac:dyDescent="0.15">
      <c r="A21450">
        <v>3548</v>
      </c>
      <c r="B21450" t="s">
        <v>42820</v>
      </c>
      <c r="C21450" t="s">
        <v>42821</v>
      </c>
    </row>
    <row r="21451" spans="1:3" x14ac:dyDescent="0.15">
      <c r="A21451">
        <v>3547</v>
      </c>
      <c r="B21451" t="s">
        <v>42822</v>
      </c>
      <c r="C21451" t="s">
        <v>42823</v>
      </c>
    </row>
    <row r="21452" spans="1:3" x14ac:dyDescent="0.15">
      <c r="A21452">
        <v>3546</v>
      </c>
      <c r="B21452" t="s">
        <v>42824</v>
      </c>
      <c r="C21452" t="s">
        <v>42825</v>
      </c>
    </row>
    <row r="21453" spans="1:3" x14ac:dyDescent="0.15">
      <c r="A21453">
        <v>3545</v>
      </c>
      <c r="B21453" t="s">
        <v>42826</v>
      </c>
      <c r="C21453" t="s">
        <v>42827</v>
      </c>
    </row>
    <row r="21454" spans="1:3" x14ac:dyDescent="0.15">
      <c r="A21454">
        <v>3544</v>
      </c>
      <c r="B21454" t="s">
        <v>42828</v>
      </c>
      <c r="C21454" t="s">
        <v>42829</v>
      </c>
    </row>
    <row r="21455" spans="1:3" x14ac:dyDescent="0.15">
      <c r="A21455">
        <v>3543</v>
      </c>
      <c r="B21455" t="s">
        <v>42830</v>
      </c>
      <c r="C21455" t="s">
        <v>42831</v>
      </c>
    </row>
    <row r="21456" spans="1:3" x14ac:dyDescent="0.15">
      <c r="A21456">
        <v>3542</v>
      </c>
      <c r="B21456" t="s">
        <v>42832</v>
      </c>
      <c r="C21456" t="s">
        <v>42833</v>
      </c>
    </row>
    <row r="21457" spans="1:3" x14ac:dyDescent="0.15">
      <c r="A21457">
        <v>3541</v>
      </c>
      <c r="B21457" t="s">
        <v>42834</v>
      </c>
      <c r="C21457" t="s">
        <v>42835</v>
      </c>
    </row>
    <row r="21458" spans="1:3" x14ac:dyDescent="0.15">
      <c r="A21458">
        <v>3540</v>
      </c>
      <c r="B21458" t="s">
        <v>42836</v>
      </c>
      <c r="C21458" t="s">
        <v>42837</v>
      </c>
    </row>
    <row r="21459" spans="1:3" x14ac:dyDescent="0.15">
      <c r="A21459">
        <v>3539</v>
      </c>
      <c r="B21459" t="s">
        <v>42838</v>
      </c>
      <c r="C21459" t="s">
        <v>42839</v>
      </c>
    </row>
    <row r="21460" spans="1:3" x14ac:dyDescent="0.15">
      <c r="A21460">
        <v>3538</v>
      </c>
      <c r="B21460" t="s">
        <v>42840</v>
      </c>
      <c r="C21460" t="s">
        <v>42841</v>
      </c>
    </row>
    <row r="21461" spans="1:3" x14ac:dyDescent="0.15">
      <c r="A21461">
        <v>3537</v>
      </c>
      <c r="B21461" t="s">
        <v>42842</v>
      </c>
      <c r="C21461" t="s">
        <v>42843</v>
      </c>
    </row>
    <row r="21462" spans="1:3" x14ac:dyDescent="0.15">
      <c r="A21462">
        <v>3536</v>
      </c>
      <c r="B21462" t="s">
        <v>42844</v>
      </c>
      <c r="C21462" t="s">
        <v>42845</v>
      </c>
    </row>
    <row r="21463" spans="1:3" x14ac:dyDescent="0.15">
      <c r="A21463">
        <v>3535</v>
      </c>
      <c r="B21463" t="s">
        <v>42846</v>
      </c>
      <c r="C21463" t="s">
        <v>42847</v>
      </c>
    </row>
    <row r="21464" spans="1:3" x14ac:dyDescent="0.15">
      <c r="A21464">
        <v>3534</v>
      </c>
      <c r="B21464" t="s">
        <v>42848</v>
      </c>
      <c r="C21464" t="s">
        <v>42849</v>
      </c>
    </row>
    <row r="21465" spans="1:3" x14ac:dyDescent="0.15">
      <c r="A21465">
        <v>3533</v>
      </c>
      <c r="B21465" t="s">
        <v>42850</v>
      </c>
      <c r="C21465" t="s">
        <v>42851</v>
      </c>
    </row>
    <row r="21466" spans="1:3" x14ac:dyDescent="0.15">
      <c r="A21466">
        <v>3532</v>
      </c>
      <c r="B21466" t="s">
        <v>42852</v>
      </c>
      <c r="C21466" t="s">
        <v>42853</v>
      </c>
    </row>
    <row r="21467" spans="1:3" x14ac:dyDescent="0.15">
      <c r="A21467">
        <v>3531</v>
      </c>
      <c r="B21467" t="s">
        <v>42854</v>
      </c>
      <c r="C21467" t="s">
        <v>42855</v>
      </c>
    </row>
    <row r="21468" spans="1:3" x14ac:dyDescent="0.15">
      <c r="A21468">
        <v>3530</v>
      </c>
      <c r="B21468" t="s">
        <v>42856</v>
      </c>
      <c r="C21468" t="s">
        <v>42857</v>
      </c>
    </row>
    <row r="21469" spans="1:3" x14ac:dyDescent="0.15">
      <c r="A21469">
        <v>3529</v>
      </c>
      <c r="B21469" t="s">
        <v>42858</v>
      </c>
      <c r="C21469" t="s">
        <v>42859</v>
      </c>
    </row>
    <row r="21470" spans="1:3" x14ac:dyDescent="0.15">
      <c r="A21470">
        <v>3528</v>
      </c>
      <c r="B21470" t="s">
        <v>42860</v>
      </c>
      <c r="C21470" t="s">
        <v>42861</v>
      </c>
    </row>
    <row r="21471" spans="1:3" x14ac:dyDescent="0.15">
      <c r="A21471">
        <v>3527</v>
      </c>
      <c r="B21471" t="s">
        <v>42862</v>
      </c>
      <c r="C21471" t="s">
        <v>42863</v>
      </c>
    </row>
    <row r="21472" spans="1:3" x14ac:dyDescent="0.15">
      <c r="A21472">
        <v>3526</v>
      </c>
      <c r="B21472" t="s">
        <v>42864</v>
      </c>
      <c r="C21472" t="s">
        <v>42865</v>
      </c>
    </row>
    <row r="21473" spans="1:3" x14ac:dyDescent="0.15">
      <c r="A21473">
        <v>3525</v>
      </c>
      <c r="B21473" t="s">
        <v>42866</v>
      </c>
      <c r="C21473" t="s">
        <v>42867</v>
      </c>
    </row>
    <row r="21474" spans="1:3" x14ac:dyDescent="0.15">
      <c r="A21474">
        <v>3524</v>
      </c>
      <c r="B21474" t="s">
        <v>42868</v>
      </c>
      <c r="C21474" t="s">
        <v>42869</v>
      </c>
    </row>
    <row r="21475" spans="1:3" x14ac:dyDescent="0.15">
      <c r="A21475">
        <v>3523</v>
      </c>
      <c r="B21475" t="s">
        <v>42870</v>
      </c>
      <c r="C21475" t="s">
        <v>42871</v>
      </c>
    </row>
    <row r="21476" spans="1:3" x14ac:dyDescent="0.15">
      <c r="A21476">
        <v>3522</v>
      </c>
      <c r="B21476" t="s">
        <v>42872</v>
      </c>
      <c r="C21476" t="s">
        <v>42873</v>
      </c>
    </row>
    <row r="21477" spans="1:3" x14ac:dyDescent="0.15">
      <c r="A21477">
        <v>3521</v>
      </c>
      <c r="B21477" t="s">
        <v>42874</v>
      </c>
      <c r="C21477" t="s">
        <v>42875</v>
      </c>
    </row>
    <row r="21478" spans="1:3" x14ac:dyDescent="0.15">
      <c r="A21478">
        <v>3520</v>
      </c>
      <c r="B21478" t="s">
        <v>42876</v>
      </c>
      <c r="C21478" t="s">
        <v>42877</v>
      </c>
    </row>
    <row r="21479" spans="1:3" x14ac:dyDescent="0.15">
      <c r="A21479">
        <v>3519</v>
      </c>
      <c r="B21479" t="s">
        <v>42878</v>
      </c>
      <c r="C21479" t="s">
        <v>42879</v>
      </c>
    </row>
    <row r="21480" spans="1:3" x14ac:dyDescent="0.15">
      <c r="A21480">
        <v>3518</v>
      </c>
      <c r="B21480" t="s">
        <v>42880</v>
      </c>
      <c r="C21480" t="s">
        <v>42881</v>
      </c>
    </row>
    <row r="21481" spans="1:3" x14ac:dyDescent="0.15">
      <c r="A21481">
        <v>3517</v>
      </c>
      <c r="B21481" t="s">
        <v>42882</v>
      </c>
      <c r="C21481" t="s">
        <v>42883</v>
      </c>
    </row>
    <row r="21482" spans="1:3" x14ac:dyDescent="0.15">
      <c r="A21482">
        <v>3516</v>
      </c>
      <c r="B21482" t="s">
        <v>42884</v>
      </c>
      <c r="C21482" t="s">
        <v>42885</v>
      </c>
    </row>
    <row r="21483" spans="1:3" x14ac:dyDescent="0.15">
      <c r="A21483">
        <v>3515</v>
      </c>
      <c r="B21483" t="s">
        <v>42886</v>
      </c>
      <c r="C21483" t="s">
        <v>42887</v>
      </c>
    </row>
    <row r="21484" spans="1:3" x14ac:dyDescent="0.15">
      <c r="A21484">
        <v>3514</v>
      </c>
      <c r="B21484" t="s">
        <v>42888</v>
      </c>
      <c r="C21484" t="s">
        <v>42889</v>
      </c>
    </row>
    <row r="21485" spans="1:3" x14ac:dyDescent="0.15">
      <c r="A21485">
        <v>3513</v>
      </c>
      <c r="B21485" t="s">
        <v>42890</v>
      </c>
      <c r="C21485" t="s">
        <v>42891</v>
      </c>
    </row>
    <row r="21486" spans="1:3" x14ac:dyDescent="0.15">
      <c r="A21486">
        <v>3512</v>
      </c>
      <c r="B21486" t="s">
        <v>42892</v>
      </c>
      <c r="C21486" t="s">
        <v>42893</v>
      </c>
    </row>
    <row r="21487" spans="1:3" x14ac:dyDescent="0.15">
      <c r="A21487">
        <v>3511</v>
      </c>
      <c r="B21487" t="s">
        <v>42894</v>
      </c>
      <c r="C21487" t="s">
        <v>42895</v>
      </c>
    </row>
    <row r="21488" spans="1:3" x14ac:dyDescent="0.15">
      <c r="A21488">
        <v>3510</v>
      </c>
      <c r="B21488" t="s">
        <v>42896</v>
      </c>
      <c r="C21488" t="s">
        <v>42897</v>
      </c>
    </row>
    <row r="21489" spans="1:3" x14ac:dyDescent="0.15">
      <c r="A21489">
        <v>3509</v>
      </c>
      <c r="B21489" t="s">
        <v>42898</v>
      </c>
      <c r="C21489" t="s">
        <v>42899</v>
      </c>
    </row>
    <row r="21490" spans="1:3" x14ac:dyDescent="0.15">
      <c r="A21490">
        <v>3508</v>
      </c>
      <c r="B21490" t="s">
        <v>42900</v>
      </c>
      <c r="C21490" t="s">
        <v>42901</v>
      </c>
    </row>
    <row r="21491" spans="1:3" x14ac:dyDescent="0.15">
      <c r="A21491">
        <v>3507</v>
      </c>
      <c r="B21491" t="s">
        <v>42902</v>
      </c>
      <c r="C21491" t="s">
        <v>42903</v>
      </c>
    </row>
    <row r="21492" spans="1:3" x14ac:dyDescent="0.15">
      <c r="A21492">
        <v>3506</v>
      </c>
      <c r="B21492" t="s">
        <v>42904</v>
      </c>
      <c r="C21492" t="s">
        <v>42905</v>
      </c>
    </row>
    <row r="21493" spans="1:3" x14ac:dyDescent="0.15">
      <c r="A21493">
        <v>3505</v>
      </c>
      <c r="B21493" t="s">
        <v>42906</v>
      </c>
      <c r="C21493" t="s">
        <v>42907</v>
      </c>
    </row>
    <row r="21494" spans="1:3" x14ac:dyDescent="0.15">
      <c r="A21494">
        <v>3504</v>
      </c>
      <c r="B21494" t="s">
        <v>42908</v>
      </c>
      <c r="C21494" t="s">
        <v>42909</v>
      </c>
    </row>
    <row r="21495" spans="1:3" x14ac:dyDescent="0.15">
      <c r="A21495">
        <v>3503</v>
      </c>
      <c r="B21495" t="s">
        <v>42910</v>
      </c>
      <c r="C21495" t="s">
        <v>42911</v>
      </c>
    </row>
    <row r="21496" spans="1:3" x14ac:dyDescent="0.15">
      <c r="A21496">
        <v>3502</v>
      </c>
      <c r="B21496" t="s">
        <v>42912</v>
      </c>
      <c r="C21496" t="s">
        <v>42913</v>
      </c>
    </row>
    <row r="21497" spans="1:3" x14ac:dyDescent="0.15">
      <c r="A21497">
        <v>3501</v>
      </c>
      <c r="B21497" t="s">
        <v>42914</v>
      </c>
      <c r="C21497" t="s">
        <v>42915</v>
      </c>
    </row>
    <row r="21498" spans="1:3" x14ac:dyDescent="0.15">
      <c r="A21498">
        <v>3500</v>
      </c>
      <c r="B21498" t="s">
        <v>42916</v>
      </c>
      <c r="C21498" t="s">
        <v>42917</v>
      </c>
    </row>
    <row r="21499" spans="1:3" x14ac:dyDescent="0.15">
      <c r="A21499">
        <v>3499</v>
      </c>
      <c r="B21499" t="s">
        <v>42918</v>
      </c>
      <c r="C21499" t="s">
        <v>42919</v>
      </c>
    </row>
    <row r="21500" spans="1:3" x14ac:dyDescent="0.15">
      <c r="A21500">
        <v>3498</v>
      </c>
      <c r="B21500" t="s">
        <v>42920</v>
      </c>
      <c r="C21500" t="s">
        <v>42921</v>
      </c>
    </row>
    <row r="21501" spans="1:3" x14ac:dyDescent="0.15">
      <c r="A21501">
        <v>3497</v>
      </c>
      <c r="B21501" t="s">
        <v>42922</v>
      </c>
      <c r="C21501" t="s">
        <v>42923</v>
      </c>
    </row>
    <row r="21502" spans="1:3" x14ac:dyDescent="0.15">
      <c r="A21502">
        <v>3496</v>
      </c>
      <c r="B21502" t="s">
        <v>42924</v>
      </c>
      <c r="C21502" t="s">
        <v>42925</v>
      </c>
    </row>
    <row r="21503" spans="1:3" x14ac:dyDescent="0.15">
      <c r="A21503">
        <v>3495</v>
      </c>
      <c r="B21503" t="s">
        <v>42926</v>
      </c>
      <c r="C21503" t="s">
        <v>42927</v>
      </c>
    </row>
    <row r="21504" spans="1:3" x14ac:dyDescent="0.15">
      <c r="A21504">
        <v>3494</v>
      </c>
      <c r="B21504" t="s">
        <v>42928</v>
      </c>
      <c r="C21504" t="s">
        <v>42929</v>
      </c>
    </row>
    <row r="21505" spans="1:3" x14ac:dyDescent="0.15">
      <c r="A21505">
        <v>3493</v>
      </c>
      <c r="B21505" t="s">
        <v>42930</v>
      </c>
      <c r="C21505" t="s">
        <v>42931</v>
      </c>
    </row>
    <row r="21506" spans="1:3" x14ac:dyDescent="0.15">
      <c r="A21506">
        <v>3492</v>
      </c>
      <c r="B21506" t="s">
        <v>42932</v>
      </c>
      <c r="C21506" t="s">
        <v>42933</v>
      </c>
    </row>
    <row r="21507" spans="1:3" x14ac:dyDescent="0.15">
      <c r="A21507">
        <v>3491</v>
      </c>
      <c r="B21507" t="s">
        <v>42934</v>
      </c>
      <c r="C21507" t="s">
        <v>42935</v>
      </c>
    </row>
    <row r="21508" spans="1:3" x14ac:dyDescent="0.15">
      <c r="A21508">
        <v>3490</v>
      </c>
      <c r="B21508" t="s">
        <v>42936</v>
      </c>
      <c r="C21508" t="s">
        <v>42937</v>
      </c>
    </row>
    <row r="21509" spans="1:3" x14ac:dyDescent="0.15">
      <c r="A21509">
        <v>3489</v>
      </c>
      <c r="B21509" t="s">
        <v>42938</v>
      </c>
      <c r="C21509" t="s">
        <v>42939</v>
      </c>
    </row>
    <row r="21510" spans="1:3" x14ac:dyDescent="0.15">
      <c r="A21510">
        <v>3488</v>
      </c>
      <c r="B21510" t="s">
        <v>42940</v>
      </c>
      <c r="C21510" t="s">
        <v>42941</v>
      </c>
    </row>
    <row r="21511" spans="1:3" x14ac:dyDescent="0.15">
      <c r="A21511">
        <v>3487</v>
      </c>
      <c r="B21511" t="s">
        <v>42942</v>
      </c>
      <c r="C21511" t="s">
        <v>42943</v>
      </c>
    </row>
    <row r="21512" spans="1:3" x14ac:dyDescent="0.15">
      <c r="A21512">
        <v>3486</v>
      </c>
      <c r="B21512" t="s">
        <v>42944</v>
      </c>
      <c r="C21512" t="s">
        <v>42945</v>
      </c>
    </row>
    <row r="21513" spans="1:3" x14ac:dyDescent="0.15">
      <c r="A21513">
        <v>3485</v>
      </c>
      <c r="B21513" t="s">
        <v>42946</v>
      </c>
      <c r="C21513" t="s">
        <v>42947</v>
      </c>
    </row>
    <row r="21514" spans="1:3" x14ac:dyDescent="0.15">
      <c r="A21514">
        <v>3484</v>
      </c>
      <c r="B21514" t="s">
        <v>42948</v>
      </c>
      <c r="C21514" t="s">
        <v>42949</v>
      </c>
    </row>
    <row r="21515" spans="1:3" x14ac:dyDescent="0.15">
      <c r="A21515">
        <v>3483</v>
      </c>
      <c r="B21515" t="s">
        <v>42950</v>
      </c>
      <c r="C21515" t="s">
        <v>491</v>
      </c>
    </row>
    <row r="21516" spans="1:3" x14ac:dyDescent="0.15">
      <c r="A21516">
        <v>3482</v>
      </c>
      <c r="B21516" t="s">
        <v>42951</v>
      </c>
      <c r="C21516" t="s">
        <v>42952</v>
      </c>
    </row>
    <row r="21517" spans="1:3" x14ac:dyDescent="0.15">
      <c r="A21517">
        <v>3481</v>
      </c>
      <c r="B21517" t="s">
        <v>42953</v>
      </c>
      <c r="C21517" t="s">
        <v>42954</v>
      </c>
    </row>
    <row r="21518" spans="1:3" x14ac:dyDescent="0.15">
      <c r="A21518">
        <v>3480</v>
      </c>
      <c r="B21518" t="s">
        <v>42955</v>
      </c>
      <c r="C21518" t="s">
        <v>42956</v>
      </c>
    </row>
    <row r="21519" spans="1:3" x14ac:dyDescent="0.15">
      <c r="A21519">
        <v>3479</v>
      </c>
      <c r="B21519" t="s">
        <v>42957</v>
      </c>
      <c r="C21519" t="s">
        <v>42958</v>
      </c>
    </row>
    <row r="21520" spans="1:3" x14ac:dyDescent="0.15">
      <c r="A21520">
        <v>3478</v>
      </c>
      <c r="B21520" t="s">
        <v>42959</v>
      </c>
      <c r="C21520" t="s">
        <v>42960</v>
      </c>
    </row>
    <row r="21521" spans="1:3" x14ac:dyDescent="0.15">
      <c r="A21521">
        <v>3477</v>
      </c>
      <c r="B21521" t="s">
        <v>42961</v>
      </c>
      <c r="C21521" t="s">
        <v>42962</v>
      </c>
    </row>
    <row r="21522" spans="1:3" x14ac:dyDescent="0.15">
      <c r="A21522">
        <v>3476</v>
      </c>
      <c r="B21522" t="s">
        <v>42963</v>
      </c>
      <c r="C21522" t="s">
        <v>42964</v>
      </c>
    </row>
    <row r="21523" spans="1:3" x14ac:dyDescent="0.15">
      <c r="A21523">
        <v>3475</v>
      </c>
      <c r="B21523" t="s">
        <v>42965</v>
      </c>
      <c r="C21523" t="s">
        <v>42966</v>
      </c>
    </row>
    <row r="21524" spans="1:3" x14ac:dyDescent="0.15">
      <c r="A21524">
        <v>3474</v>
      </c>
      <c r="B21524" t="s">
        <v>42967</v>
      </c>
      <c r="C21524" t="s">
        <v>42968</v>
      </c>
    </row>
    <row r="21525" spans="1:3" x14ac:dyDescent="0.15">
      <c r="A21525">
        <v>3473</v>
      </c>
      <c r="B21525" t="s">
        <v>42969</v>
      </c>
      <c r="C21525" t="s">
        <v>42970</v>
      </c>
    </row>
    <row r="21526" spans="1:3" x14ac:dyDescent="0.15">
      <c r="A21526">
        <v>3472</v>
      </c>
      <c r="B21526" t="s">
        <v>42971</v>
      </c>
      <c r="C21526" t="s">
        <v>42972</v>
      </c>
    </row>
    <row r="21527" spans="1:3" x14ac:dyDescent="0.15">
      <c r="A21527">
        <v>3471</v>
      </c>
      <c r="B21527" t="s">
        <v>42973</v>
      </c>
      <c r="C21527" t="s">
        <v>42974</v>
      </c>
    </row>
    <row r="21528" spans="1:3" x14ac:dyDescent="0.15">
      <c r="A21528">
        <v>3470</v>
      </c>
      <c r="B21528" t="s">
        <v>42975</v>
      </c>
      <c r="C21528" t="s">
        <v>42976</v>
      </c>
    </row>
    <row r="21529" spans="1:3" x14ac:dyDescent="0.15">
      <c r="A21529">
        <v>3469</v>
      </c>
      <c r="B21529" t="s">
        <v>42977</v>
      </c>
      <c r="C21529" t="s">
        <v>42978</v>
      </c>
    </row>
    <row r="21530" spans="1:3" x14ac:dyDescent="0.15">
      <c r="A21530">
        <v>3468</v>
      </c>
      <c r="B21530" t="s">
        <v>42979</v>
      </c>
      <c r="C21530" t="s">
        <v>42980</v>
      </c>
    </row>
    <row r="21531" spans="1:3" x14ac:dyDescent="0.15">
      <c r="A21531">
        <v>3467</v>
      </c>
      <c r="B21531" t="s">
        <v>42981</v>
      </c>
      <c r="C21531" t="s">
        <v>42982</v>
      </c>
    </row>
    <row r="21532" spans="1:3" x14ac:dyDescent="0.15">
      <c r="A21532">
        <v>3466</v>
      </c>
      <c r="B21532" t="s">
        <v>42983</v>
      </c>
      <c r="C21532" t="s">
        <v>42984</v>
      </c>
    </row>
    <row r="21533" spans="1:3" x14ac:dyDescent="0.15">
      <c r="A21533">
        <v>3465</v>
      </c>
      <c r="B21533" t="s">
        <v>42985</v>
      </c>
      <c r="C21533" t="s">
        <v>42986</v>
      </c>
    </row>
    <row r="21534" spans="1:3" x14ac:dyDescent="0.15">
      <c r="A21534">
        <v>3464</v>
      </c>
      <c r="B21534" t="s">
        <v>42987</v>
      </c>
      <c r="C21534" t="s">
        <v>42988</v>
      </c>
    </row>
    <row r="21535" spans="1:3" x14ac:dyDescent="0.15">
      <c r="A21535">
        <v>3463</v>
      </c>
      <c r="B21535" t="s">
        <v>42989</v>
      </c>
      <c r="C21535" t="s">
        <v>42990</v>
      </c>
    </row>
    <row r="21536" spans="1:3" x14ac:dyDescent="0.15">
      <c r="A21536">
        <v>3462</v>
      </c>
      <c r="B21536" t="s">
        <v>42991</v>
      </c>
      <c r="C21536" t="s">
        <v>42992</v>
      </c>
    </row>
    <row r="21537" spans="1:3" x14ac:dyDescent="0.15">
      <c r="A21537">
        <v>3461</v>
      </c>
      <c r="B21537" t="s">
        <v>42993</v>
      </c>
      <c r="C21537" t="s">
        <v>42994</v>
      </c>
    </row>
    <row r="21538" spans="1:3" x14ac:dyDescent="0.15">
      <c r="A21538">
        <v>3460</v>
      </c>
      <c r="B21538" t="s">
        <v>42995</v>
      </c>
      <c r="C21538" t="s">
        <v>42996</v>
      </c>
    </row>
    <row r="21539" spans="1:3" x14ac:dyDescent="0.15">
      <c r="A21539">
        <v>3459</v>
      </c>
      <c r="B21539" t="s">
        <v>42997</v>
      </c>
      <c r="C21539" t="s">
        <v>42998</v>
      </c>
    </row>
    <row r="21540" spans="1:3" x14ac:dyDescent="0.15">
      <c r="A21540">
        <v>3458</v>
      </c>
      <c r="B21540" t="s">
        <v>42999</v>
      </c>
      <c r="C21540" t="s">
        <v>43000</v>
      </c>
    </row>
    <row r="21541" spans="1:3" x14ac:dyDescent="0.15">
      <c r="A21541">
        <v>3457</v>
      </c>
      <c r="B21541" t="s">
        <v>43001</v>
      </c>
      <c r="C21541" t="s">
        <v>43002</v>
      </c>
    </row>
    <row r="21542" spans="1:3" x14ac:dyDescent="0.15">
      <c r="A21542">
        <v>3456</v>
      </c>
      <c r="B21542" t="s">
        <v>43003</v>
      </c>
      <c r="C21542" t="s">
        <v>43004</v>
      </c>
    </row>
    <row r="21543" spans="1:3" x14ac:dyDescent="0.15">
      <c r="A21543">
        <v>3455</v>
      </c>
      <c r="B21543" t="s">
        <v>43005</v>
      </c>
      <c r="C21543" t="s">
        <v>43006</v>
      </c>
    </row>
    <row r="21544" spans="1:3" x14ac:dyDescent="0.15">
      <c r="A21544">
        <v>3454</v>
      </c>
      <c r="B21544" t="s">
        <v>43007</v>
      </c>
      <c r="C21544" t="s">
        <v>43008</v>
      </c>
    </row>
    <row r="21545" spans="1:3" x14ac:dyDescent="0.15">
      <c r="A21545">
        <v>3453</v>
      </c>
      <c r="B21545" t="s">
        <v>43009</v>
      </c>
      <c r="C21545" t="s">
        <v>43010</v>
      </c>
    </row>
    <row r="21546" spans="1:3" x14ac:dyDescent="0.15">
      <c r="A21546">
        <v>3452</v>
      </c>
      <c r="B21546" t="s">
        <v>43011</v>
      </c>
      <c r="C21546" t="s">
        <v>43012</v>
      </c>
    </row>
    <row r="21547" spans="1:3" x14ac:dyDescent="0.15">
      <c r="A21547">
        <v>3451</v>
      </c>
      <c r="B21547" t="s">
        <v>43013</v>
      </c>
      <c r="C21547" t="s">
        <v>43014</v>
      </c>
    </row>
    <row r="21548" spans="1:3" x14ac:dyDescent="0.15">
      <c r="A21548">
        <v>3450</v>
      </c>
      <c r="B21548" t="s">
        <v>43015</v>
      </c>
      <c r="C21548" t="s">
        <v>43016</v>
      </c>
    </row>
    <row r="21549" spans="1:3" x14ac:dyDescent="0.15">
      <c r="A21549">
        <v>3449</v>
      </c>
      <c r="B21549" t="s">
        <v>43017</v>
      </c>
      <c r="C21549" t="s">
        <v>43018</v>
      </c>
    </row>
    <row r="21550" spans="1:3" x14ac:dyDescent="0.15">
      <c r="A21550">
        <v>3448</v>
      </c>
      <c r="B21550" t="s">
        <v>43019</v>
      </c>
      <c r="C21550" t="s">
        <v>43020</v>
      </c>
    </row>
    <row r="21551" spans="1:3" x14ac:dyDescent="0.15">
      <c r="A21551">
        <v>3447</v>
      </c>
      <c r="B21551" t="s">
        <v>43021</v>
      </c>
      <c r="C21551" t="s">
        <v>43022</v>
      </c>
    </row>
    <row r="21552" spans="1:3" x14ac:dyDescent="0.15">
      <c r="A21552">
        <v>3446</v>
      </c>
      <c r="B21552" t="s">
        <v>43023</v>
      </c>
      <c r="C21552" t="s">
        <v>43024</v>
      </c>
    </row>
    <row r="21553" spans="1:3" x14ac:dyDescent="0.15">
      <c r="A21553">
        <v>3445</v>
      </c>
      <c r="B21553" t="s">
        <v>43025</v>
      </c>
      <c r="C21553" t="s">
        <v>43026</v>
      </c>
    </row>
    <row r="21554" spans="1:3" x14ac:dyDescent="0.15">
      <c r="A21554">
        <v>3444</v>
      </c>
      <c r="B21554" t="s">
        <v>43027</v>
      </c>
      <c r="C21554" t="s">
        <v>43028</v>
      </c>
    </row>
    <row r="21555" spans="1:3" x14ac:dyDescent="0.15">
      <c r="A21555">
        <v>3443</v>
      </c>
      <c r="B21555" t="s">
        <v>43029</v>
      </c>
      <c r="C21555" t="s">
        <v>43030</v>
      </c>
    </row>
    <row r="21556" spans="1:3" x14ac:dyDescent="0.15">
      <c r="A21556">
        <v>3442</v>
      </c>
      <c r="B21556" t="s">
        <v>43031</v>
      </c>
      <c r="C21556" t="s">
        <v>43032</v>
      </c>
    </row>
    <row r="21557" spans="1:3" x14ac:dyDescent="0.15">
      <c r="A21557">
        <v>3441</v>
      </c>
      <c r="B21557" t="s">
        <v>43033</v>
      </c>
      <c r="C21557" t="s">
        <v>43034</v>
      </c>
    </row>
    <row r="21558" spans="1:3" x14ac:dyDescent="0.15">
      <c r="A21558">
        <v>3440</v>
      </c>
      <c r="B21558" t="s">
        <v>43035</v>
      </c>
      <c r="C21558" t="s">
        <v>43036</v>
      </c>
    </row>
    <row r="21559" spans="1:3" x14ac:dyDescent="0.15">
      <c r="A21559">
        <v>3439</v>
      </c>
      <c r="B21559" t="s">
        <v>43037</v>
      </c>
      <c r="C21559" t="s">
        <v>43038</v>
      </c>
    </row>
    <row r="21560" spans="1:3" x14ac:dyDescent="0.15">
      <c r="A21560">
        <v>3438</v>
      </c>
      <c r="B21560" t="s">
        <v>43039</v>
      </c>
      <c r="C21560" t="s">
        <v>43040</v>
      </c>
    </row>
    <row r="21561" spans="1:3" x14ac:dyDescent="0.15">
      <c r="A21561">
        <v>3437</v>
      </c>
      <c r="B21561" t="s">
        <v>43041</v>
      </c>
      <c r="C21561" t="s">
        <v>43042</v>
      </c>
    </row>
    <row r="21562" spans="1:3" x14ac:dyDescent="0.15">
      <c r="A21562">
        <v>3436</v>
      </c>
      <c r="B21562" t="s">
        <v>43043</v>
      </c>
      <c r="C21562" t="s">
        <v>43044</v>
      </c>
    </row>
    <row r="21563" spans="1:3" x14ac:dyDescent="0.15">
      <c r="A21563">
        <v>3435</v>
      </c>
      <c r="B21563" t="s">
        <v>43045</v>
      </c>
      <c r="C21563" t="s">
        <v>43046</v>
      </c>
    </row>
    <row r="21564" spans="1:3" x14ac:dyDescent="0.15">
      <c r="A21564">
        <v>3434</v>
      </c>
      <c r="B21564" t="s">
        <v>43047</v>
      </c>
      <c r="C21564" t="s">
        <v>43048</v>
      </c>
    </row>
    <row r="21565" spans="1:3" x14ac:dyDescent="0.15">
      <c r="A21565">
        <v>3433</v>
      </c>
      <c r="B21565" t="s">
        <v>43049</v>
      </c>
      <c r="C21565" t="s">
        <v>43050</v>
      </c>
    </row>
    <row r="21566" spans="1:3" x14ac:dyDescent="0.15">
      <c r="A21566">
        <v>3432</v>
      </c>
      <c r="B21566" t="s">
        <v>43051</v>
      </c>
      <c r="C21566" t="s">
        <v>43052</v>
      </c>
    </row>
    <row r="21567" spans="1:3" x14ac:dyDescent="0.15">
      <c r="A21567">
        <v>3431</v>
      </c>
      <c r="B21567" t="s">
        <v>43053</v>
      </c>
      <c r="C21567" t="s">
        <v>43054</v>
      </c>
    </row>
    <row r="21568" spans="1:3" x14ac:dyDescent="0.15">
      <c r="A21568">
        <v>3430</v>
      </c>
      <c r="B21568" t="s">
        <v>43055</v>
      </c>
      <c r="C21568" t="s">
        <v>43056</v>
      </c>
    </row>
    <row r="21569" spans="1:3" x14ac:dyDescent="0.15">
      <c r="A21569">
        <v>3429</v>
      </c>
      <c r="B21569" t="s">
        <v>43057</v>
      </c>
      <c r="C21569" t="s">
        <v>43058</v>
      </c>
    </row>
    <row r="21570" spans="1:3" x14ac:dyDescent="0.15">
      <c r="A21570">
        <v>3428</v>
      </c>
      <c r="B21570" t="s">
        <v>43059</v>
      </c>
      <c r="C21570" t="s">
        <v>43060</v>
      </c>
    </row>
    <row r="21571" spans="1:3" x14ac:dyDescent="0.15">
      <c r="A21571">
        <v>3427</v>
      </c>
      <c r="B21571" t="s">
        <v>43061</v>
      </c>
      <c r="C21571" t="s">
        <v>43062</v>
      </c>
    </row>
    <row r="21572" spans="1:3" x14ac:dyDescent="0.15">
      <c r="A21572">
        <v>3426</v>
      </c>
      <c r="B21572" t="s">
        <v>43063</v>
      </c>
      <c r="C21572" t="s">
        <v>43064</v>
      </c>
    </row>
    <row r="21573" spans="1:3" x14ac:dyDescent="0.15">
      <c r="A21573">
        <v>3425</v>
      </c>
      <c r="B21573" t="s">
        <v>43065</v>
      </c>
      <c r="C21573" t="s">
        <v>43066</v>
      </c>
    </row>
    <row r="21574" spans="1:3" x14ac:dyDescent="0.15">
      <c r="A21574">
        <v>3424</v>
      </c>
      <c r="B21574" t="s">
        <v>43067</v>
      </c>
      <c r="C21574" t="s">
        <v>43068</v>
      </c>
    </row>
    <row r="21575" spans="1:3" x14ac:dyDescent="0.15">
      <c r="A21575">
        <v>3423</v>
      </c>
      <c r="B21575" t="s">
        <v>43069</v>
      </c>
      <c r="C21575" t="s">
        <v>43070</v>
      </c>
    </row>
    <row r="21576" spans="1:3" x14ac:dyDescent="0.15">
      <c r="A21576">
        <v>3422</v>
      </c>
      <c r="B21576" t="s">
        <v>43071</v>
      </c>
      <c r="C21576" t="s">
        <v>43072</v>
      </c>
    </row>
    <row r="21577" spans="1:3" x14ac:dyDescent="0.15">
      <c r="A21577">
        <v>3421</v>
      </c>
      <c r="B21577" t="s">
        <v>43073</v>
      </c>
      <c r="C21577" t="s">
        <v>43074</v>
      </c>
    </row>
    <row r="21578" spans="1:3" x14ac:dyDescent="0.15">
      <c r="A21578">
        <v>3420</v>
      </c>
      <c r="B21578" t="s">
        <v>43075</v>
      </c>
      <c r="C21578" t="s">
        <v>43076</v>
      </c>
    </row>
    <row r="21579" spans="1:3" x14ac:dyDescent="0.15">
      <c r="A21579">
        <v>3419</v>
      </c>
      <c r="B21579" t="s">
        <v>43077</v>
      </c>
      <c r="C21579" t="s">
        <v>43078</v>
      </c>
    </row>
    <row r="21580" spans="1:3" x14ac:dyDescent="0.15">
      <c r="A21580">
        <v>3418</v>
      </c>
      <c r="B21580" t="s">
        <v>43079</v>
      </c>
      <c r="C21580" t="s">
        <v>43080</v>
      </c>
    </row>
    <row r="21581" spans="1:3" x14ac:dyDescent="0.15">
      <c r="A21581">
        <v>3417</v>
      </c>
      <c r="B21581" t="s">
        <v>43081</v>
      </c>
      <c r="C21581" t="s">
        <v>43082</v>
      </c>
    </row>
    <row r="21582" spans="1:3" x14ac:dyDescent="0.15">
      <c r="A21582">
        <v>3416</v>
      </c>
      <c r="B21582" t="s">
        <v>43083</v>
      </c>
      <c r="C21582" t="s">
        <v>43084</v>
      </c>
    </row>
    <row r="21583" spans="1:3" x14ac:dyDescent="0.15">
      <c r="A21583">
        <v>3415</v>
      </c>
      <c r="B21583" t="s">
        <v>43085</v>
      </c>
      <c r="C21583" t="s">
        <v>43086</v>
      </c>
    </row>
    <row r="21584" spans="1:3" x14ac:dyDescent="0.15">
      <c r="A21584">
        <v>3414</v>
      </c>
      <c r="B21584" t="s">
        <v>43087</v>
      </c>
      <c r="C21584" t="s">
        <v>43088</v>
      </c>
    </row>
    <row r="21585" spans="1:3" x14ac:dyDescent="0.15">
      <c r="A21585">
        <v>3413</v>
      </c>
      <c r="B21585" t="s">
        <v>43089</v>
      </c>
      <c r="C21585" t="s">
        <v>43090</v>
      </c>
    </row>
    <row r="21586" spans="1:3" x14ac:dyDescent="0.15">
      <c r="A21586">
        <v>3412</v>
      </c>
      <c r="B21586" t="s">
        <v>43091</v>
      </c>
      <c r="C21586" t="s">
        <v>43092</v>
      </c>
    </row>
    <row r="21587" spans="1:3" x14ac:dyDescent="0.15">
      <c r="A21587">
        <v>3411</v>
      </c>
      <c r="B21587" t="s">
        <v>43093</v>
      </c>
      <c r="C21587" t="s">
        <v>43094</v>
      </c>
    </row>
    <row r="21588" spans="1:3" x14ac:dyDescent="0.15">
      <c r="A21588">
        <v>3410</v>
      </c>
      <c r="B21588" t="s">
        <v>43095</v>
      </c>
      <c r="C21588" t="s">
        <v>43096</v>
      </c>
    </row>
    <row r="21589" spans="1:3" x14ac:dyDescent="0.15">
      <c r="A21589">
        <v>3409</v>
      </c>
      <c r="B21589" t="s">
        <v>43097</v>
      </c>
      <c r="C21589" t="s">
        <v>43098</v>
      </c>
    </row>
    <row r="21590" spans="1:3" x14ac:dyDescent="0.15">
      <c r="A21590">
        <v>3408</v>
      </c>
      <c r="B21590" t="s">
        <v>43099</v>
      </c>
      <c r="C21590" t="s">
        <v>43100</v>
      </c>
    </row>
    <row r="21591" spans="1:3" x14ac:dyDescent="0.15">
      <c r="A21591">
        <v>3407</v>
      </c>
      <c r="B21591" t="s">
        <v>43101</v>
      </c>
      <c r="C21591" t="s">
        <v>43102</v>
      </c>
    </row>
    <row r="21592" spans="1:3" x14ac:dyDescent="0.15">
      <c r="A21592">
        <v>3406</v>
      </c>
      <c r="B21592" t="s">
        <v>43103</v>
      </c>
      <c r="C21592" t="s">
        <v>43104</v>
      </c>
    </row>
    <row r="21593" spans="1:3" x14ac:dyDescent="0.15">
      <c r="A21593">
        <v>3405</v>
      </c>
      <c r="B21593" t="s">
        <v>43105</v>
      </c>
      <c r="C21593" t="s">
        <v>43106</v>
      </c>
    </row>
    <row r="21594" spans="1:3" x14ac:dyDescent="0.15">
      <c r="A21594">
        <v>3404</v>
      </c>
      <c r="B21594" t="s">
        <v>43107</v>
      </c>
      <c r="C21594" t="s">
        <v>43108</v>
      </c>
    </row>
    <row r="21595" spans="1:3" x14ac:dyDescent="0.15">
      <c r="A21595">
        <v>3403</v>
      </c>
      <c r="B21595" t="s">
        <v>43109</v>
      </c>
      <c r="C21595" t="s">
        <v>43110</v>
      </c>
    </row>
    <row r="21596" spans="1:3" x14ac:dyDescent="0.15">
      <c r="A21596">
        <v>3402</v>
      </c>
      <c r="B21596" t="s">
        <v>43111</v>
      </c>
      <c r="C21596" t="s">
        <v>43112</v>
      </c>
    </row>
    <row r="21597" spans="1:3" x14ac:dyDescent="0.15">
      <c r="A21597">
        <v>3401</v>
      </c>
      <c r="B21597" t="s">
        <v>43113</v>
      </c>
      <c r="C21597" t="s">
        <v>43114</v>
      </c>
    </row>
    <row r="21598" spans="1:3" x14ac:dyDescent="0.15">
      <c r="A21598">
        <v>3400</v>
      </c>
      <c r="B21598" t="s">
        <v>43115</v>
      </c>
      <c r="C21598" t="s">
        <v>43116</v>
      </c>
    </row>
    <row r="21599" spans="1:3" x14ac:dyDescent="0.15">
      <c r="A21599">
        <v>3399</v>
      </c>
      <c r="B21599" t="s">
        <v>43117</v>
      </c>
      <c r="C21599" t="s">
        <v>43118</v>
      </c>
    </row>
    <row r="21600" spans="1:3" x14ac:dyDescent="0.15">
      <c r="A21600">
        <v>3398</v>
      </c>
      <c r="B21600" t="s">
        <v>43119</v>
      </c>
      <c r="C21600" t="s">
        <v>43120</v>
      </c>
    </row>
    <row r="21601" spans="1:3" x14ac:dyDescent="0.15">
      <c r="A21601">
        <v>3397</v>
      </c>
      <c r="B21601" t="s">
        <v>43121</v>
      </c>
      <c r="C21601" t="s">
        <v>43122</v>
      </c>
    </row>
    <row r="21602" spans="1:3" x14ac:dyDescent="0.15">
      <c r="A21602">
        <v>3396</v>
      </c>
      <c r="B21602" t="s">
        <v>43123</v>
      </c>
      <c r="C21602" t="s">
        <v>43124</v>
      </c>
    </row>
    <row r="21603" spans="1:3" x14ac:dyDescent="0.15">
      <c r="A21603">
        <v>3395</v>
      </c>
      <c r="B21603" t="s">
        <v>43125</v>
      </c>
      <c r="C21603" t="s">
        <v>43126</v>
      </c>
    </row>
    <row r="21604" spans="1:3" x14ac:dyDescent="0.15">
      <c r="A21604">
        <v>3394</v>
      </c>
      <c r="B21604" t="s">
        <v>43127</v>
      </c>
      <c r="C21604" t="s">
        <v>43128</v>
      </c>
    </row>
    <row r="21605" spans="1:3" x14ac:dyDescent="0.15">
      <c r="A21605">
        <v>3393</v>
      </c>
      <c r="B21605" t="s">
        <v>43129</v>
      </c>
      <c r="C21605" t="s">
        <v>43130</v>
      </c>
    </row>
    <row r="21606" spans="1:3" x14ac:dyDescent="0.15">
      <c r="A21606">
        <v>3392</v>
      </c>
      <c r="B21606" t="s">
        <v>43131</v>
      </c>
      <c r="C21606" t="s">
        <v>43132</v>
      </c>
    </row>
    <row r="21607" spans="1:3" x14ac:dyDescent="0.15">
      <c r="A21607">
        <v>3391</v>
      </c>
      <c r="B21607" t="s">
        <v>43133</v>
      </c>
      <c r="C21607" t="s">
        <v>43134</v>
      </c>
    </row>
    <row r="21608" spans="1:3" x14ac:dyDescent="0.15">
      <c r="A21608">
        <v>3390</v>
      </c>
      <c r="B21608" t="s">
        <v>43135</v>
      </c>
      <c r="C21608" t="s">
        <v>43136</v>
      </c>
    </row>
    <row r="21609" spans="1:3" x14ac:dyDescent="0.15">
      <c r="A21609">
        <v>3389</v>
      </c>
      <c r="B21609" t="s">
        <v>43137</v>
      </c>
      <c r="C21609" t="s">
        <v>43138</v>
      </c>
    </row>
    <row r="21610" spans="1:3" x14ac:dyDescent="0.15">
      <c r="A21610">
        <v>3388</v>
      </c>
      <c r="B21610" t="s">
        <v>43139</v>
      </c>
      <c r="C21610" t="s">
        <v>43140</v>
      </c>
    </row>
    <row r="21611" spans="1:3" x14ac:dyDescent="0.15">
      <c r="A21611">
        <v>3387</v>
      </c>
      <c r="B21611" t="s">
        <v>43141</v>
      </c>
      <c r="C21611" t="s">
        <v>43142</v>
      </c>
    </row>
    <row r="21612" spans="1:3" x14ac:dyDescent="0.15">
      <c r="A21612">
        <v>3386</v>
      </c>
      <c r="B21612" t="s">
        <v>43143</v>
      </c>
      <c r="C21612" t="s">
        <v>43144</v>
      </c>
    </row>
    <row r="21613" spans="1:3" x14ac:dyDescent="0.15">
      <c r="A21613">
        <v>3385</v>
      </c>
      <c r="B21613" t="s">
        <v>43145</v>
      </c>
      <c r="C21613" t="s">
        <v>43146</v>
      </c>
    </row>
    <row r="21614" spans="1:3" x14ac:dyDescent="0.15">
      <c r="A21614">
        <v>3384</v>
      </c>
      <c r="B21614" t="s">
        <v>43147</v>
      </c>
      <c r="C21614" t="s">
        <v>43148</v>
      </c>
    </row>
    <row r="21615" spans="1:3" x14ac:dyDescent="0.15">
      <c r="A21615">
        <v>3383</v>
      </c>
      <c r="B21615" t="s">
        <v>43149</v>
      </c>
      <c r="C21615" t="s">
        <v>43150</v>
      </c>
    </row>
    <row r="21616" spans="1:3" x14ac:dyDescent="0.15">
      <c r="A21616">
        <v>3382</v>
      </c>
      <c r="B21616" t="s">
        <v>43151</v>
      </c>
      <c r="C21616" t="s">
        <v>43152</v>
      </c>
    </row>
    <row r="21617" spans="1:3" x14ac:dyDescent="0.15">
      <c r="A21617">
        <v>3381</v>
      </c>
      <c r="B21617" t="s">
        <v>43153</v>
      </c>
      <c r="C21617" t="s">
        <v>43154</v>
      </c>
    </row>
    <row r="21618" spans="1:3" x14ac:dyDescent="0.15">
      <c r="A21618">
        <v>3380</v>
      </c>
      <c r="B21618" t="s">
        <v>43155</v>
      </c>
      <c r="C21618" t="s">
        <v>43156</v>
      </c>
    </row>
    <row r="21619" spans="1:3" x14ac:dyDescent="0.15">
      <c r="A21619">
        <v>3379</v>
      </c>
      <c r="B21619" t="s">
        <v>43157</v>
      </c>
      <c r="C21619" t="s">
        <v>43158</v>
      </c>
    </row>
    <row r="21620" spans="1:3" x14ac:dyDescent="0.15">
      <c r="A21620">
        <v>3378</v>
      </c>
      <c r="B21620" t="s">
        <v>43159</v>
      </c>
      <c r="C21620" t="s">
        <v>43160</v>
      </c>
    </row>
    <row r="21621" spans="1:3" x14ac:dyDescent="0.15">
      <c r="A21621">
        <v>3377</v>
      </c>
      <c r="B21621" t="s">
        <v>43161</v>
      </c>
      <c r="C21621" t="s">
        <v>43162</v>
      </c>
    </row>
    <row r="21622" spans="1:3" x14ac:dyDescent="0.15">
      <c r="A21622">
        <v>3376</v>
      </c>
      <c r="B21622" t="s">
        <v>43163</v>
      </c>
      <c r="C21622" t="s">
        <v>43164</v>
      </c>
    </row>
    <row r="21623" spans="1:3" x14ac:dyDescent="0.15">
      <c r="A21623">
        <v>3375</v>
      </c>
      <c r="B21623" t="s">
        <v>43165</v>
      </c>
      <c r="C21623" t="s">
        <v>43166</v>
      </c>
    </row>
    <row r="21624" spans="1:3" x14ac:dyDescent="0.15">
      <c r="A21624">
        <v>3374</v>
      </c>
      <c r="B21624" t="s">
        <v>43167</v>
      </c>
      <c r="C21624" t="s">
        <v>43168</v>
      </c>
    </row>
    <row r="21625" spans="1:3" x14ac:dyDescent="0.15">
      <c r="A21625">
        <v>3373</v>
      </c>
      <c r="B21625" t="s">
        <v>43169</v>
      </c>
      <c r="C21625" t="s">
        <v>43170</v>
      </c>
    </row>
    <row r="21626" spans="1:3" x14ac:dyDescent="0.15">
      <c r="A21626">
        <v>3372</v>
      </c>
      <c r="B21626" t="s">
        <v>43171</v>
      </c>
      <c r="C21626" t="s">
        <v>43172</v>
      </c>
    </row>
    <row r="21627" spans="1:3" x14ac:dyDescent="0.15">
      <c r="A21627">
        <v>3371</v>
      </c>
      <c r="B21627" t="s">
        <v>43173</v>
      </c>
      <c r="C21627" t="s">
        <v>43174</v>
      </c>
    </row>
    <row r="21628" spans="1:3" x14ac:dyDescent="0.15">
      <c r="A21628">
        <v>3370</v>
      </c>
      <c r="B21628" t="s">
        <v>43175</v>
      </c>
      <c r="C21628" t="s">
        <v>43176</v>
      </c>
    </row>
    <row r="21629" spans="1:3" x14ac:dyDescent="0.15">
      <c r="A21629">
        <v>3369</v>
      </c>
      <c r="B21629" t="s">
        <v>43177</v>
      </c>
      <c r="C21629" t="s">
        <v>43178</v>
      </c>
    </row>
    <row r="21630" spans="1:3" x14ac:dyDescent="0.15">
      <c r="A21630">
        <v>3368</v>
      </c>
      <c r="B21630" t="s">
        <v>43179</v>
      </c>
      <c r="C21630" t="s">
        <v>43180</v>
      </c>
    </row>
    <row r="21631" spans="1:3" x14ac:dyDescent="0.15">
      <c r="A21631">
        <v>3367</v>
      </c>
      <c r="B21631" t="s">
        <v>43181</v>
      </c>
      <c r="C21631" t="s">
        <v>43182</v>
      </c>
    </row>
    <row r="21632" spans="1:3" x14ac:dyDescent="0.15">
      <c r="A21632">
        <v>3366</v>
      </c>
      <c r="B21632" t="s">
        <v>43183</v>
      </c>
      <c r="C21632" t="s">
        <v>43184</v>
      </c>
    </row>
    <row r="21633" spans="1:3" x14ac:dyDescent="0.15">
      <c r="A21633">
        <v>3365</v>
      </c>
      <c r="B21633" t="s">
        <v>43185</v>
      </c>
      <c r="C21633" t="s">
        <v>43186</v>
      </c>
    </row>
    <row r="21634" spans="1:3" x14ac:dyDescent="0.15">
      <c r="A21634">
        <v>3364</v>
      </c>
      <c r="B21634" t="s">
        <v>43187</v>
      </c>
      <c r="C21634" t="s">
        <v>43188</v>
      </c>
    </row>
    <row r="21635" spans="1:3" x14ac:dyDescent="0.15">
      <c r="A21635">
        <v>3363</v>
      </c>
      <c r="B21635" t="s">
        <v>43189</v>
      </c>
      <c r="C21635" t="s">
        <v>43190</v>
      </c>
    </row>
    <row r="21636" spans="1:3" x14ac:dyDescent="0.15">
      <c r="A21636">
        <v>3362</v>
      </c>
      <c r="B21636" t="s">
        <v>43191</v>
      </c>
      <c r="C21636" t="s">
        <v>43192</v>
      </c>
    </row>
    <row r="21637" spans="1:3" x14ac:dyDescent="0.15">
      <c r="A21637">
        <v>3361</v>
      </c>
      <c r="B21637" t="s">
        <v>43193</v>
      </c>
      <c r="C21637" t="s">
        <v>43194</v>
      </c>
    </row>
    <row r="21638" spans="1:3" x14ac:dyDescent="0.15">
      <c r="A21638">
        <v>3360</v>
      </c>
      <c r="B21638" t="s">
        <v>43195</v>
      </c>
      <c r="C21638" t="s">
        <v>43196</v>
      </c>
    </row>
    <row r="21639" spans="1:3" x14ac:dyDescent="0.15">
      <c r="A21639">
        <v>3359</v>
      </c>
      <c r="B21639" t="s">
        <v>43197</v>
      </c>
      <c r="C21639" t="s">
        <v>43198</v>
      </c>
    </row>
    <row r="21640" spans="1:3" x14ac:dyDescent="0.15">
      <c r="A21640">
        <v>3358</v>
      </c>
      <c r="B21640" t="s">
        <v>43199</v>
      </c>
      <c r="C21640" t="s">
        <v>43200</v>
      </c>
    </row>
    <row r="21641" spans="1:3" x14ac:dyDescent="0.15">
      <c r="A21641">
        <v>3357</v>
      </c>
      <c r="B21641" t="s">
        <v>43201</v>
      </c>
      <c r="C21641" t="s">
        <v>43202</v>
      </c>
    </row>
    <row r="21642" spans="1:3" x14ac:dyDescent="0.15">
      <c r="A21642">
        <v>3356</v>
      </c>
      <c r="B21642" t="s">
        <v>43203</v>
      </c>
      <c r="C21642" t="s">
        <v>43204</v>
      </c>
    </row>
    <row r="21643" spans="1:3" x14ac:dyDescent="0.15">
      <c r="A21643">
        <v>3355</v>
      </c>
      <c r="B21643" t="s">
        <v>43205</v>
      </c>
      <c r="C21643" t="s">
        <v>43206</v>
      </c>
    </row>
    <row r="21644" spans="1:3" x14ac:dyDescent="0.15">
      <c r="A21644">
        <v>3354</v>
      </c>
      <c r="B21644" t="s">
        <v>43207</v>
      </c>
      <c r="C21644" t="s">
        <v>43208</v>
      </c>
    </row>
    <row r="21645" spans="1:3" x14ac:dyDescent="0.15">
      <c r="A21645">
        <v>3353</v>
      </c>
      <c r="B21645" t="s">
        <v>43209</v>
      </c>
      <c r="C21645" t="s">
        <v>43210</v>
      </c>
    </row>
    <row r="21646" spans="1:3" x14ac:dyDescent="0.15">
      <c r="A21646">
        <v>3352</v>
      </c>
      <c r="B21646" t="s">
        <v>43211</v>
      </c>
      <c r="C21646" t="s">
        <v>43212</v>
      </c>
    </row>
    <row r="21647" spans="1:3" x14ac:dyDescent="0.15">
      <c r="A21647">
        <v>3351</v>
      </c>
      <c r="B21647" t="s">
        <v>43213</v>
      </c>
      <c r="C21647" t="s">
        <v>43214</v>
      </c>
    </row>
    <row r="21648" spans="1:3" x14ac:dyDescent="0.15">
      <c r="A21648">
        <v>3350</v>
      </c>
      <c r="B21648" t="s">
        <v>43215</v>
      </c>
      <c r="C21648" t="s">
        <v>43216</v>
      </c>
    </row>
    <row r="21649" spans="1:3" x14ac:dyDescent="0.15">
      <c r="A21649">
        <v>3349</v>
      </c>
      <c r="B21649" t="s">
        <v>43217</v>
      </c>
      <c r="C21649" t="s">
        <v>43218</v>
      </c>
    </row>
    <row r="21650" spans="1:3" x14ac:dyDescent="0.15">
      <c r="A21650">
        <v>3348</v>
      </c>
      <c r="B21650" t="s">
        <v>43219</v>
      </c>
      <c r="C21650" t="s">
        <v>43220</v>
      </c>
    </row>
    <row r="21651" spans="1:3" x14ac:dyDescent="0.15">
      <c r="A21651">
        <v>3347</v>
      </c>
      <c r="B21651" t="s">
        <v>43221</v>
      </c>
      <c r="C21651" t="s">
        <v>43222</v>
      </c>
    </row>
    <row r="21652" spans="1:3" x14ac:dyDescent="0.15">
      <c r="A21652">
        <v>3346</v>
      </c>
      <c r="B21652" t="s">
        <v>43223</v>
      </c>
      <c r="C21652" t="s">
        <v>43224</v>
      </c>
    </row>
    <row r="21653" spans="1:3" x14ac:dyDescent="0.15">
      <c r="A21653">
        <v>3345</v>
      </c>
      <c r="B21653" t="s">
        <v>43225</v>
      </c>
      <c r="C21653" t="s">
        <v>43226</v>
      </c>
    </row>
    <row r="21654" spans="1:3" x14ac:dyDescent="0.15">
      <c r="A21654">
        <v>3344</v>
      </c>
      <c r="B21654" t="s">
        <v>43227</v>
      </c>
      <c r="C21654" t="s">
        <v>43228</v>
      </c>
    </row>
    <row r="21655" spans="1:3" x14ac:dyDescent="0.15">
      <c r="A21655">
        <v>3343</v>
      </c>
      <c r="B21655" t="s">
        <v>43229</v>
      </c>
      <c r="C21655" t="s">
        <v>43230</v>
      </c>
    </row>
    <row r="21656" spans="1:3" x14ac:dyDescent="0.15">
      <c r="A21656">
        <v>3342</v>
      </c>
      <c r="B21656" t="s">
        <v>43231</v>
      </c>
      <c r="C21656" t="s">
        <v>43232</v>
      </c>
    </row>
    <row r="21657" spans="1:3" x14ac:dyDescent="0.15">
      <c r="A21657">
        <v>3341</v>
      </c>
      <c r="B21657" t="s">
        <v>43233</v>
      </c>
      <c r="C21657" t="s">
        <v>43234</v>
      </c>
    </row>
    <row r="21658" spans="1:3" x14ac:dyDescent="0.15">
      <c r="A21658">
        <v>3340</v>
      </c>
      <c r="B21658" t="s">
        <v>43235</v>
      </c>
      <c r="C21658" t="s">
        <v>43236</v>
      </c>
    </row>
    <row r="21659" spans="1:3" x14ac:dyDescent="0.15">
      <c r="A21659">
        <v>3339</v>
      </c>
      <c r="B21659" t="s">
        <v>43237</v>
      </c>
      <c r="C21659" t="s">
        <v>43238</v>
      </c>
    </row>
    <row r="21660" spans="1:3" x14ac:dyDescent="0.15">
      <c r="A21660">
        <v>3338</v>
      </c>
      <c r="B21660" t="s">
        <v>43239</v>
      </c>
      <c r="C21660" t="s">
        <v>43240</v>
      </c>
    </row>
    <row r="21661" spans="1:3" x14ac:dyDescent="0.15">
      <c r="A21661">
        <v>3337</v>
      </c>
      <c r="B21661" t="s">
        <v>43241</v>
      </c>
      <c r="C21661" t="s">
        <v>43242</v>
      </c>
    </row>
    <row r="21662" spans="1:3" x14ac:dyDescent="0.15">
      <c r="A21662">
        <v>3336</v>
      </c>
      <c r="B21662" t="s">
        <v>43243</v>
      </c>
      <c r="C21662" t="s">
        <v>43244</v>
      </c>
    </row>
    <row r="21663" spans="1:3" x14ac:dyDescent="0.15">
      <c r="A21663">
        <v>3335</v>
      </c>
      <c r="B21663" t="s">
        <v>43245</v>
      </c>
      <c r="C21663" t="s">
        <v>43246</v>
      </c>
    </row>
    <row r="21664" spans="1:3" x14ac:dyDescent="0.15">
      <c r="A21664">
        <v>3334</v>
      </c>
      <c r="B21664" t="s">
        <v>43247</v>
      </c>
      <c r="C21664" t="s">
        <v>43248</v>
      </c>
    </row>
    <row r="21665" spans="1:3" x14ac:dyDescent="0.15">
      <c r="A21665">
        <v>3333</v>
      </c>
      <c r="B21665" t="s">
        <v>43249</v>
      </c>
      <c r="C21665" t="s">
        <v>43250</v>
      </c>
    </row>
    <row r="21666" spans="1:3" x14ac:dyDescent="0.15">
      <c r="A21666">
        <v>3332</v>
      </c>
      <c r="B21666" t="s">
        <v>43251</v>
      </c>
      <c r="C21666" t="s">
        <v>43252</v>
      </c>
    </row>
    <row r="21667" spans="1:3" x14ac:dyDescent="0.15">
      <c r="A21667">
        <v>3331</v>
      </c>
      <c r="B21667" t="s">
        <v>43253</v>
      </c>
      <c r="C21667" t="s">
        <v>43254</v>
      </c>
    </row>
    <row r="21668" spans="1:3" x14ac:dyDescent="0.15">
      <c r="A21668">
        <v>3330</v>
      </c>
      <c r="B21668" t="s">
        <v>43255</v>
      </c>
      <c r="C21668" t="s">
        <v>43256</v>
      </c>
    </row>
    <row r="21669" spans="1:3" x14ac:dyDescent="0.15">
      <c r="A21669">
        <v>3329</v>
      </c>
      <c r="B21669" t="s">
        <v>43257</v>
      </c>
      <c r="C21669" t="s">
        <v>43258</v>
      </c>
    </row>
    <row r="21670" spans="1:3" x14ac:dyDescent="0.15">
      <c r="A21670">
        <v>3328</v>
      </c>
      <c r="B21670" t="s">
        <v>43259</v>
      </c>
      <c r="C21670" t="s">
        <v>43260</v>
      </c>
    </row>
    <row r="21671" spans="1:3" x14ac:dyDescent="0.15">
      <c r="A21671">
        <v>3327</v>
      </c>
      <c r="B21671" t="s">
        <v>43261</v>
      </c>
      <c r="C21671" t="s">
        <v>43262</v>
      </c>
    </row>
    <row r="21672" spans="1:3" x14ac:dyDescent="0.15">
      <c r="A21672">
        <v>3326</v>
      </c>
      <c r="B21672" t="s">
        <v>43263</v>
      </c>
      <c r="C21672" t="s">
        <v>43264</v>
      </c>
    </row>
    <row r="21673" spans="1:3" x14ac:dyDescent="0.15">
      <c r="A21673">
        <v>3325</v>
      </c>
      <c r="B21673" t="s">
        <v>43265</v>
      </c>
      <c r="C21673" t="s">
        <v>43266</v>
      </c>
    </row>
    <row r="21674" spans="1:3" x14ac:dyDescent="0.15">
      <c r="A21674">
        <v>3324</v>
      </c>
      <c r="B21674" t="s">
        <v>43267</v>
      </c>
      <c r="C21674" t="s">
        <v>43268</v>
      </c>
    </row>
    <row r="21675" spans="1:3" x14ac:dyDescent="0.15">
      <c r="A21675">
        <v>3323</v>
      </c>
      <c r="B21675" t="s">
        <v>43269</v>
      </c>
      <c r="C21675" t="s">
        <v>43270</v>
      </c>
    </row>
    <row r="21676" spans="1:3" x14ac:dyDescent="0.15">
      <c r="A21676">
        <v>3322</v>
      </c>
      <c r="B21676" t="s">
        <v>43271</v>
      </c>
      <c r="C21676" t="s">
        <v>43272</v>
      </c>
    </row>
    <row r="21677" spans="1:3" x14ac:dyDescent="0.15">
      <c r="A21677">
        <v>3321</v>
      </c>
      <c r="B21677" t="s">
        <v>43273</v>
      </c>
      <c r="C21677" t="s">
        <v>43274</v>
      </c>
    </row>
    <row r="21678" spans="1:3" x14ac:dyDescent="0.15">
      <c r="A21678">
        <v>3320</v>
      </c>
      <c r="B21678" t="s">
        <v>43275</v>
      </c>
      <c r="C21678" t="s">
        <v>43276</v>
      </c>
    </row>
    <row r="21679" spans="1:3" x14ac:dyDescent="0.15">
      <c r="A21679">
        <v>3319</v>
      </c>
      <c r="B21679" t="s">
        <v>43277</v>
      </c>
      <c r="C21679" t="s">
        <v>43278</v>
      </c>
    </row>
    <row r="21680" spans="1:3" x14ac:dyDescent="0.15">
      <c r="A21680">
        <v>3318</v>
      </c>
      <c r="B21680" t="s">
        <v>43279</v>
      </c>
      <c r="C21680" t="s">
        <v>43280</v>
      </c>
    </row>
    <row r="21681" spans="1:3" x14ac:dyDescent="0.15">
      <c r="A21681">
        <v>3317</v>
      </c>
      <c r="B21681" t="s">
        <v>43281</v>
      </c>
      <c r="C21681" t="s">
        <v>43282</v>
      </c>
    </row>
    <row r="21682" spans="1:3" x14ac:dyDescent="0.15">
      <c r="A21682">
        <v>3316</v>
      </c>
      <c r="B21682" t="s">
        <v>43283</v>
      </c>
      <c r="C21682" t="s">
        <v>43284</v>
      </c>
    </row>
    <row r="21683" spans="1:3" x14ac:dyDescent="0.15">
      <c r="A21683">
        <v>3315</v>
      </c>
      <c r="B21683" t="s">
        <v>43285</v>
      </c>
      <c r="C21683" t="s">
        <v>43286</v>
      </c>
    </row>
    <row r="21684" spans="1:3" x14ac:dyDescent="0.15">
      <c r="A21684">
        <v>3314</v>
      </c>
      <c r="B21684" t="s">
        <v>43287</v>
      </c>
      <c r="C21684" t="s">
        <v>43288</v>
      </c>
    </row>
    <row r="21685" spans="1:3" x14ac:dyDescent="0.15">
      <c r="A21685">
        <v>3313</v>
      </c>
      <c r="B21685" t="s">
        <v>43289</v>
      </c>
      <c r="C21685" t="s">
        <v>43290</v>
      </c>
    </row>
    <row r="21686" spans="1:3" x14ac:dyDescent="0.15">
      <c r="A21686">
        <v>3312</v>
      </c>
      <c r="B21686" t="s">
        <v>43291</v>
      </c>
      <c r="C21686" t="s">
        <v>43292</v>
      </c>
    </row>
    <row r="21687" spans="1:3" x14ac:dyDescent="0.15">
      <c r="A21687">
        <v>3311</v>
      </c>
      <c r="B21687" t="s">
        <v>43293</v>
      </c>
      <c r="C21687" t="s">
        <v>43294</v>
      </c>
    </row>
    <row r="21688" spans="1:3" x14ac:dyDescent="0.15">
      <c r="A21688">
        <v>3310</v>
      </c>
      <c r="B21688" t="s">
        <v>43295</v>
      </c>
      <c r="C21688" t="s">
        <v>43296</v>
      </c>
    </row>
    <row r="21689" spans="1:3" x14ac:dyDescent="0.15">
      <c r="A21689">
        <v>3309</v>
      </c>
      <c r="B21689" t="s">
        <v>43297</v>
      </c>
      <c r="C21689" t="s">
        <v>43298</v>
      </c>
    </row>
    <row r="21690" spans="1:3" x14ac:dyDescent="0.15">
      <c r="A21690">
        <v>3308</v>
      </c>
      <c r="B21690" t="s">
        <v>43299</v>
      </c>
      <c r="C21690" t="s">
        <v>43300</v>
      </c>
    </row>
    <row r="21691" spans="1:3" x14ac:dyDescent="0.15">
      <c r="A21691">
        <v>3307</v>
      </c>
      <c r="B21691" t="s">
        <v>43301</v>
      </c>
      <c r="C21691" t="s">
        <v>43302</v>
      </c>
    </row>
    <row r="21692" spans="1:3" x14ac:dyDescent="0.15">
      <c r="A21692">
        <v>3306</v>
      </c>
      <c r="B21692" t="s">
        <v>43303</v>
      </c>
      <c r="C21692" t="s">
        <v>43304</v>
      </c>
    </row>
    <row r="21693" spans="1:3" x14ac:dyDescent="0.15">
      <c r="A21693">
        <v>3305</v>
      </c>
      <c r="B21693" t="s">
        <v>43305</v>
      </c>
      <c r="C21693" t="s">
        <v>43306</v>
      </c>
    </row>
    <row r="21694" spans="1:3" x14ac:dyDescent="0.15">
      <c r="A21694">
        <v>3304</v>
      </c>
      <c r="B21694" t="s">
        <v>43307</v>
      </c>
      <c r="C21694" t="s">
        <v>43308</v>
      </c>
    </row>
    <row r="21695" spans="1:3" x14ac:dyDescent="0.15">
      <c r="A21695">
        <v>3303</v>
      </c>
      <c r="B21695" t="s">
        <v>43309</v>
      </c>
      <c r="C21695" t="s">
        <v>43310</v>
      </c>
    </row>
    <row r="21696" spans="1:3" x14ac:dyDescent="0.15">
      <c r="A21696">
        <v>3302</v>
      </c>
      <c r="B21696" t="s">
        <v>43311</v>
      </c>
      <c r="C21696" t="s">
        <v>43312</v>
      </c>
    </row>
    <row r="21697" spans="1:3" x14ac:dyDescent="0.15">
      <c r="A21697">
        <v>3301</v>
      </c>
      <c r="B21697" t="s">
        <v>43313</v>
      </c>
      <c r="C21697" t="s">
        <v>43314</v>
      </c>
    </row>
    <row r="21698" spans="1:3" x14ac:dyDescent="0.15">
      <c r="A21698">
        <v>3300</v>
      </c>
      <c r="B21698" t="s">
        <v>43315</v>
      </c>
      <c r="C21698" t="s">
        <v>43316</v>
      </c>
    </row>
    <row r="21699" spans="1:3" x14ac:dyDescent="0.15">
      <c r="A21699">
        <v>3299</v>
      </c>
      <c r="B21699" t="s">
        <v>43317</v>
      </c>
      <c r="C21699" t="s">
        <v>43318</v>
      </c>
    </row>
    <row r="21700" spans="1:3" x14ac:dyDescent="0.15">
      <c r="A21700">
        <v>3298</v>
      </c>
      <c r="B21700" t="s">
        <v>43319</v>
      </c>
      <c r="C21700" t="s">
        <v>43320</v>
      </c>
    </row>
    <row r="21701" spans="1:3" x14ac:dyDescent="0.15">
      <c r="A21701">
        <v>3297</v>
      </c>
      <c r="B21701" t="s">
        <v>43321</v>
      </c>
      <c r="C21701" t="s">
        <v>43322</v>
      </c>
    </row>
    <row r="21702" spans="1:3" x14ac:dyDescent="0.15">
      <c r="A21702">
        <v>3296</v>
      </c>
      <c r="B21702" t="s">
        <v>43323</v>
      </c>
      <c r="C21702" t="s">
        <v>43324</v>
      </c>
    </row>
    <row r="21703" spans="1:3" x14ac:dyDescent="0.15">
      <c r="A21703">
        <v>3295</v>
      </c>
      <c r="B21703" t="s">
        <v>43325</v>
      </c>
      <c r="C21703" t="s">
        <v>43326</v>
      </c>
    </row>
    <row r="21704" spans="1:3" x14ac:dyDescent="0.15">
      <c r="A21704">
        <v>3294</v>
      </c>
      <c r="B21704" t="s">
        <v>43327</v>
      </c>
      <c r="C21704" t="s">
        <v>43328</v>
      </c>
    </row>
    <row r="21705" spans="1:3" x14ac:dyDescent="0.15">
      <c r="A21705">
        <v>3293</v>
      </c>
      <c r="B21705" t="s">
        <v>43329</v>
      </c>
      <c r="C21705" t="s">
        <v>43330</v>
      </c>
    </row>
    <row r="21706" spans="1:3" x14ac:dyDescent="0.15">
      <c r="A21706">
        <v>3292</v>
      </c>
      <c r="B21706" t="s">
        <v>43331</v>
      </c>
      <c r="C21706" t="s">
        <v>43332</v>
      </c>
    </row>
    <row r="21707" spans="1:3" x14ac:dyDescent="0.15">
      <c r="A21707">
        <v>3291</v>
      </c>
      <c r="B21707" t="s">
        <v>43333</v>
      </c>
      <c r="C21707" t="s">
        <v>43334</v>
      </c>
    </row>
    <row r="21708" spans="1:3" x14ac:dyDescent="0.15">
      <c r="A21708">
        <v>3290</v>
      </c>
      <c r="B21708" t="s">
        <v>43335</v>
      </c>
      <c r="C21708" t="s">
        <v>43336</v>
      </c>
    </row>
    <row r="21709" spans="1:3" x14ac:dyDescent="0.15">
      <c r="A21709">
        <v>3289</v>
      </c>
      <c r="B21709" t="s">
        <v>43337</v>
      </c>
      <c r="C21709" t="s">
        <v>43338</v>
      </c>
    </row>
    <row r="21710" spans="1:3" x14ac:dyDescent="0.15">
      <c r="A21710">
        <v>3288</v>
      </c>
      <c r="B21710" t="s">
        <v>24333</v>
      </c>
      <c r="C21710" t="s">
        <v>43339</v>
      </c>
    </row>
    <row r="21711" spans="1:3" x14ac:dyDescent="0.15">
      <c r="A21711">
        <v>3287</v>
      </c>
      <c r="B21711" t="s">
        <v>43340</v>
      </c>
      <c r="C21711" t="s">
        <v>43341</v>
      </c>
    </row>
    <row r="21712" spans="1:3" x14ac:dyDescent="0.15">
      <c r="A21712">
        <v>3286</v>
      </c>
      <c r="B21712" t="s">
        <v>43342</v>
      </c>
      <c r="C21712" t="s">
        <v>43343</v>
      </c>
    </row>
    <row r="21713" spans="1:3" x14ac:dyDescent="0.15">
      <c r="A21713">
        <v>3285</v>
      </c>
      <c r="B21713" t="s">
        <v>43344</v>
      </c>
      <c r="C21713" t="s">
        <v>43345</v>
      </c>
    </row>
    <row r="21714" spans="1:3" x14ac:dyDescent="0.15">
      <c r="A21714">
        <v>3284</v>
      </c>
      <c r="B21714" t="s">
        <v>43346</v>
      </c>
      <c r="C21714" t="s">
        <v>43347</v>
      </c>
    </row>
    <row r="21715" spans="1:3" x14ac:dyDescent="0.15">
      <c r="A21715">
        <v>3283</v>
      </c>
      <c r="B21715" t="s">
        <v>43348</v>
      </c>
      <c r="C21715" t="s">
        <v>43349</v>
      </c>
    </row>
    <row r="21716" spans="1:3" x14ac:dyDescent="0.15">
      <c r="A21716">
        <v>3282</v>
      </c>
      <c r="B21716" t="s">
        <v>43350</v>
      </c>
      <c r="C21716" t="s">
        <v>43351</v>
      </c>
    </row>
    <row r="21717" spans="1:3" x14ac:dyDescent="0.15">
      <c r="A21717">
        <v>3281</v>
      </c>
      <c r="B21717" t="s">
        <v>43352</v>
      </c>
      <c r="C21717" t="s">
        <v>43353</v>
      </c>
    </row>
    <row r="21718" spans="1:3" x14ac:dyDescent="0.15">
      <c r="A21718">
        <v>3280</v>
      </c>
      <c r="B21718" t="s">
        <v>43354</v>
      </c>
      <c r="C21718" t="s">
        <v>43355</v>
      </c>
    </row>
    <row r="21719" spans="1:3" x14ac:dyDescent="0.15">
      <c r="A21719">
        <v>3279</v>
      </c>
      <c r="B21719" t="s">
        <v>43356</v>
      </c>
      <c r="C21719" t="s">
        <v>43357</v>
      </c>
    </row>
    <row r="21720" spans="1:3" x14ac:dyDescent="0.15">
      <c r="A21720">
        <v>3278</v>
      </c>
      <c r="B21720" t="s">
        <v>43358</v>
      </c>
      <c r="C21720" t="s">
        <v>43359</v>
      </c>
    </row>
    <row r="21721" spans="1:3" x14ac:dyDescent="0.15">
      <c r="A21721">
        <v>3277</v>
      </c>
      <c r="B21721" t="s">
        <v>43360</v>
      </c>
      <c r="C21721" t="s">
        <v>43361</v>
      </c>
    </row>
    <row r="21722" spans="1:3" x14ac:dyDescent="0.15">
      <c r="A21722">
        <v>3276</v>
      </c>
      <c r="B21722" t="s">
        <v>43362</v>
      </c>
      <c r="C21722" t="s">
        <v>43363</v>
      </c>
    </row>
    <row r="21723" spans="1:3" x14ac:dyDescent="0.15">
      <c r="A21723">
        <v>3275</v>
      </c>
      <c r="B21723" t="s">
        <v>43364</v>
      </c>
      <c r="C21723" t="s">
        <v>43365</v>
      </c>
    </row>
    <row r="21724" spans="1:3" x14ac:dyDescent="0.15">
      <c r="A21724">
        <v>3274</v>
      </c>
      <c r="B21724" t="s">
        <v>43366</v>
      </c>
      <c r="C21724" t="s">
        <v>43367</v>
      </c>
    </row>
    <row r="21725" spans="1:3" x14ac:dyDescent="0.15">
      <c r="A21725">
        <v>3273</v>
      </c>
      <c r="B21725" t="s">
        <v>43368</v>
      </c>
      <c r="C21725" t="s">
        <v>43369</v>
      </c>
    </row>
    <row r="21726" spans="1:3" x14ac:dyDescent="0.15">
      <c r="A21726">
        <v>3272</v>
      </c>
      <c r="B21726" t="s">
        <v>43370</v>
      </c>
      <c r="C21726" t="s">
        <v>43371</v>
      </c>
    </row>
    <row r="21727" spans="1:3" x14ac:dyDescent="0.15">
      <c r="A21727">
        <v>3271</v>
      </c>
      <c r="B21727" t="s">
        <v>43372</v>
      </c>
      <c r="C21727" t="s">
        <v>43373</v>
      </c>
    </row>
    <row r="21728" spans="1:3" x14ac:dyDescent="0.15">
      <c r="A21728">
        <v>3270</v>
      </c>
      <c r="B21728" t="s">
        <v>43374</v>
      </c>
      <c r="C21728" t="s">
        <v>43375</v>
      </c>
    </row>
    <row r="21729" spans="1:3" x14ac:dyDescent="0.15">
      <c r="A21729">
        <v>3269</v>
      </c>
      <c r="B21729" t="s">
        <v>43376</v>
      </c>
      <c r="C21729" t="s">
        <v>43377</v>
      </c>
    </row>
    <row r="21730" spans="1:3" x14ac:dyDescent="0.15">
      <c r="A21730">
        <v>3268</v>
      </c>
      <c r="B21730" t="s">
        <v>43378</v>
      </c>
      <c r="C21730" t="s">
        <v>43379</v>
      </c>
    </row>
    <row r="21731" spans="1:3" x14ac:dyDescent="0.15">
      <c r="A21731">
        <v>3267</v>
      </c>
      <c r="B21731" t="s">
        <v>43380</v>
      </c>
      <c r="C21731" t="s">
        <v>43381</v>
      </c>
    </row>
    <row r="21732" spans="1:3" x14ac:dyDescent="0.15">
      <c r="A21732">
        <v>3266</v>
      </c>
      <c r="B21732" t="s">
        <v>43382</v>
      </c>
      <c r="C21732" t="s">
        <v>43383</v>
      </c>
    </row>
    <row r="21733" spans="1:3" x14ac:dyDescent="0.15">
      <c r="A21733">
        <v>3265</v>
      </c>
      <c r="B21733" t="s">
        <v>43384</v>
      </c>
      <c r="C21733" t="s">
        <v>43385</v>
      </c>
    </row>
    <row r="21734" spans="1:3" x14ac:dyDescent="0.15">
      <c r="A21734">
        <v>3264</v>
      </c>
      <c r="B21734" t="s">
        <v>43386</v>
      </c>
      <c r="C21734" t="s">
        <v>43387</v>
      </c>
    </row>
    <row r="21735" spans="1:3" x14ac:dyDescent="0.15">
      <c r="A21735">
        <v>3263</v>
      </c>
      <c r="B21735" t="s">
        <v>43388</v>
      </c>
      <c r="C21735" t="s">
        <v>43389</v>
      </c>
    </row>
    <row r="21736" spans="1:3" x14ac:dyDescent="0.15">
      <c r="A21736">
        <v>3262</v>
      </c>
      <c r="B21736" t="s">
        <v>43390</v>
      </c>
      <c r="C21736" t="s">
        <v>43391</v>
      </c>
    </row>
    <row r="21737" spans="1:3" x14ac:dyDescent="0.15">
      <c r="A21737">
        <v>3261</v>
      </c>
      <c r="B21737" t="s">
        <v>43392</v>
      </c>
      <c r="C21737" t="s">
        <v>43393</v>
      </c>
    </row>
    <row r="21738" spans="1:3" x14ac:dyDescent="0.15">
      <c r="A21738">
        <v>3260</v>
      </c>
      <c r="B21738" t="s">
        <v>43394</v>
      </c>
      <c r="C21738" t="s">
        <v>43395</v>
      </c>
    </row>
    <row r="21739" spans="1:3" x14ac:dyDescent="0.15">
      <c r="A21739">
        <v>3259</v>
      </c>
      <c r="B21739" t="s">
        <v>43396</v>
      </c>
      <c r="C21739" t="s">
        <v>43397</v>
      </c>
    </row>
    <row r="21740" spans="1:3" x14ac:dyDescent="0.15">
      <c r="A21740">
        <v>3258</v>
      </c>
      <c r="B21740" t="s">
        <v>43398</v>
      </c>
      <c r="C21740" t="s">
        <v>43399</v>
      </c>
    </row>
    <row r="21741" spans="1:3" x14ac:dyDescent="0.15">
      <c r="A21741">
        <v>3257</v>
      </c>
      <c r="B21741" t="s">
        <v>43400</v>
      </c>
      <c r="C21741" t="s">
        <v>43401</v>
      </c>
    </row>
    <row r="21742" spans="1:3" x14ac:dyDescent="0.15">
      <c r="A21742">
        <v>3256</v>
      </c>
      <c r="B21742" t="s">
        <v>43402</v>
      </c>
      <c r="C21742" t="s">
        <v>43403</v>
      </c>
    </row>
    <row r="21743" spans="1:3" x14ac:dyDescent="0.15">
      <c r="A21743">
        <v>3255</v>
      </c>
      <c r="B21743" t="s">
        <v>43404</v>
      </c>
      <c r="C21743" t="s">
        <v>43405</v>
      </c>
    </row>
    <row r="21744" spans="1:3" x14ac:dyDescent="0.15">
      <c r="A21744">
        <v>3254</v>
      </c>
      <c r="B21744" t="s">
        <v>43406</v>
      </c>
      <c r="C21744" t="s">
        <v>43407</v>
      </c>
    </row>
    <row r="21745" spans="1:3" x14ac:dyDescent="0.15">
      <c r="A21745">
        <v>3253</v>
      </c>
      <c r="B21745" t="s">
        <v>43408</v>
      </c>
      <c r="C21745" t="s">
        <v>43409</v>
      </c>
    </row>
    <row r="21746" spans="1:3" x14ac:dyDescent="0.15">
      <c r="A21746">
        <v>3252</v>
      </c>
      <c r="B21746" t="s">
        <v>43410</v>
      </c>
      <c r="C21746" t="s">
        <v>43411</v>
      </c>
    </row>
    <row r="21747" spans="1:3" x14ac:dyDescent="0.15">
      <c r="A21747">
        <v>3251</v>
      </c>
      <c r="B21747" t="s">
        <v>43412</v>
      </c>
      <c r="C21747" t="s">
        <v>43413</v>
      </c>
    </row>
    <row r="21748" spans="1:3" x14ac:dyDescent="0.15">
      <c r="A21748">
        <v>3250</v>
      </c>
      <c r="B21748" t="s">
        <v>43414</v>
      </c>
      <c r="C21748" t="s">
        <v>43415</v>
      </c>
    </row>
    <row r="21749" spans="1:3" x14ac:dyDescent="0.15">
      <c r="A21749">
        <v>3249</v>
      </c>
      <c r="B21749" t="s">
        <v>43416</v>
      </c>
      <c r="C21749" t="s">
        <v>43417</v>
      </c>
    </row>
    <row r="21750" spans="1:3" x14ac:dyDescent="0.15">
      <c r="A21750">
        <v>3248</v>
      </c>
      <c r="B21750" t="s">
        <v>43418</v>
      </c>
      <c r="C21750" t="s">
        <v>43419</v>
      </c>
    </row>
    <row r="21751" spans="1:3" x14ac:dyDescent="0.15">
      <c r="A21751">
        <v>3247</v>
      </c>
      <c r="B21751" t="s">
        <v>43420</v>
      </c>
      <c r="C21751" t="s">
        <v>43421</v>
      </c>
    </row>
    <row r="21752" spans="1:3" x14ac:dyDescent="0.15">
      <c r="A21752">
        <v>3246</v>
      </c>
      <c r="B21752" t="s">
        <v>43422</v>
      </c>
      <c r="C21752" t="s">
        <v>43423</v>
      </c>
    </row>
    <row r="21753" spans="1:3" x14ac:dyDescent="0.15">
      <c r="A21753">
        <v>3245</v>
      </c>
      <c r="B21753" t="s">
        <v>43424</v>
      </c>
      <c r="C21753" t="s">
        <v>43425</v>
      </c>
    </row>
    <row r="21754" spans="1:3" x14ac:dyDescent="0.15">
      <c r="A21754">
        <v>3244</v>
      </c>
      <c r="B21754" t="s">
        <v>43426</v>
      </c>
      <c r="C21754" t="s">
        <v>43427</v>
      </c>
    </row>
    <row r="21755" spans="1:3" x14ac:dyDescent="0.15">
      <c r="A21755">
        <v>3243</v>
      </c>
      <c r="B21755" t="s">
        <v>43428</v>
      </c>
      <c r="C21755" t="s">
        <v>43429</v>
      </c>
    </row>
    <row r="21756" spans="1:3" x14ac:dyDescent="0.15">
      <c r="A21756">
        <v>3242</v>
      </c>
      <c r="B21756" t="s">
        <v>43430</v>
      </c>
      <c r="C21756" t="s">
        <v>43431</v>
      </c>
    </row>
    <row r="21757" spans="1:3" x14ac:dyDescent="0.15">
      <c r="A21757">
        <v>3241</v>
      </c>
      <c r="B21757" t="s">
        <v>43432</v>
      </c>
      <c r="C21757" t="s">
        <v>43433</v>
      </c>
    </row>
    <row r="21758" spans="1:3" x14ac:dyDescent="0.15">
      <c r="A21758">
        <v>3240</v>
      </c>
      <c r="B21758" t="s">
        <v>43434</v>
      </c>
      <c r="C21758" t="s">
        <v>43435</v>
      </c>
    </row>
    <row r="21759" spans="1:3" x14ac:dyDescent="0.15">
      <c r="A21759">
        <v>3239</v>
      </c>
      <c r="B21759" t="s">
        <v>43436</v>
      </c>
      <c r="C21759" t="s">
        <v>43437</v>
      </c>
    </row>
    <row r="21760" spans="1:3" x14ac:dyDescent="0.15">
      <c r="A21760">
        <v>3238</v>
      </c>
      <c r="B21760" t="s">
        <v>43438</v>
      </c>
      <c r="C21760" t="s">
        <v>43439</v>
      </c>
    </row>
    <row r="21761" spans="1:3" x14ac:dyDescent="0.15">
      <c r="A21761">
        <v>3237</v>
      </c>
      <c r="B21761" t="s">
        <v>43440</v>
      </c>
      <c r="C21761" t="s">
        <v>43441</v>
      </c>
    </row>
    <row r="21762" spans="1:3" x14ac:dyDescent="0.15">
      <c r="A21762">
        <v>3236</v>
      </c>
      <c r="B21762" t="s">
        <v>43442</v>
      </c>
      <c r="C21762" t="s">
        <v>43443</v>
      </c>
    </row>
    <row r="21763" spans="1:3" x14ac:dyDescent="0.15">
      <c r="A21763">
        <v>3235</v>
      </c>
      <c r="B21763" t="s">
        <v>43444</v>
      </c>
      <c r="C21763" t="s">
        <v>43445</v>
      </c>
    </row>
    <row r="21764" spans="1:3" x14ac:dyDescent="0.15">
      <c r="A21764">
        <v>3234</v>
      </c>
      <c r="B21764" t="s">
        <v>43446</v>
      </c>
      <c r="C21764" t="s">
        <v>43447</v>
      </c>
    </row>
    <row r="21765" spans="1:3" x14ac:dyDescent="0.15">
      <c r="A21765">
        <v>3233</v>
      </c>
      <c r="B21765" t="s">
        <v>43448</v>
      </c>
      <c r="C21765" t="s">
        <v>43449</v>
      </c>
    </row>
    <row r="21766" spans="1:3" x14ac:dyDescent="0.15">
      <c r="A21766">
        <v>3232</v>
      </c>
      <c r="B21766" t="s">
        <v>43450</v>
      </c>
      <c r="C21766" t="s">
        <v>43451</v>
      </c>
    </row>
    <row r="21767" spans="1:3" x14ac:dyDescent="0.15">
      <c r="A21767">
        <v>3231</v>
      </c>
      <c r="B21767" t="s">
        <v>43452</v>
      </c>
      <c r="C21767" t="s">
        <v>43453</v>
      </c>
    </row>
    <row r="21768" spans="1:3" x14ac:dyDescent="0.15">
      <c r="A21768">
        <v>3230</v>
      </c>
      <c r="B21768" t="s">
        <v>43454</v>
      </c>
      <c r="C21768" t="s">
        <v>43455</v>
      </c>
    </row>
    <row r="21769" spans="1:3" x14ac:dyDescent="0.15">
      <c r="A21769">
        <v>3229</v>
      </c>
      <c r="B21769" t="s">
        <v>43456</v>
      </c>
      <c r="C21769" t="s">
        <v>43457</v>
      </c>
    </row>
    <row r="21770" spans="1:3" x14ac:dyDescent="0.15">
      <c r="A21770">
        <v>3228</v>
      </c>
      <c r="B21770" t="s">
        <v>43458</v>
      </c>
      <c r="C21770" t="s">
        <v>43459</v>
      </c>
    </row>
    <row r="21771" spans="1:3" x14ac:dyDescent="0.15">
      <c r="A21771">
        <v>3227</v>
      </c>
      <c r="B21771" t="s">
        <v>43460</v>
      </c>
      <c r="C21771" t="s">
        <v>43461</v>
      </c>
    </row>
    <row r="21772" spans="1:3" x14ac:dyDescent="0.15">
      <c r="A21772">
        <v>3226</v>
      </c>
      <c r="B21772" t="s">
        <v>43462</v>
      </c>
      <c r="C21772" t="s">
        <v>43463</v>
      </c>
    </row>
    <row r="21773" spans="1:3" x14ac:dyDescent="0.15">
      <c r="A21773">
        <v>3225</v>
      </c>
      <c r="B21773" t="s">
        <v>43464</v>
      </c>
      <c r="C21773" t="s">
        <v>43465</v>
      </c>
    </row>
    <row r="21774" spans="1:3" x14ac:dyDescent="0.15">
      <c r="A21774">
        <v>3224</v>
      </c>
      <c r="B21774" t="s">
        <v>43466</v>
      </c>
      <c r="C21774" t="s">
        <v>43467</v>
      </c>
    </row>
    <row r="21775" spans="1:3" x14ac:dyDescent="0.15">
      <c r="A21775">
        <v>3223</v>
      </c>
      <c r="B21775" t="s">
        <v>43468</v>
      </c>
      <c r="C21775" t="s">
        <v>43469</v>
      </c>
    </row>
    <row r="21776" spans="1:3" x14ac:dyDescent="0.15">
      <c r="A21776">
        <v>3222</v>
      </c>
      <c r="B21776" t="s">
        <v>43470</v>
      </c>
      <c r="C21776" t="s">
        <v>43471</v>
      </c>
    </row>
    <row r="21777" spans="1:3" x14ac:dyDescent="0.15">
      <c r="A21777">
        <v>3221</v>
      </c>
      <c r="B21777" t="s">
        <v>43472</v>
      </c>
      <c r="C21777" t="s">
        <v>43473</v>
      </c>
    </row>
    <row r="21778" spans="1:3" x14ac:dyDescent="0.15">
      <c r="A21778">
        <v>3220</v>
      </c>
      <c r="B21778" t="s">
        <v>43474</v>
      </c>
      <c r="C21778" t="s">
        <v>43475</v>
      </c>
    </row>
    <row r="21779" spans="1:3" x14ac:dyDescent="0.15">
      <c r="A21779">
        <v>3219</v>
      </c>
      <c r="B21779" t="s">
        <v>43476</v>
      </c>
      <c r="C21779" t="s">
        <v>43477</v>
      </c>
    </row>
    <row r="21780" spans="1:3" x14ac:dyDescent="0.15">
      <c r="A21780">
        <v>3218</v>
      </c>
      <c r="B21780" t="s">
        <v>43478</v>
      </c>
      <c r="C21780" t="s">
        <v>43479</v>
      </c>
    </row>
    <row r="21781" spans="1:3" x14ac:dyDescent="0.15">
      <c r="A21781">
        <v>3217</v>
      </c>
      <c r="B21781" t="s">
        <v>43480</v>
      </c>
      <c r="C21781" t="s">
        <v>43481</v>
      </c>
    </row>
    <row r="21782" spans="1:3" x14ac:dyDescent="0.15">
      <c r="A21782">
        <v>3216</v>
      </c>
      <c r="B21782" t="s">
        <v>43482</v>
      </c>
      <c r="C21782" t="s">
        <v>43483</v>
      </c>
    </row>
    <row r="21783" spans="1:3" x14ac:dyDescent="0.15">
      <c r="A21783">
        <v>3215</v>
      </c>
      <c r="B21783" t="s">
        <v>43484</v>
      </c>
      <c r="C21783" t="s">
        <v>43485</v>
      </c>
    </row>
    <row r="21784" spans="1:3" x14ac:dyDescent="0.15">
      <c r="A21784">
        <v>3214</v>
      </c>
      <c r="B21784" t="s">
        <v>43486</v>
      </c>
      <c r="C21784" t="s">
        <v>43487</v>
      </c>
    </row>
    <row r="21785" spans="1:3" x14ac:dyDescent="0.15">
      <c r="A21785">
        <v>3213</v>
      </c>
      <c r="B21785" t="s">
        <v>43488</v>
      </c>
      <c r="C21785" t="s">
        <v>43489</v>
      </c>
    </row>
    <row r="21786" spans="1:3" x14ac:dyDescent="0.15">
      <c r="A21786">
        <v>3212</v>
      </c>
      <c r="B21786" t="s">
        <v>43490</v>
      </c>
      <c r="C21786" t="s">
        <v>43491</v>
      </c>
    </row>
    <row r="21787" spans="1:3" x14ac:dyDescent="0.15">
      <c r="A21787">
        <v>3211</v>
      </c>
      <c r="B21787" t="s">
        <v>43492</v>
      </c>
      <c r="C21787" t="s">
        <v>43493</v>
      </c>
    </row>
    <row r="21788" spans="1:3" x14ac:dyDescent="0.15">
      <c r="A21788">
        <v>3210</v>
      </c>
      <c r="B21788" t="s">
        <v>43494</v>
      </c>
      <c r="C21788" t="s">
        <v>43495</v>
      </c>
    </row>
    <row r="21789" spans="1:3" x14ac:dyDescent="0.15">
      <c r="A21789">
        <v>3209</v>
      </c>
      <c r="B21789" t="s">
        <v>43496</v>
      </c>
      <c r="C21789" t="s">
        <v>43497</v>
      </c>
    </row>
    <row r="21790" spans="1:3" x14ac:dyDescent="0.15">
      <c r="A21790">
        <v>3208</v>
      </c>
      <c r="B21790" t="s">
        <v>43498</v>
      </c>
      <c r="C21790" t="s">
        <v>43499</v>
      </c>
    </row>
    <row r="21791" spans="1:3" x14ac:dyDescent="0.15">
      <c r="A21791">
        <v>3207</v>
      </c>
      <c r="B21791" t="s">
        <v>43500</v>
      </c>
      <c r="C21791" t="s">
        <v>43501</v>
      </c>
    </row>
    <row r="21792" spans="1:3" x14ac:dyDescent="0.15">
      <c r="A21792">
        <v>3206</v>
      </c>
      <c r="B21792" t="s">
        <v>43502</v>
      </c>
      <c r="C21792" t="s">
        <v>43503</v>
      </c>
    </row>
    <row r="21793" spans="1:3" x14ac:dyDescent="0.15">
      <c r="A21793">
        <v>3205</v>
      </c>
      <c r="B21793" t="s">
        <v>43504</v>
      </c>
      <c r="C21793" t="s">
        <v>43505</v>
      </c>
    </row>
    <row r="21794" spans="1:3" x14ac:dyDescent="0.15">
      <c r="A21794">
        <v>3204</v>
      </c>
      <c r="B21794" t="s">
        <v>43506</v>
      </c>
      <c r="C21794" t="s">
        <v>43507</v>
      </c>
    </row>
    <row r="21795" spans="1:3" x14ac:dyDescent="0.15">
      <c r="A21795">
        <v>3203</v>
      </c>
      <c r="B21795" t="s">
        <v>43508</v>
      </c>
      <c r="C21795" t="s">
        <v>43509</v>
      </c>
    </row>
    <row r="21796" spans="1:3" x14ac:dyDescent="0.15">
      <c r="A21796">
        <v>3202</v>
      </c>
      <c r="B21796" t="s">
        <v>43510</v>
      </c>
      <c r="C21796" t="s">
        <v>43511</v>
      </c>
    </row>
    <row r="21797" spans="1:3" x14ac:dyDescent="0.15">
      <c r="A21797">
        <v>3201</v>
      </c>
      <c r="B21797" t="s">
        <v>43512</v>
      </c>
      <c r="C21797" t="s">
        <v>43513</v>
      </c>
    </row>
    <row r="21798" spans="1:3" x14ac:dyDescent="0.15">
      <c r="A21798">
        <v>3200</v>
      </c>
      <c r="B21798" t="s">
        <v>43514</v>
      </c>
      <c r="C21798" t="s">
        <v>43515</v>
      </c>
    </row>
    <row r="21799" spans="1:3" x14ac:dyDescent="0.15">
      <c r="A21799">
        <v>3199</v>
      </c>
      <c r="B21799" t="s">
        <v>43516</v>
      </c>
      <c r="C21799" t="s">
        <v>43517</v>
      </c>
    </row>
    <row r="21800" spans="1:3" x14ac:dyDescent="0.15">
      <c r="A21800">
        <v>3198</v>
      </c>
      <c r="B21800" t="s">
        <v>43518</v>
      </c>
      <c r="C21800" t="s">
        <v>43519</v>
      </c>
    </row>
    <row r="21801" spans="1:3" x14ac:dyDescent="0.15">
      <c r="A21801">
        <v>3197</v>
      </c>
      <c r="B21801" t="s">
        <v>43520</v>
      </c>
      <c r="C21801" t="s">
        <v>43521</v>
      </c>
    </row>
    <row r="21802" spans="1:3" x14ac:dyDescent="0.15">
      <c r="A21802">
        <v>3196</v>
      </c>
      <c r="B21802" t="s">
        <v>43522</v>
      </c>
      <c r="C21802" t="s">
        <v>43523</v>
      </c>
    </row>
    <row r="21803" spans="1:3" x14ac:dyDescent="0.15">
      <c r="A21803">
        <v>3195</v>
      </c>
      <c r="B21803" t="s">
        <v>43524</v>
      </c>
      <c r="C21803" t="s">
        <v>43525</v>
      </c>
    </row>
    <row r="21804" spans="1:3" x14ac:dyDescent="0.15">
      <c r="A21804">
        <v>3194</v>
      </c>
      <c r="B21804" t="s">
        <v>43526</v>
      </c>
      <c r="C21804" t="s">
        <v>43527</v>
      </c>
    </row>
    <row r="21805" spans="1:3" x14ac:dyDescent="0.15">
      <c r="A21805">
        <v>3193</v>
      </c>
      <c r="B21805" t="s">
        <v>43528</v>
      </c>
      <c r="C21805" t="s">
        <v>43529</v>
      </c>
    </row>
    <row r="21806" spans="1:3" x14ac:dyDescent="0.15">
      <c r="A21806">
        <v>3192</v>
      </c>
      <c r="B21806" t="s">
        <v>43530</v>
      </c>
      <c r="C21806" t="s">
        <v>43531</v>
      </c>
    </row>
    <row r="21807" spans="1:3" x14ac:dyDescent="0.15">
      <c r="A21807">
        <v>3191</v>
      </c>
      <c r="B21807" t="s">
        <v>43532</v>
      </c>
      <c r="C21807" t="s">
        <v>43533</v>
      </c>
    </row>
    <row r="21808" spans="1:3" x14ac:dyDescent="0.15">
      <c r="A21808">
        <v>3190</v>
      </c>
      <c r="B21808" t="s">
        <v>43534</v>
      </c>
      <c r="C21808" t="s">
        <v>491</v>
      </c>
    </row>
    <row r="21809" spans="1:3" x14ac:dyDescent="0.15">
      <c r="A21809">
        <v>3189</v>
      </c>
      <c r="B21809" t="s">
        <v>43535</v>
      </c>
      <c r="C21809" t="s">
        <v>43536</v>
      </c>
    </row>
    <row r="21810" spans="1:3" x14ac:dyDescent="0.15">
      <c r="A21810">
        <v>3188</v>
      </c>
      <c r="B21810" t="s">
        <v>43537</v>
      </c>
      <c r="C21810" t="s">
        <v>43538</v>
      </c>
    </row>
    <row r="21811" spans="1:3" x14ac:dyDescent="0.15">
      <c r="A21811">
        <v>3187</v>
      </c>
      <c r="B21811" t="s">
        <v>43539</v>
      </c>
      <c r="C21811" t="s">
        <v>43540</v>
      </c>
    </row>
    <row r="21812" spans="1:3" x14ac:dyDescent="0.15">
      <c r="A21812">
        <v>3186</v>
      </c>
      <c r="B21812" t="s">
        <v>43541</v>
      </c>
      <c r="C21812" t="s">
        <v>43542</v>
      </c>
    </row>
    <row r="21813" spans="1:3" x14ac:dyDescent="0.15">
      <c r="A21813">
        <v>3185</v>
      </c>
      <c r="B21813" t="s">
        <v>43543</v>
      </c>
      <c r="C21813" t="s">
        <v>43544</v>
      </c>
    </row>
    <row r="21814" spans="1:3" x14ac:dyDescent="0.15">
      <c r="A21814">
        <v>3184</v>
      </c>
      <c r="B21814" t="s">
        <v>43545</v>
      </c>
      <c r="C21814" t="s">
        <v>43546</v>
      </c>
    </row>
    <row r="21815" spans="1:3" x14ac:dyDescent="0.15">
      <c r="A21815">
        <v>3183</v>
      </c>
      <c r="B21815" t="s">
        <v>43547</v>
      </c>
      <c r="C21815" t="s">
        <v>43548</v>
      </c>
    </row>
    <row r="21816" spans="1:3" x14ac:dyDescent="0.15">
      <c r="A21816">
        <v>3182</v>
      </c>
      <c r="B21816" t="s">
        <v>43549</v>
      </c>
      <c r="C21816" t="s">
        <v>43550</v>
      </c>
    </row>
    <row r="21817" spans="1:3" x14ac:dyDescent="0.15">
      <c r="A21817">
        <v>3181</v>
      </c>
      <c r="B21817" t="s">
        <v>43551</v>
      </c>
      <c r="C21817" t="s">
        <v>43552</v>
      </c>
    </row>
    <row r="21818" spans="1:3" x14ac:dyDescent="0.15">
      <c r="A21818">
        <v>3180</v>
      </c>
      <c r="B21818" t="s">
        <v>43553</v>
      </c>
      <c r="C21818" t="s">
        <v>43554</v>
      </c>
    </row>
    <row r="21819" spans="1:3" x14ac:dyDescent="0.15">
      <c r="A21819">
        <v>3179</v>
      </c>
      <c r="B21819" t="s">
        <v>43555</v>
      </c>
      <c r="C21819" t="s">
        <v>43556</v>
      </c>
    </row>
    <row r="21820" spans="1:3" x14ac:dyDescent="0.15">
      <c r="A21820">
        <v>3178</v>
      </c>
      <c r="B21820" t="s">
        <v>43557</v>
      </c>
      <c r="C21820" t="s">
        <v>43558</v>
      </c>
    </row>
    <row r="21821" spans="1:3" x14ac:dyDescent="0.15">
      <c r="A21821">
        <v>3177</v>
      </c>
      <c r="B21821" t="s">
        <v>43559</v>
      </c>
      <c r="C21821" t="s">
        <v>43560</v>
      </c>
    </row>
    <row r="21822" spans="1:3" x14ac:dyDescent="0.15">
      <c r="A21822">
        <v>3176</v>
      </c>
      <c r="B21822" t="s">
        <v>43561</v>
      </c>
      <c r="C21822" t="s">
        <v>43562</v>
      </c>
    </row>
    <row r="21823" spans="1:3" x14ac:dyDescent="0.15">
      <c r="A21823">
        <v>3175</v>
      </c>
      <c r="B21823" t="s">
        <v>43563</v>
      </c>
      <c r="C21823" t="s">
        <v>43564</v>
      </c>
    </row>
    <row r="21824" spans="1:3" x14ac:dyDescent="0.15">
      <c r="A21824">
        <v>3174</v>
      </c>
      <c r="B21824" t="s">
        <v>43565</v>
      </c>
      <c r="C21824" t="s">
        <v>43566</v>
      </c>
    </row>
    <row r="21825" spans="1:3" x14ac:dyDescent="0.15">
      <c r="A21825">
        <v>3173</v>
      </c>
      <c r="B21825" t="s">
        <v>43567</v>
      </c>
      <c r="C21825" t="s">
        <v>43568</v>
      </c>
    </row>
    <row r="21826" spans="1:3" x14ac:dyDescent="0.15">
      <c r="A21826">
        <v>3172</v>
      </c>
      <c r="B21826" t="s">
        <v>43569</v>
      </c>
      <c r="C21826" t="s">
        <v>43570</v>
      </c>
    </row>
    <row r="21827" spans="1:3" x14ac:dyDescent="0.15">
      <c r="A21827">
        <v>3171</v>
      </c>
      <c r="B21827" t="s">
        <v>43571</v>
      </c>
      <c r="C21827" t="s">
        <v>43572</v>
      </c>
    </row>
    <row r="21828" spans="1:3" x14ac:dyDescent="0.15">
      <c r="A21828">
        <v>3170</v>
      </c>
      <c r="B21828" t="s">
        <v>43573</v>
      </c>
      <c r="C21828" t="s">
        <v>43574</v>
      </c>
    </row>
    <row r="21829" spans="1:3" x14ac:dyDescent="0.15">
      <c r="A21829">
        <v>3169</v>
      </c>
      <c r="B21829" t="s">
        <v>43575</v>
      </c>
      <c r="C21829" t="s">
        <v>43576</v>
      </c>
    </row>
    <row r="21830" spans="1:3" x14ac:dyDescent="0.15">
      <c r="A21830">
        <v>3168</v>
      </c>
      <c r="B21830" t="s">
        <v>43577</v>
      </c>
      <c r="C21830" t="s">
        <v>43578</v>
      </c>
    </row>
    <row r="21831" spans="1:3" x14ac:dyDescent="0.15">
      <c r="A21831">
        <v>3167</v>
      </c>
      <c r="B21831" t="s">
        <v>43579</v>
      </c>
      <c r="C21831" t="s">
        <v>43580</v>
      </c>
    </row>
    <row r="21832" spans="1:3" x14ac:dyDescent="0.15">
      <c r="A21832">
        <v>3166</v>
      </c>
      <c r="B21832" t="s">
        <v>43581</v>
      </c>
      <c r="C21832" t="s">
        <v>43582</v>
      </c>
    </row>
    <row r="21833" spans="1:3" x14ac:dyDescent="0.15">
      <c r="A21833">
        <v>3165</v>
      </c>
      <c r="B21833" t="s">
        <v>43583</v>
      </c>
      <c r="C21833" t="s">
        <v>43584</v>
      </c>
    </row>
    <row r="21834" spans="1:3" x14ac:dyDescent="0.15">
      <c r="A21834">
        <v>3164</v>
      </c>
      <c r="B21834" t="s">
        <v>43585</v>
      </c>
      <c r="C21834" t="s">
        <v>43586</v>
      </c>
    </row>
    <row r="21835" spans="1:3" x14ac:dyDescent="0.15">
      <c r="A21835">
        <v>3163</v>
      </c>
      <c r="B21835" t="s">
        <v>43587</v>
      </c>
      <c r="C21835" t="s">
        <v>43588</v>
      </c>
    </row>
    <row r="21836" spans="1:3" x14ac:dyDescent="0.15">
      <c r="A21836">
        <v>3162</v>
      </c>
      <c r="B21836" t="s">
        <v>43589</v>
      </c>
      <c r="C21836" t="s">
        <v>43590</v>
      </c>
    </row>
    <row r="21837" spans="1:3" x14ac:dyDescent="0.15">
      <c r="A21837">
        <v>3161</v>
      </c>
      <c r="B21837" t="s">
        <v>43591</v>
      </c>
      <c r="C21837" t="s">
        <v>43592</v>
      </c>
    </row>
    <row r="21838" spans="1:3" x14ac:dyDescent="0.15">
      <c r="A21838">
        <v>3160</v>
      </c>
      <c r="B21838" t="s">
        <v>43593</v>
      </c>
      <c r="C21838" t="s">
        <v>43594</v>
      </c>
    </row>
    <row r="21839" spans="1:3" x14ac:dyDescent="0.15">
      <c r="A21839">
        <v>3159</v>
      </c>
      <c r="B21839" t="s">
        <v>43595</v>
      </c>
      <c r="C21839" t="s">
        <v>43596</v>
      </c>
    </row>
    <row r="21840" spans="1:3" x14ac:dyDescent="0.15">
      <c r="A21840">
        <v>3158</v>
      </c>
      <c r="B21840" t="s">
        <v>43597</v>
      </c>
      <c r="C21840" t="s">
        <v>43598</v>
      </c>
    </row>
    <row r="21841" spans="1:3" x14ac:dyDescent="0.15">
      <c r="A21841">
        <v>3157</v>
      </c>
      <c r="B21841" t="s">
        <v>43599</v>
      </c>
      <c r="C21841" t="s">
        <v>43600</v>
      </c>
    </row>
    <row r="21842" spans="1:3" x14ac:dyDescent="0.15">
      <c r="A21842">
        <v>3156</v>
      </c>
      <c r="B21842" t="s">
        <v>43601</v>
      </c>
      <c r="C21842" t="s">
        <v>43602</v>
      </c>
    </row>
    <row r="21843" spans="1:3" x14ac:dyDescent="0.15">
      <c r="A21843">
        <v>3155</v>
      </c>
      <c r="B21843" t="s">
        <v>43603</v>
      </c>
      <c r="C21843" t="s">
        <v>43604</v>
      </c>
    </row>
    <row r="21844" spans="1:3" x14ac:dyDescent="0.15">
      <c r="A21844">
        <v>3154</v>
      </c>
      <c r="B21844" t="s">
        <v>43605</v>
      </c>
      <c r="C21844" t="s">
        <v>43606</v>
      </c>
    </row>
    <row r="21845" spans="1:3" x14ac:dyDescent="0.15">
      <c r="A21845">
        <v>3153</v>
      </c>
      <c r="B21845" t="s">
        <v>43607</v>
      </c>
      <c r="C21845" t="s">
        <v>43608</v>
      </c>
    </row>
    <row r="21846" spans="1:3" x14ac:dyDescent="0.15">
      <c r="A21846">
        <v>3152</v>
      </c>
      <c r="B21846" t="s">
        <v>43609</v>
      </c>
      <c r="C21846" t="s">
        <v>43610</v>
      </c>
    </row>
    <row r="21847" spans="1:3" x14ac:dyDescent="0.15">
      <c r="A21847">
        <v>3151</v>
      </c>
      <c r="B21847" t="s">
        <v>43611</v>
      </c>
      <c r="C21847" t="s">
        <v>43612</v>
      </c>
    </row>
    <row r="21848" spans="1:3" x14ac:dyDescent="0.15">
      <c r="A21848">
        <v>3150</v>
      </c>
      <c r="B21848" t="s">
        <v>43613</v>
      </c>
      <c r="C21848" t="s">
        <v>43614</v>
      </c>
    </row>
    <row r="21849" spans="1:3" x14ac:dyDescent="0.15">
      <c r="A21849">
        <v>3149</v>
      </c>
      <c r="B21849" t="s">
        <v>43615</v>
      </c>
      <c r="C21849" t="s">
        <v>43616</v>
      </c>
    </row>
    <row r="21850" spans="1:3" x14ac:dyDescent="0.15">
      <c r="A21850">
        <v>3148</v>
      </c>
      <c r="B21850" t="s">
        <v>43617</v>
      </c>
      <c r="C21850" t="s">
        <v>43618</v>
      </c>
    </row>
    <row r="21851" spans="1:3" x14ac:dyDescent="0.15">
      <c r="A21851">
        <v>3147</v>
      </c>
      <c r="B21851" t="s">
        <v>43619</v>
      </c>
      <c r="C21851" t="s">
        <v>43620</v>
      </c>
    </row>
    <row r="21852" spans="1:3" x14ac:dyDescent="0.15">
      <c r="A21852">
        <v>3146</v>
      </c>
      <c r="B21852" t="s">
        <v>43621</v>
      </c>
      <c r="C21852" t="s">
        <v>43622</v>
      </c>
    </row>
    <row r="21853" spans="1:3" x14ac:dyDescent="0.15">
      <c r="A21853">
        <v>3145</v>
      </c>
      <c r="B21853" t="s">
        <v>43623</v>
      </c>
      <c r="C21853" t="s">
        <v>43624</v>
      </c>
    </row>
    <row r="21854" spans="1:3" x14ac:dyDescent="0.15">
      <c r="A21854">
        <v>3144</v>
      </c>
      <c r="B21854" t="s">
        <v>43625</v>
      </c>
      <c r="C21854" t="s">
        <v>43626</v>
      </c>
    </row>
    <row r="21855" spans="1:3" x14ac:dyDescent="0.15">
      <c r="A21855">
        <v>3143</v>
      </c>
      <c r="B21855" t="s">
        <v>43627</v>
      </c>
      <c r="C21855" t="s">
        <v>43628</v>
      </c>
    </row>
    <row r="21856" spans="1:3" x14ac:dyDescent="0.15">
      <c r="A21856">
        <v>3142</v>
      </c>
      <c r="B21856" t="s">
        <v>43629</v>
      </c>
      <c r="C21856" t="s">
        <v>43630</v>
      </c>
    </row>
    <row r="21857" spans="1:3" x14ac:dyDescent="0.15">
      <c r="A21857">
        <v>3141</v>
      </c>
      <c r="B21857" t="s">
        <v>43631</v>
      </c>
      <c r="C21857" t="s">
        <v>43632</v>
      </c>
    </row>
    <row r="21858" spans="1:3" x14ac:dyDescent="0.15">
      <c r="A21858">
        <v>3140</v>
      </c>
      <c r="B21858" t="s">
        <v>43633</v>
      </c>
      <c r="C21858" t="s">
        <v>43634</v>
      </c>
    </row>
    <row r="21859" spans="1:3" x14ac:dyDescent="0.15">
      <c r="A21859">
        <v>3139</v>
      </c>
      <c r="B21859" t="s">
        <v>43635</v>
      </c>
      <c r="C21859" t="s">
        <v>43636</v>
      </c>
    </row>
    <row r="21860" spans="1:3" x14ac:dyDescent="0.15">
      <c r="A21860">
        <v>3138</v>
      </c>
      <c r="B21860" t="s">
        <v>43637</v>
      </c>
      <c r="C21860" t="s">
        <v>43638</v>
      </c>
    </row>
    <row r="21861" spans="1:3" x14ac:dyDescent="0.15">
      <c r="A21861">
        <v>3137</v>
      </c>
      <c r="B21861" t="s">
        <v>43639</v>
      </c>
      <c r="C21861" t="s">
        <v>43640</v>
      </c>
    </row>
    <row r="21862" spans="1:3" x14ac:dyDescent="0.15">
      <c r="A21862">
        <v>3136</v>
      </c>
      <c r="B21862" t="s">
        <v>43641</v>
      </c>
      <c r="C21862" t="s">
        <v>43642</v>
      </c>
    </row>
    <row r="21863" spans="1:3" x14ac:dyDescent="0.15">
      <c r="A21863">
        <v>3135</v>
      </c>
      <c r="B21863" t="s">
        <v>43643</v>
      </c>
      <c r="C21863" t="s">
        <v>43644</v>
      </c>
    </row>
    <row r="21864" spans="1:3" x14ac:dyDescent="0.15">
      <c r="A21864">
        <v>3134</v>
      </c>
      <c r="B21864" t="s">
        <v>43645</v>
      </c>
      <c r="C21864" t="s">
        <v>43646</v>
      </c>
    </row>
    <row r="21865" spans="1:3" x14ac:dyDescent="0.15">
      <c r="A21865">
        <v>3133</v>
      </c>
      <c r="B21865" t="s">
        <v>43647</v>
      </c>
      <c r="C21865" t="s">
        <v>43648</v>
      </c>
    </row>
    <row r="21866" spans="1:3" x14ac:dyDescent="0.15">
      <c r="A21866">
        <v>3132</v>
      </c>
      <c r="B21866" t="s">
        <v>43649</v>
      </c>
      <c r="C21866" t="s">
        <v>43650</v>
      </c>
    </row>
    <row r="21867" spans="1:3" x14ac:dyDescent="0.15">
      <c r="A21867">
        <v>3131</v>
      </c>
      <c r="B21867" t="s">
        <v>43651</v>
      </c>
      <c r="C21867" t="s">
        <v>43652</v>
      </c>
    </row>
    <row r="21868" spans="1:3" x14ac:dyDescent="0.15">
      <c r="A21868">
        <v>3130</v>
      </c>
      <c r="B21868" t="s">
        <v>43653</v>
      </c>
      <c r="C21868" t="s">
        <v>43654</v>
      </c>
    </row>
    <row r="21869" spans="1:3" x14ac:dyDescent="0.15">
      <c r="A21869">
        <v>3129</v>
      </c>
      <c r="B21869" t="s">
        <v>43655</v>
      </c>
      <c r="C21869" t="s">
        <v>43656</v>
      </c>
    </row>
    <row r="21870" spans="1:3" x14ac:dyDescent="0.15">
      <c r="A21870">
        <v>3128</v>
      </c>
      <c r="B21870" t="s">
        <v>43657</v>
      </c>
      <c r="C21870" t="s">
        <v>43658</v>
      </c>
    </row>
    <row r="21871" spans="1:3" x14ac:dyDescent="0.15">
      <c r="A21871">
        <v>3127</v>
      </c>
      <c r="B21871" t="s">
        <v>43659</v>
      </c>
      <c r="C21871" t="s">
        <v>43660</v>
      </c>
    </row>
    <row r="21872" spans="1:3" x14ac:dyDescent="0.15">
      <c r="A21872">
        <v>3126</v>
      </c>
      <c r="B21872" t="s">
        <v>43661</v>
      </c>
      <c r="C21872" t="s">
        <v>43662</v>
      </c>
    </row>
    <row r="21873" spans="1:3" x14ac:dyDescent="0.15">
      <c r="A21873">
        <v>3125</v>
      </c>
      <c r="B21873" t="s">
        <v>43663</v>
      </c>
      <c r="C21873" t="s">
        <v>43664</v>
      </c>
    </row>
    <row r="21874" spans="1:3" x14ac:dyDescent="0.15">
      <c r="A21874">
        <v>3124</v>
      </c>
      <c r="B21874" t="s">
        <v>43665</v>
      </c>
      <c r="C21874" t="s">
        <v>43666</v>
      </c>
    </row>
    <row r="21875" spans="1:3" x14ac:dyDescent="0.15">
      <c r="A21875">
        <v>3123</v>
      </c>
      <c r="B21875" t="s">
        <v>43667</v>
      </c>
      <c r="C21875" t="s">
        <v>43668</v>
      </c>
    </row>
    <row r="21876" spans="1:3" x14ac:dyDescent="0.15">
      <c r="A21876">
        <v>3122</v>
      </c>
      <c r="B21876" t="s">
        <v>43669</v>
      </c>
      <c r="C21876" t="s">
        <v>43670</v>
      </c>
    </row>
    <row r="21877" spans="1:3" x14ac:dyDescent="0.15">
      <c r="A21877">
        <v>3121</v>
      </c>
      <c r="B21877" t="s">
        <v>43671</v>
      </c>
      <c r="C21877" t="s">
        <v>43672</v>
      </c>
    </row>
    <row r="21878" spans="1:3" x14ac:dyDescent="0.15">
      <c r="A21878">
        <v>3120</v>
      </c>
      <c r="B21878" t="s">
        <v>43673</v>
      </c>
      <c r="C21878" t="s">
        <v>43674</v>
      </c>
    </row>
    <row r="21879" spans="1:3" x14ac:dyDescent="0.15">
      <c r="A21879">
        <v>3119</v>
      </c>
      <c r="B21879" t="s">
        <v>43675</v>
      </c>
      <c r="C21879" t="s">
        <v>43676</v>
      </c>
    </row>
    <row r="21880" spans="1:3" x14ac:dyDescent="0.15">
      <c r="A21880">
        <v>3118</v>
      </c>
      <c r="B21880" t="s">
        <v>43677</v>
      </c>
      <c r="C21880" t="s">
        <v>43678</v>
      </c>
    </row>
    <row r="21881" spans="1:3" x14ac:dyDescent="0.15">
      <c r="A21881">
        <v>3117</v>
      </c>
      <c r="B21881" t="s">
        <v>43679</v>
      </c>
      <c r="C21881" t="s">
        <v>43680</v>
      </c>
    </row>
    <row r="21882" spans="1:3" x14ac:dyDescent="0.15">
      <c r="A21882">
        <v>3116</v>
      </c>
      <c r="B21882" t="s">
        <v>43681</v>
      </c>
      <c r="C21882" t="s">
        <v>43682</v>
      </c>
    </row>
    <row r="21883" spans="1:3" x14ac:dyDescent="0.15">
      <c r="A21883">
        <v>3115</v>
      </c>
      <c r="B21883" t="s">
        <v>43683</v>
      </c>
      <c r="C21883" t="s">
        <v>43684</v>
      </c>
    </row>
    <row r="21884" spans="1:3" x14ac:dyDescent="0.15">
      <c r="A21884">
        <v>3114</v>
      </c>
      <c r="B21884" t="s">
        <v>43685</v>
      </c>
      <c r="C21884" t="s">
        <v>43686</v>
      </c>
    </row>
    <row r="21885" spans="1:3" x14ac:dyDescent="0.15">
      <c r="A21885">
        <v>3113</v>
      </c>
      <c r="B21885" t="s">
        <v>43687</v>
      </c>
      <c r="C21885" t="s">
        <v>43688</v>
      </c>
    </row>
    <row r="21886" spans="1:3" x14ac:dyDescent="0.15">
      <c r="A21886">
        <v>3112</v>
      </c>
      <c r="B21886" t="s">
        <v>43689</v>
      </c>
      <c r="C21886" t="s">
        <v>43690</v>
      </c>
    </row>
    <row r="21887" spans="1:3" x14ac:dyDescent="0.15">
      <c r="A21887">
        <v>3111</v>
      </c>
      <c r="B21887" t="s">
        <v>43691</v>
      </c>
      <c r="C21887" t="s">
        <v>43692</v>
      </c>
    </row>
    <row r="21888" spans="1:3" x14ac:dyDescent="0.15">
      <c r="A21888">
        <v>3110</v>
      </c>
      <c r="B21888" t="s">
        <v>43693</v>
      </c>
      <c r="C21888" t="s">
        <v>43694</v>
      </c>
    </row>
    <row r="21889" spans="1:3" x14ac:dyDescent="0.15">
      <c r="A21889">
        <v>3109</v>
      </c>
      <c r="B21889" t="s">
        <v>43695</v>
      </c>
      <c r="C21889" t="s">
        <v>43696</v>
      </c>
    </row>
    <row r="21890" spans="1:3" x14ac:dyDescent="0.15">
      <c r="A21890">
        <v>3108</v>
      </c>
      <c r="B21890" t="s">
        <v>43697</v>
      </c>
      <c r="C21890" t="s">
        <v>43698</v>
      </c>
    </row>
    <row r="21891" spans="1:3" x14ac:dyDescent="0.15">
      <c r="A21891">
        <v>3107</v>
      </c>
      <c r="B21891" t="s">
        <v>43699</v>
      </c>
      <c r="C21891" t="s">
        <v>43700</v>
      </c>
    </row>
    <row r="21892" spans="1:3" x14ac:dyDescent="0.15">
      <c r="A21892">
        <v>3106</v>
      </c>
      <c r="B21892" t="s">
        <v>43701</v>
      </c>
      <c r="C21892" t="s">
        <v>43702</v>
      </c>
    </row>
    <row r="21893" spans="1:3" x14ac:dyDescent="0.15">
      <c r="A21893">
        <v>3105</v>
      </c>
      <c r="B21893" t="s">
        <v>43703</v>
      </c>
      <c r="C21893" t="s">
        <v>43704</v>
      </c>
    </row>
    <row r="21894" spans="1:3" x14ac:dyDescent="0.15">
      <c r="A21894">
        <v>3104</v>
      </c>
      <c r="B21894" t="s">
        <v>43705</v>
      </c>
      <c r="C21894" t="s">
        <v>43706</v>
      </c>
    </row>
    <row r="21895" spans="1:3" x14ac:dyDescent="0.15">
      <c r="A21895">
        <v>3103</v>
      </c>
      <c r="B21895" t="s">
        <v>43707</v>
      </c>
      <c r="C21895" t="s">
        <v>43708</v>
      </c>
    </row>
    <row r="21896" spans="1:3" x14ac:dyDescent="0.15">
      <c r="A21896">
        <v>3102</v>
      </c>
      <c r="B21896" t="s">
        <v>43709</v>
      </c>
      <c r="C21896" t="s">
        <v>43710</v>
      </c>
    </row>
    <row r="21897" spans="1:3" x14ac:dyDescent="0.15">
      <c r="A21897">
        <v>3101</v>
      </c>
      <c r="B21897" t="s">
        <v>43711</v>
      </c>
      <c r="C21897" t="s">
        <v>43712</v>
      </c>
    </row>
    <row r="21898" spans="1:3" x14ac:dyDescent="0.15">
      <c r="A21898">
        <v>3100</v>
      </c>
      <c r="B21898" t="s">
        <v>43713</v>
      </c>
      <c r="C21898" t="s">
        <v>43714</v>
      </c>
    </row>
    <row r="21899" spans="1:3" x14ac:dyDescent="0.15">
      <c r="A21899">
        <v>3099</v>
      </c>
      <c r="B21899" t="s">
        <v>43715</v>
      </c>
      <c r="C21899" t="s">
        <v>43716</v>
      </c>
    </row>
    <row r="21900" spans="1:3" x14ac:dyDescent="0.15">
      <c r="A21900">
        <v>3098</v>
      </c>
      <c r="B21900" t="s">
        <v>43717</v>
      </c>
      <c r="C21900" t="s">
        <v>43718</v>
      </c>
    </row>
    <row r="21901" spans="1:3" x14ac:dyDescent="0.15">
      <c r="A21901">
        <v>3097</v>
      </c>
      <c r="B21901" t="s">
        <v>43719</v>
      </c>
      <c r="C21901" t="s">
        <v>43720</v>
      </c>
    </row>
    <row r="21902" spans="1:3" x14ac:dyDescent="0.15">
      <c r="A21902">
        <v>3096</v>
      </c>
      <c r="B21902" t="s">
        <v>43721</v>
      </c>
      <c r="C21902" t="s">
        <v>43722</v>
      </c>
    </row>
    <row r="21903" spans="1:3" x14ac:dyDescent="0.15">
      <c r="A21903">
        <v>3095</v>
      </c>
      <c r="B21903" t="s">
        <v>43723</v>
      </c>
      <c r="C21903" t="s">
        <v>43724</v>
      </c>
    </row>
    <row r="21904" spans="1:3" x14ac:dyDescent="0.15">
      <c r="A21904">
        <v>3094</v>
      </c>
      <c r="B21904" t="s">
        <v>43725</v>
      </c>
      <c r="C21904" t="s">
        <v>43726</v>
      </c>
    </row>
    <row r="21905" spans="1:3" x14ac:dyDescent="0.15">
      <c r="A21905">
        <v>3093</v>
      </c>
      <c r="B21905" t="s">
        <v>43727</v>
      </c>
      <c r="C21905" t="s">
        <v>43728</v>
      </c>
    </row>
    <row r="21906" spans="1:3" x14ac:dyDescent="0.15">
      <c r="A21906">
        <v>3092</v>
      </c>
      <c r="B21906" t="s">
        <v>43729</v>
      </c>
      <c r="C21906" t="s">
        <v>43730</v>
      </c>
    </row>
    <row r="21907" spans="1:3" x14ac:dyDescent="0.15">
      <c r="A21907">
        <v>3091</v>
      </c>
      <c r="B21907" t="s">
        <v>43731</v>
      </c>
      <c r="C21907" t="s">
        <v>43732</v>
      </c>
    </row>
    <row r="21908" spans="1:3" x14ac:dyDescent="0.15">
      <c r="A21908">
        <v>3090</v>
      </c>
      <c r="B21908" t="s">
        <v>43733</v>
      </c>
      <c r="C21908" t="s">
        <v>43734</v>
      </c>
    </row>
    <row r="21909" spans="1:3" x14ac:dyDescent="0.15">
      <c r="A21909">
        <v>3089</v>
      </c>
      <c r="B21909" t="s">
        <v>43735</v>
      </c>
      <c r="C21909" t="s">
        <v>43736</v>
      </c>
    </row>
    <row r="21910" spans="1:3" x14ac:dyDescent="0.15">
      <c r="A21910">
        <v>3088</v>
      </c>
      <c r="B21910" t="s">
        <v>43737</v>
      </c>
      <c r="C21910" t="s">
        <v>43738</v>
      </c>
    </row>
    <row r="21911" spans="1:3" x14ac:dyDescent="0.15">
      <c r="A21911">
        <v>3087</v>
      </c>
      <c r="B21911" t="s">
        <v>43739</v>
      </c>
      <c r="C21911" t="s">
        <v>43740</v>
      </c>
    </row>
    <row r="21912" spans="1:3" x14ac:dyDescent="0.15">
      <c r="A21912">
        <v>3086</v>
      </c>
      <c r="B21912" t="s">
        <v>43741</v>
      </c>
      <c r="C21912" t="s">
        <v>43742</v>
      </c>
    </row>
    <row r="21913" spans="1:3" x14ac:dyDescent="0.15">
      <c r="A21913">
        <v>3085</v>
      </c>
      <c r="B21913" t="s">
        <v>43743</v>
      </c>
      <c r="C21913" t="s">
        <v>43744</v>
      </c>
    </row>
    <row r="21914" spans="1:3" x14ac:dyDescent="0.15">
      <c r="A21914">
        <v>3084</v>
      </c>
      <c r="B21914" t="s">
        <v>43745</v>
      </c>
      <c r="C21914" t="s">
        <v>43746</v>
      </c>
    </row>
    <row r="21915" spans="1:3" x14ac:dyDescent="0.15">
      <c r="A21915">
        <v>3083</v>
      </c>
      <c r="B21915" t="s">
        <v>43747</v>
      </c>
      <c r="C21915" t="s">
        <v>43748</v>
      </c>
    </row>
    <row r="21916" spans="1:3" x14ac:dyDescent="0.15">
      <c r="A21916">
        <v>3082</v>
      </c>
      <c r="B21916" t="s">
        <v>43749</v>
      </c>
      <c r="C21916" t="s">
        <v>43750</v>
      </c>
    </row>
    <row r="21917" spans="1:3" x14ac:dyDescent="0.15">
      <c r="A21917">
        <v>3081</v>
      </c>
      <c r="B21917" t="s">
        <v>43751</v>
      </c>
      <c r="C21917" t="s">
        <v>43752</v>
      </c>
    </row>
    <row r="21918" spans="1:3" x14ac:dyDescent="0.15">
      <c r="A21918">
        <v>3080</v>
      </c>
      <c r="B21918" t="s">
        <v>43753</v>
      </c>
      <c r="C21918" t="s">
        <v>43754</v>
      </c>
    </row>
    <row r="21919" spans="1:3" x14ac:dyDescent="0.15">
      <c r="A21919">
        <v>3079</v>
      </c>
      <c r="B21919" t="s">
        <v>43755</v>
      </c>
      <c r="C21919" t="s">
        <v>43756</v>
      </c>
    </row>
    <row r="21920" spans="1:3" x14ac:dyDescent="0.15">
      <c r="A21920">
        <v>3078</v>
      </c>
      <c r="B21920" t="s">
        <v>43757</v>
      </c>
      <c r="C21920" t="s">
        <v>43758</v>
      </c>
    </row>
    <row r="21921" spans="1:3" x14ac:dyDescent="0.15">
      <c r="A21921">
        <v>3077</v>
      </c>
      <c r="B21921" t="s">
        <v>43759</v>
      </c>
      <c r="C21921" t="s">
        <v>43760</v>
      </c>
    </row>
    <row r="21922" spans="1:3" x14ac:dyDescent="0.15">
      <c r="A21922">
        <v>3076</v>
      </c>
      <c r="B21922" t="s">
        <v>43761</v>
      </c>
      <c r="C21922" t="s">
        <v>43762</v>
      </c>
    </row>
    <row r="21923" spans="1:3" x14ac:dyDescent="0.15">
      <c r="A21923">
        <v>3075</v>
      </c>
      <c r="B21923" t="s">
        <v>43763</v>
      </c>
      <c r="C21923" t="s">
        <v>43764</v>
      </c>
    </row>
    <row r="21924" spans="1:3" x14ac:dyDescent="0.15">
      <c r="A21924">
        <v>3074</v>
      </c>
      <c r="B21924" t="s">
        <v>43765</v>
      </c>
      <c r="C21924" t="s">
        <v>43766</v>
      </c>
    </row>
    <row r="21925" spans="1:3" x14ac:dyDescent="0.15">
      <c r="A21925">
        <v>3073</v>
      </c>
      <c r="B21925" t="s">
        <v>43767</v>
      </c>
      <c r="C21925" t="s">
        <v>43768</v>
      </c>
    </row>
    <row r="21926" spans="1:3" x14ac:dyDescent="0.15">
      <c r="A21926">
        <v>3072</v>
      </c>
      <c r="B21926" t="s">
        <v>43769</v>
      </c>
      <c r="C21926" t="s">
        <v>43770</v>
      </c>
    </row>
    <row r="21927" spans="1:3" x14ac:dyDescent="0.15">
      <c r="A21927">
        <v>3071</v>
      </c>
      <c r="B21927" t="s">
        <v>43771</v>
      </c>
      <c r="C21927" t="s">
        <v>43772</v>
      </c>
    </row>
    <row r="21928" spans="1:3" x14ac:dyDescent="0.15">
      <c r="A21928">
        <v>3070</v>
      </c>
      <c r="B21928" t="s">
        <v>43773</v>
      </c>
      <c r="C21928" t="s">
        <v>43774</v>
      </c>
    </row>
    <row r="21929" spans="1:3" x14ac:dyDescent="0.15">
      <c r="A21929">
        <v>3069</v>
      </c>
      <c r="B21929" t="s">
        <v>43775</v>
      </c>
      <c r="C21929" t="s">
        <v>43776</v>
      </c>
    </row>
    <row r="21930" spans="1:3" x14ac:dyDescent="0.15">
      <c r="A21930">
        <v>3068</v>
      </c>
      <c r="B21930" t="s">
        <v>43777</v>
      </c>
      <c r="C21930" t="s">
        <v>43778</v>
      </c>
    </row>
    <row r="21931" spans="1:3" x14ac:dyDescent="0.15">
      <c r="A21931">
        <v>3067</v>
      </c>
      <c r="B21931" t="s">
        <v>43779</v>
      </c>
      <c r="C21931" t="s">
        <v>43780</v>
      </c>
    </row>
    <row r="21932" spans="1:3" x14ac:dyDescent="0.15">
      <c r="A21932">
        <v>3066</v>
      </c>
      <c r="B21932" t="s">
        <v>43781</v>
      </c>
      <c r="C21932" t="s">
        <v>43782</v>
      </c>
    </row>
    <row r="21933" spans="1:3" x14ac:dyDescent="0.15">
      <c r="A21933">
        <v>3065</v>
      </c>
      <c r="B21933" t="s">
        <v>43783</v>
      </c>
      <c r="C21933" t="s">
        <v>43784</v>
      </c>
    </row>
    <row r="21934" spans="1:3" x14ac:dyDescent="0.15">
      <c r="A21934">
        <v>3064</v>
      </c>
      <c r="B21934" t="s">
        <v>43785</v>
      </c>
      <c r="C21934" t="s">
        <v>43786</v>
      </c>
    </row>
    <row r="21935" spans="1:3" x14ac:dyDescent="0.15">
      <c r="A21935">
        <v>3063</v>
      </c>
      <c r="B21935" t="s">
        <v>43787</v>
      </c>
      <c r="C21935" t="s">
        <v>43788</v>
      </c>
    </row>
    <row r="21936" spans="1:3" x14ac:dyDescent="0.15">
      <c r="A21936">
        <v>3062</v>
      </c>
      <c r="B21936" t="s">
        <v>43789</v>
      </c>
      <c r="C21936" t="s">
        <v>43790</v>
      </c>
    </row>
    <row r="21937" spans="1:3" x14ac:dyDescent="0.15">
      <c r="A21937">
        <v>3061</v>
      </c>
      <c r="B21937" t="s">
        <v>43791</v>
      </c>
      <c r="C21937" t="s">
        <v>43792</v>
      </c>
    </row>
    <row r="21938" spans="1:3" x14ac:dyDescent="0.15">
      <c r="A21938">
        <v>3060</v>
      </c>
      <c r="B21938" t="s">
        <v>43793</v>
      </c>
      <c r="C21938" t="s">
        <v>43794</v>
      </c>
    </row>
    <row r="21939" spans="1:3" x14ac:dyDescent="0.15">
      <c r="A21939">
        <v>3059</v>
      </c>
      <c r="B21939" t="s">
        <v>43795</v>
      </c>
      <c r="C21939" t="s">
        <v>43796</v>
      </c>
    </row>
    <row r="21940" spans="1:3" x14ac:dyDescent="0.15">
      <c r="A21940">
        <v>3058</v>
      </c>
      <c r="B21940" t="s">
        <v>43797</v>
      </c>
      <c r="C21940" t="s">
        <v>43798</v>
      </c>
    </row>
    <row r="21941" spans="1:3" x14ac:dyDescent="0.15">
      <c r="A21941">
        <v>3057</v>
      </c>
      <c r="B21941" t="s">
        <v>43799</v>
      </c>
      <c r="C21941" t="s">
        <v>43800</v>
      </c>
    </row>
    <row r="21942" spans="1:3" x14ac:dyDescent="0.15">
      <c r="A21942">
        <v>3056</v>
      </c>
      <c r="B21942" t="s">
        <v>43801</v>
      </c>
      <c r="C21942" t="s">
        <v>43802</v>
      </c>
    </row>
    <row r="21943" spans="1:3" x14ac:dyDescent="0.15">
      <c r="A21943">
        <v>3055</v>
      </c>
      <c r="B21943" t="s">
        <v>43803</v>
      </c>
      <c r="C21943" t="s">
        <v>43804</v>
      </c>
    </row>
    <row r="21944" spans="1:3" x14ac:dyDescent="0.15">
      <c r="A21944">
        <v>3054</v>
      </c>
      <c r="B21944" t="s">
        <v>43805</v>
      </c>
      <c r="C21944" t="s">
        <v>43806</v>
      </c>
    </row>
    <row r="21945" spans="1:3" x14ac:dyDescent="0.15">
      <c r="A21945">
        <v>3053</v>
      </c>
      <c r="B21945" t="s">
        <v>43807</v>
      </c>
      <c r="C21945" t="s">
        <v>43808</v>
      </c>
    </row>
    <row r="21946" spans="1:3" x14ac:dyDescent="0.15">
      <c r="A21946">
        <v>3052</v>
      </c>
      <c r="B21946" t="s">
        <v>43809</v>
      </c>
      <c r="C21946" t="s">
        <v>43810</v>
      </c>
    </row>
    <row r="21947" spans="1:3" x14ac:dyDescent="0.15">
      <c r="A21947">
        <v>3051</v>
      </c>
      <c r="B21947" t="s">
        <v>43811</v>
      </c>
      <c r="C21947" t="s">
        <v>43812</v>
      </c>
    </row>
    <row r="21948" spans="1:3" x14ac:dyDescent="0.15">
      <c r="A21948">
        <v>3050</v>
      </c>
      <c r="B21948" t="s">
        <v>43813</v>
      </c>
      <c r="C21948" t="s">
        <v>43814</v>
      </c>
    </row>
    <row r="21949" spans="1:3" x14ac:dyDescent="0.15">
      <c r="A21949">
        <v>3049</v>
      </c>
      <c r="B21949" t="s">
        <v>43815</v>
      </c>
      <c r="C21949" t="s">
        <v>43816</v>
      </c>
    </row>
    <row r="21950" spans="1:3" x14ac:dyDescent="0.15">
      <c r="A21950">
        <v>3048</v>
      </c>
      <c r="B21950" t="s">
        <v>43817</v>
      </c>
      <c r="C21950" t="s">
        <v>43818</v>
      </c>
    </row>
    <row r="21951" spans="1:3" x14ac:dyDescent="0.15">
      <c r="A21951">
        <v>3047</v>
      </c>
      <c r="B21951" t="s">
        <v>43819</v>
      </c>
      <c r="C21951" t="s">
        <v>43820</v>
      </c>
    </row>
    <row r="21952" spans="1:3" x14ac:dyDescent="0.15">
      <c r="A21952">
        <v>3046</v>
      </c>
      <c r="B21952" t="s">
        <v>43821</v>
      </c>
      <c r="C21952" t="s">
        <v>43822</v>
      </c>
    </row>
    <row r="21953" spans="1:3" x14ac:dyDescent="0.15">
      <c r="A21953">
        <v>3045</v>
      </c>
      <c r="B21953" t="s">
        <v>43823</v>
      </c>
      <c r="C21953" t="s">
        <v>43824</v>
      </c>
    </row>
    <row r="21954" spans="1:3" x14ac:dyDescent="0.15">
      <c r="A21954">
        <v>3044</v>
      </c>
      <c r="B21954" t="s">
        <v>43825</v>
      </c>
      <c r="C21954" t="s">
        <v>43826</v>
      </c>
    </row>
    <row r="21955" spans="1:3" x14ac:dyDescent="0.15">
      <c r="A21955">
        <v>3043</v>
      </c>
      <c r="B21955" t="s">
        <v>43827</v>
      </c>
      <c r="C21955" t="s">
        <v>43828</v>
      </c>
    </row>
    <row r="21956" spans="1:3" x14ac:dyDescent="0.15">
      <c r="A21956">
        <v>3042</v>
      </c>
      <c r="B21956" t="s">
        <v>43829</v>
      </c>
      <c r="C21956" t="s">
        <v>43830</v>
      </c>
    </row>
    <row r="21957" spans="1:3" x14ac:dyDescent="0.15">
      <c r="A21957">
        <v>3041</v>
      </c>
      <c r="B21957" t="s">
        <v>43831</v>
      </c>
      <c r="C21957" t="s">
        <v>43832</v>
      </c>
    </row>
    <row r="21958" spans="1:3" x14ac:dyDescent="0.15">
      <c r="A21958">
        <v>3040</v>
      </c>
      <c r="B21958" t="s">
        <v>43833</v>
      </c>
      <c r="C21958" t="s">
        <v>43834</v>
      </c>
    </row>
    <row r="21959" spans="1:3" x14ac:dyDescent="0.15">
      <c r="A21959">
        <v>3039</v>
      </c>
      <c r="B21959" t="s">
        <v>43835</v>
      </c>
      <c r="C21959" t="s">
        <v>43836</v>
      </c>
    </row>
    <row r="21960" spans="1:3" x14ac:dyDescent="0.15">
      <c r="A21960">
        <v>3038</v>
      </c>
      <c r="B21960" t="s">
        <v>43837</v>
      </c>
      <c r="C21960" t="s">
        <v>43838</v>
      </c>
    </row>
    <row r="21961" spans="1:3" x14ac:dyDescent="0.15">
      <c r="A21961">
        <v>3037</v>
      </c>
      <c r="B21961" t="s">
        <v>43839</v>
      </c>
      <c r="C21961" t="s">
        <v>43840</v>
      </c>
    </row>
    <row r="21962" spans="1:3" x14ac:dyDescent="0.15">
      <c r="A21962">
        <v>3036</v>
      </c>
      <c r="B21962" t="s">
        <v>43841</v>
      </c>
      <c r="C21962" t="s">
        <v>43842</v>
      </c>
    </row>
    <row r="21963" spans="1:3" x14ac:dyDescent="0.15">
      <c r="A21963">
        <v>3035</v>
      </c>
      <c r="B21963" t="s">
        <v>43843</v>
      </c>
      <c r="C21963" t="s">
        <v>43844</v>
      </c>
    </row>
    <row r="21964" spans="1:3" x14ac:dyDescent="0.15">
      <c r="A21964">
        <v>3034</v>
      </c>
      <c r="B21964" t="s">
        <v>43845</v>
      </c>
      <c r="C21964" t="s">
        <v>43846</v>
      </c>
    </row>
    <row r="21965" spans="1:3" x14ac:dyDescent="0.15">
      <c r="A21965">
        <v>3033</v>
      </c>
      <c r="B21965" t="s">
        <v>43847</v>
      </c>
      <c r="C21965" t="s">
        <v>43848</v>
      </c>
    </row>
    <row r="21966" spans="1:3" x14ac:dyDescent="0.15">
      <c r="A21966">
        <v>3032</v>
      </c>
      <c r="B21966" t="s">
        <v>43849</v>
      </c>
      <c r="C21966" t="s">
        <v>43850</v>
      </c>
    </row>
    <row r="21967" spans="1:3" x14ac:dyDescent="0.15">
      <c r="A21967">
        <v>3031</v>
      </c>
      <c r="B21967" t="s">
        <v>43851</v>
      </c>
      <c r="C21967" t="s">
        <v>43852</v>
      </c>
    </row>
    <row r="21968" spans="1:3" x14ac:dyDescent="0.15">
      <c r="A21968">
        <v>3030</v>
      </c>
      <c r="B21968" t="s">
        <v>43853</v>
      </c>
      <c r="C21968" t="s">
        <v>43854</v>
      </c>
    </row>
    <row r="21969" spans="1:3" x14ac:dyDescent="0.15">
      <c r="A21969">
        <v>3029</v>
      </c>
      <c r="B21969" t="s">
        <v>43855</v>
      </c>
      <c r="C21969" t="s">
        <v>43856</v>
      </c>
    </row>
    <row r="21970" spans="1:3" x14ac:dyDescent="0.15">
      <c r="A21970">
        <v>3028</v>
      </c>
      <c r="B21970" t="s">
        <v>43857</v>
      </c>
      <c r="C21970" t="s">
        <v>43858</v>
      </c>
    </row>
    <row r="21971" spans="1:3" x14ac:dyDescent="0.15">
      <c r="A21971">
        <v>3027</v>
      </c>
      <c r="B21971" t="s">
        <v>43859</v>
      </c>
      <c r="C21971" t="s">
        <v>43860</v>
      </c>
    </row>
    <row r="21972" spans="1:3" x14ac:dyDescent="0.15">
      <c r="A21972">
        <v>3026</v>
      </c>
      <c r="B21972" t="s">
        <v>43861</v>
      </c>
      <c r="C21972" t="s">
        <v>43862</v>
      </c>
    </row>
    <row r="21973" spans="1:3" x14ac:dyDescent="0.15">
      <c r="A21973">
        <v>3025</v>
      </c>
      <c r="B21973" t="s">
        <v>43863</v>
      </c>
      <c r="C21973" t="s">
        <v>43864</v>
      </c>
    </row>
    <row r="21974" spans="1:3" x14ac:dyDescent="0.15">
      <c r="A21974">
        <v>3024</v>
      </c>
      <c r="B21974" t="s">
        <v>43865</v>
      </c>
      <c r="C21974" t="s">
        <v>43866</v>
      </c>
    </row>
    <row r="21975" spans="1:3" x14ac:dyDescent="0.15">
      <c r="A21975">
        <v>3023</v>
      </c>
      <c r="B21975" t="s">
        <v>43867</v>
      </c>
      <c r="C21975" t="s">
        <v>43868</v>
      </c>
    </row>
    <row r="21976" spans="1:3" x14ac:dyDescent="0.15">
      <c r="A21976">
        <v>3022</v>
      </c>
      <c r="B21976" t="s">
        <v>43869</v>
      </c>
      <c r="C21976" t="s">
        <v>43870</v>
      </c>
    </row>
    <row r="21977" spans="1:3" x14ac:dyDescent="0.15">
      <c r="A21977">
        <v>3021</v>
      </c>
      <c r="B21977" t="s">
        <v>43871</v>
      </c>
      <c r="C21977" t="s">
        <v>43872</v>
      </c>
    </row>
    <row r="21978" spans="1:3" x14ac:dyDescent="0.15">
      <c r="A21978">
        <v>3020</v>
      </c>
      <c r="B21978" t="s">
        <v>43873</v>
      </c>
      <c r="C21978" t="s">
        <v>43874</v>
      </c>
    </row>
    <row r="21979" spans="1:3" x14ac:dyDescent="0.15">
      <c r="A21979">
        <v>3019</v>
      </c>
      <c r="B21979" t="s">
        <v>43875</v>
      </c>
      <c r="C21979" t="s">
        <v>43876</v>
      </c>
    </row>
    <row r="21980" spans="1:3" x14ac:dyDescent="0.15">
      <c r="A21980">
        <v>3018</v>
      </c>
      <c r="B21980" t="s">
        <v>43877</v>
      </c>
      <c r="C21980" t="s">
        <v>43878</v>
      </c>
    </row>
    <row r="21981" spans="1:3" x14ac:dyDescent="0.15">
      <c r="A21981">
        <v>3017</v>
      </c>
      <c r="B21981" t="s">
        <v>43879</v>
      </c>
      <c r="C21981" t="s">
        <v>43880</v>
      </c>
    </row>
    <row r="21982" spans="1:3" x14ac:dyDescent="0.15">
      <c r="A21982">
        <v>3016</v>
      </c>
      <c r="B21982" t="s">
        <v>43881</v>
      </c>
      <c r="C21982" t="s">
        <v>43882</v>
      </c>
    </row>
    <row r="21983" spans="1:3" x14ac:dyDescent="0.15">
      <c r="A21983">
        <v>3015</v>
      </c>
      <c r="B21983" t="s">
        <v>43883</v>
      </c>
      <c r="C21983" t="s">
        <v>43884</v>
      </c>
    </row>
    <row r="21984" spans="1:3" x14ac:dyDescent="0.15">
      <c r="A21984">
        <v>3014</v>
      </c>
      <c r="B21984" t="s">
        <v>43885</v>
      </c>
      <c r="C21984" t="s">
        <v>43886</v>
      </c>
    </row>
    <row r="21985" spans="1:3" x14ac:dyDescent="0.15">
      <c r="A21985">
        <v>3013</v>
      </c>
      <c r="B21985" t="s">
        <v>43887</v>
      </c>
      <c r="C21985" t="s">
        <v>43888</v>
      </c>
    </row>
    <row r="21986" spans="1:3" x14ac:dyDescent="0.15">
      <c r="A21986">
        <v>3012</v>
      </c>
      <c r="B21986" t="s">
        <v>43889</v>
      </c>
      <c r="C21986" t="s">
        <v>43890</v>
      </c>
    </row>
    <row r="21987" spans="1:3" x14ac:dyDescent="0.15">
      <c r="A21987">
        <v>3011</v>
      </c>
      <c r="B21987" t="s">
        <v>43891</v>
      </c>
      <c r="C21987" t="s">
        <v>43892</v>
      </c>
    </row>
    <row r="21988" spans="1:3" x14ac:dyDescent="0.15">
      <c r="A21988">
        <v>3010</v>
      </c>
      <c r="B21988" t="s">
        <v>43893</v>
      </c>
      <c r="C21988" t="s">
        <v>43894</v>
      </c>
    </row>
    <row r="21989" spans="1:3" x14ac:dyDescent="0.15">
      <c r="A21989">
        <v>3009</v>
      </c>
      <c r="B21989" t="s">
        <v>43895</v>
      </c>
      <c r="C21989" t="s">
        <v>43896</v>
      </c>
    </row>
    <row r="21990" spans="1:3" x14ac:dyDescent="0.15">
      <c r="A21990">
        <v>3008</v>
      </c>
      <c r="B21990" t="s">
        <v>43897</v>
      </c>
      <c r="C21990" t="s">
        <v>43898</v>
      </c>
    </row>
    <row r="21991" spans="1:3" x14ac:dyDescent="0.15">
      <c r="A21991">
        <v>3007</v>
      </c>
      <c r="B21991" t="s">
        <v>43899</v>
      </c>
      <c r="C21991" t="s">
        <v>43900</v>
      </c>
    </row>
    <row r="21992" spans="1:3" x14ac:dyDescent="0.15">
      <c r="A21992">
        <v>3006</v>
      </c>
      <c r="B21992" t="s">
        <v>43901</v>
      </c>
      <c r="C21992" t="s">
        <v>43902</v>
      </c>
    </row>
    <row r="21993" spans="1:3" x14ac:dyDescent="0.15">
      <c r="A21993">
        <v>3005</v>
      </c>
      <c r="B21993" t="s">
        <v>43903</v>
      </c>
      <c r="C21993" t="s">
        <v>43904</v>
      </c>
    </row>
    <row r="21994" spans="1:3" x14ac:dyDescent="0.15">
      <c r="A21994">
        <v>3004</v>
      </c>
      <c r="B21994" t="s">
        <v>43905</v>
      </c>
      <c r="C21994" t="s">
        <v>43906</v>
      </c>
    </row>
    <row r="21995" spans="1:3" x14ac:dyDescent="0.15">
      <c r="A21995">
        <v>3003</v>
      </c>
      <c r="B21995" t="s">
        <v>43907</v>
      </c>
      <c r="C21995" t="s">
        <v>43908</v>
      </c>
    </row>
    <row r="21996" spans="1:3" x14ac:dyDescent="0.15">
      <c r="A21996">
        <v>3002</v>
      </c>
      <c r="B21996" t="s">
        <v>43909</v>
      </c>
      <c r="C21996" t="s">
        <v>43910</v>
      </c>
    </row>
    <row r="21997" spans="1:3" x14ac:dyDescent="0.15">
      <c r="A21997">
        <v>3001</v>
      </c>
      <c r="B21997" t="s">
        <v>43911</v>
      </c>
      <c r="C21997" t="s">
        <v>43912</v>
      </c>
    </row>
    <row r="21998" spans="1:3" x14ac:dyDescent="0.15">
      <c r="A21998">
        <v>3000</v>
      </c>
      <c r="B21998" t="s">
        <v>43913</v>
      </c>
      <c r="C21998" t="s">
        <v>43914</v>
      </c>
    </row>
    <row r="21999" spans="1:3" x14ac:dyDescent="0.15">
      <c r="A21999">
        <v>2999</v>
      </c>
      <c r="B21999" t="s">
        <v>43915</v>
      </c>
      <c r="C21999" t="s">
        <v>43916</v>
      </c>
    </row>
    <row r="22000" spans="1:3" x14ac:dyDescent="0.15">
      <c r="A22000">
        <v>2998</v>
      </c>
      <c r="B22000" t="s">
        <v>43917</v>
      </c>
      <c r="C22000" t="s">
        <v>43918</v>
      </c>
    </row>
    <row r="22001" spans="1:3" x14ac:dyDescent="0.15">
      <c r="A22001">
        <v>2997</v>
      </c>
      <c r="B22001" t="s">
        <v>43919</v>
      </c>
      <c r="C22001" t="s">
        <v>43920</v>
      </c>
    </row>
    <row r="22002" spans="1:3" x14ac:dyDescent="0.15">
      <c r="A22002">
        <v>2996</v>
      </c>
      <c r="B22002" t="s">
        <v>43921</v>
      </c>
      <c r="C22002" t="s">
        <v>43922</v>
      </c>
    </row>
    <row r="22003" spans="1:3" x14ac:dyDescent="0.15">
      <c r="A22003">
        <v>2995</v>
      </c>
      <c r="B22003" t="s">
        <v>43923</v>
      </c>
      <c r="C22003" t="s">
        <v>43924</v>
      </c>
    </row>
    <row r="22004" spans="1:3" x14ac:dyDescent="0.15">
      <c r="A22004">
        <v>2994</v>
      </c>
      <c r="B22004" t="s">
        <v>43925</v>
      </c>
      <c r="C22004" t="s">
        <v>43926</v>
      </c>
    </row>
    <row r="22005" spans="1:3" x14ac:dyDescent="0.15">
      <c r="A22005">
        <v>2993</v>
      </c>
      <c r="B22005" t="s">
        <v>43927</v>
      </c>
      <c r="C22005" t="s">
        <v>43928</v>
      </c>
    </row>
    <row r="22006" spans="1:3" x14ac:dyDescent="0.15">
      <c r="A22006">
        <v>2992</v>
      </c>
      <c r="B22006" t="s">
        <v>43929</v>
      </c>
      <c r="C22006" t="s">
        <v>43930</v>
      </c>
    </row>
    <row r="22007" spans="1:3" x14ac:dyDescent="0.15">
      <c r="A22007">
        <v>2991</v>
      </c>
      <c r="B22007" t="s">
        <v>43931</v>
      </c>
      <c r="C22007" t="s">
        <v>43932</v>
      </c>
    </row>
    <row r="22008" spans="1:3" x14ac:dyDescent="0.15">
      <c r="A22008">
        <v>2990</v>
      </c>
      <c r="B22008" t="s">
        <v>43933</v>
      </c>
      <c r="C22008" t="s">
        <v>43934</v>
      </c>
    </row>
    <row r="22009" spans="1:3" x14ac:dyDescent="0.15">
      <c r="A22009">
        <v>2989</v>
      </c>
      <c r="B22009" t="s">
        <v>43935</v>
      </c>
      <c r="C22009" t="s">
        <v>43936</v>
      </c>
    </row>
    <row r="22010" spans="1:3" x14ac:dyDescent="0.15">
      <c r="A22010">
        <v>2988</v>
      </c>
      <c r="B22010" t="s">
        <v>43937</v>
      </c>
      <c r="C22010" t="s">
        <v>43938</v>
      </c>
    </row>
    <row r="22011" spans="1:3" x14ac:dyDescent="0.15">
      <c r="A22011">
        <v>2987</v>
      </c>
      <c r="B22011" t="s">
        <v>43939</v>
      </c>
      <c r="C22011" t="s">
        <v>43940</v>
      </c>
    </row>
    <row r="22012" spans="1:3" x14ac:dyDescent="0.15">
      <c r="A22012">
        <v>2986</v>
      </c>
      <c r="B22012" t="s">
        <v>43941</v>
      </c>
      <c r="C22012" t="s">
        <v>43942</v>
      </c>
    </row>
    <row r="22013" spans="1:3" x14ac:dyDescent="0.15">
      <c r="A22013">
        <v>2985</v>
      </c>
      <c r="B22013" t="s">
        <v>43943</v>
      </c>
      <c r="C22013" t="s">
        <v>43944</v>
      </c>
    </row>
    <row r="22014" spans="1:3" x14ac:dyDescent="0.15">
      <c r="A22014">
        <v>2984</v>
      </c>
      <c r="B22014" t="s">
        <v>43945</v>
      </c>
      <c r="C22014" t="s">
        <v>43946</v>
      </c>
    </row>
    <row r="22015" spans="1:3" x14ac:dyDescent="0.15">
      <c r="A22015">
        <v>2983</v>
      </c>
      <c r="B22015" t="s">
        <v>43947</v>
      </c>
      <c r="C22015" t="s">
        <v>43948</v>
      </c>
    </row>
    <row r="22016" spans="1:3" x14ac:dyDescent="0.15">
      <c r="A22016">
        <v>2982</v>
      </c>
      <c r="B22016" t="s">
        <v>43949</v>
      </c>
      <c r="C22016" t="s">
        <v>43950</v>
      </c>
    </row>
    <row r="22017" spans="1:3" x14ac:dyDescent="0.15">
      <c r="A22017">
        <v>2981</v>
      </c>
      <c r="B22017" t="s">
        <v>43951</v>
      </c>
      <c r="C22017" t="s">
        <v>43952</v>
      </c>
    </row>
    <row r="22018" spans="1:3" x14ac:dyDescent="0.15">
      <c r="A22018">
        <v>2980</v>
      </c>
      <c r="B22018" t="s">
        <v>43953</v>
      </c>
      <c r="C22018" t="s">
        <v>43954</v>
      </c>
    </row>
    <row r="22019" spans="1:3" x14ac:dyDescent="0.15">
      <c r="A22019">
        <v>2979</v>
      </c>
      <c r="B22019" t="s">
        <v>43955</v>
      </c>
      <c r="C22019" t="s">
        <v>43956</v>
      </c>
    </row>
    <row r="22020" spans="1:3" x14ac:dyDescent="0.15">
      <c r="A22020">
        <v>2978</v>
      </c>
      <c r="B22020" t="s">
        <v>43957</v>
      </c>
      <c r="C22020" t="s">
        <v>43958</v>
      </c>
    </row>
    <row r="22021" spans="1:3" x14ac:dyDescent="0.15">
      <c r="A22021">
        <v>2977</v>
      </c>
      <c r="B22021" t="s">
        <v>43959</v>
      </c>
      <c r="C22021" t="s">
        <v>43960</v>
      </c>
    </row>
    <row r="22022" spans="1:3" x14ac:dyDescent="0.15">
      <c r="A22022">
        <v>2976</v>
      </c>
      <c r="B22022" t="s">
        <v>43961</v>
      </c>
      <c r="C22022" t="s">
        <v>43962</v>
      </c>
    </row>
    <row r="22023" spans="1:3" x14ac:dyDescent="0.15">
      <c r="A22023">
        <v>2975</v>
      </c>
      <c r="B22023" t="s">
        <v>43963</v>
      </c>
      <c r="C22023" t="s">
        <v>43964</v>
      </c>
    </row>
    <row r="22024" spans="1:3" x14ac:dyDescent="0.15">
      <c r="A22024">
        <v>2974</v>
      </c>
      <c r="B22024" t="s">
        <v>43965</v>
      </c>
      <c r="C22024" t="s">
        <v>43966</v>
      </c>
    </row>
    <row r="22025" spans="1:3" x14ac:dyDescent="0.15">
      <c r="A22025">
        <v>2973</v>
      </c>
      <c r="B22025" t="s">
        <v>43967</v>
      </c>
      <c r="C22025" t="s">
        <v>43968</v>
      </c>
    </row>
    <row r="22026" spans="1:3" x14ac:dyDescent="0.15">
      <c r="A22026">
        <v>2972</v>
      </c>
      <c r="B22026" t="s">
        <v>43969</v>
      </c>
      <c r="C22026" t="s">
        <v>43970</v>
      </c>
    </row>
    <row r="22027" spans="1:3" x14ac:dyDescent="0.15">
      <c r="A22027">
        <v>2971</v>
      </c>
      <c r="B22027" t="s">
        <v>43971</v>
      </c>
      <c r="C22027" t="s">
        <v>43972</v>
      </c>
    </row>
    <row r="22028" spans="1:3" x14ac:dyDescent="0.15">
      <c r="A22028">
        <v>2970</v>
      </c>
      <c r="B22028" t="s">
        <v>43973</v>
      </c>
      <c r="C22028" t="s">
        <v>43974</v>
      </c>
    </row>
    <row r="22029" spans="1:3" x14ac:dyDescent="0.15">
      <c r="A22029">
        <v>2969</v>
      </c>
      <c r="B22029" t="s">
        <v>43975</v>
      </c>
      <c r="C22029" t="s">
        <v>43976</v>
      </c>
    </row>
    <row r="22030" spans="1:3" x14ac:dyDescent="0.15">
      <c r="A22030">
        <v>2968</v>
      </c>
      <c r="B22030" t="s">
        <v>43977</v>
      </c>
      <c r="C22030" t="s">
        <v>43978</v>
      </c>
    </row>
    <row r="22031" spans="1:3" x14ac:dyDescent="0.15">
      <c r="A22031">
        <v>2967</v>
      </c>
      <c r="B22031" t="s">
        <v>43979</v>
      </c>
      <c r="C22031" t="s">
        <v>43980</v>
      </c>
    </row>
    <row r="22032" spans="1:3" x14ac:dyDescent="0.15">
      <c r="A22032">
        <v>2966</v>
      </c>
      <c r="B22032" t="s">
        <v>43981</v>
      </c>
      <c r="C22032" t="s">
        <v>43982</v>
      </c>
    </row>
    <row r="22033" spans="1:3" x14ac:dyDescent="0.15">
      <c r="A22033">
        <v>2965</v>
      </c>
      <c r="B22033" t="s">
        <v>43983</v>
      </c>
      <c r="C22033" t="s">
        <v>43984</v>
      </c>
    </row>
    <row r="22034" spans="1:3" x14ac:dyDescent="0.15">
      <c r="A22034">
        <v>2964</v>
      </c>
      <c r="B22034" t="s">
        <v>43985</v>
      </c>
      <c r="C22034" t="s">
        <v>43986</v>
      </c>
    </row>
    <row r="22035" spans="1:3" x14ac:dyDescent="0.15">
      <c r="A22035">
        <v>2963</v>
      </c>
      <c r="B22035" t="s">
        <v>43987</v>
      </c>
      <c r="C22035" t="s">
        <v>43988</v>
      </c>
    </row>
    <row r="22036" spans="1:3" x14ac:dyDescent="0.15">
      <c r="A22036">
        <v>2962</v>
      </c>
      <c r="B22036" t="s">
        <v>43989</v>
      </c>
      <c r="C22036" t="s">
        <v>43990</v>
      </c>
    </row>
    <row r="22037" spans="1:3" x14ac:dyDescent="0.15">
      <c r="A22037">
        <v>2961</v>
      </c>
      <c r="B22037" t="s">
        <v>43991</v>
      </c>
      <c r="C22037" t="s">
        <v>43992</v>
      </c>
    </row>
    <row r="22038" spans="1:3" x14ac:dyDescent="0.15">
      <c r="A22038">
        <v>2960</v>
      </c>
      <c r="B22038" t="s">
        <v>43993</v>
      </c>
      <c r="C22038" t="s">
        <v>43994</v>
      </c>
    </row>
    <row r="22039" spans="1:3" x14ac:dyDescent="0.15">
      <c r="A22039">
        <v>2959</v>
      </c>
      <c r="B22039" t="s">
        <v>43995</v>
      </c>
      <c r="C22039" t="s">
        <v>43996</v>
      </c>
    </row>
    <row r="22040" spans="1:3" x14ac:dyDescent="0.15">
      <c r="A22040">
        <v>2958</v>
      </c>
      <c r="B22040" t="s">
        <v>43997</v>
      </c>
      <c r="C22040" t="s">
        <v>43998</v>
      </c>
    </row>
    <row r="22041" spans="1:3" x14ac:dyDescent="0.15">
      <c r="A22041">
        <v>2957</v>
      </c>
      <c r="B22041" t="s">
        <v>43999</v>
      </c>
      <c r="C22041" t="s">
        <v>44000</v>
      </c>
    </row>
    <row r="22042" spans="1:3" x14ac:dyDescent="0.15">
      <c r="A22042">
        <v>2956</v>
      </c>
      <c r="B22042" t="s">
        <v>44001</v>
      </c>
      <c r="C22042" t="s">
        <v>44002</v>
      </c>
    </row>
    <row r="22043" spans="1:3" x14ac:dyDescent="0.15">
      <c r="A22043">
        <v>2955</v>
      </c>
      <c r="B22043" t="s">
        <v>44003</v>
      </c>
      <c r="C22043" t="s">
        <v>44004</v>
      </c>
    </row>
    <row r="22044" spans="1:3" x14ac:dyDescent="0.15">
      <c r="A22044">
        <v>2954</v>
      </c>
      <c r="B22044" t="s">
        <v>44005</v>
      </c>
      <c r="C22044" t="s">
        <v>44006</v>
      </c>
    </row>
    <row r="22045" spans="1:3" x14ac:dyDescent="0.15">
      <c r="A22045">
        <v>2953</v>
      </c>
      <c r="B22045" t="s">
        <v>44007</v>
      </c>
      <c r="C22045" t="s">
        <v>44008</v>
      </c>
    </row>
    <row r="22046" spans="1:3" x14ac:dyDescent="0.15">
      <c r="A22046">
        <v>2952</v>
      </c>
      <c r="B22046" t="s">
        <v>44009</v>
      </c>
      <c r="C22046" t="s">
        <v>44010</v>
      </c>
    </row>
    <row r="22047" spans="1:3" x14ac:dyDescent="0.15">
      <c r="A22047">
        <v>2951</v>
      </c>
      <c r="B22047" t="s">
        <v>44011</v>
      </c>
      <c r="C22047" t="s">
        <v>44012</v>
      </c>
    </row>
    <row r="22048" spans="1:3" x14ac:dyDescent="0.15">
      <c r="A22048">
        <v>2950</v>
      </c>
      <c r="B22048" t="s">
        <v>44013</v>
      </c>
      <c r="C22048" t="s">
        <v>44014</v>
      </c>
    </row>
    <row r="22049" spans="1:3" x14ac:dyDescent="0.15">
      <c r="A22049">
        <v>2949</v>
      </c>
      <c r="B22049" t="s">
        <v>44015</v>
      </c>
      <c r="C22049" t="s">
        <v>44016</v>
      </c>
    </row>
    <row r="22050" spans="1:3" x14ac:dyDescent="0.15">
      <c r="A22050">
        <v>2948</v>
      </c>
      <c r="B22050" t="s">
        <v>44017</v>
      </c>
      <c r="C22050" t="s">
        <v>44018</v>
      </c>
    </row>
    <row r="22051" spans="1:3" x14ac:dyDescent="0.15">
      <c r="A22051">
        <v>2947</v>
      </c>
      <c r="B22051" t="s">
        <v>44019</v>
      </c>
      <c r="C22051" t="s">
        <v>44020</v>
      </c>
    </row>
    <row r="22052" spans="1:3" x14ac:dyDescent="0.15">
      <c r="A22052">
        <v>2946</v>
      </c>
      <c r="B22052" t="s">
        <v>44021</v>
      </c>
      <c r="C22052" t="s">
        <v>44022</v>
      </c>
    </row>
    <row r="22053" spans="1:3" x14ac:dyDescent="0.15">
      <c r="A22053">
        <v>2945</v>
      </c>
      <c r="B22053" t="s">
        <v>44023</v>
      </c>
      <c r="C22053" t="s">
        <v>44024</v>
      </c>
    </row>
    <row r="22054" spans="1:3" x14ac:dyDescent="0.15">
      <c r="A22054">
        <v>2944</v>
      </c>
      <c r="B22054" t="s">
        <v>44025</v>
      </c>
      <c r="C22054" t="s">
        <v>44026</v>
      </c>
    </row>
    <row r="22055" spans="1:3" x14ac:dyDescent="0.15">
      <c r="A22055">
        <v>2943</v>
      </c>
      <c r="B22055" t="s">
        <v>44027</v>
      </c>
      <c r="C22055" t="s">
        <v>44028</v>
      </c>
    </row>
    <row r="22056" spans="1:3" x14ac:dyDescent="0.15">
      <c r="A22056">
        <v>2942</v>
      </c>
      <c r="B22056" t="s">
        <v>44029</v>
      </c>
      <c r="C22056" t="s">
        <v>44030</v>
      </c>
    </row>
    <row r="22057" spans="1:3" x14ac:dyDescent="0.15">
      <c r="A22057">
        <v>2941</v>
      </c>
      <c r="B22057" t="s">
        <v>44031</v>
      </c>
      <c r="C22057" t="s">
        <v>44032</v>
      </c>
    </row>
    <row r="22058" spans="1:3" x14ac:dyDescent="0.15">
      <c r="A22058">
        <v>2940</v>
      </c>
      <c r="B22058" t="s">
        <v>44033</v>
      </c>
      <c r="C22058" t="s">
        <v>44034</v>
      </c>
    </row>
    <row r="22059" spans="1:3" x14ac:dyDescent="0.15">
      <c r="A22059">
        <v>2939</v>
      </c>
      <c r="B22059" t="s">
        <v>44035</v>
      </c>
      <c r="C22059" t="s">
        <v>44036</v>
      </c>
    </row>
    <row r="22060" spans="1:3" x14ac:dyDescent="0.15">
      <c r="A22060">
        <v>2938</v>
      </c>
      <c r="B22060" t="s">
        <v>44037</v>
      </c>
      <c r="C22060" t="s">
        <v>44038</v>
      </c>
    </row>
    <row r="22061" spans="1:3" x14ac:dyDescent="0.15">
      <c r="A22061">
        <v>2937</v>
      </c>
      <c r="B22061" t="s">
        <v>44039</v>
      </c>
      <c r="C22061" t="s">
        <v>44040</v>
      </c>
    </row>
    <row r="22062" spans="1:3" x14ac:dyDescent="0.15">
      <c r="A22062">
        <v>2936</v>
      </c>
      <c r="B22062" t="s">
        <v>44041</v>
      </c>
      <c r="C22062" t="s">
        <v>44042</v>
      </c>
    </row>
    <row r="22063" spans="1:3" x14ac:dyDescent="0.15">
      <c r="A22063">
        <v>2935</v>
      </c>
      <c r="B22063" t="s">
        <v>44043</v>
      </c>
      <c r="C22063" t="s">
        <v>44044</v>
      </c>
    </row>
    <row r="22064" spans="1:3" x14ac:dyDescent="0.15">
      <c r="A22064">
        <v>2934</v>
      </c>
      <c r="B22064" t="s">
        <v>44045</v>
      </c>
      <c r="C22064" t="s">
        <v>44046</v>
      </c>
    </row>
    <row r="22065" spans="1:3" x14ac:dyDescent="0.15">
      <c r="A22065">
        <v>2933</v>
      </c>
      <c r="B22065" t="s">
        <v>44047</v>
      </c>
      <c r="C22065" t="s">
        <v>44048</v>
      </c>
    </row>
    <row r="22066" spans="1:3" x14ac:dyDescent="0.15">
      <c r="A22066">
        <v>2932</v>
      </c>
      <c r="B22066" t="s">
        <v>44049</v>
      </c>
      <c r="C22066" t="s">
        <v>44050</v>
      </c>
    </row>
    <row r="22067" spans="1:3" x14ac:dyDescent="0.15">
      <c r="A22067">
        <v>2931</v>
      </c>
      <c r="B22067" t="s">
        <v>44051</v>
      </c>
      <c r="C22067" t="s">
        <v>44052</v>
      </c>
    </row>
    <row r="22068" spans="1:3" x14ac:dyDescent="0.15">
      <c r="A22068">
        <v>2930</v>
      </c>
      <c r="B22068" t="s">
        <v>44053</v>
      </c>
      <c r="C22068" t="s">
        <v>44054</v>
      </c>
    </row>
    <row r="22069" spans="1:3" x14ac:dyDescent="0.15">
      <c r="A22069">
        <v>2929</v>
      </c>
      <c r="B22069" t="s">
        <v>44055</v>
      </c>
      <c r="C22069" t="s">
        <v>44056</v>
      </c>
    </row>
    <row r="22070" spans="1:3" x14ac:dyDescent="0.15">
      <c r="A22070">
        <v>2928</v>
      </c>
      <c r="B22070" t="s">
        <v>44057</v>
      </c>
      <c r="C22070" t="s">
        <v>44058</v>
      </c>
    </row>
    <row r="22071" spans="1:3" x14ac:dyDescent="0.15">
      <c r="A22071">
        <v>2927</v>
      </c>
      <c r="B22071" t="s">
        <v>44059</v>
      </c>
      <c r="C22071" t="s">
        <v>44060</v>
      </c>
    </row>
    <row r="22072" spans="1:3" x14ac:dyDescent="0.15">
      <c r="A22072">
        <v>2926</v>
      </c>
      <c r="B22072" t="s">
        <v>44061</v>
      </c>
      <c r="C22072" t="s">
        <v>44062</v>
      </c>
    </row>
    <row r="22073" spans="1:3" x14ac:dyDescent="0.15">
      <c r="A22073">
        <v>2925</v>
      </c>
      <c r="B22073" t="s">
        <v>44063</v>
      </c>
      <c r="C22073" t="s">
        <v>44064</v>
      </c>
    </row>
    <row r="22074" spans="1:3" x14ac:dyDescent="0.15">
      <c r="A22074">
        <v>2924</v>
      </c>
      <c r="B22074" t="s">
        <v>44065</v>
      </c>
      <c r="C22074" t="s">
        <v>44066</v>
      </c>
    </row>
    <row r="22075" spans="1:3" x14ac:dyDescent="0.15">
      <c r="A22075">
        <v>2923</v>
      </c>
      <c r="B22075" t="s">
        <v>44067</v>
      </c>
      <c r="C22075" t="s">
        <v>44068</v>
      </c>
    </row>
    <row r="22076" spans="1:3" x14ac:dyDescent="0.15">
      <c r="A22076">
        <v>2922</v>
      </c>
      <c r="B22076" t="s">
        <v>44069</v>
      </c>
      <c r="C22076" t="s">
        <v>44070</v>
      </c>
    </row>
    <row r="22077" spans="1:3" x14ac:dyDescent="0.15">
      <c r="A22077">
        <v>2921</v>
      </c>
      <c r="B22077" t="s">
        <v>44071</v>
      </c>
      <c r="C22077" t="s">
        <v>44072</v>
      </c>
    </row>
    <row r="22078" spans="1:3" x14ac:dyDescent="0.15">
      <c r="A22078">
        <v>2920</v>
      </c>
      <c r="B22078" t="s">
        <v>44073</v>
      </c>
      <c r="C22078" t="s">
        <v>44074</v>
      </c>
    </row>
    <row r="22079" spans="1:3" x14ac:dyDescent="0.15">
      <c r="A22079">
        <v>2919</v>
      </c>
      <c r="B22079" t="s">
        <v>44075</v>
      </c>
      <c r="C22079" t="s">
        <v>44076</v>
      </c>
    </row>
    <row r="22080" spans="1:3" x14ac:dyDescent="0.15">
      <c r="A22080">
        <v>2918</v>
      </c>
      <c r="B22080" t="s">
        <v>44077</v>
      </c>
      <c r="C22080" t="s">
        <v>44078</v>
      </c>
    </row>
    <row r="22081" spans="1:3" x14ac:dyDescent="0.15">
      <c r="A22081">
        <v>2917</v>
      </c>
      <c r="B22081" t="s">
        <v>44079</v>
      </c>
      <c r="C22081" t="s">
        <v>44080</v>
      </c>
    </row>
    <row r="22082" spans="1:3" x14ac:dyDescent="0.15">
      <c r="A22082">
        <v>2916</v>
      </c>
      <c r="B22082" t="s">
        <v>44081</v>
      </c>
      <c r="C22082" t="s">
        <v>44082</v>
      </c>
    </row>
    <row r="22083" spans="1:3" x14ac:dyDescent="0.15">
      <c r="A22083">
        <v>2915</v>
      </c>
      <c r="B22083" t="s">
        <v>44083</v>
      </c>
      <c r="C22083" t="s">
        <v>44084</v>
      </c>
    </row>
    <row r="22084" spans="1:3" x14ac:dyDescent="0.15">
      <c r="A22084">
        <v>2914</v>
      </c>
      <c r="B22084" t="s">
        <v>44085</v>
      </c>
      <c r="C22084" t="s">
        <v>44086</v>
      </c>
    </row>
    <row r="22085" spans="1:3" x14ac:dyDescent="0.15">
      <c r="A22085">
        <v>2913</v>
      </c>
      <c r="B22085" t="s">
        <v>44087</v>
      </c>
      <c r="C22085" t="s">
        <v>44088</v>
      </c>
    </row>
    <row r="22086" spans="1:3" x14ac:dyDescent="0.15">
      <c r="A22086">
        <v>2912</v>
      </c>
      <c r="B22086" t="s">
        <v>44089</v>
      </c>
      <c r="C22086" t="s">
        <v>44090</v>
      </c>
    </row>
    <row r="22087" spans="1:3" x14ac:dyDescent="0.15">
      <c r="A22087">
        <v>2911</v>
      </c>
      <c r="B22087" t="s">
        <v>44091</v>
      </c>
      <c r="C22087" t="s">
        <v>44092</v>
      </c>
    </row>
    <row r="22088" spans="1:3" x14ac:dyDescent="0.15">
      <c r="A22088">
        <v>2910</v>
      </c>
      <c r="B22088" t="s">
        <v>44093</v>
      </c>
      <c r="C22088" t="s">
        <v>44094</v>
      </c>
    </row>
    <row r="22089" spans="1:3" x14ac:dyDescent="0.15">
      <c r="A22089">
        <v>2909</v>
      </c>
      <c r="B22089" t="s">
        <v>44095</v>
      </c>
      <c r="C22089" t="s">
        <v>44096</v>
      </c>
    </row>
    <row r="22090" spans="1:3" x14ac:dyDescent="0.15">
      <c r="A22090">
        <v>2908</v>
      </c>
      <c r="B22090" t="s">
        <v>44097</v>
      </c>
      <c r="C22090" t="s">
        <v>44098</v>
      </c>
    </row>
    <row r="22091" spans="1:3" x14ac:dyDescent="0.15">
      <c r="A22091">
        <v>2907</v>
      </c>
      <c r="B22091" t="s">
        <v>44099</v>
      </c>
      <c r="C22091" t="s">
        <v>44100</v>
      </c>
    </row>
    <row r="22092" spans="1:3" x14ac:dyDescent="0.15">
      <c r="A22092">
        <v>2906</v>
      </c>
      <c r="B22092" t="s">
        <v>44101</v>
      </c>
      <c r="C22092" t="s">
        <v>44102</v>
      </c>
    </row>
    <row r="22093" spans="1:3" x14ac:dyDescent="0.15">
      <c r="A22093">
        <v>2905</v>
      </c>
      <c r="B22093" t="s">
        <v>44103</v>
      </c>
      <c r="C22093" t="s">
        <v>44104</v>
      </c>
    </row>
    <row r="22094" spans="1:3" x14ac:dyDescent="0.15">
      <c r="A22094">
        <v>2904</v>
      </c>
      <c r="B22094" t="s">
        <v>44105</v>
      </c>
      <c r="C22094" t="s">
        <v>44106</v>
      </c>
    </row>
    <row r="22095" spans="1:3" x14ac:dyDescent="0.15">
      <c r="A22095">
        <v>2903</v>
      </c>
      <c r="B22095" t="s">
        <v>44107</v>
      </c>
      <c r="C22095" t="s">
        <v>44108</v>
      </c>
    </row>
    <row r="22096" spans="1:3" x14ac:dyDescent="0.15">
      <c r="A22096">
        <v>2902</v>
      </c>
      <c r="B22096" t="s">
        <v>44109</v>
      </c>
      <c r="C22096" t="s">
        <v>44110</v>
      </c>
    </row>
    <row r="22097" spans="1:3" x14ac:dyDescent="0.15">
      <c r="A22097">
        <v>2901</v>
      </c>
      <c r="B22097" t="s">
        <v>44111</v>
      </c>
      <c r="C22097" t="s">
        <v>44112</v>
      </c>
    </row>
    <row r="22098" spans="1:3" x14ac:dyDescent="0.15">
      <c r="A22098">
        <v>2900</v>
      </c>
      <c r="B22098" t="s">
        <v>44113</v>
      </c>
      <c r="C22098" t="s">
        <v>44114</v>
      </c>
    </row>
    <row r="22099" spans="1:3" x14ac:dyDescent="0.15">
      <c r="A22099">
        <v>2899</v>
      </c>
      <c r="B22099" t="s">
        <v>44115</v>
      </c>
      <c r="C22099" t="s">
        <v>44116</v>
      </c>
    </row>
    <row r="22100" spans="1:3" x14ac:dyDescent="0.15">
      <c r="A22100">
        <v>2898</v>
      </c>
      <c r="B22100" t="s">
        <v>44117</v>
      </c>
      <c r="C22100" t="s">
        <v>44118</v>
      </c>
    </row>
    <row r="22101" spans="1:3" x14ac:dyDescent="0.15">
      <c r="A22101">
        <v>2897</v>
      </c>
      <c r="B22101" t="s">
        <v>44119</v>
      </c>
      <c r="C22101" t="s">
        <v>44120</v>
      </c>
    </row>
    <row r="22102" spans="1:3" x14ac:dyDescent="0.15">
      <c r="A22102">
        <v>2896</v>
      </c>
      <c r="B22102" t="s">
        <v>44121</v>
      </c>
      <c r="C22102" t="s">
        <v>44122</v>
      </c>
    </row>
    <row r="22103" spans="1:3" x14ac:dyDescent="0.15">
      <c r="A22103">
        <v>2895</v>
      </c>
      <c r="B22103" t="s">
        <v>44123</v>
      </c>
      <c r="C22103" t="s">
        <v>44124</v>
      </c>
    </row>
    <row r="22104" spans="1:3" x14ac:dyDescent="0.15">
      <c r="A22104">
        <v>2894</v>
      </c>
      <c r="B22104" t="s">
        <v>44125</v>
      </c>
      <c r="C22104" t="s">
        <v>44126</v>
      </c>
    </row>
    <row r="22105" spans="1:3" x14ac:dyDescent="0.15">
      <c r="A22105">
        <v>2893</v>
      </c>
      <c r="B22105" t="s">
        <v>44127</v>
      </c>
      <c r="C22105" t="s">
        <v>44128</v>
      </c>
    </row>
    <row r="22106" spans="1:3" x14ac:dyDescent="0.15">
      <c r="A22106">
        <v>2892</v>
      </c>
      <c r="B22106" t="s">
        <v>44129</v>
      </c>
      <c r="C22106" t="s">
        <v>44130</v>
      </c>
    </row>
    <row r="22107" spans="1:3" x14ac:dyDescent="0.15">
      <c r="A22107">
        <v>2891</v>
      </c>
      <c r="B22107" t="s">
        <v>44131</v>
      </c>
      <c r="C22107" t="s">
        <v>44132</v>
      </c>
    </row>
    <row r="22108" spans="1:3" x14ac:dyDescent="0.15">
      <c r="A22108">
        <v>2890</v>
      </c>
      <c r="B22108" t="s">
        <v>44133</v>
      </c>
      <c r="C22108" t="s">
        <v>44134</v>
      </c>
    </row>
    <row r="22109" spans="1:3" x14ac:dyDescent="0.15">
      <c r="A22109">
        <v>2889</v>
      </c>
      <c r="B22109" t="s">
        <v>44135</v>
      </c>
      <c r="C22109" t="s">
        <v>44136</v>
      </c>
    </row>
    <row r="22110" spans="1:3" x14ac:dyDescent="0.15">
      <c r="A22110">
        <v>2888</v>
      </c>
      <c r="B22110" t="s">
        <v>44137</v>
      </c>
      <c r="C22110" t="s">
        <v>44138</v>
      </c>
    </row>
    <row r="22111" spans="1:3" x14ac:dyDescent="0.15">
      <c r="A22111">
        <v>2887</v>
      </c>
      <c r="B22111" t="s">
        <v>44139</v>
      </c>
      <c r="C22111" t="s">
        <v>44140</v>
      </c>
    </row>
    <row r="22112" spans="1:3" x14ac:dyDescent="0.15">
      <c r="A22112">
        <v>2886</v>
      </c>
      <c r="B22112" t="s">
        <v>44141</v>
      </c>
      <c r="C22112" t="s">
        <v>44142</v>
      </c>
    </row>
    <row r="22113" spans="1:3" x14ac:dyDescent="0.15">
      <c r="A22113">
        <v>2885</v>
      </c>
      <c r="B22113" t="s">
        <v>44143</v>
      </c>
      <c r="C22113" t="s">
        <v>44144</v>
      </c>
    </row>
    <row r="22114" spans="1:3" x14ac:dyDescent="0.15">
      <c r="A22114">
        <v>2884</v>
      </c>
      <c r="B22114" t="s">
        <v>44145</v>
      </c>
      <c r="C22114" t="s">
        <v>44146</v>
      </c>
    </row>
    <row r="22115" spans="1:3" x14ac:dyDescent="0.15">
      <c r="A22115">
        <v>2883</v>
      </c>
      <c r="B22115" t="s">
        <v>44147</v>
      </c>
      <c r="C22115" t="s">
        <v>44148</v>
      </c>
    </row>
    <row r="22116" spans="1:3" x14ac:dyDescent="0.15">
      <c r="A22116">
        <v>2882</v>
      </c>
      <c r="B22116" t="s">
        <v>44149</v>
      </c>
      <c r="C22116" t="s">
        <v>44150</v>
      </c>
    </row>
    <row r="22117" spans="1:3" x14ac:dyDescent="0.15">
      <c r="A22117">
        <v>2881</v>
      </c>
      <c r="B22117" t="s">
        <v>44151</v>
      </c>
      <c r="C22117" t="s">
        <v>44152</v>
      </c>
    </row>
    <row r="22118" spans="1:3" x14ac:dyDescent="0.15">
      <c r="A22118">
        <v>2880</v>
      </c>
      <c r="B22118" t="s">
        <v>44153</v>
      </c>
      <c r="C22118" t="s">
        <v>44154</v>
      </c>
    </row>
    <row r="22119" spans="1:3" x14ac:dyDescent="0.15">
      <c r="A22119">
        <v>2879</v>
      </c>
      <c r="B22119" t="s">
        <v>44155</v>
      </c>
      <c r="C22119" t="s">
        <v>44156</v>
      </c>
    </row>
    <row r="22120" spans="1:3" x14ac:dyDescent="0.15">
      <c r="A22120">
        <v>2878</v>
      </c>
      <c r="B22120" t="s">
        <v>44157</v>
      </c>
      <c r="C22120" t="s">
        <v>44158</v>
      </c>
    </row>
    <row r="22121" spans="1:3" x14ac:dyDescent="0.15">
      <c r="A22121">
        <v>2877</v>
      </c>
      <c r="B22121" t="s">
        <v>44159</v>
      </c>
      <c r="C22121" t="s">
        <v>44160</v>
      </c>
    </row>
    <row r="22122" spans="1:3" x14ac:dyDescent="0.15">
      <c r="A22122">
        <v>2876</v>
      </c>
      <c r="B22122" t="s">
        <v>44161</v>
      </c>
      <c r="C22122" t="s">
        <v>44162</v>
      </c>
    </row>
    <row r="22123" spans="1:3" x14ac:dyDescent="0.15">
      <c r="A22123">
        <v>2875</v>
      </c>
      <c r="B22123" t="s">
        <v>44163</v>
      </c>
      <c r="C22123" t="s">
        <v>44164</v>
      </c>
    </row>
    <row r="22124" spans="1:3" x14ac:dyDescent="0.15">
      <c r="A22124">
        <v>2874</v>
      </c>
      <c r="B22124" t="s">
        <v>44165</v>
      </c>
      <c r="C22124" t="s">
        <v>44166</v>
      </c>
    </row>
    <row r="22125" spans="1:3" x14ac:dyDescent="0.15">
      <c r="A22125">
        <v>2873</v>
      </c>
      <c r="B22125" t="s">
        <v>44167</v>
      </c>
      <c r="C22125" t="s">
        <v>491</v>
      </c>
    </row>
    <row r="22126" spans="1:3" x14ac:dyDescent="0.15">
      <c r="A22126">
        <v>2872</v>
      </c>
      <c r="B22126" t="s">
        <v>44168</v>
      </c>
      <c r="C22126" t="s">
        <v>44169</v>
      </c>
    </row>
    <row r="22127" spans="1:3" x14ac:dyDescent="0.15">
      <c r="A22127">
        <v>2871</v>
      </c>
      <c r="B22127" t="s">
        <v>44170</v>
      </c>
      <c r="C22127" t="s">
        <v>44171</v>
      </c>
    </row>
    <row r="22128" spans="1:3" x14ac:dyDescent="0.15">
      <c r="A22128">
        <v>2870</v>
      </c>
      <c r="B22128" t="s">
        <v>44172</v>
      </c>
      <c r="C22128" t="s">
        <v>44173</v>
      </c>
    </row>
    <row r="22129" spans="1:3" x14ac:dyDescent="0.15">
      <c r="A22129">
        <v>2869</v>
      </c>
      <c r="B22129" t="s">
        <v>44174</v>
      </c>
      <c r="C22129" t="s">
        <v>44175</v>
      </c>
    </row>
    <row r="22130" spans="1:3" x14ac:dyDescent="0.15">
      <c r="A22130">
        <v>2868</v>
      </c>
      <c r="B22130" t="s">
        <v>44176</v>
      </c>
      <c r="C22130" t="s">
        <v>44177</v>
      </c>
    </row>
    <row r="22131" spans="1:3" x14ac:dyDescent="0.15">
      <c r="A22131">
        <v>2867</v>
      </c>
      <c r="B22131" t="s">
        <v>44178</v>
      </c>
      <c r="C22131" t="s">
        <v>44179</v>
      </c>
    </row>
    <row r="22132" spans="1:3" x14ac:dyDescent="0.15">
      <c r="A22132">
        <v>2866</v>
      </c>
      <c r="B22132" t="s">
        <v>44180</v>
      </c>
      <c r="C22132" t="s">
        <v>44181</v>
      </c>
    </row>
    <row r="22133" spans="1:3" x14ac:dyDescent="0.15">
      <c r="A22133">
        <v>2865</v>
      </c>
      <c r="B22133" t="s">
        <v>44182</v>
      </c>
      <c r="C22133" t="s">
        <v>44183</v>
      </c>
    </row>
    <row r="22134" spans="1:3" x14ac:dyDescent="0.15">
      <c r="A22134">
        <v>2864</v>
      </c>
      <c r="B22134" t="s">
        <v>44184</v>
      </c>
      <c r="C22134" t="s">
        <v>44185</v>
      </c>
    </row>
    <row r="22135" spans="1:3" x14ac:dyDescent="0.15">
      <c r="A22135">
        <v>2863</v>
      </c>
      <c r="B22135" t="s">
        <v>44186</v>
      </c>
      <c r="C22135" t="s">
        <v>44187</v>
      </c>
    </row>
    <row r="22136" spans="1:3" x14ac:dyDescent="0.15">
      <c r="A22136">
        <v>2862</v>
      </c>
      <c r="B22136" t="s">
        <v>44188</v>
      </c>
      <c r="C22136" t="s">
        <v>44189</v>
      </c>
    </row>
    <row r="22137" spans="1:3" x14ac:dyDescent="0.15">
      <c r="A22137">
        <v>2861</v>
      </c>
      <c r="B22137" t="s">
        <v>44190</v>
      </c>
      <c r="C22137" t="s">
        <v>44191</v>
      </c>
    </row>
    <row r="22138" spans="1:3" x14ac:dyDescent="0.15">
      <c r="A22138">
        <v>2860</v>
      </c>
      <c r="B22138" t="s">
        <v>44192</v>
      </c>
      <c r="C22138" t="s">
        <v>44193</v>
      </c>
    </row>
    <row r="22139" spans="1:3" x14ac:dyDescent="0.15">
      <c r="A22139">
        <v>2859</v>
      </c>
      <c r="B22139" t="s">
        <v>44194</v>
      </c>
      <c r="C22139" t="s">
        <v>44195</v>
      </c>
    </row>
    <row r="22140" spans="1:3" x14ac:dyDescent="0.15">
      <c r="A22140">
        <v>2858</v>
      </c>
      <c r="B22140" t="s">
        <v>44196</v>
      </c>
      <c r="C22140" t="s">
        <v>44197</v>
      </c>
    </row>
    <row r="22141" spans="1:3" x14ac:dyDescent="0.15">
      <c r="A22141">
        <v>2857</v>
      </c>
      <c r="B22141" t="s">
        <v>44198</v>
      </c>
      <c r="C22141" t="s">
        <v>44199</v>
      </c>
    </row>
    <row r="22142" spans="1:3" x14ac:dyDescent="0.15">
      <c r="A22142">
        <v>2856</v>
      </c>
      <c r="B22142" t="s">
        <v>44200</v>
      </c>
      <c r="C22142" t="s">
        <v>44201</v>
      </c>
    </row>
    <row r="22143" spans="1:3" x14ac:dyDescent="0.15">
      <c r="A22143">
        <v>2855</v>
      </c>
      <c r="B22143" t="s">
        <v>44202</v>
      </c>
      <c r="C22143" t="s">
        <v>44203</v>
      </c>
    </row>
    <row r="22144" spans="1:3" x14ac:dyDescent="0.15">
      <c r="A22144">
        <v>2854</v>
      </c>
      <c r="B22144" t="s">
        <v>44204</v>
      </c>
      <c r="C22144" t="s">
        <v>44205</v>
      </c>
    </row>
    <row r="22145" spans="1:3" x14ac:dyDescent="0.15">
      <c r="A22145">
        <v>2853</v>
      </c>
      <c r="B22145" t="s">
        <v>44206</v>
      </c>
      <c r="C22145" t="s">
        <v>44207</v>
      </c>
    </row>
    <row r="22146" spans="1:3" x14ac:dyDescent="0.15">
      <c r="A22146">
        <v>2852</v>
      </c>
      <c r="B22146" t="s">
        <v>44208</v>
      </c>
      <c r="C22146" t="s">
        <v>44209</v>
      </c>
    </row>
    <row r="22147" spans="1:3" x14ac:dyDescent="0.15">
      <c r="A22147">
        <v>2851</v>
      </c>
      <c r="B22147" t="s">
        <v>44210</v>
      </c>
      <c r="C22147" t="s">
        <v>44211</v>
      </c>
    </row>
    <row r="22148" spans="1:3" x14ac:dyDescent="0.15">
      <c r="A22148">
        <v>2850</v>
      </c>
      <c r="B22148" t="s">
        <v>44212</v>
      </c>
      <c r="C22148" t="s">
        <v>44213</v>
      </c>
    </row>
    <row r="22149" spans="1:3" x14ac:dyDescent="0.15">
      <c r="A22149">
        <v>2849</v>
      </c>
      <c r="B22149" t="s">
        <v>44214</v>
      </c>
      <c r="C22149" t="s">
        <v>44215</v>
      </c>
    </row>
    <row r="22150" spans="1:3" x14ac:dyDescent="0.15">
      <c r="A22150">
        <v>2848</v>
      </c>
      <c r="B22150" t="s">
        <v>44216</v>
      </c>
      <c r="C22150" t="s">
        <v>44217</v>
      </c>
    </row>
    <row r="22151" spans="1:3" x14ac:dyDescent="0.15">
      <c r="A22151">
        <v>2847</v>
      </c>
      <c r="B22151" t="s">
        <v>44218</v>
      </c>
      <c r="C22151" t="s">
        <v>44219</v>
      </c>
    </row>
    <row r="22152" spans="1:3" x14ac:dyDescent="0.15">
      <c r="A22152">
        <v>2846</v>
      </c>
      <c r="B22152" t="s">
        <v>44220</v>
      </c>
      <c r="C22152" t="s">
        <v>44221</v>
      </c>
    </row>
    <row r="22153" spans="1:3" x14ac:dyDescent="0.15">
      <c r="A22153">
        <v>2845</v>
      </c>
      <c r="B22153" t="s">
        <v>44222</v>
      </c>
      <c r="C22153" t="s">
        <v>44223</v>
      </c>
    </row>
    <row r="22154" spans="1:3" x14ac:dyDescent="0.15">
      <c r="A22154">
        <v>2844</v>
      </c>
      <c r="B22154" t="s">
        <v>44224</v>
      </c>
      <c r="C22154" t="s">
        <v>44225</v>
      </c>
    </row>
    <row r="22155" spans="1:3" x14ac:dyDescent="0.15">
      <c r="A22155">
        <v>2843</v>
      </c>
      <c r="B22155" t="s">
        <v>44226</v>
      </c>
      <c r="C22155" t="s">
        <v>44227</v>
      </c>
    </row>
    <row r="22156" spans="1:3" x14ac:dyDescent="0.15">
      <c r="A22156">
        <v>2842</v>
      </c>
      <c r="B22156" t="s">
        <v>44228</v>
      </c>
      <c r="C22156" t="s">
        <v>44229</v>
      </c>
    </row>
    <row r="22157" spans="1:3" x14ac:dyDescent="0.15">
      <c r="A22157">
        <v>2841</v>
      </c>
      <c r="B22157" t="s">
        <v>44230</v>
      </c>
      <c r="C22157" t="s">
        <v>44231</v>
      </c>
    </row>
    <row r="22158" spans="1:3" x14ac:dyDescent="0.15">
      <c r="A22158">
        <v>2840</v>
      </c>
      <c r="B22158" t="s">
        <v>44232</v>
      </c>
      <c r="C22158" t="s">
        <v>44233</v>
      </c>
    </row>
    <row r="22159" spans="1:3" x14ac:dyDescent="0.15">
      <c r="A22159">
        <v>2839</v>
      </c>
      <c r="B22159" t="s">
        <v>44234</v>
      </c>
      <c r="C22159" t="s">
        <v>44235</v>
      </c>
    </row>
    <row r="22160" spans="1:3" x14ac:dyDescent="0.15">
      <c r="A22160">
        <v>2838</v>
      </c>
      <c r="B22160" t="s">
        <v>44236</v>
      </c>
      <c r="C22160" t="s">
        <v>44237</v>
      </c>
    </row>
    <row r="22161" spans="1:3" x14ac:dyDescent="0.15">
      <c r="A22161">
        <v>2837</v>
      </c>
      <c r="B22161" t="s">
        <v>44238</v>
      </c>
      <c r="C22161" t="s">
        <v>44239</v>
      </c>
    </row>
    <row r="22162" spans="1:3" x14ac:dyDescent="0.15">
      <c r="A22162">
        <v>2836</v>
      </c>
      <c r="B22162" t="s">
        <v>44240</v>
      </c>
      <c r="C22162" t="s">
        <v>44241</v>
      </c>
    </row>
    <row r="22163" spans="1:3" x14ac:dyDescent="0.15">
      <c r="A22163">
        <v>2835</v>
      </c>
      <c r="B22163" t="s">
        <v>44242</v>
      </c>
      <c r="C22163" t="s">
        <v>44243</v>
      </c>
    </row>
    <row r="22164" spans="1:3" x14ac:dyDescent="0.15">
      <c r="A22164">
        <v>2834</v>
      </c>
      <c r="B22164" t="s">
        <v>44244</v>
      </c>
      <c r="C22164" t="s">
        <v>44245</v>
      </c>
    </row>
    <row r="22165" spans="1:3" x14ac:dyDescent="0.15">
      <c r="A22165">
        <v>2833</v>
      </c>
      <c r="B22165" t="s">
        <v>44246</v>
      </c>
      <c r="C22165" t="s">
        <v>44247</v>
      </c>
    </row>
    <row r="22166" spans="1:3" x14ac:dyDescent="0.15">
      <c r="A22166">
        <v>2832</v>
      </c>
      <c r="B22166" t="s">
        <v>44248</v>
      </c>
      <c r="C22166" t="s">
        <v>44249</v>
      </c>
    </row>
    <row r="22167" spans="1:3" x14ac:dyDescent="0.15">
      <c r="A22167">
        <v>2831</v>
      </c>
      <c r="B22167" t="s">
        <v>44250</v>
      </c>
      <c r="C22167" t="s">
        <v>44251</v>
      </c>
    </row>
    <row r="22168" spans="1:3" x14ac:dyDescent="0.15">
      <c r="A22168">
        <v>2830</v>
      </c>
      <c r="B22168" t="s">
        <v>44252</v>
      </c>
      <c r="C22168" t="s">
        <v>44253</v>
      </c>
    </row>
    <row r="22169" spans="1:3" x14ac:dyDescent="0.15">
      <c r="A22169">
        <v>2829</v>
      </c>
      <c r="B22169" t="s">
        <v>44254</v>
      </c>
      <c r="C22169" t="s">
        <v>44255</v>
      </c>
    </row>
    <row r="22170" spans="1:3" x14ac:dyDescent="0.15">
      <c r="A22170">
        <v>2828</v>
      </c>
      <c r="B22170" t="s">
        <v>44256</v>
      </c>
      <c r="C22170" t="s">
        <v>44257</v>
      </c>
    </row>
    <row r="22171" spans="1:3" x14ac:dyDescent="0.15">
      <c r="A22171">
        <v>2827</v>
      </c>
      <c r="B22171" t="s">
        <v>44258</v>
      </c>
      <c r="C22171" t="s">
        <v>44259</v>
      </c>
    </row>
    <row r="22172" spans="1:3" x14ac:dyDescent="0.15">
      <c r="A22172">
        <v>2826</v>
      </c>
      <c r="B22172" t="s">
        <v>44260</v>
      </c>
      <c r="C22172" t="s">
        <v>44261</v>
      </c>
    </row>
    <row r="22173" spans="1:3" x14ac:dyDescent="0.15">
      <c r="A22173">
        <v>2825</v>
      </c>
      <c r="B22173" t="s">
        <v>44262</v>
      </c>
      <c r="C22173" t="s">
        <v>44263</v>
      </c>
    </row>
    <row r="22174" spans="1:3" x14ac:dyDescent="0.15">
      <c r="A22174">
        <v>2824</v>
      </c>
      <c r="B22174" t="s">
        <v>44264</v>
      </c>
      <c r="C22174" t="s">
        <v>44265</v>
      </c>
    </row>
    <row r="22175" spans="1:3" x14ac:dyDescent="0.15">
      <c r="A22175">
        <v>2823</v>
      </c>
      <c r="B22175" t="s">
        <v>44266</v>
      </c>
      <c r="C22175" t="s">
        <v>44267</v>
      </c>
    </row>
    <row r="22176" spans="1:3" x14ac:dyDescent="0.15">
      <c r="A22176">
        <v>2822</v>
      </c>
      <c r="B22176" t="s">
        <v>44268</v>
      </c>
      <c r="C22176" t="s">
        <v>44269</v>
      </c>
    </row>
    <row r="22177" spans="1:3" x14ac:dyDescent="0.15">
      <c r="A22177">
        <v>2821</v>
      </c>
      <c r="B22177" t="s">
        <v>44270</v>
      </c>
      <c r="C22177" t="s">
        <v>44271</v>
      </c>
    </row>
    <row r="22178" spans="1:3" x14ac:dyDescent="0.15">
      <c r="A22178">
        <v>2820</v>
      </c>
      <c r="B22178" t="s">
        <v>44272</v>
      </c>
      <c r="C22178" t="s">
        <v>44273</v>
      </c>
    </row>
    <row r="22179" spans="1:3" x14ac:dyDescent="0.15">
      <c r="A22179">
        <v>2819</v>
      </c>
      <c r="B22179" t="s">
        <v>44274</v>
      </c>
      <c r="C22179" t="s">
        <v>44275</v>
      </c>
    </row>
    <row r="22180" spans="1:3" x14ac:dyDescent="0.15">
      <c r="A22180">
        <v>2818</v>
      </c>
      <c r="B22180" t="s">
        <v>44276</v>
      </c>
      <c r="C22180" t="s">
        <v>44277</v>
      </c>
    </row>
    <row r="22181" spans="1:3" x14ac:dyDescent="0.15">
      <c r="A22181">
        <v>2817</v>
      </c>
      <c r="B22181" t="s">
        <v>44278</v>
      </c>
      <c r="C22181" t="s">
        <v>44279</v>
      </c>
    </row>
    <row r="22182" spans="1:3" x14ac:dyDescent="0.15">
      <c r="A22182">
        <v>2816</v>
      </c>
      <c r="B22182" t="s">
        <v>44280</v>
      </c>
      <c r="C22182" t="s">
        <v>44281</v>
      </c>
    </row>
    <row r="22183" spans="1:3" x14ac:dyDescent="0.15">
      <c r="A22183">
        <v>2815</v>
      </c>
      <c r="B22183" t="s">
        <v>44282</v>
      </c>
      <c r="C22183" t="s">
        <v>44283</v>
      </c>
    </row>
    <row r="22184" spans="1:3" x14ac:dyDescent="0.15">
      <c r="A22184">
        <v>2814</v>
      </c>
      <c r="B22184" t="s">
        <v>44284</v>
      </c>
      <c r="C22184" t="s">
        <v>44285</v>
      </c>
    </row>
    <row r="22185" spans="1:3" x14ac:dyDescent="0.15">
      <c r="A22185">
        <v>2813</v>
      </c>
      <c r="B22185" t="s">
        <v>44286</v>
      </c>
      <c r="C22185" t="s">
        <v>44287</v>
      </c>
    </row>
    <row r="22186" spans="1:3" x14ac:dyDescent="0.15">
      <c r="A22186">
        <v>2812</v>
      </c>
      <c r="B22186" t="s">
        <v>44288</v>
      </c>
      <c r="C22186" t="s">
        <v>44289</v>
      </c>
    </row>
    <row r="22187" spans="1:3" x14ac:dyDescent="0.15">
      <c r="A22187">
        <v>2811</v>
      </c>
      <c r="B22187" t="s">
        <v>44290</v>
      </c>
      <c r="C22187" t="s">
        <v>44291</v>
      </c>
    </row>
    <row r="22188" spans="1:3" x14ac:dyDescent="0.15">
      <c r="A22188">
        <v>2810</v>
      </c>
      <c r="B22188" t="s">
        <v>44292</v>
      </c>
      <c r="C22188" t="s">
        <v>44293</v>
      </c>
    </row>
    <row r="22189" spans="1:3" x14ac:dyDescent="0.15">
      <c r="A22189">
        <v>2809</v>
      </c>
      <c r="B22189" t="s">
        <v>44294</v>
      </c>
      <c r="C22189" t="s">
        <v>44295</v>
      </c>
    </row>
    <row r="22190" spans="1:3" x14ac:dyDescent="0.15">
      <c r="A22190">
        <v>2808</v>
      </c>
      <c r="B22190" t="s">
        <v>44296</v>
      </c>
      <c r="C22190" t="s">
        <v>44297</v>
      </c>
    </row>
    <row r="22191" spans="1:3" x14ac:dyDescent="0.15">
      <c r="A22191">
        <v>2807</v>
      </c>
      <c r="B22191" t="s">
        <v>44298</v>
      </c>
      <c r="C22191" t="s">
        <v>44299</v>
      </c>
    </row>
    <row r="22192" spans="1:3" x14ac:dyDescent="0.15">
      <c r="A22192">
        <v>2806</v>
      </c>
      <c r="B22192" t="s">
        <v>44300</v>
      </c>
      <c r="C22192" t="s">
        <v>44301</v>
      </c>
    </row>
    <row r="22193" spans="1:3" x14ac:dyDescent="0.15">
      <c r="A22193">
        <v>2805</v>
      </c>
      <c r="B22193" t="s">
        <v>44302</v>
      </c>
      <c r="C22193" t="s">
        <v>44303</v>
      </c>
    </row>
    <row r="22194" spans="1:3" x14ac:dyDescent="0.15">
      <c r="A22194">
        <v>2804</v>
      </c>
      <c r="B22194" t="s">
        <v>44304</v>
      </c>
      <c r="C22194" t="s">
        <v>44305</v>
      </c>
    </row>
    <row r="22195" spans="1:3" x14ac:dyDescent="0.15">
      <c r="A22195">
        <v>2803</v>
      </c>
      <c r="B22195" t="s">
        <v>44306</v>
      </c>
      <c r="C22195" t="s">
        <v>44307</v>
      </c>
    </row>
    <row r="22196" spans="1:3" x14ac:dyDescent="0.15">
      <c r="A22196">
        <v>2802</v>
      </c>
      <c r="B22196" t="s">
        <v>44308</v>
      </c>
      <c r="C22196" t="s">
        <v>44309</v>
      </c>
    </row>
    <row r="22197" spans="1:3" x14ac:dyDescent="0.15">
      <c r="A22197">
        <v>2801</v>
      </c>
      <c r="B22197" t="s">
        <v>44310</v>
      </c>
      <c r="C22197" t="s">
        <v>44311</v>
      </c>
    </row>
    <row r="22198" spans="1:3" x14ac:dyDescent="0.15">
      <c r="A22198">
        <v>2800</v>
      </c>
      <c r="B22198" t="s">
        <v>44312</v>
      </c>
      <c r="C22198" t="s">
        <v>44313</v>
      </c>
    </row>
    <row r="22199" spans="1:3" x14ac:dyDescent="0.15">
      <c r="A22199">
        <v>2799</v>
      </c>
      <c r="B22199" t="s">
        <v>44314</v>
      </c>
      <c r="C22199" t="s">
        <v>44315</v>
      </c>
    </row>
    <row r="22200" spans="1:3" x14ac:dyDescent="0.15">
      <c r="A22200">
        <v>2798</v>
      </c>
      <c r="B22200" t="s">
        <v>44316</v>
      </c>
      <c r="C22200" t="s">
        <v>44317</v>
      </c>
    </row>
    <row r="22201" spans="1:3" x14ac:dyDescent="0.15">
      <c r="A22201">
        <v>2797</v>
      </c>
      <c r="B22201" t="s">
        <v>44318</v>
      </c>
      <c r="C22201" t="s">
        <v>44319</v>
      </c>
    </row>
    <row r="22202" spans="1:3" x14ac:dyDescent="0.15">
      <c r="A22202">
        <v>2796</v>
      </c>
      <c r="B22202" t="s">
        <v>44320</v>
      </c>
      <c r="C22202" t="s">
        <v>44321</v>
      </c>
    </row>
    <row r="22203" spans="1:3" x14ac:dyDescent="0.15">
      <c r="A22203">
        <v>2795</v>
      </c>
      <c r="B22203" t="s">
        <v>44322</v>
      </c>
      <c r="C22203" t="s">
        <v>44323</v>
      </c>
    </row>
    <row r="22204" spans="1:3" x14ac:dyDescent="0.15">
      <c r="A22204">
        <v>2794</v>
      </c>
      <c r="B22204" t="s">
        <v>44324</v>
      </c>
      <c r="C22204" t="s">
        <v>44325</v>
      </c>
    </row>
    <row r="22205" spans="1:3" x14ac:dyDescent="0.15">
      <c r="A22205">
        <v>2793</v>
      </c>
      <c r="B22205" t="s">
        <v>44326</v>
      </c>
      <c r="C22205" t="s">
        <v>44327</v>
      </c>
    </row>
    <row r="22206" spans="1:3" x14ac:dyDescent="0.15">
      <c r="A22206">
        <v>2792</v>
      </c>
      <c r="B22206" t="s">
        <v>44328</v>
      </c>
      <c r="C22206" t="s">
        <v>44329</v>
      </c>
    </row>
    <row r="22207" spans="1:3" x14ac:dyDescent="0.15">
      <c r="A22207">
        <v>2791</v>
      </c>
      <c r="B22207" t="s">
        <v>44330</v>
      </c>
      <c r="C22207" t="s">
        <v>44331</v>
      </c>
    </row>
    <row r="22208" spans="1:3" x14ac:dyDescent="0.15">
      <c r="A22208">
        <v>2790</v>
      </c>
      <c r="B22208" t="s">
        <v>44332</v>
      </c>
      <c r="C22208" t="s">
        <v>44333</v>
      </c>
    </row>
    <row r="22209" spans="1:3" x14ac:dyDescent="0.15">
      <c r="A22209">
        <v>2789</v>
      </c>
      <c r="B22209" t="s">
        <v>44334</v>
      </c>
      <c r="C22209" t="s">
        <v>44335</v>
      </c>
    </row>
    <row r="22210" spans="1:3" x14ac:dyDescent="0.15">
      <c r="A22210">
        <v>2788</v>
      </c>
      <c r="B22210" t="s">
        <v>44336</v>
      </c>
      <c r="C22210" t="s">
        <v>44337</v>
      </c>
    </row>
    <row r="22211" spans="1:3" x14ac:dyDescent="0.15">
      <c r="A22211">
        <v>2787</v>
      </c>
      <c r="B22211" t="s">
        <v>44338</v>
      </c>
      <c r="C22211" t="s">
        <v>44339</v>
      </c>
    </row>
    <row r="22212" spans="1:3" x14ac:dyDescent="0.15">
      <c r="A22212">
        <v>2786</v>
      </c>
      <c r="B22212" t="s">
        <v>44340</v>
      </c>
      <c r="C22212" t="s">
        <v>44341</v>
      </c>
    </row>
    <row r="22213" spans="1:3" x14ac:dyDescent="0.15">
      <c r="A22213">
        <v>2785</v>
      </c>
      <c r="B22213" t="s">
        <v>44342</v>
      </c>
      <c r="C22213" t="s">
        <v>44343</v>
      </c>
    </row>
    <row r="22214" spans="1:3" x14ac:dyDescent="0.15">
      <c r="A22214">
        <v>2784</v>
      </c>
      <c r="B22214" t="s">
        <v>44344</v>
      </c>
      <c r="C22214" t="s">
        <v>44345</v>
      </c>
    </row>
    <row r="22215" spans="1:3" x14ac:dyDescent="0.15">
      <c r="A22215">
        <v>2783</v>
      </c>
      <c r="B22215" t="s">
        <v>44346</v>
      </c>
      <c r="C22215" t="s">
        <v>44347</v>
      </c>
    </row>
    <row r="22216" spans="1:3" x14ac:dyDescent="0.15">
      <c r="A22216">
        <v>2782</v>
      </c>
      <c r="B22216" t="s">
        <v>44348</v>
      </c>
      <c r="C22216" t="s">
        <v>44349</v>
      </c>
    </row>
    <row r="22217" spans="1:3" x14ac:dyDescent="0.15">
      <c r="A22217">
        <v>2781</v>
      </c>
      <c r="B22217" t="s">
        <v>44350</v>
      </c>
      <c r="C22217" t="s">
        <v>44351</v>
      </c>
    </row>
    <row r="22218" spans="1:3" x14ac:dyDescent="0.15">
      <c r="A22218">
        <v>2780</v>
      </c>
      <c r="B22218" t="s">
        <v>44352</v>
      </c>
      <c r="C22218" t="s">
        <v>44353</v>
      </c>
    </row>
    <row r="22219" spans="1:3" x14ac:dyDescent="0.15">
      <c r="A22219">
        <v>2779</v>
      </c>
      <c r="B22219" t="s">
        <v>44354</v>
      </c>
      <c r="C22219" t="s">
        <v>44355</v>
      </c>
    </row>
    <row r="22220" spans="1:3" x14ac:dyDescent="0.15">
      <c r="A22220">
        <v>2778</v>
      </c>
      <c r="B22220" t="s">
        <v>44356</v>
      </c>
      <c r="C22220" t="s">
        <v>44357</v>
      </c>
    </row>
    <row r="22221" spans="1:3" x14ac:dyDescent="0.15">
      <c r="A22221">
        <v>2777</v>
      </c>
      <c r="B22221" t="s">
        <v>44358</v>
      </c>
      <c r="C22221" t="s">
        <v>44359</v>
      </c>
    </row>
    <row r="22222" spans="1:3" x14ac:dyDescent="0.15">
      <c r="A22222">
        <v>2776</v>
      </c>
      <c r="B22222" t="s">
        <v>44360</v>
      </c>
      <c r="C22222" t="s">
        <v>44361</v>
      </c>
    </row>
    <row r="22223" spans="1:3" x14ac:dyDescent="0.15">
      <c r="A22223">
        <v>2775</v>
      </c>
      <c r="B22223" t="s">
        <v>44362</v>
      </c>
      <c r="C22223" t="s">
        <v>44363</v>
      </c>
    </row>
    <row r="22224" spans="1:3" x14ac:dyDescent="0.15">
      <c r="A22224">
        <v>2774</v>
      </c>
      <c r="B22224" t="s">
        <v>44364</v>
      </c>
      <c r="C22224" t="s">
        <v>44365</v>
      </c>
    </row>
    <row r="22225" spans="1:3" x14ac:dyDescent="0.15">
      <c r="A22225">
        <v>2773</v>
      </c>
      <c r="B22225" t="s">
        <v>44366</v>
      </c>
      <c r="C22225" t="s">
        <v>44367</v>
      </c>
    </row>
    <row r="22226" spans="1:3" x14ac:dyDescent="0.15">
      <c r="A22226">
        <v>2772</v>
      </c>
      <c r="B22226" t="s">
        <v>44368</v>
      </c>
      <c r="C22226" t="s">
        <v>44369</v>
      </c>
    </row>
    <row r="22227" spans="1:3" x14ac:dyDescent="0.15">
      <c r="A22227">
        <v>2771</v>
      </c>
      <c r="B22227" t="s">
        <v>44370</v>
      </c>
      <c r="C22227" t="s">
        <v>44371</v>
      </c>
    </row>
    <row r="22228" spans="1:3" x14ac:dyDescent="0.15">
      <c r="A22228">
        <v>2770</v>
      </c>
      <c r="B22228" t="s">
        <v>44372</v>
      </c>
      <c r="C22228" t="s">
        <v>44373</v>
      </c>
    </row>
    <row r="22229" spans="1:3" x14ac:dyDescent="0.15">
      <c r="A22229">
        <v>2769</v>
      </c>
      <c r="B22229" t="s">
        <v>44374</v>
      </c>
      <c r="C22229" t="s">
        <v>44375</v>
      </c>
    </row>
    <row r="22230" spans="1:3" x14ac:dyDescent="0.15">
      <c r="A22230">
        <v>2768</v>
      </c>
      <c r="B22230" t="s">
        <v>44376</v>
      </c>
      <c r="C22230" t="s">
        <v>44377</v>
      </c>
    </row>
    <row r="22231" spans="1:3" x14ac:dyDescent="0.15">
      <c r="A22231">
        <v>2767</v>
      </c>
      <c r="B22231" t="s">
        <v>44378</v>
      </c>
      <c r="C22231" t="s">
        <v>44379</v>
      </c>
    </row>
    <row r="22232" spans="1:3" x14ac:dyDescent="0.15">
      <c r="A22232">
        <v>2766</v>
      </c>
      <c r="B22232" t="s">
        <v>44380</v>
      </c>
      <c r="C22232" t="s">
        <v>44381</v>
      </c>
    </row>
    <row r="22233" spans="1:3" x14ac:dyDescent="0.15">
      <c r="A22233">
        <v>2765</v>
      </c>
      <c r="B22233" t="s">
        <v>44382</v>
      </c>
      <c r="C22233" t="s">
        <v>44383</v>
      </c>
    </row>
    <row r="22234" spans="1:3" x14ac:dyDescent="0.15">
      <c r="A22234">
        <v>2764</v>
      </c>
      <c r="B22234" t="s">
        <v>44384</v>
      </c>
      <c r="C22234" t="s">
        <v>44385</v>
      </c>
    </row>
    <row r="22235" spans="1:3" x14ac:dyDescent="0.15">
      <c r="A22235">
        <v>2763</v>
      </c>
      <c r="B22235" t="s">
        <v>44386</v>
      </c>
      <c r="C22235" t="s">
        <v>44387</v>
      </c>
    </row>
    <row r="22236" spans="1:3" x14ac:dyDescent="0.15">
      <c r="A22236">
        <v>2762</v>
      </c>
      <c r="B22236" t="s">
        <v>44388</v>
      </c>
      <c r="C22236" t="s">
        <v>44389</v>
      </c>
    </row>
    <row r="22237" spans="1:3" x14ac:dyDescent="0.15">
      <c r="A22237">
        <v>2761</v>
      </c>
      <c r="B22237" t="s">
        <v>44390</v>
      </c>
      <c r="C22237" t="s">
        <v>44391</v>
      </c>
    </row>
    <row r="22238" spans="1:3" x14ac:dyDescent="0.15">
      <c r="A22238">
        <v>2760</v>
      </c>
      <c r="B22238" t="s">
        <v>44392</v>
      </c>
      <c r="C22238" t="s">
        <v>44393</v>
      </c>
    </row>
    <row r="22239" spans="1:3" x14ac:dyDescent="0.15">
      <c r="A22239">
        <v>2759</v>
      </c>
      <c r="B22239" t="s">
        <v>44394</v>
      </c>
      <c r="C22239" t="s">
        <v>44395</v>
      </c>
    </row>
    <row r="22240" spans="1:3" x14ac:dyDescent="0.15">
      <c r="A22240">
        <v>2758</v>
      </c>
      <c r="B22240" t="s">
        <v>44396</v>
      </c>
      <c r="C22240" t="s">
        <v>44397</v>
      </c>
    </row>
    <row r="22241" spans="1:3" x14ac:dyDescent="0.15">
      <c r="A22241">
        <v>2757</v>
      </c>
      <c r="B22241" t="s">
        <v>44398</v>
      </c>
      <c r="C22241" t="s">
        <v>44399</v>
      </c>
    </row>
    <row r="22242" spans="1:3" x14ac:dyDescent="0.15">
      <c r="A22242">
        <v>2756</v>
      </c>
      <c r="B22242" t="s">
        <v>44400</v>
      </c>
      <c r="C22242" t="s">
        <v>44401</v>
      </c>
    </row>
    <row r="22243" spans="1:3" x14ac:dyDescent="0.15">
      <c r="A22243">
        <v>2755</v>
      </c>
      <c r="B22243" t="s">
        <v>44402</v>
      </c>
      <c r="C22243" t="s">
        <v>44403</v>
      </c>
    </row>
    <row r="22244" spans="1:3" x14ac:dyDescent="0.15">
      <c r="A22244">
        <v>2754</v>
      </c>
      <c r="B22244" t="s">
        <v>44404</v>
      </c>
      <c r="C22244" t="s">
        <v>44405</v>
      </c>
    </row>
    <row r="22245" spans="1:3" x14ac:dyDescent="0.15">
      <c r="A22245">
        <v>2753</v>
      </c>
      <c r="B22245" t="s">
        <v>44406</v>
      </c>
      <c r="C22245" t="s">
        <v>44407</v>
      </c>
    </row>
    <row r="22246" spans="1:3" x14ac:dyDescent="0.15">
      <c r="A22246">
        <v>2752</v>
      </c>
      <c r="B22246" t="s">
        <v>44408</v>
      </c>
      <c r="C22246" t="s">
        <v>44409</v>
      </c>
    </row>
    <row r="22247" spans="1:3" x14ac:dyDescent="0.15">
      <c r="A22247">
        <v>2751</v>
      </c>
      <c r="B22247" t="s">
        <v>44410</v>
      </c>
      <c r="C22247" t="s">
        <v>44411</v>
      </c>
    </row>
    <row r="22248" spans="1:3" x14ac:dyDescent="0.15">
      <c r="A22248">
        <v>2750</v>
      </c>
      <c r="B22248" t="s">
        <v>44412</v>
      </c>
      <c r="C22248" t="s">
        <v>44413</v>
      </c>
    </row>
    <row r="22249" spans="1:3" x14ac:dyDescent="0.15">
      <c r="A22249">
        <v>2749</v>
      </c>
      <c r="B22249" t="s">
        <v>44414</v>
      </c>
      <c r="C22249" t="s">
        <v>44415</v>
      </c>
    </row>
    <row r="22250" spans="1:3" x14ac:dyDescent="0.15">
      <c r="A22250">
        <v>2748</v>
      </c>
      <c r="B22250" t="s">
        <v>44416</v>
      </c>
      <c r="C22250" t="s">
        <v>44417</v>
      </c>
    </row>
    <row r="22251" spans="1:3" x14ac:dyDescent="0.15">
      <c r="A22251">
        <v>2747</v>
      </c>
      <c r="B22251" t="s">
        <v>44418</v>
      </c>
      <c r="C22251" t="s">
        <v>44419</v>
      </c>
    </row>
    <row r="22252" spans="1:3" x14ac:dyDescent="0.15">
      <c r="A22252">
        <v>2746</v>
      </c>
      <c r="B22252" t="s">
        <v>44420</v>
      </c>
      <c r="C22252" t="s">
        <v>44421</v>
      </c>
    </row>
    <row r="22253" spans="1:3" x14ac:dyDescent="0.15">
      <c r="A22253">
        <v>2745</v>
      </c>
      <c r="B22253" t="s">
        <v>44422</v>
      </c>
      <c r="C22253" t="s">
        <v>44423</v>
      </c>
    </row>
    <row r="22254" spans="1:3" x14ac:dyDescent="0.15">
      <c r="A22254">
        <v>2744</v>
      </c>
      <c r="B22254" t="s">
        <v>44424</v>
      </c>
      <c r="C22254" t="s">
        <v>44425</v>
      </c>
    </row>
    <row r="22255" spans="1:3" x14ac:dyDescent="0.15">
      <c r="A22255">
        <v>2743</v>
      </c>
      <c r="B22255" t="s">
        <v>44426</v>
      </c>
      <c r="C22255" t="s">
        <v>44427</v>
      </c>
    </row>
    <row r="22256" spans="1:3" x14ac:dyDescent="0.15">
      <c r="A22256">
        <v>2742</v>
      </c>
      <c r="B22256" t="s">
        <v>44428</v>
      </c>
      <c r="C22256" t="s">
        <v>44429</v>
      </c>
    </row>
    <row r="22257" spans="1:3" x14ac:dyDescent="0.15">
      <c r="A22257">
        <v>2741</v>
      </c>
      <c r="B22257" t="s">
        <v>44430</v>
      </c>
      <c r="C22257" t="s">
        <v>44431</v>
      </c>
    </row>
    <row r="22258" spans="1:3" x14ac:dyDescent="0.15">
      <c r="A22258">
        <v>2740</v>
      </c>
      <c r="B22258" t="s">
        <v>44432</v>
      </c>
      <c r="C22258" t="s">
        <v>44433</v>
      </c>
    </row>
    <row r="22259" spans="1:3" x14ac:dyDescent="0.15">
      <c r="A22259">
        <v>2739</v>
      </c>
      <c r="B22259" t="s">
        <v>44434</v>
      </c>
      <c r="C22259" t="s">
        <v>44435</v>
      </c>
    </row>
    <row r="22260" spans="1:3" x14ac:dyDescent="0.15">
      <c r="A22260">
        <v>2738</v>
      </c>
      <c r="B22260" t="s">
        <v>44436</v>
      </c>
      <c r="C22260" t="s">
        <v>44437</v>
      </c>
    </row>
    <row r="22261" spans="1:3" x14ac:dyDescent="0.15">
      <c r="A22261">
        <v>2737</v>
      </c>
      <c r="B22261" t="s">
        <v>44438</v>
      </c>
      <c r="C22261" t="s">
        <v>44439</v>
      </c>
    </row>
    <row r="22262" spans="1:3" x14ac:dyDescent="0.15">
      <c r="A22262">
        <v>2736</v>
      </c>
      <c r="B22262" t="s">
        <v>44440</v>
      </c>
      <c r="C22262" t="s">
        <v>44441</v>
      </c>
    </row>
    <row r="22263" spans="1:3" x14ac:dyDescent="0.15">
      <c r="A22263">
        <v>2735</v>
      </c>
      <c r="B22263" t="s">
        <v>44442</v>
      </c>
      <c r="C22263" t="s">
        <v>44443</v>
      </c>
    </row>
    <row r="22264" spans="1:3" x14ac:dyDescent="0.15">
      <c r="A22264">
        <v>2734</v>
      </c>
      <c r="B22264" t="s">
        <v>44444</v>
      </c>
      <c r="C22264" t="s">
        <v>44445</v>
      </c>
    </row>
    <row r="22265" spans="1:3" x14ac:dyDescent="0.15">
      <c r="A22265">
        <v>2733</v>
      </c>
      <c r="B22265" t="s">
        <v>44446</v>
      </c>
      <c r="C22265" t="s">
        <v>44447</v>
      </c>
    </row>
    <row r="22266" spans="1:3" x14ac:dyDescent="0.15">
      <c r="A22266">
        <v>2732</v>
      </c>
      <c r="B22266" t="s">
        <v>44448</v>
      </c>
      <c r="C22266" t="s">
        <v>44449</v>
      </c>
    </row>
    <row r="22267" spans="1:3" x14ac:dyDescent="0.15">
      <c r="A22267">
        <v>2731</v>
      </c>
      <c r="B22267" t="s">
        <v>44450</v>
      </c>
      <c r="C22267" t="s">
        <v>44451</v>
      </c>
    </row>
    <row r="22268" spans="1:3" x14ac:dyDescent="0.15">
      <c r="A22268">
        <v>2730</v>
      </c>
      <c r="B22268" t="s">
        <v>44452</v>
      </c>
      <c r="C22268" t="s">
        <v>44453</v>
      </c>
    </row>
    <row r="22269" spans="1:3" x14ac:dyDescent="0.15">
      <c r="A22269">
        <v>2729</v>
      </c>
      <c r="B22269" t="s">
        <v>44454</v>
      </c>
      <c r="C22269" t="s">
        <v>44455</v>
      </c>
    </row>
    <row r="22270" spans="1:3" x14ac:dyDescent="0.15">
      <c r="A22270">
        <v>2728</v>
      </c>
      <c r="B22270" t="s">
        <v>44456</v>
      </c>
      <c r="C22270" t="s">
        <v>44457</v>
      </c>
    </row>
    <row r="22271" spans="1:3" x14ac:dyDescent="0.15">
      <c r="A22271">
        <v>2727</v>
      </c>
      <c r="B22271" t="s">
        <v>44458</v>
      </c>
      <c r="C22271" t="s">
        <v>44459</v>
      </c>
    </row>
    <row r="22272" spans="1:3" x14ac:dyDescent="0.15">
      <c r="A22272">
        <v>2726</v>
      </c>
      <c r="B22272" t="s">
        <v>44460</v>
      </c>
      <c r="C22272" t="s">
        <v>44461</v>
      </c>
    </row>
    <row r="22273" spans="1:3" x14ac:dyDescent="0.15">
      <c r="A22273">
        <v>2725</v>
      </c>
      <c r="B22273" t="s">
        <v>44462</v>
      </c>
      <c r="C22273" t="s">
        <v>44463</v>
      </c>
    </row>
    <row r="22274" spans="1:3" x14ac:dyDescent="0.15">
      <c r="A22274">
        <v>2724</v>
      </c>
      <c r="B22274" t="s">
        <v>44464</v>
      </c>
      <c r="C22274" t="s">
        <v>44465</v>
      </c>
    </row>
    <row r="22275" spans="1:3" x14ac:dyDescent="0.15">
      <c r="A22275">
        <v>2723</v>
      </c>
      <c r="B22275" t="s">
        <v>44466</v>
      </c>
      <c r="C22275" t="s">
        <v>44467</v>
      </c>
    </row>
    <row r="22276" spans="1:3" x14ac:dyDescent="0.15">
      <c r="A22276">
        <v>2722</v>
      </c>
      <c r="B22276" t="s">
        <v>44468</v>
      </c>
      <c r="C22276" t="s">
        <v>44469</v>
      </c>
    </row>
    <row r="22277" spans="1:3" x14ac:dyDescent="0.15">
      <c r="A22277">
        <v>2721</v>
      </c>
      <c r="B22277" t="s">
        <v>44470</v>
      </c>
      <c r="C22277" t="s">
        <v>44471</v>
      </c>
    </row>
    <row r="22278" spans="1:3" x14ac:dyDescent="0.15">
      <c r="A22278">
        <v>2720</v>
      </c>
      <c r="B22278" t="s">
        <v>44472</v>
      </c>
      <c r="C22278" t="s">
        <v>44473</v>
      </c>
    </row>
    <row r="22279" spans="1:3" x14ac:dyDescent="0.15">
      <c r="A22279">
        <v>2719</v>
      </c>
      <c r="B22279" t="s">
        <v>44474</v>
      </c>
      <c r="C22279" t="s">
        <v>44475</v>
      </c>
    </row>
    <row r="22280" spans="1:3" x14ac:dyDescent="0.15">
      <c r="A22280">
        <v>2718</v>
      </c>
      <c r="B22280" t="s">
        <v>44476</v>
      </c>
      <c r="C22280" t="s">
        <v>44477</v>
      </c>
    </row>
    <row r="22281" spans="1:3" x14ac:dyDescent="0.15">
      <c r="A22281">
        <v>2717</v>
      </c>
      <c r="B22281" t="s">
        <v>44478</v>
      </c>
      <c r="C22281" t="s">
        <v>44479</v>
      </c>
    </row>
    <row r="22282" spans="1:3" x14ac:dyDescent="0.15">
      <c r="A22282">
        <v>2716</v>
      </c>
      <c r="B22282" t="s">
        <v>44480</v>
      </c>
      <c r="C22282" t="s">
        <v>44481</v>
      </c>
    </row>
    <row r="22283" spans="1:3" x14ac:dyDescent="0.15">
      <c r="A22283">
        <v>2715</v>
      </c>
      <c r="B22283" t="s">
        <v>44482</v>
      </c>
      <c r="C22283" t="s">
        <v>44483</v>
      </c>
    </row>
    <row r="22284" spans="1:3" x14ac:dyDescent="0.15">
      <c r="A22284">
        <v>2714</v>
      </c>
      <c r="B22284" t="s">
        <v>44484</v>
      </c>
      <c r="C22284" t="s">
        <v>44485</v>
      </c>
    </row>
    <row r="22285" spans="1:3" x14ac:dyDescent="0.15">
      <c r="A22285">
        <v>2713</v>
      </c>
      <c r="B22285" t="s">
        <v>44486</v>
      </c>
      <c r="C22285" t="s">
        <v>44487</v>
      </c>
    </row>
    <row r="22286" spans="1:3" x14ac:dyDescent="0.15">
      <c r="A22286">
        <v>2712</v>
      </c>
      <c r="B22286" t="s">
        <v>44488</v>
      </c>
      <c r="C22286" t="s">
        <v>44489</v>
      </c>
    </row>
    <row r="22287" spans="1:3" x14ac:dyDescent="0.15">
      <c r="A22287">
        <v>2711</v>
      </c>
      <c r="B22287" t="s">
        <v>44490</v>
      </c>
      <c r="C22287" t="s">
        <v>44491</v>
      </c>
    </row>
    <row r="22288" spans="1:3" x14ac:dyDescent="0.15">
      <c r="A22288">
        <v>2710</v>
      </c>
      <c r="B22288" t="s">
        <v>44492</v>
      </c>
      <c r="C22288" t="s">
        <v>44493</v>
      </c>
    </row>
    <row r="22289" spans="1:3" x14ac:dyDescent="0.15">
      <c r="A22289">
        <v>2709</v>
      </c>
      <c r="B22289" t="s">
        <v>44494</v>
      </c>
      <c r="C22289" t="s">
        <v>44495</v>
      </c>
    </row>
    <row r="22290" spans="1:3" x14ac:dyDescent="0.15">
      <c r="A22290">
        <v>2708</v>
      </c>
      <c r="B22290" t="s">
        <v>44496</v>
      </c>
      <c r="C22290" t="s">
        <v>44497</v>
      </c>
    </row>
    <row r="22291" spans="1:3" x14ac:dyDescent="0.15">
      <c r="A22291">
        <v>2707</v>
      </c>
      <c r="B22291" t="s">
        <v>44498</v>
      </c>
      <c r="C22291" t="s">
        <v>44499</v>
      </c>
    </row>
    <row r="22292" spans="1:3" x14ac:dyDescent="0.15">
      <c r="A22292">
        <v>2706</v>
      </c>
      <c r="B22292" t="s">
        <v>44500</v>
      </c>
      <c r="C22292" t="s">
        <v>44501</v>
      </c>
    </row>
    <row r="22293" spans="1:3" x14ac:dyDescent="0.15">
      <c r="A22293">
        <v>2705</v>
      </c>
      <c r="B22293" t="s">
        <v>44502</v>
      </c>
      <c r="C22293" t="s">
        <v>44503</v>
      </c>
    </row>
    <row r="22294" spans="1:3" x14ac:dyDescent="0.15">
      <c r="A22294">
        <v>2704</v>
      </c>
      <c r="B22294" t="s">
        <v>44504</v>
      </c>
      <c r="C22294" t="s">
        <v>44505</v>
      </c>
    </row>
    <row r="22295" spans="1:3" x14ac:dyDescent="0.15">
      <c r="A22295">
        <v>2703</v>
      </c>
      <c r="B22295" t="s">
        <v>44506</v>
      </c>
      <c r="C22295" t="s">
        <v>44507</v>
      </c>
    </row>
    <row r="22296" spans="1:3" x14ac:dyDescent="0.15">
      <c r="A22296">
        <v>2702</v>
      </c>
      <c r="B22296" t="s">
        <v>44508</v>
      </c>
      <c r="C22296" t="s">
        <v>44509</v>
      </c>
    </row>
    <row r="22297" spans="1:3" x14ac:dyDescent="0.15">
      <c r="A22297">
        <v>2701</v>
      </c>
      <c r="B22297" t="s">
        <v>44510</v>
      </c>
      <c r="C22297" t="s">
        <v>44511</v>
      </c>
    </row>
    <row r="22298" spans="1:3" x14ac:dyDescent="0.15">
      <c r="A22298">
        <v>2700</v>
      </c>
      <c r="B22298" t="s">
        <v>44512</v>
      </c>
      <c r="C22298" t="s">
        <v>44513</v>
      </c>
    </row>
    <row r="22299" spans="1:3" x14ac:dyDescent="0.15">
      <c r="A22299">
        <v>2699</v>
      </c>
      <c r="B22299" t="s">
        <v>44514</v>
      </c>
      <c r="C22299" t="s">
        <v>44515</v>
      </c>
    </row>
    <row r="22300" spans="1:3" x14ac:dyDescent="0.15">
      <c r="A22300">
        <v>2698</v>
      </c>
      <c r="B22300" t="s">
        <v>44516</v>
      </c>
      <c r="C22300" t="s">
        <v>44517</v>
      </c>
    </row>
    <row r="22301" spans="1:3" x14ac:dyDescent="0.15">
      <c r="A22301">
        <v>2697</v>
      </c>
      <c r="B22301" t="s">
        <v>44518</v>
      </c>
      <c r="C22301" t="s">
        <v>44519</v>
      </c>
    </row>
    <row r="22302" spans="1:3" x14ac:dyDescent="0.15">
      <c r="A22302">
        <v>2696</v>
      </c>
      <c r="B22302" t="s">
        <v>44520</v>
      </c>
      <c r="C22302" t="s">
        <v>44521</v>
      </c>
    </row>
    <row r="22303" spans="1:3" x14ac:dyDescent="0.15">
      <c r="A22303">
        <v>2695</v>
      </c>
      <c r="B22303" t="s">
        <v>44522</v>
      </c>
      <c r="C22303" t="s">
        <v>44523</v>
      </c>
    </row>
    <row r="22304" spans="1:3" x14ac:dyDescent="0.15">
      <c r="A22304">
        <v>2694</v>
      </c>
      <c r="B22304" t="s">
        <v>44524</v>
      </c>
      <c r="C22304" t="s">
        <v>44525</v>
      </c>
    </row>
    <row r="22305" spans="1:3" x14ac:dyDescent="0.15">
      <c r="A22305">
        <v>2693</v>
      </c>
      <c r="B22305" t="s">
        <v>44526</v>
      </c>
      <c r="C22305" t="s">
        <v>44527</v>
      </c>
    </row>
    <row r="22306" spans="1:3" x14ac:dyDescent="0.15">
      <c r="A22306">
        <v>2692</v>
      </c>
      <c r="B22306" t="s">
        <v>44528</v>
      </c>
      <c r="C22306" t="s">
        <v>44529</v>
      </c>
    </row>
    <row r="22307" spans="1:3" x14ac:dyDescent="0.15">
      <c r="A22307">
        <v>2691</v>
      </c>
      <c r="B22307" t="s">
        <v>44530</v>
      </c>
      <c r="C22307" t="s">
        <v>44531</v>
      </c>
    </row>
    <row r="22308" spans="1:3" x14ac:dyDescent="0.15">
      <c r="A22308">
        <v>2690</v>
      </c>
      <c r="B22308" t="s">
        <v>44532</v>
      </c>
      <c r="C22308" t="s">
        <v>44533</v>
      </c>
    </row>
    <row r="22309" spans="1:3" x14ac:dyDescent="0.15">
      <c r="A22309">
        <v>2689</v>
      </c>
      <c r="B22309" t="s">
        <v>44534</v>
      </c>
      <c r="C22309" t="s">
        <v>44535</v>
      </c>
    </row>
    <row r="22310" spans="1:3" x14ac:dyDescent="0.15">
      <c r="A22310">
        <v>2688</v>
      </c>
      <c r="B22310" t="s">
        <v>44536</v>
      </c>
      <c r="C22310" t="s">
        <v>44537</v>
      </c>
    </row>
    <row r="22311" spans="1:3" x14ac:dyDescent="0.15">
      <c r="A22311">
        <v>2687</v>
      </c>
      <c r="B22311" t="s">
        <v>44538</v>
      </c>
      <c r="C22311" t="s">
        <v>44539</v>
      </c>
    </row>
    <row r="22312" spans="1:3" x14ac:dyDescent="0.15">
      <c r="A22312">
        <v>2686</v>
      </c>
      <c r="B22312" t="s">
        <v>44540</v>
      </c>
      <c r="C22312" t="s">
        <v>44541</v>
      </c>
    </row>
    <row r="22313" spans="1:3" x14ac:dyDescent="0.15">
      <c r="A22313">
        <v>2685</v>
      </c>
      <c r="B22313" t="s">
        <v>44542</v>
      </c>
      <c r="C22313" t="s">
        <v>44543</v>
      </c>
    </row>
    <row r="22314" spans="1:3" x14ac:dyDescent="0.15">
      <c r="A22314">
        <v>2684</v>
      </c>
      <c r="B22314" t="s">
        <v>44544</v>
      </c>
      <c r="C22314" t="s">
        <v>44545</v>
      </c>
    </row>
    <row r="22315" spans="1:3" x14ac:dyDescent="0.15">
      <c r="A22315">
        <v>2683</v>
      </c>
      <c r="B22315" t="s">
        <v>44546</v>
      </c>
      <c r="C22315" t="s">
        <v>44547</v>
      </c>
    </row>
    <row r="22316" spans="1:3" x14ac:dyDescent="0.15">
      <c r="A22316">
        <v>2682</v>
      </c>
      <c r="B22316" t="s">
        <v>44548</v>
      </c>
      <c r="C22316" t="s">
        <v>44549</v>
      </c>
    </row>
    <row r="22317" spans="1:3" x14ac:dyDescent="0.15">
      <c r="A22317">
        <v>2681</v>
      </c>
      <c r="B22317" t="s">
        <v>44550</v>
      </c>
      <c r="C22317" t="s">
        <v>44551</v>
      </c>
    </row>
    <row r="22318" spans="1:3" x14ac:dyDescent="0.15">
      <c r="A22318">
        <v>2680</v>
      </c>
      <c r="B22318" t="s">
        <v>44552</v>
      </c>
      <c r="C22318" t="s">
        <v>44553</v>
      </c>
    </row>
    <row r="22319" spans="1:3" x14ac:dyDescent="0.15">
      <c r="A22319">
        <v>2679</v>
      </c>
      <c r="B22319" t="s">
        <v>44554</v>
      </c>
      <c r="C22319" t="s">
        <v>44555</v>
      </c>
    </row>
    <row r="22320" spans="1:3" x14ac:dyDescent="0.15">
      <c r="A22320">
        <v>2678</v>
      </c>
      <c r="B22320" t="s">
        <v>44556</v>
      </c>
      <c r="C22320" t="s">
        <v>44557</v>
      </c>
    </row>
    <row r="22321" spans="1:3" x14ac:dyDescent="0.15">
      <c r="A22321">
        <v>2677</v>
      </c>
      <c r="B22321" t="s">
        <v>44558</v>
      </c>
      <c r="C22321" t="s">
        <v>44559</v>
      </c>
    </row>
    <row r="22322" spans="1:3" x14ac:dyDescent="0.15">
      <c r="A22322">
        <v>2676</v>
      </c>
      <c r="B22322" t="s">
        <v>44560</v>
      </c>
      <c r="C22322" t="s">
        <v>44561</v>
      </c>
    </row>
    <row r="22323" spans="1:3" x14ac:dyDescent="0.15">
      <c r="A22323">
        <v>2675</v>
      </c>
      <c r="B22323" t="s">
        <v>44562</v>
      </c>
      <c r="C22323" t="s">
        <v>44563</v>
      </c>
    </row>
    <row r="22324" spans="1:3" x14ac:dyDescent="0.15">
      <c r="A22324">
        <v>2674</v>
      </c>
      <c r="B22324" t="s">
        <v>44564</v>
      </c>
      <c r="C22324" t="s">
        <v>44565</v>
      </c>
    </row>
    <row r="22325" spans="1:3" x14ac:dyDescent="0.15">
      <c r="A22325">
        <v>2673</v>
      </c>
      <c r="B22325" t="s">
        <v>44566</v>
      </c>
      <c r="C22325" t="s">
        <v>44567</v>
      </c>
    </row>
    <row r="22326" spans="1:3" x14ac:dyDescent="0.15">
      <c r="A22326">
        <v>2672</v>
      </c>
      <c r="B22326" t="s">
        <v>44568</v>
      </c>
      <c r="C22326" t="s">
        <v>44569</v>
      </c>
    </row>
    <row r="22327" spans="1:3" x14ac:dyDescent="0.15">
      <c r="A22327">
        <v>2671</v>
      </c>
      <c r="B22327" t="s">
        <v>44570</v>
      </c>
      <c r="C22327" t="s">
        <v>44571</v>
      </c>
    </row>
    <row r="22328" spans="1:3" x14ac:dyDescent="0.15">
      <c r="A22328">
        <v>2670</v>
      </c>
      <c r="B22328" t="s">
        <v>44572</v>
      </c>
      <c r="C22328" t="s">
        <v>44573</v>
      </c>
    </row>
    <row r="22329" spans="1:3" x14ac:dyDescent="0.15">
      <c r="A22329">
        <v>2669</v>
      </c>
      <c r="B22329" t="s">
        <v>44574</v>
      </c>
      <c r="C22329" t="s">
        <v>44575</v>
      </c>
    </row>
    <row r="22330" spans="1:3" x14ac:dyDescent="0.15">
      <c r="A22330">
        <v>2668</v>
      </c>
      <c r="B22330" t="s">
        <v>44576</v>
      </c>
      <c r="C22330" t="s">
        <v>44577</v>
      </c>
    </row>
    <row r="22331" spans="1:3" x14ac:dyDescent="0.15">
      <c r="A22331">
        <v>2667</v>
      </c>
      <c r="B22331" t="s">
        <v>44578</v>
      </c>
      <c r="C22331" t="s">
        <v>44579</v>
      </c>
    </row>
    <row r="22332" spans="1:3" x14ac:dyDescent="0.15">
      <c r="A22332">
        <v>2666</v>
      </c>
      <c r="B22332" t="s">
        <v>44580</v>
      </c>
      <c r="C22332" t="s">
        <v>44581</v>
      </c>
    </row>
    <row r="22333" spans="1:3" x14ac:dyDescent="0.15">
      <c r="A22333">
        <v>2665</v>
      </c>
      <c r="B22333" t="s">
        <v>44582</v>
      </c>
      <c r="C22333" t="s">
        <v>44583</v>
      </c>
    </row>
    <row r="22334" spans="1:3" x14ac:dyDescent="0.15">
      <c r="A22334">
        <v>2664</v>
      </c>
      <c r="B22334" t="s">
        <v>44584</v>
      </c>
      <c r="C22334" t="s">
        <v>44585</v>
      </c>
    </row>
    <row r="22335" spans="1:3" x14ac:dyDescent="0.15">
      <c r="A22335">
        <v>2663</v>
      </c>
      <c r="B22335" t="s">
        <v>44586</v>
      </c>
      <c r="C22335" t="s">
        <v>44587</v>
      </c>
    </row>
    <row r="22336" spans="1:3" x14ac:dyDescent="0.15">
      <c r="A22336">
        <v>2662</v>
      </c>
      <c r="B22336" t="s">
        <v>44588</v>
      </c>
      <c r="C22336" t="s">
        <v>44589</v>
      </c>
    </row>
    <row r="22337" spans="1:3" x14ac:dyDescent="0.15">
      <c r="A22337">
        <v>2661</v>
      </c>
      <c r="B22337" t="s">
        <v>44590</v>
      </c>
      <c r="C22337" t="s">
        <v>44591</v>
      </c>
    </row>
    <row r="22338" spans="1:3" x14ac:dyDescent="0.15">
      <c r="A22338">
        <v>2660</v>
      </c>
      <c r="B22338" t="s">
        <v>44592</v>
      </c>
      <c r="C22338" t="s">
        <v>44593</v>
      </c>
    </row>
    <row r="22339" spans="1:3" x14ac:dyDescent="0.15">
      <c r="A22339">
        <v>2659</v>
      </c>
      <c r="B22339" t="s">
        <v>44594</v>
      </c>
      <c r="C22339" t="s">
        <v>44595</v>
      </c>
    </row>
    <row r="22340" spans="1:3" x14ac:dyDescent="0.15">
      <c r="A22340">
        <v>2658</v>
      </c>
      <c r="B22340" t="s">
        <v>44596</v>
      </c>
      <c r="C22340" t="s">
        <v>44597</v>
      </c>
    </row>
    <row r="22341" spans="1:3" x14ac:dyDescent="0.15">
      <c r="A22341">
        <v>2657</v>
      </c>
      <c r="B22341" t="s">
        <v>44598</v>
      </c>
      <c r="C22341" t="s">
        <v>44599</v>
      </c>
    </row>
    <row r="22342" spans="1:3" x14ac:dyDescent="0.15">
      <c r="A22342">
        <v>2656</v>
      </c>
      <c r="B22342" t="s">
        <v>44600</v>
      </c>
      <c r="C22342" t="s">
        <v>44601</v>
      </c>
    </row>
    <row r="22343" spans="1:3" x14ac:dyDescent="0.15">
      <c r="A22343">
        <v>2655</v>
      </c>
      <c r="B22343" t="s">
        <v>44602</v>
      </c>
      <c r="C22343" t="s">
        <v>44603</v>
      </c>
    </row>
    <row r="22344" spans="1:3" x14ac:dyDescent="0.15">
      <c r="A22344">
        <v>2654</v>
      </c>
      <c r="B22344" t="s">
        <v>44604</v>
      </c>
      <c r="C22344" t="s">
        <v>44605</v>
      </c>
    </row>
    <row r="22345" spans="1:3" x14ac:dyDescent="0.15">
      <c r="A22345">
        <v>2653</v>
      </c>
      <c r="B22345" t="s">
        <v>44606</v>
      </c>
      <c r="C22345" t="s">
        <v>44607</v>
      </c>
    </row>
    <row r="22346" spans="1:3" x14ac:dyDescent="0.15">
      <c r="A22346">
        <v>2652</v>
      </c>
      <c r="B22346" t="s">
        <v>44608</v>
      </c>
      <c r="C22346" t="s">
        <v>44609</v>
      </c>
    </row>
    <row r="22347" spans="1:3" x14ac:dyDescent="0.15">
      <c r="A22347">
        <v>2651</v>
      </c>
      <c r="B22347" t="s">
        <v>44610</v>
      </c>
      <c r="C22347" t="s">
        <v>44611</v>
      </c>
    </row>
    <row r="22348" spans="1:3" x14ac:dyDescent="0.15">
      <c r="A22348">
        <v>2650</v>
      </c>
      <c r="B22348" t="s">
        <v>44612</v>
      </c>
      <c r="C22348" t="s">
        <v>44613</v>
      </c>
    </row>
    <row r="22349" spans="1:3" x14ac:dyDescent="0.15">
      <c r="A22349">
        <v>2649</v>
      </c>
      <c r="B22349" t="s">
        <v>44614</v>
      </c>
      <c r="C22349" t="s">
        <v>44615</v>
      </c>
    </row>
    <row r="22350" spans="1:3" x14ac:dyDescent="0.15">
      <c r="A22350">
        <v>2648</v>
      </c>
      <c r="B22350" t="s">
        <v>44616</v>
      </c>
      <c r="C22350" t="s">
        <v>44617</v>
      </c>
    </row>
    <row r="22351" spans="1:3" x14ac:dyDescent="0.15">
      <c r="A22351">
        <v>2647</v>
      </c>
      <c r="B22351" t="s">
        <v>44618</v>
      </c>
      <c r="C22351" t="s">
        <v>44619</v>
      </c>
    </row>
    <row r="22352" spans="1:3" x14ac:dyDescent="0.15">
      <c r="A22352">
        <v>2646</v>
      </c>
      <c r="B22352" t="s">
        <v>44620</v>
      </c>
      <c r="C22352" t="s">
        <v>44621</v>
      </c>
    </row>
    <row r="22353" spans="1:3" x14ac:dyDescent="0.15">
      <c r="A22353">
        <v>2645</v>
      </c>
      <c r="B22353" t="s">
        <v>44622</v>
      </c>
      <c r="C22353" t="s">
        <v>44623</v>
      </c>
    </row>
    <row r="22354" spans="1:3" x14ac:dyDescent="0.15">
      <c r="A22354">
        <v>2644</v>
      </c>
      <c r="B22354" t="s">
        <v>44624</v>
      </c>
      <c r="C22354" t="s">
        <v>44625</v>
      </c>
    </row>
    <row r="22355" spans="1:3" x14ac:dyDescent="0.15">
      <c r="A22355">
        <v>2643</v>
      </c>
      <c r="B22355" t="s">
        <v>44626</v>
      </c>
      <c r="C22355" t="s">
        <v>44627</v>
      </c>
    </row>
    <row r="22356" spans="1:3" x14ac:dyDescent="0.15">
      <c r="A22356">
        <v>2642</v>
      </c>
      <c r="B22356" t="s">
        <v>44628</v>
      </c>
      <c r="C22356" t="s">
        <v>44629</v>
      </c>
    </row>
    <row r="22357" spans="1:3" x14ac:dyDescent="0.15">
      <c r="A22357">
        <v>2641</v>
      </c>
      <c r="B22357" t="s">
        <v>44630</v>
      </c>
      <c r="C22357" t="s">
        <v>44631</v>
      </c>
    </row>
    <row r="22358" spans="1:3" x14ac:dyDescent="0.15">
      <c r="A22358">
        <v>2640</v>
      </c>
      <c r="B22358" t="s">
        <v>44632</v>
      </c>
      <c r="C22358" t="s">
        <v>44633</v>
      </c>
    </row>
    <row r="22359" spans="1:3" x14ac:dyDescent="0.15">
      <c r="A22359">
        <v>2639</v>
      </c>
      <c r="B22359" t="s">
        <v>44634</v>
      </c>
      <c r="C22359" t="s">
        <v>44635</v>
      </c>
    </row>
    <row r="22360" spans="1:3" x14ac:dyDescent="0.15">
      <c r="A22360">
        <v>2638</v>
      </c>
      <c r="B22360" t="s">
        <v>44636</v>
      </c>
      <c r="C22360" t="s">
        <v>44637</v>
      </c>
    </row>
    <row r="22361" spans="1:3" x14ac:dyDescent="0.15">
      <c r="A22361">
        <v>2637</v>
      </c>
      <c r="B22361" t="s">
        <v>44638</v>
      </c>
      <c r="C22361" t="s">
        <v>44639</v>
      </c>
    </row>
    <row r="22362" spans="1:3" x14ac:dyDescent="0.15">
      <c r="A22362">
        <v>2636</v>
      </c>
      <c r="B22362" t="s">
        <v>44640</v>
      </c>
      <c r="C22362" t="s">
        <v>44641</v>
      </c>
    </row>
    <row r="22363" spans="1:3" x14ac:dyDescent="0.15">
      <c r="A22363">
        <v>2635</v>
      </c>
      <c r="B22363" t="s">
        <v>44642</v>
      </c>
      <c r="C22363" t="s">
        <v>44643</v>
      </c>
    </row>
    <row r="22364" spans="1:3" x14ac:dyDescent="0.15">
      <c r="A22364">
        <v>2634</v>
      </c>
      <c r="B22364" t="s">
        <v>44644</v>
      </c>
      <c r="C22364" t="s">
        <v>44645</v>
      </c>
    </row>
    <row r="22365" spans="1:3" x14ac:dyDescent="0.15">
      <c r="A22365">
        <v>2633</v>
      </c>
      <c r="B22365" t="s">
        <v>44646</v>
      </c>
      <c r="C22365" t="s">
        <v>44647</v>
      </c>
    </row>
    <row r="22366" spans="1:3" x14ac:dyDescent="0.15">
      <c r="A22366">
        <v>2632</v>
      </c>
      <c r="B22366" t="s">
        <v>44648</v>
      </c>
      <c r="C22366" t="s">
        <v>44649</v>
      </c>
    </row>
    <row r="22367" spans="1:3" x14ac:dyDescent="0.15">
      <c r="A22367">
        <v>2631</v>
      </c>
      <c r="B22367" t="s">
        <v>44650</v>
      </c>
      <c r="C22367" t="s">
        <v>44651</v>
      </c>
    </row>
    <row r="22368" spans="1:3" x14ac:dyDescent="0.15">
      <c r="A22368">
        <v>2630</v>
      </c>
      <c r="B22368" t="s">
        <v>44652</v>
      </c>
      <c r="C22368" t="s">
        <v>44653</v>
      </c>
    </row>
    <row r="22369" spans="1:3" x14ac:dyDescent="0.15">
      <c r="A22369">
        <v>2629</v>
      </c>
      <c r="B22369" t="s">
        <v>44654</v>
      </c>
      <c r="C22369" t="s">
        <v>44655</v>
      </c>
    </row>
    <row r="22370" spans="1:3" x14ac:dyDescent="0.15">
      <c r="A22370">
        <v>2628</v>
      </c>
      <c r="B22370" t="s">
        <v>44656</v>
      </c>
      <c r="C22370" t="s">
        <v>44657</v>
      </c>
    </row>
    <row r="22371" spans="1:3" x14ac:dyDescent="0.15">
      <c r="A22371">
        <v>2627</v>
      </c>
      <c r="B22371" t="s">
        <v>44658</v>
      </c>
      <c r="C22371" t="s">
        <v>44659</v>
      </c>
    </row>
    <row r="22372" spans="1:3" x14ac:dyDescent="0.15">
      <c r="A22372">
        <v>2626</v>
      </c>
      <c r="B22372" t="s">
        <v>44660</v>
      </c>
      <c r="C22372" t="s">
        <v>44661</v>
      </c>
    </row>
    <row r="22373" spans="1:3" x14ac:dyDescent="0.15">
      <c r="A22373">
        <v>2625</v>
      </c>
      <c r="B22373" t="s">
        <v>44662</v>
      </c>
      <c r="C22373" t="s">
        <v>44663</v>
      </c>
    </row>
    <row r="22374" spans="1:3" x14ac:dyDescent="0.15">
      <c r="A22374">
        <v>2624</v>
      </c>
      <c r="B22374" t="s">
        <v>44664</v>
      </c>
      <c r="C22374" t="s">
        <v>44665</v>
      </c>
    </row>
    <row r="22375" spans="1:3" x14ac:dyDescent="0.15">
      <c r="A22375">
        <v>2623</v>
      </c>
      <c r="B22375" t="s">
        <v>44666</v>
      </c>
      <c r="C22375" t="s">
        <v>44667</v>
      </c>
    </row>
    <row r="22376" spans="1:3" x14ac:dyDescent="0.15">
      <c r="A22376">
        <v>2622</v>
      </c>
      <c r="B22376" t="s">
        <v>44668</v>
      </c>
      <c r="C22376" t="s">
        <v>44669</v>
      </c>
    </row>
    <row r="22377" spans="1:3" x14ac:dyDescent="0.15">
      <c r="A22377">
        <v>2621</v>
      </c>
      <c r="B22377" t="s">
        <v>44670</v>
      </c>
      <c r="C22377" t="s">
        <v>44671</v>
      </c>
    </row>
    <row r="22378" spans="1:3" x14ac:dyDescent="0.15">
      <c r="A22378">
        <v>2620</v>
      </c>
      <c r="B22378" t="s">
        <v>44672</v>
      </c>
      <c r="C22378" t="s">
        <v>44673</v>
      </c>
    </row>
    <row r="22379" spans="1:3" x14ac:dyDescent="0.15">
      <c r="A22379">
        <v>2619</v>
      </c>
      <c r="B22379" t="s">
        <v>44674</v>
      </c>
      <c r="C22379" t="s">
        <v>44675</v>
      </c>
    </row>
    <row r="22380" spans="1:3" x14ac:dyDescent="0.15">
      <c r="A22380">
        <v>2618</v>
      </c>
      <c r="B22380" t="s">
        <v>44676</v>
      </c>
      <c r="C22380" t="s">
        <v>44677</v>
      </c>
    </row>
    <row r="22381" spans="1:3" x14ac:dyDescent="0.15">
      <c r="A22381">
        <v>2617</v>
      </c>
      <c r="B22381" t="s">
        <v>44678</v>
      </c>
      <c r="C22381" t="s">
        <v>44679</v>
      </c>
    </row>
    <row r="22382" spans="1:3" x14ac:dyDescent="0.15">
      <c r="A22382">
        <v>2616</v>
      </c>
      <c r="B22382" t="s">
        <v>44680</v>
      </c>
      <c r="C22382" t="s">
        <v>44681</v>
      </c>
    </row>
    <row r="22383" spans="1:3" x14ac:dyDescent="0.15">
      <c r="A22383">
        <v>2615</v>
      </c>
      <c r="B22383" t="s">
        <v>44682</v>
      </c>
      <c r="C22383" t="s">
        <v>44683</v>
      </c>
    </row>
    <row r="22384" spans="1:3" x14ac:dyDescent="0.15">
      <c r="A22384">
        <v>2614</v>
      </c>
      <c r="B22384" t="s">
        <v>44684</v>
      </c>
      <c r="C22384" t="s">
        <v>44685</v>
      </c>
    </row>
    <row r="22385" spans="1:3" x14ac:dyDescent="0.15">
      <c r="A22385">
        <v>2613</v>
      </c>
      <c r="B22385" t="s">
        <v>44686</v>
      </c>
      <c r="C22385" t="s">
        <v>44687</v>
      </c>
    </row>
    <row r="22386" spans="1:3" x14ac:dyDescent="0.15">
      <c r="A22386">
        <v>2612</v>
      </c>
      <c r="B22386" t="s">
        <v>44688</v>
      </c>
      <c r="C22386" t="s">
        <v>44689</v>
      </c>
    </row>
    <row r="22387" spans="1:3" x14ac:dyDescent="0.15">
      <c r="A22387">
        <v>2611</v>
      </c>
      <c r="B22387" t="s">
        <v>44690</v>
      </c>
      <c r="C22387" t="s">
        <v>44691</v>
      </c>
    </row>
    <row r="22388" spans="1:3" x14ac:dyDescent="0.15">
      <c r="A22388">
        <v>2610</v>
      </c>
      <c r="B22388" t="s">
        <v>44692</v>
      </c>
      <c r="C22388" t="s">
        <v>44693</v>
      </c>
    </row>
    <row r="22389" spans="1:3" x14ac:dyDescent="0.15">
      <c r="A22389">
        <v>2609</v>
      </c>
      <c r="B22389" t="s">
        <v>44694</v>
      </c>
      <c r="C22389" t="s">
        <v>44695</v>
      </c>
    </row>
    <row r="22390" spans="1:3" x14ac:dyDescent="0.15">
      <c r="A22390">
        <v>2608</v>
      </c>
      <c r="B22390" t="s">
        <v>44696</v>
      </c>
      <c r="C22390" t="s">
        <v>44697</v>
      </c>
    </row>
    <row r="22391" spans="1:3" x14ac:dyDescent="0.15">
      <c r="A22391">
        <v>2607</v>
      </c>
      <c r="B22391" t="s">
        <v>44698</v>
      </c>
      <c r="C22391" t="s">
        <v>44699</v>
      </c>
    </row>
    <row r="22392" spans="1:3" x14ac:dyDescent="0.15">
      <c r="A22392">
        <v>2606</v>
      </c>
      <c r="B22392" t="s">
        <v>44700</v>
      </c>
      <c r="C22392" t="s">
        <v>44701</v>
      </c>
    </row>
    <row r="22393" spans="1:3" x14ac:dyDescent="0.15">
      <c r="A22393">
        <v>2605</v>
      </c>
      <c r="B22393" t="s">
        <v>44702</v>
      </c>
      <c r="C22393" t="s">
        <v>44703</v>
      </c>
    </row>
    <row r="22394" spans="1:3" x14ac:dyDescent="0.15">
      <c r="A22394">
        <v>2604</v>
      </c>
      <c r="B22394" t="s">
        <v>44704</v>
      </c>
      <c r="C22394" t="s">
        <v>44705</v>
      </c>
    </row>
    <row r="22395" spans="1:3" x14ac:dyDescent="0.15">
      <c r="A22395">
        <v>2603</v>
      </c>
      <c r="B22395" t="s">
        <v>44706</v>
      </c>
      <c r="C22395" t="s">
        <v>44707</v>
      </c>
    </row>
    <row r="22396" spans="1:3" x14ac:dyDescent="0.15">
      <c r="A22396">
        <v>2602</v>
      </c>
      <c r="B22396" t="s">
        <v>44708</v>
      </c>
      <c r="C22396" t="s">
        <v>44709</v>
      </c>
    </row>
    <row r="22397" spans="1:3" x14ac:dyDescent="0.15">
      <c r="A22397">
        <v>2601</v>
      </c>
      <c r="B22397" t="s">
        <v>44710</v>
      </c>
      <c r="C22397" t="s">
        <v>44711</v>
      </c>
    </row>
    <row r="22398" spans="1:3" x14ac:dyDescent="0.15">
      <c r="A22398">
        <v>2600</v>
      </c>
      <c r="B22398" t="s">
        <v>44712</v>
      </c>
      <c r="C22398" t="s">
        <v>44713</v>
      </c>
    </row>
    <row r="22399" spans="1:3" x14ac:dyDescent="0.15">
      <c r="A22399">
        <v>2599</v>
      </c>
      <c r="B22399" t="s">
        <v>44714</v>
      </c>
      <c r="C22399" t="s">
        <v>44715</v>
      </c>
    </row>
    <row r="22400" spans="1:3" x14ac:dyDescent="0.15">
      <c r="A22400">
        <v>2598</v>
      </c>
      <c r="B22400" t="s">
        <v>44716</v>
      </c>
      <c r="C22400" t="s">
        <v>44717</v>
      </c>
    </row>
    <row r="22401" spans="1:3" x14ac:dyDescent="0.15">
      <c r="A22401">
        <v>2597</v>
      </c>
      <c r="B22401" t="s">
        <v>44718</v>
      </c>
      <c r="C22401" t="s">
        <v>44719</v>
      </c>
    </row>
    <row r="22402" spans="1:3" x14ac:dyDescent="0.15">
      <c r="A22402">
        <v>2596</v>
      </c>
      <c r="B22402" t="s">
        <v>44720</v>
      </c>
      <c r="C22402" t="s">
        <v>44721</v>
      </c>
    </row>
    <row r="22403" spans="1:3" x14ac:dyDescent="0.15">
      <c r="A22403">
        <v>2595</v>
      </c>
      <c r="B22403" t="s">
        <v>44722</v>
      </c>
      <c r="C22403" t="s">
        <v>44723</v>
      </c>
    </row>
    <row r="22404" spans="1:3" x14ac:dyDescent="0.15">
      <c r="A22404">
        <v>2594</v>
      </c>
      <c r="B22404" t="s">
        <v>44724</v>
      </c>
      <c r="C22404" t="s">
        <v>44725</v>
      </c>
    </row>
    <row r="22405" spans="1:3" x14ac:dyDescent="0.15">
      <c r="A22405">
        <v>2593</v>
      </c>
      <c r="B22405" t="s">
        <v>44726</v>
      </c>
      <c r="C22405" t="s">
        <v>44727</v>
      </c>
    </row>
    <row r="22406" spans="1:3" x14ac:dyDescent="0.15">
      <c r="A22406">
        <v>2592</v>
      </c>
      <c r="B22406" t="s">
        <v>44728</v>
      </c>
      <c r="C22406" t="s">
        <v>44729</v>
      </c>
    </row>
    <row r="22407" spans="1:3" x14ac:dyDescent="0.15">
      <c r="A22407">
        <v>2591</v>
      </c>
      <c r="B22407" t="s">
        <v>44730</v>
      </c>
      <c r="C22407" t="s">
        <v>44731</v>
      </c>
    </row>
    <row r="22408" spans="1:3" x14ac:dyDescent="0.15">
      <c r="A22408">
        <v>2590</v>
      </c>
      <c r="B22408" t="s">
        <v>44732</v>
      </c>
      <c r="C22408" t="s">
        <v>44733</v>
      </c>
    </row>
    <row r="22409" spans="1:3" x14ac:dyDescent="0.15">
      <c r="A22409">
        <v>2589</v>
      </c>
      <c r="B22409" t="s">
        <v>44734</v>
      </c>
      <c r="C22409" t="s">
        <v>44735</v>
      </c>
    </row>
    <row r="22410" spans="1:3" x14ac:dyDescent="0.15">
      <c r="A22410">
        <v>2588</v>
      </c>
      <c r="B22410" t="s">
        <v>44736</v>
      </c>
      <c r="C22410" t="s">
        <v>44737</v>
      </c>
    </row>
    <row r="22411" spans="1:3" x14ac:dyDescent="0.15">
      <c r="A22411">
        <v>2587</v>
      </c>
      <c r="B22411" t="s">
        <v>44738</v>
      </c>
      <c r="C22411" t="s">
        <v>44739</v>
      </c>
    </row>
    <row r="22412" spans="1:3" x14ac:dyDescent="0.15">
      <c r="A22412">
        <v>2586</v>
      </c>
      <c r="B22412" t="s">
        <v>44740</v>
      </c>
      <c r="C22412" t="s">
        <v>44741</v>
      </c>
    </row>
    <row r="22413" spans="1:3" x14ac:dyDescent="0.15">
      <c r="A22413">
        <v>2585</v>
      </c>
      <c r="B22413" t="s">
        <v>44742</v>
      </c>
      <c r="C22413" t="s">
        <v>44743</v>
      </c>
    </row>
    <row r="22414" spans="1:3" x14ac:dyDescent="0.15">
      <c r="A22414">
        <v>2584</v>
      </c>
      <c r="B22414" t="s">
        <v>44744</v>
      </c>
      <c r="C22414" t="s">
        <v>44745</v>
      </c>
    </row>
    <row r="22415" spans="1:3" x14ac:dyDescent="0.15">
      <c r="A22415">
        <v>2583</v>
      </c>
      <c r="B22415" t="s">
        <v>44746</v>
      </c>
      <c r="C22415" t="s">
        <v>44747</v>
      </c>
    </row>
    <row r="22416" spans="1:3" x14ac:dyDescent="0.15">
      <c r="A22416">
        <v>2582</v>
      </c>
      <c r="B22416" t="s">
        <v>44748</v>
      </c>
      <c r="C22416" t="s">
        <v>44749</v>
      </c>
    </row>
    <row r="22417" spans="1:3" x14ac:dyDescent="0.15">
      <c r="A22417">
        <v>2581</v>
      </c>
      <c r="B22417" t="s">
        <v>44750</v>
      </c>
      <c r="C22417" t="s">
        <v>44751</v>
      </c>
    </row>
    <row r="22418" spans="1:3" x14ac:dyDescent="0.15">
      <c r="A22418">
        <v>2580</v>
      </c>
      <c r="B22418" t="s">
        <v>44752</v>
      </c>
      <c r="C22418" t="s">
        <v>44753</v>
      </c>
    </row>
    <row r="22419" spans="1:3" x14ac:dyDescent="0.15">
      <c r="A22419">
        <v>2579</v>
      </c>
      <c r="B22419" t="s">
        <v>44754</v>
      </c>
      <c r="C22419" t="s">
        <v>44755</v>
      </c>
    </row>
    <row r="22420" spans="1:3" x14ac:dyDescent="0.15">
      <c r="A22420">
        <v>2578</v>
      </c>
      <c r="B22420" t="s">
        <v>44756</v>
      </c>
      <c r="C22420" t="s">
        <v>44757</v>
      </c>
    </row>
    <row r="22421" spans="1:3" x14ac:dyDescent="0.15">
      <c r="A22421">
        <v>2577</v>
      </c>
      <c r="B22421" t="s">
        <v>44758</v>
      </c>
      <c r="C22421" t="s">
        <v>44759</v>
      </c>
    </row>
    <row r="22422" spans="1:3" x14ac:dyDescent="0.15">
      <c r="A22422">
        <v>2576</v>
      </c>
      <c r="B22422" t="s">
        <v>44760</v>
      </c>
      <c r="C22422" t="s">
        <v>44761</v>
      </c>
    </row>
    <row r="22423" spans="1:3" x14ac:dyDescent="0.15">
      <c r="A22423">
        <v>2575</v>
      </c>
      <c r="B22423" t="s">
        <v>44762</v>
      </c>
      <c r="C22423" t="s">
        <v>44763</v>
      </c>
    </row>
    <row r="22424" spans="1:3" x14ac:dyDescent="0.15">
      <c r="A22424">
        <v>2574</v>
      </c>
      <c r="B22424" t="s">
        <v>44764</v>
      </c>
      <c r="C22424" t="s">
        <v>44765</v>
      </c>
    </row>
    <row r="22425" spans="1:3" x14ac:dyDescent="0.15">
      <c r="A22425">
        <v>2573</v>
      </c>
      <c r="B22425" t="s">
        <v>44766</v>
      </c>
      <c r="C22425" t="s">
        <v>44767</v>
      </c>
    </row>
    <row r="22426" spans="1:3" x14ac:dyDescent="0.15">
      <c r="A22426">
        <v>2572</v>
      </c>
      <c r="B22426" t="s">
        <v>44768</v>
      </c>
      <c r="C22426" t="s">
        <v>44769</v>
      </c>
    </row>
    <row r="22427" spans="1:3" x14ac:dyDescent="0.15">
      <c r="A22427">
        <v>2571</v>
      </c>
      <c r="B22427" t="s">
        <v>44770</v>
      </c>
      <c r="C22427" t="s">
        <v>44771</v>
      </c>
    </row>
    <row r="22428" spans="1:3" x14ac:dyDescent="0.15">
      <c r="A22428">
        <v>2570</v>
      </c>
      <c r="B22428" t="s">
        <v>44772</v>
      </c>
      <c r="C22428" t="s">
        <v>44773</v>
      </c>
    </row>
    <row r="22429" spans="1:3" x14ac:dyDescent="0.15">
      <c r="A22429">
        <v>2569</v>
      </c>
      <c r="B22429" t="s">
        <v>44774</v>
      </c>
      <c r="C22429" t="s">
        <v>44775</v>
      </c>
    </row>
    <row r="22430" spans="1:3" x14ac:dyDescent="0.15">
      <c r="A22430">
        <v>2568</v>
      </c>
      <c r="B22430" t="s">
        <v>44776</v>
      </c>
      <c r="C22430" t="s">
        <v>44777</v>
      </c>
    </row>
    <row r="22431" spans="1:3" x14ac:dyDescent="0.15">
      <c r="A22431">
        <v>2567</v>
      </c>
      <c r="B22431" t="s">
        <v>44778</v>
      </c>
      <c r="C22431" t="s">
        <v>44779</v>
      </c>
    </row>
    <row r="22432" spans="1:3" x14ac:dyDescent="0.15">
      <c r="A22432">
        <v>2566</v>
      </c>
      <c r="B22432" t="s">
        <v>44780</v>
      </c>
      <c r="C22432" t="s">
        <v>44781</v>
      </c>
    </row>
    <row r="22433" spans="1:3" x14ac:dyDescent="0.15">
      <c r="A22433">
        <v>2565</v>
      </c>
      <c r="B22433" t="s">
        <v>44782</v>
      </c>
      <c r="C22433" t="s">
        <v>44783</v>
      </c>
    </row>
    <row r="22434" spans="1:3" x14ac:dyDescent="0.15">
      <c r="A22434">
        <v>2564</v>
      </c>
      <c r="B22434" t="s">
        <v>44784</v>
      </c>
      <c r="C22434" t="s">
        <v>44785</v>
      </c>
    </row>
    <row r="22435" spans="1:3" x14ac:dyDescent="0.15">
      <c r="A22435">
        <v>2563</v>
      </c>
      <c r="B22435" t="s">
        <v>44786</v>
      </c>
      <c r="C22435" t="s">
        <v>44787</v>
      </c>
    </row>
    <row r="22436" spans="1:3" x14ac:dyDescent="0.15">
      <c r="A22436">
        <v>2562</v>
      </c>
      <c r="B22436" t="s">
        <v>44788</v>
      </c>
      <c r="C22436" t="s">
        <v>44789</v>
      </c>
    </row>
    <row r="22437" spans="1:3" x14ac:dyDescent="0.15">
      <c r="A22437">
        <v>2561</v>
      </c>
      <c r="B22437" t="s">
        <v>44790</v>
      </c>
      <c r="C22437" t="s">
        <v>44791</v>
      </c>
    </row>
    <row r="22438" spans="1:3" x14ac:dyDescent="0.15">
      <c r="A22438">
        <v>2560</v>
      </c>
      <c r="B22438" t="s">
        <v>44792</v>
      </c>
      <c r="C22438" t="s">
        <v>44793</v>
      </c>
    </row>
    <row r="22439" spans="1:3" x14ac:dyDescent="0.15">
      <c r="A22439">
        <v>2559</v>
      </c>
      <c r="B22439" t="s">
        <v>44794</v>
      </c>
      <c r="C22439" t="s">
        <v>44795</v>
      </c>
    </row>
    <row r="22440" spans="1:3" x14ac:dyDescent="0.15">
      <c r="A22440">
        <v>2558</v>
      </c>
      <c r="B22440" t="s">
        <v>44796</v>
      </c>
      <c r="C22440" t="s">
        <v>44797</v>
      </c>
    </row>
    <row r="22441" spans="1:3" x14ac:dyDescent="0.15">
      <c r="A22441">
        <v>2557</v>
      </c>
      <c r="B22441" t="s">
        <v>44798</v>
      </c>
      <c r="C22441" t="s">
        <v>44799</v>
      </c>
    </row>
    <row r="22442" spans="1:3" x14ac:dyDescent="0.15">
      <c r="A22442">
        <v>2556</v>
      </c>
      <c r="B22442" t="s">
        <v>44800</v>
      </c>
      <c r="C22442" t="s">
        <v>44801</v>
      </c>
    </row>
    <row r="22443" spans="1:3" x14ac:dyDescent="0.15">
      <c r="A22443">
        <v>2555</v>
      </c>
      <c r="B22443" t="s">
        <v>44802</v>
      </c>
      <c r="C22443" t="s">
        <v>44803</v>
      </c>
    </row>
    <row r="22444" spans="1:3" x14ac:dyDescent="0.15">
      <c r="A22444">
        <v>2554</v>
      </c>
      <c r="B22444" t="s">
        <v>44804</v>
      </c>
      <c r="C22444" t="s">
        <v>44805</v>
      </c>
    </row>
    <row r="22445" spans="1:3" x14ac:dyDescent="0.15">
      <c r="A22445">
        <v>2553</v>
      </c>
      <c r="B22445" t="s">
        <v>44806</v>
      </c>
      <c r="C22445" t="s">
        <v>44807</v>
      </c>
    </row>
    <row r="22446" spans="1:3" x14ac:dyDescent="0.15">
      <c r="A22446">
        <v>2552</v>
      </c>
      <c r="B22446" t="s">
        <v>44808</v>
      </c>
      <c r="C22446" t="s">
        <v>44809</v>
      </c>
    </row>
    <row r="22447" spans="1:3" x14ac:dyDescent="0.15">
      <c r="A22447">
        <v>2551</v>
      </c>
      <c r="B22447" t="s">
        <v>44810</v>
      </c>
      <c r="C22447" t="s">
        <v>44811</v>
      </c>
    </row>
    <row r="22448" spans="1:3" x14ac:dyDescent="0.15">
      <c r="A22448">
        <v>2550</v>
      </c>
      <c r="B22448" t="s">
        <v>44812</v>
      </c>
      <c r="C22448" t="s">
        <v>44813</v>
      </c>
    </row>
    <row r="22449" spans="1:3" x14ac:dyDescent="0.15">
      <c r="A22449">
        <v>2549</v>
      </c>
      <c r="B22449" t="s">
        <v>44814</v>
      </c>
      <c r="C22449" t="s">
        <v>44815</v>
      </c>
    </row>
    <row r="22450" spans="1:3" x14ac:dyDescent="0.15">
      <c r="A22450">
        <v>2548</v>
      </c>
      <c r="B22450" t="s">
        <v>44816</v>
      </c>
      <c r="C22450" t="s">
        <v>44817</v>
      </c>
    </row>
    <row r="22451" spans="1:3" x14ac:dyDescent="0.15">
      <c r="A22451">
        <v>2547</v>
      </c>
      <c r="B22451" t="s">
        <v>44818</v>
      </c>
      <c r="C22451" t="s">
        <v>44819</v>
      </c>
    </row>
    <row r="22452" spans="1:3" x14ac:dyDescent="0.15">
      <c r="A22452">
        <v>2546</v>
      </c>
      <c r="B22452" t="s">
        <v>44820</v>
      </c>
      <c r="C22452" t="s">
        <v>44821</v>
      </c>
    </row>
    <row r="22453" spans="1:3" x14ac:dyDescent="0.15">
      <c r="A22453">
        <v>2545</v>
      </c>
      <c r="B22453" t="s">
        <v>44822</v>
      </c>
      <c r="C22453" t="s">
        <v>44823</v>
      </c>
    </row>
    <row r="22454" spans="1:3" x14ac:dyDescent="0.15">
      <c r="A22454">
        <v>2544</v>
      </c>
      <c r="B22454" t="s">
        <v>44824</v>
      </c>
      <c r="C22454" t="s">
        <v>44825</v>
      </c>
    </row>
    <row r="22455" spans="1:3" x14ac:dyDescent="0.15">
      <c r="A22455">
        <v>2543</v>
      </c>
      <c r="B22455" t="s">
        <v>44826</v>
      </c>
      <c r="C22455" t="s">
        <v>44827</v>
      </c>
    </row>
    <row r="22456" spans="1:3" x14ac:dyDescent="0.15">
      <c r="A22456">
        <v>2542</v>
      </c>
      <c r="B22456" t="s">
        <v>44828</v>
      </c>
      <c r="C22456" t="s">
        <v>44829</v>
      </c>
    </row>
    <row r="22457" spans="1:3" x14ac:dyDescent="0.15">
      <c r="A22457">
        <v>2541</v>
      </c>
      <c r="B22457" t="s">
        <v>44830</v>
      </c>
      <c r="C22457" t="s">
        <v>44831</v>
      </c>
    </row>
    <row r="22458" spans="1:3" x14ac:dyDescent="0.15">
      <c r="A22458">
        <v>2540</v>
      </c>
      <c r="B22458" t="s">
        <v>44832</v>
      </c>
      <c r="C22458" t="s">
        <v>44833</v>
      </c>
    </row>
    <row r="22459" spans="1:3" x14ac:dyDescent="0.15">
      <c r="A22459">
        <v>2539</v>
      </c>
      <c r="B22459" t="s">
        <v>44834</v>
      </c>
      <c r="C22459" t="s">
        <v>44835</v>
      </c>
    </row>
    <row r="22460" spans="1:3" x14ac:dyDescent="0.15">
      <c r="A22460">
        <v>2538</v>
      </c>
      <c r="B22460" t="s">
        <v>44836</v>
      </c>
      <c r="C22460" t="s">
        <v>44837</v>
      </c>
    </row>
    <row r="22461" spans="1:3" x14ac:dyDescent="0.15">
      <c r="A22461">
        <v>2537</v>
      </c>
      <c r="B22461" t="s">
        <v>44838</v>
      </c>
      <c r="C22461" t="s">
        <v>44839</v>
      </c>
    </row>
    <row r="22462" spans="1:3" x14ac:dyDescent="0.15">
      <c r="A22462">
        <v>2536</v>
      </c>
      <c r="B22462" t="s">
        <v>44840</v>
      </c>
      <c r="C22462" t="s">
        <v>44841</v>
      </c>
    </row>
    <row r="22463" spans="1:3" x14ac:dyDescent="0.15">
      <c r="A22463">
        <v>2535</v>
      </c>
      <c r="B22463" t="s">
        <v>44842</v>
      </c>
      <c r="C22463" t="s">
        <v>44843</v>
      </c>
    </row>
    <row r="22464" spans="1:3" x14ac:dyDescent="0.15">
      <c r="A22464">
        <v>2534</v>
      </c>
      <c r="B22464" t="s">
        <v>44844</v>
      </c>
      <c r="C22464" t="s">
        <v>44845</v>
      </c>
    </row>
    <row r="22465" spans="1:3" x14ac:dyDescent="0.15">
      <c r="A22465">
        <v>2533</v>
      </c>
      <c r="B22465" t="s">
        <v>44846</v>
      </c>
      <c r="C22465" t="s">
        <v>44847</v>
      </c>
    </row>
    <row r="22466" spans="1:3" x14ac:dyDescent="0.15">
      <c r="A22466">
        <v>2532</v>
      </c>
      <c r="B22466" t="s">
        <v>44848</v>
      </c>
      <c r="C22466" t="s">
        <v>44849</v>
      </c>
    </row>
    <row r="22467" spans="1:3" x14ac:dyDescent="0.15">
      <c r="A22467">
        <v>2531</v>
      </c>
      <c r="B22467" t="s">
        <v>44850</v>
      </c>
      <c r="C22467" t="s">
        <v>44851</v>
      </c>
    </row>
    <row r="22468" spans="1:3" x14ac:dyDescent="0.15">
      <c r="A22468">
        <v>2530</v>
      </c>
      <c r="B22468" t="s">
        <v>44852</v>
      </c>
      <c r="C22468" t="s">
        <v>44853</v>
      </c>
    </row>
    <row r="22469" spans="1:3" x14ac:dyDescent="0.15">
      <c r="A22469">
        <v>2529</v>
      </c>
      <c r="B22469" t="s">
        <v>44854</v>
      </c>
      <c r="C22469" t="s">
        <v>44855</v>
      </c>
    </row>
    <row r="22470" spans="1:3" x14ac:dyDescent="0.15">
      <c r="A22470">
        <v>2528</v>
      </c>
      <c r="B22470" t="s">
        <v>44856</v>
      </c>
      <c r="C22470" t="s">
        <v>44857</v>
      </c>
    </row>
    <row r="22471" spans="1:3" x14ac:dyDescent="0.15">
      <c r="A22471">
        <v>2527</v>
      </c>
      <c r="B22471" t="s">
        <v>44858</v>
      </c>
      <c r="C22471" t="s">
        <v>44859</v>
      </c>
    </row>
    <row r="22472" spans="1:3" x14ac:dyDescent="0.15">
      <c r="A22472">
        <v>2526</v>
      </c>
      <c r="B22472" t="s">
        <v>44860</v>
      </c>
      <c r="C22472" t="s">
        <v>44861</v>
      </c>
    </row>
    <row r="22473" spans="1:3" x14ac:dyDescent="0.15">
      <c r="A22473">
        <v>2525</v>
      </c>
      <c r="B22473" t="s">
        <v>44862</v>
      </c>
      <c r="C22473" t="s">
        <v>44863</v>
      </c>
    </row>
    <row r="22474" spans="1:3" x14ac:dyDescent="0.15">
      <c r="A22474">
        <v>2524</v>
      </c>
      <c r="B22474" t="s">
        <v>44864</v>
      </c>
      <c r="C22474" t="s">
        <v>44865</v>
      </c>
    </row>
    <row r="22475" spans="1:3" x14ac:dyDescent="0.15">
      <c r="A22475">
        <v>2523</v>
      </c>
      <c r="B22475" t="s">
        <v>44866</v>
      </c>
      <c r="C22475" t="s">
        <v>44867</v>
      </c>
    </row>
    <row r="22476" spans="1:3" x14ac:dyDescent="0.15">
      <c r="A22476">
        <v>2522</v>
      </c>
      <c r="B22476" t="s">
        <v>44868</v>
      </c>
      <c r="C22476" t="s">
        <v>44869</v>
      </c>
    </row>
    <row r="22477" spans="1:3" x14ac:dyDescent="0.15">
      <c r="A22477">
        <v>2521</v>
      </c>
      <c r="B22477" t="s">
        <v>44870</v>
      </c>
      <c r="C22477" t="s">
        <v>44871</v>
      </c>
    </row>
    <row r="22478" spans="1:3" x14ac:dyDescent="0.15">
      <c r="A22478">
        <v>2520</v>
      </c>
      <c r="B22478" t="s">
        <v>44872</v>
      </c>
      <c r="C22478" t="s">
        <v>44873</v>
      </c>
    </row>
    <row r="22479" spans="1:3" x14ac:dyDescent="0.15">
      <c r="A22479">
        <v>2519</v>
      </c>
      <c r="B22479" t="s">
        <v>44874</v>
      </c>
      <c r="C22479" t="s">
        <v>44875</v>
      </c>
    </row>
    <row r="22480" spans="1:3" x14ac:dyDescent="0.15">
      <c r="A22480">
        <v>2518</v>
      </c>
      <c r="B22480" t="s">
        <v>44876</v>
      </c>
      <c r="C22480" t="s">
        <v>44877</v>
      </c>
    </row>
    <row r="22481" spans="1:3" x14ac:dyDescent="0.15">
      <c r="A22481">
        <v>2517</v>
      </c>
      <c r="B22481" t="s">
        <v>44878</v>
      </c>
      <c r="C22481" t="s">
        <v>44879</v>
      </c>
    </row>
    <row r="22482" spans="1:3" x14ac:dyDescent="0.15">
      <c r="A22482">
        <v>2516</v>
      </c>
      <c r="B22482" t="s">
        <v>44880</v>
      </c>
      <c r="C22482" t="s">
        <v>44881</v>
      </c>
    </row>
    <row r="22483" spans="1:3" x14ac:dyDescent="0.15">
      <c r="A22483">
        <v>2515</v>
      </c>
      <c r="B22483" t="s">
        <v>44882</v>
      </c>
      <c r="C22483" t="s">
        <v>44883</v>
      </c>
    </row>
    <row r="22484" spans="1:3" x14ac:dyDescent="0.15">
      <c r="A22484">
        <v>2514</v>
      </c>
      <c r="B22484" t="s">
        <v>44884</v>
      </c>
      <c r="C22484" t="s">
        <v>44885</v>
      </c>
    </row>
    <row r="22485" spans="1:3" x14ac:dyDescent="0.15">
      <c r="A22485">
        <v>2513</v>
      </c>
      <c r="B22485" t="s">
        <v>44886</v>
      </c>
      <c r="C22485" t="s">
        <v>44887</v>
      </c>
    </row>
    <row r="22486" spans="1:3" x14ac:dyDescent="0.15">
      <c r="A22486">
        <v>2512</v>
      </c>
      <c r="B22486" t="s">
        <v>44888</v>
      </c>
      <c r="C22486" t="s">
        <v>44889</v>
      </c>
    </row>
    <row r="22487" spans="1:3" x14ac:dyDescent="0.15">
      <c r="A22487">
        <v>2511</v>
      </c>
      <c r="B22487" t="s">
        <v>44890</v>
      </c>
      <c r="C22487" t="s">
        <v>44891</v>
      </c>
    </row>
    <row r="22488" spans="1:3" x14ac:dyDescent="0.15">
      <c r="A22488">
        <v>2510</v>
      </c>
      <c r="B22488" t="s">
        <v>44892</v>
      </c>
      <c r="C22488" t="s">
        <v>44893</v>
      </c>
    </row>
    <row r="22489" spans="1:3" x14ac:dyDescent="0.15">
      <c r="A22489">
        <v>2509</v>
      </c>
      <c r="B22489" t="s">
        <v>44894</v>
      </c>
      <c r="C22489" t="s">
        <v>44895</v>
      </c>
    </row>
    <row r="22490" spans="1:3" x14ac:dyDescent="0.15">
      <c r="A22490">
        <v>2508</v>
      </c>
      <c r="B22490" t="s">
        <v>44896</v>
      </c>
      <c r="C22490" t="s">
        <v>44897</v>
      </c>
    </row>
    <row r="22491" spans="1:3" x14ac:dyDescent="0.15">
      <c r="A22491">
        <v>2507</v>
      </c>
      <c r="B22491" t="s">
        <v>44898</v>
      </c>
      <c r="C22491" t="s">
        <v>44899</v>
      </c>
    </row>
    <row r="22492" spans="1:3" x14ac:dyDescent="0.15">
      <c r="A22492">
        <v>2506</v>
      </c>
      <c r="B22492" t="s">
        <v>44900</v>
      </c>
      <c r="C22492" t="s">
        <v>44901</v>
      </c>
    </row>
    <row r="22493" spans="1:3" x14ac:dyDescent="0.15">
      <c r="A22493">
        <v>2505</v>
      </c>
      <c r="B22493" t="s">
        <v>44902</v>
      </c>
      <c r="C22493" t="s">
        <v>44903</v>
      </c>
    </row>
    <row r="22494" spans="1:3" x14ac:dyDescent="0.15">
      <c r="A22494">
        <v>2504</v>
      </c>
      <c r="B22494" t="s">
        <v>44904</v>
      </c>
      <c r="C22494" t="s">
        <v>44905</v>
      </c>
    </row>
    <row r="22495" spans="1:3" x14ac:dyDescent="0.15">
      <c r="A22495">
        <v>2503</v>
      </c>
      <c r="B22495" t="s">
        <v>44906</v>
      </c>
      <c r="C22495" t="s">
        <v>44907</v>
      </c>
    </row>
    <row r="22496" spans="1:3" x14ac:dyDescent="0.15">
      <c r="A22496">
        <v>2502</v>
      </c>
      <c r="B22496" t="s">
        <v>44908</v>
      </c>
      <c r="C22496" t="s">
        <v>44909</v>
      </c>
    </row>
    <row r="22497" spans="1:3" x14ac:dyDescent="0.15">
      <c r="A22497">
        <v>2501</v>
      </c>
      <c r="B22497" t="s">
        <v>44910</v>
      </c>
      <c r="C22497" t="s">
        <v>44911</v>
      </c>
    </row>
    <row r="22498" spans="1:3" x14ac:dyDescent="0.15">
      <c r="A22498">
        <v>2500</v>
      </c>
      <c r="B22498" t="s">
        <v>44912</v>
      </c>
      <c r="C22498" t="s">
        <v>44913</v>
      </c>
    </row>
    <row r="22499" spans="1:3" x14ac:dyDescent="0.15">
      <c r="A22499">
        <v>2499</v>
      </c>
      <c r="B22499" t="s">
        <v>44914</v>
      </c>
      <c r="C22499" t="s">
        <v>44915</v>
      </c>
    </row>
    <row r="22500" spans="1:3" x14ac:dyDescent="0.15">
      <c r="A22500">
        <v>2498</v>
      </c>
      <c r="B22500" t="s">
        <v>44916</v>
      </c>
      <c r="C22500" t="s">
        <v>44917</v>
      </c>
    </row>
    <row r="22501" spans="1:3" x14ac:dyDescent="0.15">
      <c r="A22501">
        <v>2497</v>
      </c>
      <c r="B22501" t="s">
        <v>44918</v>
      </c>
      <c r="C22501" t="s">
        <v>44919</v>
      </c>
    </row>
    <row r="22502" spans="1:3" x14ac:dyDescent="0.15">
      <c r="A22502">
        <v>2496</v>
      </c>
      <c r="B22502" t="s">
        <v>44920</v>
      </c>
      <c r="C22502" t="s">
        <v>44921</v>
      </c>
    </row>
    <row r="22503" spans="1:3" x14ac:dyDescent="0.15">
      <c r="A22503">
        <v>2495</v>
      </c>
      <c r="B22503" t="s">
        <v>44922</v>
      </c>
      <c r="C22503" t="s">
        <v>44923</v>
      </c>
    </row>
    <row r="22504" spans="1:3" x14ac:dyDescent="0.15">
      <c r="A22504">
        <v>2494</v>
      </c>
      <c r="B22504" t="s">
        <v>44924</v>
      </c>
      <c r="C22504" t="s">
        <v>44925</v>
      </c>
    </row>
    <row r="22505" spans="1:3" x14ac:dyDescent="0.15">
      <c r="A22505">
        <v>2493</v>
      </c>
      <c r="B22505" t="s">
        <v>44926</v>
      </c>
      <c r="C22505" t="s">
        <v>44927</v>
      </c>
    </row>
    <row r="22506" spans="1:3" x14ac:dyDescent="0.15">
      <c r="A22506">
        <v>2492</v>
      </c>
      <c r="B22506" t="s">
        <v>44928</v>
      </c>
      <c r="C22506" t="s">
        <v>44929</v>
      </c>
    </row>
    <row r="22507" spans="1:3" x14ac:dyDescent="0.15">
      <c r="A22507">
        <v>2491</v>
      </c>
      <c r="B22507" t="s">
        <v>44930</v>
      </c>
      <c r="C22507" t="s">
        <v>44931</v>
      </c>
    </row>
    <row r="22508" spans="1:3" x14ac:dyDescent="0.15">
      <c r="A22508">
        <v>2490</v>
      </c>
      <c r="B22508" t="s">
        <v>44932</v>
      </c>
      <c r="C22508" t="s">
        <v>44933</v>
      </c>
    </row>
    <row r="22509" spans="1:3" x14ac:dyDescent="0.15">
      <c r="A22509">
        <v>2489</v>
      </c>
      <c r="B22509" t="s">
        <v>44934</v>
      </c>
      <c r="C22509" t="s">
        <v>44935</v>
      </c>
    </row>
    <row r="22510" spans="1:3" x14ac:dyDescent="0.15">
      <c r="A22510">
        <v>2488</v>
      </c>
      <c r="B22510" t="s">
        <v>44936</v>
      </c>
      <c r="C22510" t="s">
        <v>44937</v>
      </c>
    </row>
    <row r="22511" spans="1:3" x14ac:dyDescent="0.15">
      <c r="A22511">
        <v>2487</v>
      </c>
      <c r="B22511" t="s">
        <v>44938</v>
      </c>
      <c r="C22511" t="s">
        <v>44939</v>
      </c>
    </row>
    <row r="22512" spans="1:3" x14ac:dyDescent="0.15">
      <c r="A22512">
        <v>2486</v>
      </c>
      <c r="B22512" t="s">
        <v>44940</v>
      </c>
      <c r="C22512" t="s">
        <v>44941</v>
      </c>
    </row>
    <row r="22513" spans="1:3" x14ac:dyDescent="0.15">
      <c r="A22513">
        <v>2485</v>
      </c>
      <c r="B22513" t="s">
        <v>44942</v>
      </c>
      <c r="C22513" t="s">
        <v>44943</v>
      </c>
    </row>
    <row r="22514" spans="1:3" x14ac:dyDescent="0.15">
      <c r="A22514">
        <v>2484</v>
      </c>
      <c r="B22514" t="s">
        <v>44944</v>
      </c>
      <c r="C22514" t="s">
        <v>44945</v>
      </c>
    </row>
    <row r="22515" spans="1:3" x14ac:dyDescent="0.15">
      <c r="A22515">
        <v>2483</v>
      </c>
      <c r="B22515" t="s">
        <v>44946</v>
      </c>
      <c r="C22515" t="s">
        <v>44947</v>
      </c>
    </row>
    <row r="22516" spans="1:3" x14ac:dyDescent="0.15">
      <c r="A22516">
        <v>2482</v>
      </c>
      <c r="B22516" t="s">
        <v>44948</v>
      </c>
      <c r="C22516" t="s">
        <v>44949</v>
      </c>
    </row>
    <row r="22517" spans="1:3" x14ac:dyDescent="0.15">
      <c r="A22517">
        <v>2481</v>
      </c>
      <c r="B22517" t="s">
        <v>44950</v>
      </c>
      <c r="C22517" t="s">
        <v>44951</v>
      </c>
    </row>
    <row r="22518" spans="1:3" x14ac:dyDescent="0.15">
      <c r="A22518">
        <v>2480</v>
      </c>
      <c r="B22518" t="s">
        <v>44952</v>
      </c>
      <c r="C22518" t="s">
        <v>44953</v>
      </c>
    </row>
    <row r="22519" spans="1:3" x14ac:dyDescent="0.15">
      <c r="A22519">
        <v>2479</v>
      </c>
      <c r="B22519" t="s">
        <v>44954</v>
      </c>
      <c r="C22519" t="s">
        <v>44955</v>
      </c>
    </row>
    <row r="22520" spans="1:3" x14ac:dyDescent="0.15">
      <c r="A22520">
        <v>2478</v>
      </c>
      <c r="B22520" t="s">
        <v>44956</v>
      </c>
      <c r="C22520" t="s">
        <v>44957</v>
      </c>
    </row>
    <row r="22521" spans="1:3" x14ac:dyDescent="0.15">
      <c r="A22521">
        <v>2477</v>
      </c>
      <c r="B22521" t="s">
        <v>44958</v>
      </c>
      <c r="C22521" t="s">
        <v>44959</v>
      </c>
    </row>
    <row r="22522" spans="1:3" x14ac:dyDescent="0.15">
      <c r="A22522">
        <v>2476</v>
      </c>
      <c r="B22522" t="s">
        <v>44960</v>
      </c>
      <c r="C22522" t="s">
        <v>44961</v>
      </c>
    </row>
    <row r="22523" spans="1:3" x14ac:dyDescent="0.15">
      <c r="A22523">
        <v>2475</v>
      </c>
      <c r="B22523" t="s">
        <v>44962</v>
      </c>
      <c r="C22523" t="s">
        <v>44963</v>
      </c>
    </row>
    <row r="22524" spans="1:3" x14ac:dyDescent="0.15">
      <c r="A22524">
        <v>2474</v>
      </c>
      <c r="B22524" t="s">
        <v>44964</v>
      </c>
      <c r="C22524" t="s">
        <v>44965</v>
      </c>
    </row>
    <row r="22525" spans="1:3" x14ac:dyDescent="0.15">
      <c r="A22525">
        <v>2473</v>
      </c>
      <c r="B22525" t="s">
        <v>44966</v>
      </c>
      <c r="C22525" t="s">
        <v>44967</v>
      </c>
    </row>
    <row r="22526" spans="1:3" x14ac:dyDescent="0.15">
      <c r="A22526">
        <v>2472</v>
      </c>
      <c r="B22526" t="s">
        <v>44968</v>
      </c>
      <c r="C22526" t="s">
        <v>44969</v>
      </c>
    </row>
    <row r="22527" spans="1:3" x14ac:dyDescent="0.15">
      <c r="A22527">
        <v>2471</v>
      </c>
      <c r="B22527" t="s">
        <v>44970</v>
      </c>
      <c r="C22527" t="s">
        <v>44971</v>
      </c>
    </row>
    <row r="22528" spans="1:3" x14ac:dyDescent="0.15">
      <c r="A22528">
        <v>2470</v>
      </c>
      <c r="B22528" t="s">
        <v>44972</v>
      </c>
      <c r="C22528" t="s">
        <v>44973</v>
      </c>
    </row>
    <row r="22529" spans="1:3" x14ac:dyDescent="0.15">
      <c r="A22529">
        <v>2469</v>
      </c>
      <c r="B22529" t="s">
        <v>44974</v>
      </c>
      <c r="C22529" t="s">
        <v>44975</v>
      </c>
    </row>
    <row r="22530" spans="1:3" x14ac:dyDescent="0.15">
      <c r="A22530">
        <v>2468</v>
      </c>
      <c r="B22530" t="s">
        <v>44976</v>
      </c>
      <c r="C22530" t="s">
        <v>44977</v>
      </c>
    </row>
    <row r="22531" spans="1:3" x14ac:dyDescent="0.15">
      <c r="A22531">
        <v>2467</v>
      </c>
      <c r="B22531" t="s">
        <v>44978</v>
      </c>
      <c r="C22531" t="s">
        <v>44979</v>
      </c>
    </row>
    <row r="22532" spans="1:3" x14ac:dyDescent="0.15">
      <c r="A22532">
        <v>2466</v>
      </c>
      <c r="B22532" t="s">
        <v>44980</v>
      </c>
      <c r="C22532" t="s">
        <v>44981</v>
      </c>
    </row>
    <row r="22533" spans="1:3" x14ac:dyDescent="0.15">
      <c r="A22533">
        <v>2465</v>
      </c>
      <c r="B22533" t="s">
        <v>44982</v>
      </c>
      <c r="C22533" t="s">
        <v>44983</v>
      </c>
    </row>
    <row r="22534" spans="1:3" x14ac:dyDescent="0.15">
      <c r="A22534">
        <v>2464</v>
      </c>
      <c r="B22534" t="s">
        <v>44984</v>
      </c>
      <c r="C22534" t="s">
        <v>44985</v>
      </c>
    </row>
    <row r="22535" spans="1:3" x14ac:dyDescent="0.15">
      <c r="A22535">
        <v>2463</v>
      </c>
      <c r="B22535" t="s">
        <v>44986</v>
      </c>
      <c r="C22535" t="s">
        <v>44987</v>
      </c>
    </row>
    <row r="22536" spans="1:3" x14ac:dyDescent="0.15">
      <c r="A22536">
        <v>2462</v>
      </c>
      <c r="B22536" t="s">
        <v>44988</v>
      </c>
      <c r="C22536" t="s">
        <v>44989</v>
      </c>
    </row>
    <row r="22537" spans="1:3" x14ac:dyDescent="0.15">
      <c r="A22537">
        <v>2461</v>
      </c>
      <c r="B22537" t="s">
        <v>44990</v>
      </c>
      <c r="C22537" t="s">
        <v>44991</v>
      </c>
    </row>
    <row r="22538" spans="1:3" x14ac:dyDescent="0.15">
      <c r="A22538">
        <v>2460</v>
      </c>
      <c r="B22538" t="s">
        <v>44992</v>
      </c>
      <c r="C22538" t="s">
        <v>44993</v>
      </c>
    </row>
    <row r="22539" spans="1:3" x14ac:dyDescent="0.15">
      <c r="A22539">
        <v>2459</v>
      </c>
      <c r="B22539" t="s">
        <v>44994</v>
      </c>
      <c r="C22539" t="s">
        <v>44995</v>
      </c>
    </row>
    <row r="22540" spans="1:3" x14ac:dyDescent="0.15">
      <c r="A22540">
        <v>2458</v>
      </c>
      <c r="B22540" t="s">
        <v>44996</v>
      </c>
      <c r="C22540" t="s">
        <v>44997</v>
      </c>
    </row>
    <row r="22541" spans="1:3" x14ac:dyDescent="0.15">
      <c r="A22541">
        <v>2457</v>
      </c>
      <c r="B22541" t="s">
        <v>44998</v>
      </c>
      <c r="C22541" t="s">
        <v>44999</v>
      </c>
    </row>
    <row r="22542" spans="1:3" x14ac:dyDescent="0.15">
      <c r="A22542">
        <v>2456</v>
      </c>
      <c r="B22542" t="s">
        <v>45000</v>
      </c>
      <c r="C22542" t="s">
        <v>45001</v>
      </c>
    </row>
    <row r="22543" spans="1:3" x14ac:dyDescent="0.15">
      <c r="A22543">
        <v>2455</v>
      </c>
      <c r="B22543" t="s">
        <v>45002</v>
      </c>
      <c r="C22543" t="s">
        <v>45003</v>
      </c>
    </row>
    <row r="22544" spans="1:3" x14ac:dyDescent="0.15">
      <c r="A22544">
        <v>2454</v>
      </c>
      <c r="B22544" t="s">
        <v>45004</v>
      </c>
      <c r="C22544" t="s">
        <v>45005</v>
      </c>
    </row>
    <row r="22545" spans="1:3" x14ac:dyDescent="0.15">
      <c r="A22545">
        <v>2453</v>
      </c>
      <c r="B22545" t="s">
        <v>45006</v>
      </c>
      <c r="C22545" t="s">
        <v>45007</v>
      </c>
    </row>
    <row r="22546" spans="1:3" x14ac:dyDescent="0.15">
      <c r="A22546">
        <v>2452</v>
      </c>
      <c r="B22546" t="s">
        <v>45008</v>
      </c>
      <c r="C22546" t="s">
        <v>45009</v>
      </c>
    </row>
    <row r="22547" spans="1:3" x14ac:dyDescent="0.15">
      <c r="A22547">
        <v>2451</v>
      </c>
      <c r="B22547" t="s">
        <v>45010</v>
      </c>
      <c r="C22547" t="s">
        <v>45011</v>
      </c>
    </row>
    <row r="22548" spans="1:3" x14ac:dyDescent="0.15">
      <c r="A22548">
        <v>2450</v>
      </c>
      <c r="B22548" t="s">
        <v>45012</v>
      </c>
      <c r="C22548" t="s">
        <v>45013</v>
      </c>
    </row>
    <row r="22549" spans="1:3" x14ac:dyDescent="0.15">
      <c r="A22549">
        <v>2449</v>
      </c>
      <c r="B22549" t="s">
        <v>45014</v>
      </c>
      <c r="C22549" t="s">
        <v>45015</v>
      </c>
    </row>
    <row r="22550" spans="1:3" x14ac:dyDescent="0.15">
      <c r="A22550">
        <v>2448</v>
      </c>
      <c r="B22550" t="s">
        <v>45016</v>
      </c>
      <c r="C22550" t="s">
        <v>45017</v>
      </c>
    </row>
    <row r="22551" spans="1:3" x14ac:dyDescent="0.15">
      <c r="A22551">
        <v>2447</v>
      </c>
      <c r="B22551" t="s">
        <v>45018</v>
      </c>
      <c r="C22551" t="s">
        <v>45019</v>
      </c>
    </row>
    <row r="22552" spans="1:3" x14ac:dyDescent="0.15">
      <c r="A22552">
        <v>2446</v>
      </c>
      <c r="B22552" t="s">
        <v>45020</v>
      </c>
      <c r="C22552" t="s">
        <v>45021</v>
      </c>
    </row>
    <row r="22553" spans="1:3" x14ac:dyDescent="0.15">
      <c r="A22553">
        <v>2445</v>
      </c>
      <c r="B22553" t="s">
        <v>45022</v>
      </c>
      <c r="C22553" t="s">
        <v>45023</v>
      </c>
    </row>
    <row r="22554" spans="1:3" x14ac:dyDescent="0.15">
      <c r="A22554">
        <v>2444</v>
      </c>
      <c r="B22554" t="s">
        <v>45024</v>
      </c>
      <c r="C22554" t="s">
        <v>45025</v>
      </c>
    </row>
    <row r="22555" spans="1:3" x14ac:dyDescent="0.15">
      <c r="A22555">
        <v>2443</v>
      </c>
      <c r="B22555" t="s">
        <v>45026</v>
      </c>
      <c r="C22555" t="s">
        <v>45027</v>
      </c>
    </row>
    <row r="22556" spans="1:3" x14ac:dyDescent="0.15">
      <c r="A22556">
        <v>2442</v>
      </c>
      <c r="B22556" t="s">
        <v>45028</v>
      </c>
      <c r="C22556" t="s">
        <v>45029</v>
      </c>
    </row>
    <row r="22557" spans="1:3" x14ac:dyDescent="0.15">
      <c r="A22557">
        <v>2441</v>
      </c>
      <c r="B22557" t="s">
        <v>45030</v>
      </c>
      <c r="C22557" t="s">
        <v>45031</v>
      </c>
    </row>
    <row r="22558" spans="1:3" x14ac:dyDescent="0.15">
      <c r="A22558">
        <v>2440</v>
      </c>
      <c r="B22558" t="s">
        <v>45032</v>
      </c>
      <c r="C22558" t="s">
        <v>45033</v>
      </c>
    </row>
    <row r="22559" spans="1:3" x14ac:dyDescent="0.15">
      <c r="A22559">
        <v>2439</v>
      </c>
      <c r="B22559" t="s">
        <v>45034</v>
      </c>
      <c r="C22559" t="s">
        <v>45035</v>
      </c>
    </row>
    <row r="22560" spans="1:3" x14ac:dyDescent="0.15">
      <c r="A22560">
        <v>2438</v>
      </c>
      <c r="B22560" t="s">
        <v>45036</v>
      </c>
      <c r="C22560" t="s">
        <v>45037</v>
      </c>
    </row>
    <row r="22561" spans="1:3" x14ac:dyDescent="0.15">
      <c r="A22561">
        <v>2437</v>
      </c>
      <c r="B22561" t="s">
        <v>45038</v>
      </c>
      <c r="C22561" t="s">
        <v>45039</v>
      </c>
    </row>
    <row r="22562" spans="1:3" x14ac:dyDescent="0.15">
      <c r="A22562">
        <v>2436</v>
      </c>
      <c r="B22562" t="s">
        <v>45040</v>
      </c>
      <c r="C22562" t="s">
        <v>45041</v>
      </c>
    </row>
    <row r="22563" spans="1:3" x14ac:dyDescent="0.15">
      <c r="A22563">
        <v>2435</v>
      </c>
      <c r="B22563" t="s">
        <v>45042</v>
      </c>
      <c r="C22563" t="s">
        <v>45043</v>
      </c>
    </row>
    <row r="22564" spans="1:3" x14ac:dyDescent="0.15">
      <c r="A22564">
        <v>2434</v>
      </c>
      <c r="B22564" t="s">
        <v>45044</v>
      </c>
      <c r="C22564" t="s">
        <v>45045</v>
      </c>
    </row>
    <row r="22565" spans="1:3" x14ac:dyDescent="0.15">
      <c r="A22565">
        <v>2433</v>
      </c>
      <c r="B22565" t="s">
        <v>45046</v>
      </c>
      <c r="C22565" t="s">
        <v>45047</v>
      </c>
    </row>
    <row r="22566" spans="1:3" x14ac:dyDescent="0.15">
      <c r="A22566">
        <v>2432</v>
      </c>
      <c r="B22566" t="s">
        <v>45048</v>
      </c>
      <c r="C22566" t="s">
        <v>45049</v>
      </c>
    </row>
    <row r="22567" spans="1:3" x14ac:dyDescent="0.15">
      <c r="A22567">
        <v>2431</v>
      </c>
      <c r="B22567" t="s">
        <v>45050</v>
      </c>
      <c r="C22567" t="s">
        <v>45051</v>
      </c>
    </row>
    <row r="22568" spans="1:3" x14ac:dyDescent="0.15">
      <c r="A22568">
        <v>2430</v>
      </c>
      <c r="B22568" t="s">
        <v>45052</v>
      </c>
      <c r="C22568" t="s">
        <v>45053</v>
      </c>
    </row>
    <row r="22569" spans="1:3" x14ac:dyDescent="0.15">
      <c r="A22569">
        <v>2429</v>
      </c>
      <c r="B22569" t="s">
        <v>45054</v>
      </c>
      <c r="C22569" t="s">
        <v>45055</v>
      </c>
    </row>
    <row r="22570" spans="1:3" x14ac:dyDescent="0.15">
      <c r="A22570">
        <v>2428</v>
      </c>
      <c r="B22570" t="s">
        <v>45056</v>
      </c>
      <c r="C22570" t="s">
        <v>45057</v>
      </c>
    </row>
    <row r="22571" spans="1:3" x14ac:dyDescent="0.15">
      <c r="A22571">
        <v>2427</v>
      </c>
      <c r="B22571" t="s">
        <v>45058</v>
      </c>
      <c r="C22571" t="s">
        <v>45059</v>
      </c>
    </row>
    <row r="22572" spans="1:3" x14ac:dyDescent="0.15">
      <c r="A22572">
        <v>2426</v>
      </c>
      <c r="B22572" t="s">
        <v>45060</v>
      </c>
      <c r="C22572" t="s">
        <v>45061</v>
      </c>
    </row>
    <row r="22573" spans="1:3" x14ac:dyDescent="0.15">
      <c r="A22573">
        <v>2425</v>
      </c>
      <c r="B22573" t="s">
        <v>45062</v>
      </c>
      <c r="C22573" t="s">
        <v>45063</v>
      </c>
    </row>
    <row r="22574" spans="1:3" x14ac:dyDescent="0.15">
      <c r="A22574">
        <v>2424</v>
      </c>
      <c r="B22574" t="s">
        <v>45064</v>
      </c>
      <c r="C22574" t="s">
        <v>45065</v>
      </c>
    </row>
    <row r="22575" spans="1:3" x14ac:dyDescent="0.15">
      <c r="A22575">
        <v>2423</v>
      </c>
      <c r="B22575" t="s">
        <v>45066</v>
      </c>
      <c r="C22575" t="s">
        <v>45067</v>
      </c>
    </row>
    <row r="22576" spans="1:3" x14ac:dyDescent="0.15">
      <c r="A22576">
        <v>2422</v>
      </c>
      <c r="B22576" t="s">
        <v>45068</v>
      </c>
      <c r="C22576" t="s">
        <v>45069</v>
      </c>
    </row>
    <row r="22577" spans="1:3" x14ac:dyDescent="0.15">
      <c r="A22577">
        <v>2421</v>
      </c>
      <c r="B22577" t="s">
        <v>45070</v>
      </c>
      <c r="C22577" t="s">
        <v>45071</v>
      </c>
    </row>
    <row r="22578" spans="1:3" x14ac:dyDescent="0.15">
      <c r="A22578">
        <v>2420</v>
      </c>
      <c r="B22578" t="s">
        <v>45072</v>
      </c>
      <c r="C22578" t="s">
        <v>45073</v>
      </c>
    </row>
    <row r="22579" spans="1:3" x14ac:dyDescent="0.15">
      <c r="A22579">
        <v>2419</v>
      </c>
      <c r="B22579" t="s">
        <v>45074</v>
      </c>
      <c r="C22579" t="s">
        <v>45075</v>
      </c>
    </row>
    <row r="22580" spans="1:3" x14ac:dyDescent="0.15">
      <c r="A22580">
        <v>2418</v>
      </c>
      <c r="B22580" t="s">
        <v>45076</v>
      </c>
      <c r="C22580" t="s">
        <v>45077</v>
      </c>
    </row>
    <row r="22581" spans="1:3" x14ac:dyDescent="0.15">
      <c r="A22581">
        <v>2417</v>
      </c>
      <c r="B22581" t="s">
        <v>45078</v>
      </c>
      <c r="C22581" t="s">
        <v>45079</v>
      </c>
    </row>
    <row r="22582" spans="1:3" x14ac:dyDescent="0.15">
      <c r="A22582">
        <v>2416</v>
      </c>
      <c r="B22582" t="s">
        <v>45080</v>
      </c>
      <c r="C22582" t="s">
        <v>45081</v>
      </c>
    </row>
    <row r="22583" spans="1:3" x14ac:dyDescent="0.15">
      <c r="A22583">
        <v>2415</v>
      </c>
      <c r="B22583" t="s">
        <v>45082</v>
      </c>
      <c r="C22583" t="s">
        <v>45083</v>
      </c>
    </row>
    <row r="22584" spans="1:3" x14ac:dyDescent="0.15">
      <c r="A22584">
        <v>2414</v>
      </c>
      <c r="B22584" t="s">
        <v>45084</v>
      </c>
      <c r="C22584" t="s">
        <v>45085</v>
      </c>
    </row>
    <row r="22585" spans="1:3" x14ac:dyDescent="0.15">
      <c r="A22585">
        <v>2413</v>
      </c>
      <c r="B22585" t="s">
        <v>45086</v>
      </c>
      <c r="C22585" t="s">
        <v>45087</v>
      </c>
    </row>
    <row r="22586" spans="1:3" x14ac:dyDescent="0.15">
      <c r="A22586">
        <v>2412</v>
      </c>
      <c r="B22586" t="s">
        <v>45088</v>
      </c>
      <c r="C22586" t="s">
        <v>45089</v>
      </c>
    </row>
    <row r="22587" spans="1:3" x14ac:dyDescent="0.15">
      <c r="A22587">
        <v>2411</v>
      </c>
      <c r="B22587" t="s">
        <v>45090</v>
      </c>
      <c r="C22587" t="s">
        <v>45091</v>
      </c>
    </row>
    <row r="22588" spans="1:3" x14ac:dyDescent="0.15">
      <c r="A22588">
        <v>2410</v>
      </c>
      <c r="B22588" t="s">
        <v>45092</v>
      </c>
      <c r="C22588" t="s">
        <v>45093</v>
      </c>
    </row>
    <row r="22589" spans="1:3" x14ac:dyDescent="0.15">
      <c r="A22589">
        <v>2409</v>
      </c>
      <c r="B22589" t="s">
        <v>45094</v>
      </c>
      <c r="C22589" t="s">
        <v>45095</v>
      </c>
    </row>
    <row r="22590" spans="1:3" x14ac:dyDescent="0.15">
      <c r="A22590">
        <v>2408</v>
      </c>
      <c r="B22590" t="s">
        <v>45096</v>
      </c>
      <c r="C22590" t="s">
        <v>45097</v>
      </c>
    </row>
    <row r="22591" spans="1:3" x14ac:dyDescent="0.15">
      <c r="A22591">
        <v>2407</v>
      </c>
      <c r="B22591" t="s">
        <v>45098</v>
      </c>
      <c r="C22591" t="s">
        <v>45099</v>
      </c>
    </row>
    <row r="22592" spans="1:3" x14ac:dyDescent="0.15">
      <c r="A22592">
        <v>2406</v>
      </c>
      <c r="B22592" t="s">
        <v>45100</v>
      </c>
      <c r="C22592" t="s">
        <v>45101</v>
      </c>
    </row>
    <row r="22593" spans="1:3" x14ac:dyDescent="0.15">
      <c r="A22593">
        <v>2405</v>
      </c>
      <c r="B22593" t="s">
        <v>45102</v>
      </c>
      <c r="C22593" t="s">
        <v>45103</v>
      </c>
    </row>
    <row r="22594" spans="1:3" x14ac:dyDescent="0.15">
      <c r="A22594">
        <v>2404</v>
      </c>
      <c r="B22594" t="s">
        <v>45104</v>
      </c>
      <c r="C22594" t="s">
        <v>45105</v>
      </c>
    </row>
    <row r="22595" spans="1:3" x14ac:dyDescent="0.15">
      <c r="A22595">
        <v>2403</v>
      </c>
      <c r="B22595" t="s">
        <v>45106</v>
      </c>
      <c r="C22595" t="s">
        <v>45107</v>
      </c>
    </row>
    <row r="22596" spans="1:3" x14ac:dyDescent="0.15">
      <c r="A22596">
        <v>2402</v>
      </c>
      <c r="B22596" t="s">
        <v>45108</v>
      </c>
      <c r="C22596" t="s">
        <v>45109</v>
      </c>
    </row>
    <row r="22597" spans="1:3" x14ac:dyDescent="0.15">
      <c r="A22597">
        <v>2401</v>
      </c>
      <c r="B22597" t="s">
        <v>45110</v>
      </c>
      <c r="C22597" t="s">
        <v>45111</v>
      </c>
    </row>
    <row r="22598" spans="1:3" x14ac:dyDescent="0.15">
      <c r="A22598">
        <v>2400</v>
      </c>
      <c r="B22598" t="s">
        <v>45112</v>
      </c>
      <c r="C22598" t="s">
        <v>45113</v>
      </c>
    </row>
    <row r="22599" spans="1:3" x14ac:dyDescent="0.15">
      <c r="A22599">
        <v>2399</v>
      </c>
      <c r="B22599" t="s">
        <v>45114</v>
      </c>
      <c r="C22599" t="s">
        <v>45115</v>
      </c>
    </row>
    <row r="22600" spans="1:3" x14ac:dyDescent="0.15">
      <c r="A22600">
        <v>2398</v>
      </c>
      <c r="B22600" t="s">
        <v>45116</v>
      </c>
      <c r="C22600" t="s">
        <v>45117</v>
      </c>
    </row>
    <row r="22601" spans="1:3" x14ac:dyDescent="0.15">
      <c r="A22601">
        <v>2397</v>
      </c>
      <c r="B22601" t="s">
        <v>45118</v>
      </c>
      <c r="C22601" t="s">
        <v>45119</v>
      </c>
    </row>
    <row r="22602" spans="1:3" x14ac:dyDescent="0.15">
      <c r="A22602">
        <v>2396</v>
      </c>
      <c r="B22602" t="s">
        <v>45120</v>
      </c>
      <c r="C22602" t="s">
        <v>45121</v>
      </c>
    </row>
    <row r="22603" spans="1:3" x14ac:dyDescent="0.15">
      <c r="A22603">
        <v>2395</v>
      </c>
      <c r="B22603" t="s">
        <v>45122</v>
      </c>
      <c r="C22603" t="s">
        <v>45123</v>
      </c>
    </row>
    <row r="22604" spans="1:3" x14ac:dyDescent="0.15">
      <c r="A22604">
        <v>2394</v>
      </c>
      <c r="B22604" t="s">
        <v>45124</v>
      </c>
      <c r="C22604" t="s">
        <v>45125</v>
      </c>
    </row>
    <row r="22605" spans="1:3" x14ac:dyDescent="0.15">
      <c r="A22605">
        <v>2393</v>
      </c>
      <c r="B22605" t="s">
        <v>45126</v>
      </c>
      <c r="C22605" t="s">
        <v>45127</v>
      </c>
    </row>
    <row r="22606" spans="1:3" x14ac:dyDescent="0.15">
      <c r="A22606">
        <v>2392</v>
      </c>
      <c r="B22606" t="s">
        <v>45128</v>
      </c>
      <c r="C22606" t="s">
        <v>45129</v>
      </c>
    </row>
    <row r="22607" spans="1:3" x14ac:dyDescent="0.15">
      <c r="A22607">
        <v>2391</v>
      </c>
      <c r="B22607" t="s">
        <v>45130</v>
      </c>
      <c r="C22607" t="s">
        <v>45131</v>
      </c>
    </row>
    <row r="22608" spans="1:3" x14ac:dyDescent="0.15">
      <c r="A22608">
        <v>2390</v>
      </c>
      <c r="B22608" t="s">
        <v>45132</v>
      </c>
      <c r="C22608" t="s">
        <v>45133</v>
      </c>
    </row>
    <row r="22609" spans="1:3" x14ac:dyDescent="0.15">
      <c r="A22609">
        <v>2389</v>
      </c>
      <c r="B22609" t="s">
        <v>45134</v>
      </c>
      <c r="C22609" t="s">
        <v>45135</v>
      </c>
    </row>
    <row r="22610" spans="1:3" x14ac:dyDescent="0.15">
      <c r="A22610">
        <v>2388</v>
      </c>
      <c r="B22610" t="s">
        <v>45136</v>
      </c>
      <c r="C22610" t="s">
        <v>45137</v>
      </c>
    </row>
    <row r="22611" spans="1:3" x14ac:dyDescent="0.15">
      <c r="A22611">
        <v>2387</v>
      </c>
      <c r="B22611" t="s">
        <v>45138</v>
      </c>
      <c r="C22611" t="s">
        <v>45139</v>
      </c>
    </row>
    <row r="22612" spans="1:3" x14ac:dyDescent="0.15">
      <c r="A22612">
        <v>2386</v>
      </c>
      <c r="B22612" t="s">
        <v>45140</v>
      </c>
      <c r="C22612" t="s">
        <v>45141</v>
      </c>
    </row>
    <row r="22613" spans="1:3" x14ac:dyDescent="0.15">
      <c r="A22613">
        <v>2385</v>
      </c>
      <c r="B22613" t="s">
        <v>45142</v>
      </c>
      <c r="C22613" t="s">
        <v>45143</v>
      </c>
    </row>
    <row r="22614" spans="1:3" x14ac:dyDescent="0.15">
      <c r="A22614">
        <v>2384</v>
      </c>
      <c r="B22614" t="s">
        <v>45144</v>
      </c>
      <c r="C22614" t="s">
        <v>45145</v>
      </c>
    </row>
    <row r="22615" spans="1:3" x14ac:dyDescent="0.15">
      <c r="A22615">
        <v>2383</v>
      </c>
      <c r="B22615" t="s">
        <v>45146</v>
      </c>
      <c r="C22615" t="s">
        <v>45147</v>
      </c>
    </row>
    <row r="22616" spans="1:3" x14ac:dyDescent="0.15">
      <c r="A22616">
        <v>2382</v>
      </c>
      <c r="B22616" t="s">
        <v>45148</v>
      </c>
      <c r="C22616" t="s">
        <v>45149</v>
      </c>
    </row>
    <row r="22617" spans="1:3" x14ac:dyDescent="0.15">
      <c r="A22617">
        <v>2381</v>
      </c>
      <c r="B22617" t="s">
        <v>45150</v>
      </c>
      <c r="C22617" t="s">
        <v>45151</v>
      </c>
    </row>
    <row r="22618" spans="1:3" x14ac:dyDescent="0.15">
      <c r="A22618">
        <v>2380</v>
      </c>
      <c r="B22618" t="s">
        <v>45152</v>
      </c>
      <c r="C22618" t="s">
        <v>45153</v>
      </c>
    </row>
    <row r="22619" spans="1:3" x14ac:dyDescent="0.15">
      <c r="A22619">
        <v>2379</v>
      </c>
      <c r="B22619" t="s">
        <v>45154</v>
      </c>
      <c r="C22619" t="s">
        <v>45155</v>
      </c>
    </row>
    <row r="22620" spans="1:3" x14ac:dyDescent="0.15">
      <c r="A22620">
        <v>2378</v>
      </c>
      <c r="B22620" t="s">
        <v>45156</v>
      </c>
      <c r="C22620" t="s">
        <v>45157</v>
      </c>
    </row>
    <row r="22621" spans="1:3" x14ac:dyDescent="0.15">
      <c r="A22621">
        <v>2377</v>
      </c>
      <c r="B22621" t="s">
        <v>45158</v>
      </c>
      <c r="C22621" t="s">
        <v>45159</v>
      </c>
    </row>
    <row r="22622" spans="1:3" x14ac:dyDescent="0.15">
      <c r="A22622">
        <v>2376</v>
      </c>
      <c r="B22622" t="s">
        <v>45160</v>
      </c>
      <c r="C22622" t="s">
        <v>45161</v>
      </c>
    </row>
    <row r="22623" spans="1:3" x14ac:dyDescent="0.15">
      <c r="A22623">
        <v>2375</v>
      </c>
      <c r="B22623" t="s">
        <v>45162</v>
      </c>
      <c r="C22623" t="s">
        <v>45163</v>
      </c>
    </row>
    <row r="22624" spans="1:3" x14ac:dyDescent="0.15">
      <c r="A22624">
        <v>2374</v>
      </c>
      <c r="B22624" t="s">
        <v>45164</v>
      </c>
      <c r="C22624" t="s">
        <v>45165</v>
      </c>
    </row>
    <row r="22625" spans="1:3" x14ac:dyDescent="0.15">
      <c r="A22625">
        <v>2373</v>
      </c>
      <c r="B22625" t="s">
        <v>45166</v>
      </c>
      <c r="C22625" t="s">
        <v>45167</v>
      </c>
    </row>
    <row r="22626" spans="1:3" x14ac:dyDescent="0.15">
      <c r="A22626">
        <v>2372</v>
      </c>
      <c r="B22626" t="s">
        <v>45168</v>
      </c>
      <c r="C22626" t="s">
        <v>45169</v>
      </c>
    </row>
    <row r="22627" spans="1:3" x14ac:dyDescent="0.15">
      <c r="A22627">
        <v>2371</v>
      </c>
      <c r="B22627" t="s">
        <v>45170</v>
      </c>
      <c r="C22627" t="s">
        <v>45171</v>
      </c>
    </row>
    <row r="22628" spans="1:3" x14ac:dyDescent="0.15">
      <c r="A22628">
        <v>2370</v>
      </c>
      <c r="B22628" t="s">
        <v>45172</v>
      </c>
      <c r="C22628" t="s">
        <v>45173</v>
      </c>
    </row>
    <row r="22629" spans="1:3" x14ac:dyDescent="0.15">
      <c r="A22629">
        <v>2369</v>
      </c>
      <c r="B22629" t="s">
        <v>45174</v>
      </c>
      <c r="C22629" t="s">
        <v>45175</v>
      </c>
    </row>
    <row r="22630" spans="1:3" x14ac:dyDescent="0.15">
      <c r="A22630">
        <v>2368</v>
      </c>
      <c r="B22630" t="s">
        <v>45176</v>
      </c>
      <c r="C22630" t="s">
        <v>45177</v>
      </c>
    </row>
    <row r="22631" spans="1:3" x14ac:dyDescent="0.15">
      <c r="A22631">
        <v>2367</v>
      </c>
      <c r="B22631" t="s">
        <v>45178</v>
      </c>
      <c r="C22631" t="s">
        <v>45179</v>
      </c>
    </row>
    <row r="22632" spans="1:3" x14ac:dyDescent="0.15">
      <c r="A22632">
        <v>2366</v>
      </c>
      <c r="B22632" t="s">
        <v>45180</v>
      </c>
      <c r="C22632" t="s">
        <v>45181</v>
      </c>
    </row>
    <row r="22633" spans="1:3" x14ac:dyDescent="0.15">
      <c r="A22633">
        <v>2365</v>
      </c>
      <c r="B22633" t="s">
        <v>45182</v>
      </c>
      <c r="C22633" t="s">
        <v>45183</v>
      </c>
    </row>
    <row r="22634" spans="1:3" x14ac:dyDescent="0.15">
      <c r="A22634">
        <v>2364</v>
      </c>
      <c r="B22634" t="s">
        <v>45184</v>
      </c>
      <c r="C22634" t="s">
        <v>45185</v>
      </c>
    </row>
    <row r="22635" spans="1:3" x14ac:dyDescent="0.15">
      <c r="A22635">
        <v>2363</v>
      </c>
      <c r="B22635" t="s">
        <v>45186</v>
      </c>
      <c r="C22635" t="s">
        <v>45187</v>
      </c>
    </row>
    <row r="22636" spans="1:3" x14ac:dyDescent="0.15">
      <c r="A22636">
        <v>2362</v>
      </c>
      <c r="B22636" t="s">
        <v>45188</v>
      </c>
      <c r="C22636" t="s">
        <v>45189</v>
      </c>
    </row>
    <row r="22637" spans="1:3" x14ac:dyDescent="0.15">
      <c r="A22637">
        <v>2361</v>
      </c>
      <c r="B22637" t="s">
        <v>45190</v>
      </c>
      <c r="C22637" t="s">
        <v>45191</v>
      </c>
    </row>
    <row r="22638" spans="1:3" x14ac:dyDescent="0.15">
      <c r="A22638">
        <v>2360</v>
      </c>
      <c r="B22638" t="s">
        <v>45192</v>
      </c>
      <c r="C22638" t="s">
        <v>45193</v>
      </c>
    </row>
    <row r="22639" spans="1:3" x14ac:dyDescent="0.15">
      <c r="A22639">
        <v>2359</v>
      </c>
      <c r="B22639" t="s">
        <v>45194</v>
      </c>
      <c r="C22639" t="s">
        <v>45195</v>
      </c>
    </row>
    <row r="22640" spans="1:3" x14ac:dyDescent="0.15">
      <c r="A22640">
        <v>2358</v>
      </c>
      <c r="B22640" t="s">
        <v>45196</v>
      </c>
      <c r="C22640" t="s">
        <v>45197</v>
      </c>
    </row>
    <row r="22641" spans="1:3" x14ac:dyDescent="0.15">
      <c r="A22641">
        <v>2357</v>
      </c>
      <c r="B22641" t="s">
        <v>45198</v>
      </c>
      <c r="C22641" t="s">
        <v>45199</v>
      </c>
    </row>
    <row r="22642" spans="1:3" x14ac:dyDescent="0.15">
      <c r="A22642">
        <v>2356</v>
      </c>
      <c r="B22642" t="s">
        <v>45200</v>
      </c>
      <c r="C22642" t="s">
        <v>45201</v>
      </c>
    </row>
    <row r="22643" spans="1:3" x14ac:dyDescent="0.15">
      <c r="A22643">
        <v>2355</v>
      </c>
      <c r="B22643" t="s">
        <v>45202</v>
      </c>
      <c r="C22643" t="s">
        <v>45203</v>
      </c>
    </row>
    <row r="22644" spans="1:3" x14ac:dyDescent="0.15">
      <c r="A22644">
        <v>2354</v>
      </c>
      <c r="B22644" t="s">
        <v>45204</v>
      </c>
      <c r="C22644" t="s">
        <v>45205</v>
      </c>
    </row>
    <row r="22645" spans="1:3" x14ac:dyDescent="0.15">
      <c r="A22645">
        <v>2353</v>
      </c>
      <c r="B22645" t="s">
        <v>45206</v>
      </c>
      <c r="C22645" t="s">
        <v>45207</v>
      </c>
    </row>
    <row r="22646" spans="1:3" x14ac:dyDescent="0.15">
      <c r="A22646">
        <v>2352</v>
      </c>
      <c r="B22646" t="s">
        <v>45208</v>
      </c>
      <c r="C22646" t="s">
        <v>45209</v>
      </c>
    </row>
    <row r="22647" spans="1:3" x14ac:dyDescent="0.15">
      <c r="A22647">
        <v>2351</v>
      </c>
      <c r="B22647" t="s">
        <v>45210</v>
      </c>
      <c r="C22647" t="s">
        <v>45211</v>
      </c>
    </row>
    <row r="22648" spans="1:3" x14ac:dyDescent="0.15">
      <c r="A22648">
        <v>2350</v>
      </c>
      <c r="B22648" t="s">
        <v>45212</v>
      </c>
      <c r="C22648" t="s">
        <v>45213</v>
      </c>
    </row>
    <row r="22649" spans="1:3" x14ac:dyDescent="0.15">
      <c r="A22649">
        <v>2349</v>
      </c>
      <c r="B22649" t="s">
        <v>45214</v>
      </c>
      <c r="C22649" t="s">
        <v>45215</v>
      </c>
    </row>
    <row r="22650" spans="1:3" x14ac:dyDescent="0.15">
      <c r="A22650">
        <v>2348</v>
      </c>
      <c r="B22650" t="s">
        <v>45216</v>
      </c>
      <c r="C22650" t="s">
        <v>45217</v>
      </c>
    </row>
    <row r="22651" spans="1:3" x14ac:dyDescent="0.15">
      <c r="A22651">
        <v>2347</v>
      </c>
      <c r="B22651" t="s">
        <v>45218</v>
      </c>
      <c r="C22651" t="s">
        <v>45219</v>
      </c>
    </row>
    <row r="22652" spans="1:3" x14ac:dyDescent="0.15">
      <c r="A22652">
        <v>2346</v>
      </c>
      <c r="B22652" t="s">
        <v>45220</v>
      </c>
      <c r="C22652" t="s">
        <v>45221</v>
      </c>
    </row>
    <row r="22653" spans="1:3" x14ac:dyDescent="0.15">
      <c r="A22653">
        <v>2345</v>
      </c>
      <c r="B22653" t="s">
        <v>45222</v>
      </c>
      <c r="C22653" t="s">
        <v>45223</v>
      </c>
    </row>
    <row r="22654" spans="1:3" x14ac:dyDescent="0.15">
      <c r="A22654">
        <v>2344</v>
      </c>
      <c r="B22654" t="s">
        <v>45224</v>
      </c>
      <c r="C22654" t="s">
        <v>45225</v>
      </c>
    </row>
    <row r="22655" spans="1:3" x14ac:dyDescent="0.15">
      <c r="A22655">
        <v>2343</v>
      </c>
      <c r="B22655" t="s">
        <v>45226</v>
      </c>
      <c r="C22655" t="s">
        <v>45227</v>
      </c>
    </row>
    <row r="22656" spans="1:3" x14ac:dyDescent="0.15">
      <c r="A22656">
        <v>2342</v>
      </c>
      <c r="B22656" t="s">
        <v>45228</v>
      </c>
      <c r="C22656" t="s">
        <v>45229</v>
      </c>
    </row>
    <row r="22657" spans="1:3" x14ac:dyDescent="0.15">
      <c r="A22657">
        <v>2341</v>
      </c>
      <c r="B22657" t="s">
        <v>45230</v>
      </c>
      <c r="C22657" t="s">
        <v>45231</v>
      </c>
    </row>
    <row r="22658" spans="1:3" x14ac:dyDescent="0.15">
      <c r="A22658">
        <v>2340</v>
      </c>
      <c r="B22658" t="s">
        <v>45232</v>
      </c>
      <c r="C22658" t="s">
        <v>45233</v>
      </c>
    </row>
    <row r="22659" spans="1:3" x14ac:dyDescent="0.15">
      <c r="A22659">
        <v>2339</v>
      </c>
      <c r="B22659" t="s">
        <v>45234</v>
      </c>
      <c r="C22659" t="s">
        <v>45235</v>
      </c>
    </row>
    <row r="22660" spans="1:3" x14ac:dyDescent="0.15">
      <c r="A22660">
        <v>2338</v>
      </c>
      <c r="B22660" t="s">
        <v>45236</v>
      </c>
      <c r="C22660" t="s">
        <v>45237</v>
      </c>
    </row>
    <row r="22661" spans="1:3" x14ac:dyDescent="0.15">
      <c r="A22661">
        <v>2337</v>
      </c>
      <c r="B22661" t="s">
        <v>45238</v>
      </c>
      <c r="C22661" t="s">
        <v>45239</v>
      </c>
    </row>
    <row r="22662" spans="1:3" x14ac:dyDescent="0.15">
      <c r="A22662">
        <v>2336</v>
      </c>
      <c r="B22662" t="s">
        <v>45240</v>
      </c>
      <c r="C22662" t="s">
        <v>45241</v>
      </c>
    </row>
    <row r="22663" spans="1:3" x14ac:dyDescent="0.15">
      <c r="A22663">
        <v>2335</v>
      </c>
      <c r="B22663" t="s">
        <v>45242</v>
      </c>
      <c r="C22663" t="s">
        <v>45243</v>
      </c>
    </row>
    <row r="22664" spans="1:3" x14ac:dyDescent="0.15">
      <c r="A22664">
        <v>2334</v>
      </c>
      <c r="B22664" t="s">
        <v>45244</v>
      </c>
      <c r="C22664" t="s">
        <v>45245</v>
      </c>
    </row>
    <row r="22665" spans="1:3" x14ac:dyDescent="0.15">
      <c r="A22665">
        <v>2333</v>
      </c>
      <c r="B22665" t="s">
        <v>45246</v>
      </c>
      <c r="C22665" t="s">
        <v>45247</v>
      </c>
    </row>
    <row r="22666" spans="1:3" x14ac:dyDescent="0.15">
      <c r="A22666">
        <v>2332</v>
      </c>
      <c r="B22666" t="s">
        <v>45248</v>
      </c>
      <c r="C22666" t="s">
        <v>45249</v>
      </c>
    </row>
    <row r="22667" spans="1:3" x14ac:dyDescent="0.15">
      <c r="A22667">
        <v>2331</v>
      </c>
      <c r="B22667" t="s">
        <v>45250</v>
      </c>
      <c r="C22667" t="s">
        <v>45251</v>
      </c>
    </row>
    <row r="22668" spans="1:3" x14ac:dyDescent="0.15">
      <c r="A22668">
        <v>2330</v>
      </c>
      <c r="B22668" t="s">
        <v>45252</v>
      </c>
      <c r="C22668" t="s">
        <v>45253</v>
      </c>
    </row>
    <row r="22669" spans="1:3" x14ac:dyDescent="0.15">
      <c r="A22669">
        <v>2329</v>
      </c>
      <c r="B22669" t="s">
        <v>45254</v>
      </c>
      <c r="C22669" t="s">
        <v>45255</v>
      </c>
    </row>
    <row r="22670" spans="1:3" x14ac:dyDescent="0.15">
      <c r="A22670">
        <v>2328</v>
      </c>
      <c r="B22670" t="s">
        <v>45256</v>
      </c>
      <c r="C22670" t="s">
        <v>45257</v>
      </c>
    </row>
    <row r="22671" spans="1:3" x14ac:dyDescent="0.15">
      <c r="A22671">
        <v>2327</v>
      </c>
      <c r="B22671" t="s">
        <v>45258</v>
      </c>
      <c r="C22671" t="s">
        <v>45259</v>
      </c>
    </row>
    <row r="22672" spans="1:3" x14ac:dyDescent="0.15">
      <c r="A22672">
        <v>2326</v>
      </c>
      <c r="B22672" t="s">
        <v>45260</v>
      </c>
      <c r="C22672" t="s">
        <v>45261</v>
      </c>
    </row>
    <row r="22673" spans="1:3" x14ac:dyDescent="0.15">
      <c r="A22673">
        <v>2325</v>
      </c>
      <c r="B22673" t="s">
        <v>45262</v>
      </c>
      <c r="C22673" t="s">
        <v>45263</v>
      </c>
    </row>
    <row r="22674" spans="1:3" x14ac:dyDescent="0.15">
      <c r="A22674">
        <v>2324</v>
      </c>
      <c r="B22674" t="s">
        <v>45264</v>
      </c>
      <c r="C22674" t="s">
        <v>45265</v>
      </c>
    </row>
    <row r="22675" spans="1:3" x14ac:dyDescent="0.15">
      <c r="A22675">
        <v>2323</v>
      </c>
      <c r="B22675" t="s">
        <v>45266</v>
      </c>
      <c r="C22675" t="s">
        <v>45267</v>
      </c>
    </row>
    <row r="22676" spans="1:3" x14ac:dyDescent="0.15">
      <c r="A22676">
        <v>2322</v>
      </c>
      <c r="B22676" t="s">
        <v>45268</v>
      </c>
      <c r="C22676" t="s">
        <v>45269</v>
      </c>
    </row>
    <row r="22677" spans="1:3" x14ac:dyDescent="0.15">
      <c r="A22677">
        <v>2321</v>
      </c>
      <c r="B22677" t="s">
        <v>45270</v>
      </c>
      <c r="C22677" t="s">
        <v>45271</v>
      </c>
    </row>
    <row r="22678" spans="1:3" x14ac:dyDescent="0.15">
      <c r="A22678">
        <v>2320</v>
      </c>
      <c r="B22678" t="s">
        <v>45272</v>
      </c>
      <c r="C22678" t="s">
        <v>45273</v>
      </c>
    </row>
    <row r="22679" spans="1:3" x14ac:dyDescent="0.15">
      <c r="A22679">
        <v>2319</v>
      </c>
      <c r="B22679" t="s">
        <v>45274</v>
      </c>
      <c r="C22679" t="s">
        <v>45275</v>
      </c>
    </row>
    <row r="22680" spans="1:3" x14ac:dyDescent="0.15">
      <c r="A22680">
        <v>2318</v>
      </c>
      <c r="B22680" t="s">
        <v>45276</v>
      </c>
      <c r="C22680" t="s">
        <v>45277</v>
      </c>
    </row>
    <row r="22681" spans="1:3" x14ac:dyDescent="0.15">
      <c r="A22681">
        <v>2317</v>
      </c>
      <c r="B22681" t="s">
        <v>45278</v>
      </c>
      <c r="C22681" t="s">
        <v>45279</v>
      </c>
    </row>
    <row r="22682" spans="1:3" x14ac:dyDescent="0.15">
      <c r="A22682">
        <v>2316</v>
      </c>
      <c r="B22682" t="s">
        <v>45280</v>
      </c>
      <c r="C22682" t="s">
        <v>45281</v>
      </c>
    </row>
    <row r="22683" spans="1:3" x14ac:dyDescent="0.15">
      <c r="A22683">
        <v>2315</v>
      </c>
      <c r="B22683" t="s">
        <v>45282</v>
      </c>
      <c r="C22683" t="s">
        <v>45283</v>
      </c>
    </row>
    <row r="22684" spans="1:3" x14ac:dyDescent="0.15">
      <c r="A22684">
        <v>2314</v>
      </c>
      <c r="B22684" t="s">
        <v>45284</v>
      </c>
      <c r="C22684" t="s">
        <v>45285</v>
      </c>
    </row>
    <row r="22685" spans="1:3" x14ac:dyDescent="0.15">
      <c r="A22685">
        <v>2313</v>
      </c>
      <c r="B22685" t="s">
        <v>45286</v>
      </c>
      <c r="C22685" t="s">
        <v>45287</v>
      </c>
    </row>
    <row r="22686" spans="1:3" x14ac:dyDescent="0.15">
      <c r="A22686">
        <v>2312</v>
      </c>
      <c r="B22686" t="s">
        <v>45288</v>
      </c>
      <c r="C22686" t="s">
        <v>45289</v>
      </c>
    </row>
    <row r="22687" spans="1:3" x14ac:dyDescent="0.15">
      <c r="A22687">
        <v>2311</v>
      </c>
      <c r="B22687" t="s">
        <v>45290</v>
      </c>
      <c r="C22687" t="s">
        <v>45291</v>
      </c>
    </row>
    <row r="22688" spans="1:3" x14ac:dyDescent="0.15">
      <c r="A22688">
        <v>2310</v>
      </c>
      <c r="B22688" t="s">
        <v>45292</v>
      </c>
      <c r="C22688" t="s">
        <v>45293</v>
      </c>
    </row>
    <row r="22689" spans="1:3" x14ac:dyDescent="0.15">
      <c r="A22689">
        <v>2309</v>
      </c>
      <c r="B22689" t="s">
        <v>45294</v>
      </c>
      <c r="C22689" t="s">
        <v>45295</v>
      </c>
    </row>
    <row r="22690" spans="1:3" x14ac:dyDescent="0.15">
      <c r="A22690">
        <v>2308</v>
      </c>
      <c r="B22690" t="s">
        <v>45296</v>
      </c>
      <c r="C22690" t="s">
        <v>45297</v>
      </c>
    </row>
    <row r="22691" spans="1:3" x14ac:dyDescent="0.15">
      <c r="A22691">
        <v>2307</v>
      </c>
      <c r="B22691" t="s">
        <v>45298</v>
      </c>
      <c r="C22691" t="s">
        <v>45299</v>
      </c>
    </row>
    <row r="22692" spans="1:3" x14ac:dyDescent="0.15">
      <c r="A22692">
        <v>2306</v>
      </c>
      <c r="B22692" t="s">
        <v>45300</v>
      </c>
      <c r="C22692" t="s">
        <v>45301</v>
      </c>
    </row>
    <row r="22693" spans="1:3" x14ac:dyDescent="0.15">
      <c r="A22693">
        <v>2305</v>
      </c>
      <c r="B22693" t="s">
        <v>45302</v>
      </c>
      <c r="C22693" t="s">
        <v>45303</v>
      </c>
    </row>
    <row r="22694" spans="1:3" x14ac:dyDescent="0.15">
      <c r="A22694">
        <v>2304</v>
      </c>
      <c r="B22694" t="s">
        <v>45304</v>
      </c>
      <c r="C22694" t="s">
        <v>45305</v>
      </c>
    </row>
    <row r="22695" spans="1:3" x14ac:dyDescent="0.15">
      <c r="A22695">
        <v>2303</v>
      </c>
      <c r="B22695" t="s">
        <v>45306</v>
      </c>
      <c r="C22695" t="s">
        <v>45307</v>
      </c>
    </row>
    <row r="22696" spans="1:3" x14ac:dyDescent="0.15">
      <c r="A22696">
        <v>2302</v>
      </c>
      <c r="B22696" t="s">
        <v>45308</v>
      </c>
      <c r="C22696" t="s">
        <v>45309</v>
      </c>
    </row>
    <row r="22697" spans="1:3" x14ac:dyDescent="0.15">
      <c r="A22697">
        <v>2301</v>
      </c>
      <c r="B22697" t="s">
        <v>45310</v>
      </c>
      <c r="C22697" t="s">
        <v>45311</v>
      </c>
    </row>
    <row r="22698" spans="1:3" x14ac:dyDescent="0.15">
      <c r="A22698">
        <v>2300</v>
      </c>
      <c r="B22698" t="s">
        <v>45312</v>
      </c>
      <c r="C22698" t="s">
        <v>45313</v>
      </c>
    </row>
    <row r="22699" spans="1:3" x14ac:dyDescent="0.15">
      <c r="A22699">
        <v>2299</v>
      </c>
      <c r="B22699" t="s">
        <v>45314</v>
      </c>
      <c r="C22699" t="s">
        <v>45315</v>
      </c>
    </row>
    <row r="22700" spans="1:3" x14ac:dyDescent="0.15">
      <c r="A22700">
        <v>2298</v>
      </c>
      <c r="B22700" t="s">
        <v>45316</v>
      </c>
      <c r="C22700" t="s">
        <v>45317</v>
      </c>
    </row>
    <row r="22701" spans="1:3" x14ac:dyDescent="0.15">
      <c r="A22701">
        <v>2297</v>
      </c>
      <c r="B22701" t="s">
        <v>45318</v>
      </c>
      <c r="C22701" t="s">
        <v>45319</v>
      </c>
    </row>
    <row r="22702" spans="1:3" x14ac:dyDescent="0.15">
      <c r="A22702">
        <v>2296</v>
      </c>
      <c r="B22702" t="s">
        <v>45320</v>
      </c>
      <c r="C22702" t="s">
        <v>45321</v>
      </c>
    </row>
    <row r="22703" spans="1:3" x14ac:dyDescent="0.15">
      <c r="A22703">
        <v>2295</v>
      </c>
      <c r="B22703" t="s">
        <v>45322</v>
      </c>
      <c r="C22703" t="s">
        <v>45323</v>
      </c>
    </row>
    <row r="22704" spans="1:3" x14ac:dyDescent="0.15">
      <c r="A22704">
        <v>2294</v>
      </c>
      <c r="B22704" t="s">
        <v>45324</v>
      </c>
      <c r="C22704" t="s">
        <v>45325</v>
      </c>
    </row>
    <row r="22705" spans="1:3" x14ac:dyDescent="0.15">
      <c r="A22705">
        <v>2293</v>
      </c>
      <c r="B22705" t="s">
        <v>45326</v>
      </c>
      <c r="C22705" t="s">
        <v>45327</v>
      </c>
    </row>
    <row r="22706" spans="1:3" x14ac:dyDescent="0.15">
      <c r="A22706">
        <v>2292</v>
      </c>
      <c r="B22706" t="s">
        <v>45328</v>
      </c>
      <c r="C22706" t="s">
        <v>45329</v>
      </c>
    </row>
    <row r="22707" spans="1:3" x14ac:dyDescent="0.15">
      <c r="A22707">
        <v>2291</v>
      </c>
      <c r="B22707" t="s">
        <v>45330</v>
      </c>
      <c r="C22707" t="s">
        <v>45331</v>
      </c>
    </row>
    <row r="22708" spans="1:3" x14ac:dyDescent="0.15">
      <c r="A22708">
        <v>2290</v>
      </c>
      <c r="B22708" t="s">
        <v>45332</v>
      </c>
      <c r="C22708" t="s">
        <v>45333</v>
      </c>
    </row>
    <row r="22709" spans="1:3" x14ac:dyDescent="0.15">
      <c r="A22709">
        <v>2289</v>
      </c>
      <c r="B22709" t="s">
        <v>45334</v>
      </c>
      <c r="C22709" t="s">
        <v>45335</v>
      </c>
    </row>
    <row r="22710" spans="1:3" x14ac:dyDescent="0.15">
      <c r="A22710">
        <v>2288</v>
      </c>
      <c r="B22710" t="s">
        <v>45336</v>
      </c>
      <c r="C22710" t="s">
        <v>45337</v>
      </c>
    </row>
    <row r="22711" spans="1:3" x14ac:dyDescent="0.15">
      <c r="A22711">
        <v>2287</v>
      </c>
      <c r="B22711" t="s">
        <v>45338</v>
      </c>
      <c r="C22711" t="s">
        <v>45339</v>
      </c>
    </row>
    <row r="22712" spans="1:3" x14ac:dyDescent="0.15">
      <c r="A22712">
        <v>2286</v>
      </c>
      <c r="B22712" t="s">
        <v>45340</v>
      </c>
      <c r="C22712" t="s">
        <v>45341</v>
      </c>
    </row>
    <row r="22713" spans="1:3" x14ac:dyDescent="0.15">
      <c r="A22713">
        <v>2285</v>
      </c>
      <c r="B22713" t="s">
        <v>45342</v>
      </c>
      <c r="C22713" t="s">
        <v>45343</v>
      </c>
    </row>
    <row r="22714" spans="1:3" x14ac:dyDescent="0.15">
      <c r="A22714">
        <v>2284</v>
      </c>
      <c r="B22714" t="s">
        <v>45344</v>
      </c>
      <c r="C22714" t="s">
        <v>45345</v>
      </c>
    </row>
    <row r="22715" spans="1:3" x14ac:dyDescent="0.15">
      <c r="A22715">
        <v>2283</v>
      </c>
      <c r="B22715" t="s">
        <v>45346</v>
      </c>
      <c r="C22715" t="s">
        <v>45347</v>
      </c>
    </row>
    <row r="22716" spans="1:3" x14ac:dyDescent="0.15">
      <c r="A22716">
        <v>2282</v>
      </c>
      <c r="B22716" t="s">
        <v>45348</v>
      </c>
      <c r="C22716" t="s">
        <v>45349</v>
      </c>
    </row>
    <row r="22717" spans="1:3" x14ac:dyDescent="0.15">
      <c r="A22717">
        <v>2281</v>
      </c>
      <c r="B22717" t="s">
        <v>45350</v>
      </c>
      <c r="C22717" t="s">
        <v>45351</v>
      </c>
    </row>
    <row r="22718" spans="1:3" x14ac:dyDescent="0.15">
      <c r="A22718">
        <v>2280</v>
      </c>
      <c r="B22718" t="s">
        <v>45352</v>
      </c>
      <c r="C22718" t="s">
        <v>45353</v>
      </c>
    </row>
    <row r="22719" spans="1:3" x14ac:dyDescent="0.15">
      <c r="A22719">
        <v>2279</v>
      </c>
      <c r="B22719" t="s">
        <v>45354</v>
      </c>
      <c r="C22719" t="s">
        <v>45355</v>
      </c>
    </row>
    <row r="22720" spans="1:3" x14ac:dyDescent="0.15">
      <c r="A22720">
        <v>2278</v>
      </c>
      <c r="B22720" t="s">
        <v>45356</v>
      </c>
      <c r="C22720" t="s">
        <v>45357</v>
      </c>
    </row>
    <row r="22721" spans="1:3" x14ac:dyDescent="0.15">
      <c r="A22721">
        <v>2277</v>
      </c>
      <c r="B22721" t="s">
        <v>45358</v>
      </c>
      <c r="C22721" t="s">
        <v>45359</v>
      </c>
    </row>
    <row r="22722" spans="1:3" x14ac:dyDescent="0.15">
      <c r="A22722">
        <v>2276</v>
      </c>
      <c r="B22722" t="s">
        <v>45360</v>
      </c>
      <c r="C22722" t="s">
        <v>45361</v>
      </c>
    </row>
    <row r="22723" spans="1:3" x14ac:dyDescent="0.15">
      <c r="A22723">
        <v>2275</v>
      </c>
      <c r="B22723" t="s">
        <v>45362</v>
      </c>
      <c r="C22723" t="s">
        <v>45363</v>
      </c>
    </row>
    <row r="22724" spans="1:3" x14ac:dyDescent="0.15">
      <c r="A22724">
        <v>2274</v>
      </c>
      <c r="B22724" t="s">
        <v>45364</v>
      </c>
      <c r="C22724" t="s">
        <v>45365</v>
      </c>
    </row>
    <row r="22725" spans="1:3" x14ac:dyDescent="0.15">
      <c r="A22725">
        <v>2273</v>
      </c>
      <c r="B22725" t="s">
        <v>45366</v>
      </c>
      <c r="C22725" t="s">
        <v>45367</v>
      </c>
    </row>
    <row r="22726" spans="1:3" x14ac:dyDescent="0.15">
      <c r="A22726">
        <v>2272</v>
      </c>
      <c r="B22726" t="s">
        <v>45368</v>
      </c>
      <c r="C22726" t="s">
        <v>45369</v>
      </c>
    </row>
    <row r="22727" spans="1:3" x14ac:dyDescent="0.15">
      <c r="A22727">
        <v>2271</v>
      </c>
      <c r="B22727" t="s">
        <v>45370</v>
      </c>
      <c r="C22727" t="s">
        <v>45371</v>
      </c>
    </row>
    <row r="22728" spans="1:3" x14ac:dyDescent="0.15">
      <c r="A22728">
        <v>2270</v>
      </c>
      <c r="B22728" t="s">
        <v>45372</v>
      </c>
      <c r="C22728" t="s">
        <v>45373</v>
      </c>
    </row>
    <row r="22729" spans="1:3" x14ac:dyDescent="0.15">
      <c r="A22729">
        <v>2269</v>
      </c>
      <c r="B22729" t="s">
        <v>45374</v>
      </c>
      <c r="C22729" t="s">
        <v>45375</v>
      </c>
    </row>
    <row r="22730" spans="1:3" x14ac:dyDescent="0.15">
      <c r="A22730">
        <v>2268</v>
      </c>
      <c r="B22730" t="s">
        <v>45376</v>
      </c>
      <c r="C22730" t="s">
        <v>45377</v>
      </c>
    </row>
    <row r="22731" spans="1:3" x14ac:dyDescent="0.15">
      <c r="A22731">
        <v>2267</v>
      </c>
      <c r="B22731" t="s">
        <v>45378</v>
      </c>
      <c r="C22731" t="s">
        <v>45379</v>
      </c>
    </row>
    <row r="22732" spans="1:3" x14ac:dyDescent="0.15">
      <c r="A22732">
        <v>2266</v>
      </c>
      <c r="B22732" t="s">
        <v>45380</v>
      </c>
      <c r="C22732" t="s">
        <v>45381</v>
      </c>
    </row>
    <row r="22733" spans="1:3" x14ac:dyDescent="0.15">
      <c r="A22733">
        <v>2265</v>
      </c>
      <c r="B22733" t="s">
        <v>45382</v>
      </c>
      <c r="C22733" t="s">
        <v>45383</v>
      </c>
    </row>
    <row r="22734" spans="1:3" x14ac:dyDescent="0.15">
      <c r="A22734">
        <v>2264</v>
      </c>
      <c r="B22734" t="s">
        <v>45384</v>
      </c>
      <c r="C22734" t="s">
        <v>45385</v>
      </c>
    </row>
    <row r="22735" spans="1:3" x14ac:dyDescent="0.15">
      <c r="A22735">
        <v>2263</v>
      </c>
      <c r="B22735" t="s">
        <v>45386</v>
      </c>
      <c r="C22735" t="s">
        <v>45387</v>
      </c>
    </row>
    <row r="22736" spans="1:3" x14ac:dyDescent="0.15">
      <c r="A22736">
        <v>2262</v>
      </c>
      <c r="B22736" t="s">
        <v>45388</v>
      </c>
      <c r="C22736" t="s">
        <v>45389</v>
      </c>
    </row>
    <row r="22737" spans="1:3" x14ac:dyDescent="0.15">
      <c r="A22737">
        <v>2261</v>
      </c>
      <c r="B22737" t="s">
        <v>45390</v>
      </c>
      <c r="C22737" t="s">
        <v>45391</v>
      </c>
    </row>
    <row r="22738" spans="1:3" x14ac:dyDescent="0.15">
      <c r="A22738">
        <v>2260</v>
      </c>
      <c r="B22738" t="s">
        <v>45392</v>
      </c>
      <c r="C22738" t="s">
        <v>45393</v>
      </c>
    </row>
    <row r="22739" spans="1:3" x14ac:dyDescent="0.15">
      <c r="A22739">
        <v>2259</v>
      </c>
      <c r="B22739" t="s">
        <v>45394</v>
      </c>
      <c r="C22739" t="s">
        <v>45395</v>
      </c>
    </row>
    <row r="22740" spans="1:3" x14ac:dyDescent="0.15">
      <c r="A22740">
        <v>2258</v>
      </c>
      <c r="B22740" t="s">
        <v>45396</v>
      </c>
      <c r="C22740" t="s">
        <v>45397</v>
      </c>
    </row>
    <row r="22741" spans="1:3" x14ac:dyDescent="0.15">
      <c r="A22741">
        <v>2257</v>
      </c>
      <c r="B22741" t="s">
        <v>45398</v>
      </c>
      <c r="C22741" t="s">
        <v>45399</v>
      </c>
    </row>
    <row r="22742" spans="1:3" x14ac:dyDescent="0.15">
      <c r="A22742">
        <v>2256</v>
      </c>
      <c r="B22742" t="s">
        <v>45400</v>
      </c>
      <c r="C22742" t="s">
        <v>45401</v>
      </c>
    </row>
    <row r="22743" spans="1:3" x14ac:dyDescent="0.15">
      <c r="A22743">
        <v>2255</v>
      </c>
      <c r="B22743" t="s">
        <v>45402</v>
      </c>
      <c r="C22743" t="s">
        <v>45403</v>
      </c>
    </row>
    <row r="22744" spans="1:3" x14ac:dyDescent="0.15">
      <c r="A22744">
        <v>2254</v>
      </c>
      <c r="B22744" t="s">
        <v>45404</v>
      </c>
      <c r="C22744" t="s">
        <v>45405</v>
      </c>
    </row>
    <row r="22745" spans="1:3" x14ac:dyDescent="0.15">
      <c r="A22745">
        <v>2253</v>
      </c>
      <c r="B22745" t="s">
        <v>45406</v>
      </c>
      <c r="C22745" t="s">
        <v>45407</v>
      </c>
    </row>
    <row r="22746" spans="1:3" x14ac:dyDescent="0.15">
      <c r="A22746">
        <v>2252</v>
      </c>
      <c r="B22746" t="s">
        <v>45408</v>
      </c>
      <c r="C22746" t="s">
        <v>45409</v>
      </c>
    </row>
    <row r="22747" spans="1:3" x14ac:dyDescent="0.15">
      <c r="A22747">
        <v>2251</v>
      </c>
      <c r="B22747" t="s">
        <v>45410</v>
      </c>
      <c r="C22747" t="s">
        <v>45411</v>
      </c>
    </row>
    <row r="22748" spans="1:3" x14ac:dyDescent="0.15">
      <c r="A22748">
        <v>2250</v>
      </c>
      <c r="B22748" t="s">
        <v>45412</v>
      </c>
      <c r="C22748" t="s">
        <v>45413</v>
      </c>
    </row>
    <row r="22749" spans="1:3" x14ac:dyDescent="0.15">
      <c r="A22749">
        <v>2249</v>
      </c>
      <c r="B22749" t="s">
        <v>45414</v>
      </c>
      <c r="C22749" t="s">
        <v>45415</v>
      </c>
    </row>
    <row r="22750" spans="1:3" x14ac:dyDescent="0.15">
      <c r="A22750">
        <v>2248</v>
      </c>
      <c r="B22750" t="s">
        <v>45416</v>
      </c>
      <c r="C22750" t="s">
        <v>45417</v>
      </c>
    </row>
    <row r="22751" spans="1:3" x14ac:dyDescent="0.15">
      <c r="A22751">
        <v>2247</v>
      </c>
      <c r="B22751" t="s">
        <v>45418</v>
      </c>
      <c r="C22751" t="s">
        <v>45419</v>
      </c>
    </row>
    <row r="22752" spans="1:3" x14ac:dyDescent="0.15">
      <c r="A22752">
        <v>2246</v>
      </c>
      <c r="B22752" t="s">
        <v>45420</v>
      </c>
      <c r="C22752" t="s">
        <v>45421</v>
      </c>
    </row>
    <row r="22753" spans="1:3" x14ac:dyDescent="0.15">
      <c r="A22753">
        <v>2245</v>
      </c>
      <c r="B22753" t="s">
        <v>45422</v>
      </c>
      <c r="C22753" t="s">
        <v>45423</v>
      </c>
    </row>
    <row r="22754" spans="1:3" x14ac:dyDescent="0.15">
      <c r="A22754">
        <v>2244</v>
      </c>
      <c r="B22754" t="s">
        <v>45424</v>
      </c>
      <c r="C22754" t="s">
        <v>45425</v>
      </c>
    </row>
    <row r="22755" spans="1:3" x14ac:dyDescent="0.15">
      <c r="A22755">
        <v>2243</v>
      </c>
      <c r="B22755" t="s">
        <v>45426</v>
      </c>
      <c r="C22755" t="s">
        <v>45427</v>
      </c>
    </row>
    <row r="22756" spans="1:3" x14ac:dyDescent="0.15">
      <c r="A22756">
        <v>2242</v>
      </c>
      <c r="B22756" t="s">
        <v>45428</v>
      </c>
      <c r="C22756" t="s">
        <v>45429</v>
      </c>
    </row>
    <row r="22757" spans="1:3" x14ac:dyDescent="0.15">
      <c r="A22757">
        <v>2241</v>
      </c>
      <c r="B22757" t="s">
        <v>45430</v>
      </c>
      <c r="C22757" t="s">
        <v>45431</v>
      </c>
    </row>
    <row r="22758" spans="1:3" x14ac:dyDescent="0.15">
      <c r="A22758">
        <v>2240</v>
      </c>
      <c r="B22758" t="s">
        <v>45432</v>
      </c>
      <c r="C22758" t="s">
        <v>45433</v>
      </c>
    </row>
    <row r="22759" spans="1:3" x14ac:dyDescent="0.15">
      <c r="A22759">
        <v>2239</v>
      </c>
      <c r="B22759" t="s">
        <v>45434</v>
      </c>
      <c r="C22759" t="s">
        <v>45435</v>
      </c>
    </row>
    <row r="22760" spans="1:3" x14ac:dyDescent="0.15">
      <c r="A22760">
        <v>2238</v>
      </c>
      <c r="B22760" t="s">
        <v>45436</v>
      </c>
      <c r="C22760" t="s">
        <v>45437</v>
      </c>
    </row>
    <row r="22761" spans="1:3" x14ac:dyDescent="0.15">
      <c r="A22761">
        <v>2237</v>
      </c>
      <c r="B22761" t="s">
        <v>45438</v>
      </c>
      <c r="C22761" t="s">
        <v>45439</v>
      </c>
    </row>
    <row r="22762" spans="1:3" x14ac:dyDescent="0.15">
      <c r="A22762">
        <v>2236</v>
      </c>
      <c r="B22762" t="s">
        <v>45440</v>
      </c>
      <c r="C22762" t="s">
        <v>45441</v>
      </c>
    </row>
    <row r="22763" spans="1:3" x14ac:dyDescent="0.15">
      <c r="A22763">
        <v>2235</v>
      </c>
      <c r="B22763" t="s">
        <v>45442</v>
      </c>
      <c r="C22763" t="s">
        <v>45443</v>
      </c>
    </row>
    <row r="22764" spans="1:3" x14ac:dyDescent="0.15">
      <c r="A22764">
        <v>2234</v>
      </c>
      <c r="B22764" t="s">
        <v>45444</v>
      </c>
      <c r="C22764" t="s">
        <v>45445</v>
      </c>
    </row>
    <row r="22765" spans="1:3" x14ac:dyDescent="0.15">
      <c r="A22765">
        <v>2233</v>
      </c>
      <c r="B22765" t="s">
        <v>45446</v>
      </c>
      <c r="C22765" t="s">
        <v>45447</v>
      </c>
    </row>
    <row r="22766" spans="1:3" x14ac:dyDescent="0.15">
      <c r="A22766">
        <v>2232</v>
      </c>
      <c r="B22766" t="s">
        <v>45448</v>
      </c>
      <c r="C22766" t="s">
        <v>45449</v>
      </c>
    </row>
    <row r="22767" spans="1:3" x14ac:dyDescent="0.15">
      <c r="A22767">
        <v>2231</v>
      </c>
      <c r="B22767" t="s">
        <v>45450</v>
      </c>
      <c r="C22767" t="s">
        <v>45451</v>
      </c>
    </row>
    <row r="22768" spans="1:3" x14ac:dyDescent="0.15">
      <c r="A22768">
        <v>2230</v>
      </c>
      <c r="B22768" t="s">
        <v>45452</v>
      </c>
      <c r="C22768" t="s">
        <v>45453</v>
      </c>
    </row>
    <row r="22769" spans="1:3" x14ac:dyDescent="0.15">
      <c r="A22769">
        <v>2229</v>
      </c>
      <c r="B22769" t="s">
        <v>45454</v>
      </c>
      <c r="C22769" t="s">
        <v>45455</v>
      </c>
    </row>
    <row r="22770" spans="1:3" x14ac:dyDescent="0.15">
      <c r="A22770">
        <v>2228</v>
      </c>
      <c r="B22770" t="s">
        <v>45456</v>
      </c>
      <c r="C22770" t="s">
        <v>45457</v>
      </c>
    </row>
    <row r="22771" spans="1:3" x14ac:dyDescent="0.15">
      <c r="A22771">
        <v>2227</v>
      </c>
      <c r="B22771" t="s">
        <v>45458</v>
      </c>
      <c r="C22771" t="s">
        <v>45459</v>
      </c>
    </row>
    <row r="22772" spans="1:3" x14ac:dyDescent="0.15">
      <c r="A22772">
        <v>2226</v>
      </c>
      <c r="B22772" t="s">
        <v>45460</v>
      </c>
      <c r="C22772" t="s">
        <v>45461</v>
      </c>
    </row>
    <row r="22773" spans="1:3" x14ac:dyDescent="0.15">
      <c r="A22773">
        <v>2225</v>
      </c>
      <c r="B22773" t="s">
        <v>45462</v>
      </c>
      <c r="C22773" t="s">
        <v>45463</v>
      </c>
    </row>
    <row r="22774" spans="1:3" x14ac:dyDescent="0.15">
      <c r="A22774">
        <v>2224</v>
      </c>
      <c r="B22774" t="s">
        <v>45464</v>
      </c>
      <c r="C22774" t="s">
        <v>45465</v>
      </c>
    </row>
    <row r="22775" spans="1:3" x14ac:dyDescent="0.15">
      <c r="A22775">
        <v>2223</v>
      </c>
      <c r="B22775" t="s">
        <v>45466</v>
      </c>
      <c r="C22775" t="s">
        <v>45467</v>
      </c>
    </row>
    <row r="22776" spans="1:3" x14ac:dyDescent="0.15">
      <c r="A22776">
        <v>2222</v>
      </c>
      <c r="B22776" t="s">
        <v>45468</v>
      </c>
      <c r="C22776" t="s">
        <v>45469</v>
      </c>
    </row>
    <row r="22777" spans="1:3" x14ac:dyDescent="0.15">
      <c r="A22777">
        <v>2221</v>
      </c>
      <c r="B22777" t="s">
        <v>45470</v>
      </c>
      <c r="C22777" t="s">
        <v>45471</v>
      </c>
    </row>
    <row r="22778" spans="1:3" x14ac:dyDescent="0.15">
      <c r="A22778">
        <v>2220</v>
      </c>
      <c r="B22778" t="s">
        <v>45472</v>
      </c>
      <c r="C22778" t="s">
        <v>45473</v>
      </c>
    </row>
    <row r="22779" spans="1:3" x14ac:dyDescent="0.15">
      <c r="A22779">
        <v>2219</v>
      </c>
      <c r="B22779" t="s">
        <v>45474</v>
      </c>
      <c r="C22779" t="s">
        <v>45475</v>
      </c>
    </row>
    <row r="22780" spans="1:3" x14ac:dyDescent="0.15">
      <c r="A22780">
        <v>2218</v>
      </c>
      <c r="B22780" t="s">
        <v>45476</v>
      </c>
      <c r="C22780" t="s">
        <v>45477</v>
      </c>
    </row>
    <row r="22781" spans="1:3" x14ac:dyDescent="0.15">
      <c r="A22781">
        <v>2217</v>
      </c>
      <c r="B22781" t="s">
        <v>45478</v>
      </c>
      <c r="C22781" t="s">
        <v>45479</v>
      </c>
    </row>
    <row r="22782" spans="1:3" x14ac:dyDescent="0.15">
      <c r="A22782">
        <v>2216</v>
      </c>
      <c r="B22782" t="s">
        <v>45480</v>
      </c>
      <c r="C22782" t="s">
        <v>45481</v>
      </c>
    </row>
    <row r="22783" spans="1:3" x14ac:dyDescent="0.15">
      <c r="A22783">
        <v>2215</v>
      </c>
      <c r="B22783" t="s">
        <v>45482</v>
      </c>
      <c r="C22783" t="s">
        <v>45483</v>
      </c>
    </row>
    <row r="22784" spans="1:3" x14ac:dyDescent="0.15">
      <c r="A22784">
        <v>2214</v>
      </c>
      <c r="B22784" t="s">
        <v>45484</v>
      </c>
      <c r="C22784" t="s">
        <v>45485</v>
      </c>
    </row>
    <row r="22785" spans="1:3" x14ac:dyDescent="0.15">
      <c r="A22785">
        <v>2213</v>
      </c>
      <c r="B22785" t="s">
        <v>45486</v>
      </c>
      <c r="C22785" t="s">
        <v>45487</v>
      </c>
    </row>
    <row r="22786" spans="1:3" x14ac:dyDescent="0.15">
      <c r="A22786">
        <v>2212</v>
      </c>
      <c r="B22786" t="s">
        <v>45488</v>
      </c>
      <c r="C22786" t="s">
        <v>45489</v>
      </c>
    </row>
    <row r="22787" spans="1:3" x14ac:dyDescent="0.15">
      <c r="A22787">
        <v>2211</v>
      </c>
      <c r="B22787" t="s">
        <v>45490</v>
      </c>
      <c r="C22787" t="s">
        <v>45491</v>
      </c>
    </row>
    <row r="22788" spans="1:3" x14ac:dyDescent="0.15">
      <c r="A22788">
        <v>2210</v>
      </c>
      <c r="B22788" t="s">
        <v>45492</v>
      </c>
      <c r="C22788" t="s">
        <v>45493</v>
      </c>
    </row>
    <row r="22789" spans="1:3" x14ac:dyDescent="0.15">
      <c r="A22789">
        <v>2209</v>
      </c>
      <c r="B22789" t="s">
        <v>45494</v>
      </c>
      <c r="C22789" t="s">
        <v>45495</v>
      </c>
    </row>
    <row r="22790" spans="1:3" x14ac:dyDescent="0.15">
      <c r="A22790">
        <v>2208</v>
      </c>
      <c r="B22790" t="s">
        <v>45496</v>
      </c>
      <c r="C22790" t="s">
        <v>45497</v>
      </c>
    </row>
    <row r="22791" spans="1:3" x14ac:dyDescent="0.15">
      <c r="A22791">
        <v>2207</v>
      </c>
      <c r="B22791" t="s">
        <v>45498</v>
      </c>
      <c r="C22791" t="s">
        <v>45499</v>
      </c>
    </row>
    <row r="22792" spans="1:3" x14ac:dyDescent="0.15">
      <c r="A22792">
        <v>2206</v>
      </c>
      <c r="B22792" t="s">
        <v>45500</v>
      </c>
      <c r="C22792" t="s">
        <v>45501</v>
      </c>
    </row>
    <row r="22793" spans="1:3" x14ac:dyDescent="0.15">
      <c r="A22793">
        <v>2205</v>
      </c>
      <c r="B22793" t="s">
        <v>45502</v>
      </c>
      <c r="C22793" t="s">
        <v>45503</v>
      </c>
    </row>
    <row r="22794" spans="1:3" x14ac:dyDescent="0.15">
      <c r="A22794">
        <v>2204</v>
      </c>
      <c r="B22794" t="s">
        <v>45504</v>
      </c>
      <c r="C22794" t="s">
        <v>45505</v>
      </c>
    </row>
    <row r="22795" spans="1:3" x14ac:dyDescent="0.15">
      <c r="A22795">
        <v>2203</v>
      </c>
      <c r="B22795" t="s">
        <v>45506</v>
      </c>
      <c r="C22795" t="s">
        <v>45507</v>
      </c>
    </row>
    <row r="22796" spans="1:3" x14ac:dyDescent="0.15">
      <c r="A22796">
        <v>2202</v>
      </c>
      <c r="B22796" t="s">
        <v>45508</v>
      </c>
      <c r="C22796" t="s">
        <v>45509</v>
      </c>
    </row>
    <row r="22797" spans="1:3" x14ac:dyDescent="0.15">
      <c r="A22797">
        <v>2201</v>
      </c>
      <c r="B22797" t="s">
        <v>45510</v>
      </c>
      <c r="C22797" t="s">
        <v>45511</v>
      </c>
    </row>
    <row r="22798" spans="1:3" x14ac:dyDescent="0.15">
      <c r="A22798">
        <v>2200</v>
      </c>
      <c r="B22798" t="s">
        <v>45512</v>
      </c>
      <c r="C22798" t="s">
        <v>45513</v>
      </c>
    </row>
    <row r="22799" spans="1:3" x14ac:dyDescent="0.15">
      <c r="A22799">
        <v>2199</v>
      </c>
      <c r="B22799" t="s">
        <v>45514</v>
      </c>
      <c r="C22799" t="s">
        <v>45515</v>
      </c>
    </row>
    <row r="22800" spans="1:3" x14ac:dyDescent="0.15">
      <c r="A22800">
        <v>2198</v>
      </c>
      <c r="B22800" t="s">
        <v>45516</v>
      </c>
      <c r="C22800" t="s">
        <v>45517</v>
      </c>
    </row>
    <row r="22801" spans="1:3" x14ac:dyDescent="0.15">
      <c r="A22801">
        <v>2197</v>
      </c>
      <c r="B22801" t="s">
        <v>45518</v>
      </c>
      <c r="C22801" t="s">
        <v>45519</v>
      </c>
    </row>
    <row r="22802" spans="1:3" x14ac:dyDescent="0.15">
      <c r="A22802">
        <v>2196</v>
      </c>
      <c r="B22802" t="s">
        <v>45520</v>
      </c>
      <c r="C22802" t="s">
        <v>45521</v>
      </c>
    </row>
    <row r="22803" spans="1:3" x14ac:dyDescent="0.15">
      <c r="A22803">
        <v>2195</v>
      </c>
      <c r="B22803" t="s">
        <v>45522</v>
      </c>
      <c r="C22803" t="s">
        <v>45523</v>
      </c>
    </row>
    <row r="22804" spans="1:3" x14ac:dyDescent="0.15">
      <c r="A22804">
        <v>2194</v>
      </c>
      <c r="B22804" t="s">
        <v>45524</v>
      </c>
      <c r="C22804" t="s">
        <v>45525</v>
      </c>
    </row>
    <row r="22805" spans="1:3" x14ac:dyDescent="0.15">
      <c r="A22805">
        <v>2193</v>
      </c>
      <c r="B22805" t="s">
        <v>45526</v>
      </c>
      <c r="C22805" t="s">
        <v>45527</v>
      </c>
    </row>
    <row r="22806" spans="1:3" x14ac:dyDescent="0.15">
      <c r="A22806">
        <v>2192</v>
      </c>
      <c r="B22806" t="s">
        <v>45528</v>
      </c>
      <c r="C22806" t="s">
        <v>45529</v>
      </c>
    </row>
    <row r="22807" spans="1:3" x14ac:dyDescent="0.15">
      <c r="A22807">
        <v>2191</v>
      </c>
      <c r="B22807" t="s">
        <v>45530</v>
      </c>
      <c r="C22807" t="s">
        <v>45531</v>
      </c>
    </row>
    <row r="22808" spans="1:3" x14ac:dyDescent="0.15">
      <c r="A22808">
        <v>2190</v>
      </c>
      <c r="B22808" t="s">
        <v>45532</v>
      </c>
      <c r="C22808" t="s">
        <v>45533</v>
      </c>
    </row>
    <row r="22809" spans="1:3" x14ac:dyDescent="0.15">
      <c r="A22809">
        <v>2189</v>
      </c>
      <c r="B22809" t="s">
        <v>45534</v>
      </c>
      <c r="C22809" t="s">
        <v>45535</v>
      </c>
    </row>
    <row r="22810" spans="1:3" x14ac:dyDescent="0.15">
      <c r="A22810">
        <v>2188</v>
      </c>
      <c r="B22810" t="s">
        <v>45536</v>
      </c>
      <c r="C22810" t="s">
        <v>45537</v>
      </c>
    </row>
    <row r="22811" spans="1:3" x14ac:dyDescent="0.15">
      <c r="A22811">
        <v>2187</v>
      </c>
      <c r="B22811" t="s">
        <v>45538</v>
      </c>
      <c r="C22811" t="s">
        <v>45539</v>
      </c>
    </row>
    <row r="22812" spans="1:3" x14ac:dyDescent="0.15">
      <c r="A22812">
        <v>2186</v>
      </c>
      <c r="B22812" t="s">
        <v>45540</v>
      </c>
      <c r="C22812" t="s">
        <v>45541</v>
      </c>
    </row>
    <row r="22813" spans="1:3" x14ac:dyDescent="0.15">
      <c r="A22813">
        <v>2185</v>
      </c>
      <c r="B22813" t="s">
        <v>45542</v>
      </c>
      <c r="C22813" t="s">
        <v>45543</v>
      </c>
    </row>
    <row r="22814" spans="1:3" x14ac:dyDescent="0.15">
      <c r="A22814">
        <v>2184</v>
      </c>
      <c r="B22814" t="s">
        <v>45544</v>
      </c>
      <c r="C22814" t="s">
        <v>45545</v>
      </c>
    </row>
    <row r="22815" spans="1:3" x14ac:dyDescent="0.15">
      <c r="A22815">
        <v>2183</v>
      </c>
      <c r="B22815" t="s">
        <v>45546</v>
      </c>
      <c r="C22815" t="s">
        <v>45547</v>
      </c>
    </row>
    <row r="22816" spans="1:3" x14ac:dyDescent="0.15">
      <c r="A22816">
        <v>2182</v>
      </c>
      <c r="B22816" t="s">
        <v>45548</v>
      </c>
      <c r="C22816" t="s">
        <v>45549</v>
      </c>
    </row>
    <row r="22817" spans="1:3" x14ac:dyDescent="0.15">
      <c r="A22817">
        <v>2181</v>
      </c>
      <c r="B22817" t="s">
        <v>45550</v>
      </c>
      <c r="C22817" t="s">
        <v>45551</v>
      </c>
    </row>
    <row r="22818" spans="1:3" x14ac:dyDescent="0.15">
      <c r="A22818">
        <v>2180</v>
      </c>
      <c r="B22818" t="s">
        <v>45552</v>
      </c>
      <c r="C22818" t="s">
        <v>45553</v>
      </c>
    </row>
    <row r="22819" spans="1:3" x14ac:dyDescent="0.15">
      <c r="A22819">
        <v>2179</v>
      </c>
      <c r="B22819" t="s">
        <v>45554</v>
      </c>
      <c r="C22819" t="s">
        <v>45555</v>
      </c>
    </row>
    <row r="22820" spans="1:3" x14ac:dyDescent="0.15">
      <c r="A22820">
        <v>2178</v>
      </c>
      <c r="B22820" t="s">
        <v>45556</v>
      </c>
      <c r="C22820" t="s">
        <v>45557</v>
      </c>
    </row>
    <row r="22821" spans="1:3" x14ac:dyDescent="0.15">
      <c r="A22821">
        <v>2177</v>
      </c>
      <c r="B22821" t="s">
        <v>45558</v>
      </c>
      <c r="C22821" t="s">
        <v>45559</v>
      </c>
    </row>
    <row r="22822" spans="1:3" x14ac:dyDescent="0.15">
      <c r="A22822">
        <v>2176</v>
      </c>
      <c r="B22822" t="s">
        <v>45560</v>
      </c>
      <c r="C22822" t="s">
        <v>45561</v>
      </c>
    </row>
    <row r="22823" spans="1:3" x14ac:dyDescent="0.15">
      <c r="A22823">
        <v>2175</v>
      </c>
      <c r="B22823" t="s">
        <v>45562</v>
      </c>
      <c r="C22823" t="s">
        <v>45563</v>
      </c>
    </row>
    <row r="22824" spans="1:3" x14ac:dyDescent="0.15">
      <c r="A22824">
        <v>2174</v>
      </c>
      <c r="B22824" t="s">
        <v>45564</v>
      </c>
      <c r="C22824" t="s">
        <v>45565</v>
      </c>
    </row>
    <row r="22825" spans="1:3" x14ac:dyDescent="0.15">
      <c r="A22825">
        <v>2173</v>
      </c>
      <c r="B22825" t="s">
        <v>45566</v>
      </c>
      <c r="C22825" t="s">
        <v>45567</v>
      </c>
    </row>
    <row r="22826" spans="1:3" x14ac:dyDescent="0.15">
      <c r="A22826">
        <v>2172</v>
      </c>
      <c r="B22826" t="s">
        <v>45568</v>
      </c>
      <c r="C22826" t="s">
        <v>45569</v>
      </c>
    </row>
    <row r="22827" spans="1:3" x14ac:dyDescent="0.15">
      <c r="A22827">
        <v>2171</v>
      </c>
      <c r="B22827" t="s">
        <v>45570</v>
      </c>
      <c r="C22827" t="s">
        <v>45571</v>
      </c>
    </row>
    <row r="22828" spans="1:3" x14ac:dyDescent="0.15">
      <c r="A22828">
        <v>2170</v>
      </c>
      <c r="B22828" t="s">
        <v>45572</v>
      </c>
      <c r="C22828" t="s">
        <v>45573</v>
      </c>
    </row>
    <row r="22829" spans="1:3" x14ac:dyDescent="0.15">
      <c r="A22829">
        <v>2169</v>
      </c>
      <c r="B22829" t="s">
        <v>45574</v>
      </c>
      <c r="C22829" t="s">
        <v>45575</v>
      </c>
    </row>
    <row r="22830" spans="1:3" x14ac:dyDescent="0.15">
      <c r="A22830">
        <v>2168</v>
      </c>
      <c r="B22830" t="s">
        <v>45576</v>
      </c>
      <c r="C22830" t="s">
        <v>45577</v>
      </c>
    </row>
    <row r="22831" spans="1:3" x14ac:dyDescent="0.15">
      <c r="A22831">
        <v>2167</v>
      </c>
      <c r="B22831" t="s">
        <v>45578</v>
      </c>
      <c r="C22831" t="s">
        <v>45579</v>
      </c>
    </row>
    <row r="22832" spans="1:3" x14ac:dyDescent="0.15">
      <c r="A22832">
        <v>2166</v>
      </c>
      <c r="B22832" t="s">
        <v>45580</v>
      </c>
      <c r="C22832" t="s">
        <v>45581</v>
      </c>
    </row>
    <row r="22833" spans="1:3" x14ac:dyDescent="0.15">
      <c r="A22833">
        <v>2165</v>
      </c>
      <c r="B22833" t="s">
        <v>45582</v>
      </c>
      <c r="C22833" t="s">
        <v>45583</v>
      </c>
    </row>
    <row r="22834" spans="1:3" x14ac:dyDescent="0.15">
      <c r="A22834">
        <v>2164</v>
      </c>
      <c r="B22834" t="s">
        <v>45584</v>
      </c>
      <c r="C22834" t="s">
        <v>45585</v>
      </c>
    </row>
    <row r="22835" spans="1:3" x14ac:dyDescent="0.15">
      <c r="A22835">
        <v>2163</v>
      </c>
      <c r="B22835" t="s">
        <v>45586</v>
      </c>
      <c r="C22835" t="s">
        <v>45587</v>
      </c>
    </row>
    <row r="22836" spans="1:3" x14ac:dyDescent="0.15">
      <c r="A22836">
        <v>2162</v>
      </c>
      <c r="B22836" t="s">
        <v>45588</v>
      </c>
      <c r="C22836" t="s">
        <v>45589</v>
      </c>
    </row>
    <row r="22837" spans="1:3" x14ac:dyDescent="0.15">
      <c r="A22837">
        <v>2161</v>
      </c>
      <c r="B22837" t="s">
        <v>45590</v>
      </c>
      <c r="C22837" t="s">
        <v>45591</v>
      </c>
    </row>
    <row r="22838" spans="1:3" x14ac:dyDescent="0.15">
      <c r="A22838">
        <v>2160</v>
      </c>
      <c r="B22838" t="s">
        <v>45592</v>
      </c>
      <c r="C22838" t="s">
        <v>45593</v>
      </c>
    </row>
    <row r="22839" spans="1:3" x14ac:dyDescent="0.15">
      <c r="A22839">
        <v>2159</v>
      </c>
      <c r="B22839" t="s">
        <v>45594</v>
      </c>
      <c r="C22839" t="s">
        <v>45595</v>
      </c>
    </row>
    <row r="22840" spans="1:3" x14ac:dyDescent="0.15">
      <c r="A22840">
        <v>2158</v>
      </c>
      <c r="B22840" t="s">
        <v>45596</v>
      </c>
      <c r="C22840" t="s">
        <v>45597</v>
      </c>
    </row>
    <row r="22841" spans="1:3" x14ac:dyDescent="0.15">
      <c r="A22841">
        <v>2157</v>
      </c>
      <c r="B22841" t="s">
        <v>45598</v>
      </c>
      <c r="C22841" t="s">
        <v>45599</v>
      </c>
    </row>
    <row r="22842" spans="1:3" x14ac:dyDescent="0.15">
      <c r="A22842">
        <v>2156</v>
      </c>
      <c r="B22842" t="s">
        <v>45600</v>
      </c>
      <c r="C22842" t="s">
        <v>45601</v>
      </c>
    </row>
    <row r="22843" spans="1:3" x14ac:dyDescent="0.15">
      <c r="A22843">
        <v>2155</v>
      </c>
      <c r="B22843" t="s">
        <v>45602</v>
      </c>
      <c r="C22843" t="s">
        <v>45603</v>
      </c>
    </row>
    <row r="22844" spans="1:3" x14ac:dyDescent="0.15">
      <c r="A22844">
        <v>2154</v>
      </c>
      <c r="B22844" t="s">
        <v>45604</v>
      </c>
      <c r="C22844" t="s">
        <v>45605</v>
      </c>
    </row>
    <row r="22845" spans="1:3" x14ac:dyDescent="0.15">
      <c r="A22845">
        <v>2153</v>
      </c>
      <c r="B22845" t="s">
        <v>45606</v>
      </c>
      <c r="C22845" t="s">
        <v>45607</v>
      </c>
    </row>
    <row r="22846" spans="1:3" x14ac:dyDescent="0.15">
      <c r="A22846">
        <v>2152</v>
      </c>
      <c r="B22846" t="s">
        <v>45608</v>
      </c>
      <c r="C22846" t="s">
        <v>45609</v>
      </c>
    </row>
    <row r="22847" spans="1:3" x14ac:dyDescent="0.15">
      <c r="A22847">
        <v>2151</v>
      </c>
      <c r="B22847" t="s">
        <v>45610</v>
      </c>
      <c r="C22847" t="s">
        <v>45611</v>
      </c>
    </row>
    <row r="22848" spans="1:3" x14ac:dyDescent="0.15">
      <c r="A22848">
        <v>2150</v>
      </c>
      <c r="B22848" t="s">
        <v>45612</v>
      </c>
      <c r="C22848" t="s">
        <v>45613</v>
      </c>
    </row>
    <row r="22849" spans="1:3" x14ac:dyDescent="0.15">
      <c r="A22849">
        <v>2149</v>
      </c>
      <c r="B22849" t="s">
        <v>45614</v>
      </c>
      <c r="C22849" t="s">
        <v>45615</v>
      </c>
    </row>
    <row r="22850" spans="1:3" x14ac:dyDescent="0.15">
      <c r="A22850">
        <v>2148</v>
      </c>
      <c r="B22850" t="s">
        <v>45616</v>
      </c>
      <c r="C22850" t="s">
        <v>45617</v>
      </c>
    </row>
    <row r="22851" spans="1:3" x14ac:dyDescent="0.15">
      <c r="A22851">
        <v>2147</v>
      </c>
      <c r="B22851" t="s">
        <v>45618</v>
      </c>
      <c r="C22851" t="s">
        <v>45619</v>
      </c>
    </row>
    <row r="22852" spans="1:3" x14ac:dyDescent="0.15">
      <c r="A22852">
        <v>2146</v>
      </c>
      <c r="B22852" t="s">
        <v>45620</v>
      </c>
      <c r="C22852" t="s">
        <v>45621</v>
      </c>
    </row>
    <row r="22853" spans="1:3" x14ac:dyDescent="0.15">
      <c r="A22853">
        <v>2145</v>
      </c>
      <c r="B22853" t="s">
        <v>45622</v>
      </c>
      <c r="C22853" t="s">
        <v>45623</v>
      </c>
    </row>
    <row r="22854" spans="1:3" x14ac:dyDescent="0.15">
      <c r="A22854">
        <v>2144</v>
      </c>
      <c r="B22854" t="s">
        <v>45624</v>
      </c>
      <c r="C22854" t="s">
        <v>45625</v>
      </c>
    </row>
    <row r="22855" spans="1:3" x14ac:dyDescent="0.15">
      <c r="A22855">
        <v>2143</v>
      </c>
      <c r="B22855" t="s">
        <v>45626</v>
      </c>
      <c r="C22855" t="s">
        <v>45627</v>
      </c>
    </row>
    <row r="22856" spans="1:3" x14ac:dyDescent="0.15">
      <c r="A22856">
        <v>2142</v>
      </c>
      <c r="B22856" t="s">
        <v>45628</v>
      </c>
      <c r="C22856" t="s">
        <v>45629</v>
      </c>
    </row>
    <row r="22857" spans="1:3" x14ac:dyDescent="0.15">
      <c r="A22857">
        <v>2141</v>
      </c>
      <c r="B22857" t="s">
        <v>45630</v>
      </c>
      <c r="C22857" t="s">
        <v>45631</v>
      </c>
    </row>
    <row r="22858" spans="1:3" x14ac:dyDescent="0.15">
      <c r="A22858">
        <v>2140</v>
      </c>
      <c r="B22858" t="s">
        <v>45632</v>
      </c>
      <c r="C22858" t="s">
        <v>45633</v>
      </c>
    </row>
    <row r="22859" spans="1:3" x14ac:dyDescent="0.15">
      <c r="A22859">
        <v>2139</v>
      </c>
      <c r="B22859" t="s">
        <v>45634</v>
      </c>
      <c r="C22859" t="s">
        <v>45635</v>
      </c>
    </row>
    <row r="22860" spans="1:3" x14ac:dyDescent="0.15">
      <c r="A22860">
        <v>2138</v>
      </c>
      <c r="B22860" t="s">
        <v>45636</v>
      </c>
      <c r="C22860" t="s">
        <v>45637</v>
      </c>
    </row>
    <row r="22861" spans="1:3" x14ac:dyDescent="0.15">
      <c r="A22861">
        <v>2137</v>
      </c>
      <c r="B22861" t="s">
        <v>45638</v>
      </c>
      <c r="C22861" t="s">
        <v>45639</v>
      </c>
    </row>
    <row r="22862" spans="1:3" x14ac:dyDescent="0.15">
      <c r="A22862">
        <v>2136</v>
      </c>
      <c r="B22862" t="s">
        <v>45640</v>
      </c>
      <c r="C22862" t="s">
        <v>45641</v>
      </c>
    </row>
    <row r="22863" spans="1:3" x14ac:dyDescent="0.15">
      <c r="A22863">
        <v>2135</v>
      </c>
      <c r="B22863" t="s">
        <v>45642</v>
      </c>
      <c r="C22863" t="s">
        <v>45643</v>
      </c>
    </row>
    <row r="22864" spans="1:3" x14ac:dyDescent="0.15">
      <c r="A22864">
        <v>2134</v>
      </c>
      <c r="B22864" t="s">
        <v>45644</v>
      </c>
      <c r="C22864" t="s">
        <v>45645</v>
      </c>
    </row>
    <row r="22865" spans="1:3" x14ac:dyDescent="0.15">
      <c r="A22865">
        <v>2133</v>
      </c>
      <c r="B22865" t="s">
        <v>45646</v>
      </c>
      <c r="C22865" t="s">
        <v>45647</v>
      </c>
    </row>
    <row r="22866" spans="1:3" x14ac:dyDescent="0.15">
      <c r="A22866">
        <v>2132</v>
      </c>
      <c r="B22866" t="s">
        <v>45648</v>
      </c>
      <c r="C22866" t="s">
        <v>45649</v>
      </c>
    </row>
    <row r="22867" spans="1:3" x14ac:dyDescent="0.15">
      <c r="A22867">
        <v>2131</v>
      </c>
      <c r="B22867" t="s">
        <v>45650</v>
      </c>
      <c r="C22867" t="s">
        <v>45651</v>
      </c>
    </row>
    <row r="22868" spans="1:3" x14ac:dyDescent="0.15">
      <c r="A22868">
        <v>2130</v>
      </c>
      <c r="B22868" t="s">
        <v>45652</v>
      </c>
      <c r="C22868" t="s">
        <v>45653</v>
      </c>
    </row>
    <row r="22869" spans="1:3" x14ac:dyDescent="0.15">
      <c r="A22869">
        <v>2129</v>
      </c>
      <c r="B22869" t="s">
        <v>45654</v>
      </c>
      <c r="C22869" t="s">
        <v>45655</v>
      </c>
    </row>
    <row r="22870" spans="1:3" x14ac:dyDescent="0.15">
      <c r="A22870">
        <v>2128</v>
      </c>
      <c r="B22870" t="s">
        <v>45656</v>
      </c>
      <c r="C22870" t="s">
        <v>45657</v>
      </c>
    </row>
    <row r="22871" spans="1:3" x14ac:dyDescent="0.15">
      <c r="A22871">
        <v>2127</v>
      </c>
      <c r="B22871" t="s">
        <v>45658</v>
      </c>
      <c r="C22871" t="s">
        <v>45659</v>
      </c>
    </row>
    <row r="22872" spans="1:3" x14ac:dyDescent="0.15">
      <c r="A22872">
        <v>2126</v>
      </c>
      <c r="B22872" t="s">
        <v>45660</v>
      </c>
      <c r="C22872" t="s">
        <v>45661</v>
      </c>
    </row>
    <row r="22873" spans="1:3" x14ac:dyDescent="0.15">
      <c r="A22873">
        <v>2125</v>
      </c>
      <c r="B22873" t="s">
        <v>45662</v>
      </c>
      <c r="C22873" t="s">
        <v>45663</v>
      </c>
    </row>
    <row r="22874" spans="1:3" x14ac:dyDescent="0.15">
      <c r="A22874">
        <v>2124</v>
      </c>
      <c r="B22874" t="s">
        <v>45664</v>
      </c>
      <c r="C22874" t="s">
        <v>45665</v>
      </c>
    </row>
    <row r="22875" spans="1:3" x14ac:dyDescent="0.15">
      <c r="A22875">
        <v>2123</v>
      </c>
      <c r="B22875" t="s">
        <v>45666</v>
      </c>
      <c r="C22875" t="s">
        <v>45667</v>
      </c>
    </row>
    <row r="22876" spans="1:3" x14ac:dyDescent="0.15">
      <c r="A22876">
        <v>2122</v>
      </c>
      <c r="B22876" t="s">
        <v>45668</v>
      </c>
      <c r="C22876" t="s">
        <v>45669</v>
      </c>
    </row>
    <row r="22877" spans="1:3" x14ac:dyDescent="0.15">
      <c r="A22877">
        <v>2121</v>
      </c>
      <c r="B22877" t="s">
        <v>45670</v>
      </c>
      <c r="C22877" t="s">
        <v>45671</v>
      </c>
    </row>
    <row r="22878" spans="1:3" x14ac:dyDescent="0.15">
      <c r="A22878">
        <v>2120</v>
      </c>
      <c r="B22878" t="s">
        <v>45672</v>
      </c>
      <c r="C22878" t="s">
        <v>45673</v>
      </c>
    </row>
    <row r="22879" spans="1:3" x14ac:dyDescent="0.15">
      <c r="A22879">
        <v>2119</v>
      </c>
      <c r="B22879" t="s">
        <v>45674</v>
      </c>
      <c r="C22879" t="s">
        <v>45675</v>
      </c>
    </row>
    <row r="22880" spans="1:3" x14ac:dyDescent="0.15">
      <c r="A22880">
        <v>2118</v>
      </c>
      <c r="B22880" t="s">
        <v>45676</v>
      </c>
      <c r="C22880" t="s">
        <v>45677</v>
      </c>
    </row>
    <row r="22881" spans="1:3" x14ac:dyDescent="0.15">
      <c r="A22881">
        <v>2117</v>
      </c>
      <c r="B22881" t="s">
        <v>45678</v>
      </c>
      <c r="C22881" t="s">
        <v>45679</v>
      </c>
    </row>
    <row r="22882" spans="1:3" x14ac:dyDescent="0.15">
      <c r="A22882">
        <v>2116</v>
      </c>
      <c r="B22882" t="s">
        <v>45680</v>
      </c>
      <c r="C22882" t="s">
        <v>45681</v>
      </c>
    </row>
    <row r="22883" spans="1:3" x14ac:dyDescent="0.15">
      <c r="A22883">
        <v>2115</v>
      </c>
      <c r="B22883" t="s">
        <v>45682</v>
      </c>
      <c r="C22883" t="s">
        <v>45683</v>
      </c>
    </row>
    <row r="22884" spans="1:3" x14ac:dyDescent="0.15">
      <c r="A22884">
        <v>2114</v>
      </c>
      <c r="B22884" t="s">
        <v>45684</v>
      </c>
      <c r="C22884" t="s">
        <v>45685</v>
      </c>
    </row>
    <row r="22885" spans="1:3" x14ac:dyDescent="0.15">
      <c r="A22885">
        <v>2113</v>
      </c>
      <c r="B22885" t="s">
        <v>45686</v>
      </c>
      <c r="C22885" t="s">
        <v>45687</v>
      </c>
    </row>
    <row r="22886" spans="1:3" x14ac:dyDescent="0.15">
      <c r="A22886">
        <v>2112</v>
      </c>
      <c r="B22886" t="s">
        <v>45688</v>
      </c>
      <c r="C22886" t="s">
        <v>45689</v>
      </c>
    </row>
    <row r="22887" spans="1:3" x14ac:dyDescent="0.15">
      <c r="A22887">
        <v>2111</v>
      </c>
      <c r="B22887" t="s">
        <v>45690</v>
      </c>
      <c r="C22887" t="s">
        <v>45691</v>
      </c>
    </row>
    <row r="22888" spans="1:3" x14ac:dyDescent="0.15">
      <c r="A22888">
        <v>2110</v>
      </c>
      <c r="B22888" t="s">
        <v>45692</v>
      </c>
      <c r="C22888" t="s">
        <v>45693</v>
      </c>
    </row>
    <row r="22889" spans="1:3" x14ac:dyDescent="0.15">
      <c r="A22889">
        <v>2109</v>
      </c>
      <c r="B22889" t="s">
        <v>45694</v>
      </c>
      <c r="C22889" t="s">
        <v>45695</v>
      </c>
    </row>
    <row r="22890" spans="1:3" x14ac:dyDescent="0.15">
      <c r="A22890">
        <v>2108</v>
      </c>
      <c r="B22890" t="s">
        <v>45696</v>
      </c>
      <c r="C22890" t="s">
        <v>45697</v>
      </c>
    </row>
    <row r="22891" spans="1:3" x14ac:dyDescent="0.15">
      <c r="A22891">
        <v>2107</v>
      </c>
      <c r="B22891" t="s">
        <v>45698</v>
      </c>
      <c r="C22891" t="s">
        <v>45699</v>
      </c>
    </row>
    <row r="22892" spans="1:3" x14ac:dyDescent="0.15">
      <c r="A22892">
        <v>2106</v>
      </c>
      <c r="B22892" t="s">
        <v>45700</v>
      </c>
      <c r="C22892" t="s">
        <v>45701</v>
      </c>
    </row>
    <row r="22893" spans="1:3" x14ac:dyDescent="0.15">
      <c r="A22893">
        <v>2105</v>
      </c>
      <c r="B22893" t="s">
        <v>45702</v>
      </c>
      <c r="C22893" t="s">
        <v>45703</v>
      </c>
    </row>
    <row r="22894" spans="1:3" x14ac:dyDescent="0.15">
      <c r="A22894">
        <v>2104</v>
      </c>
      <c r="B22894" t="s">
        <v>45704</v>
      </c>
      <c r="C22894" t="s">
        <v>45705</v>
      </c>
    </row>
    <row r="22895" spans="1:3" x14ac:dyDescent="0.15">
      <c r="A22895">
        <v>2103</v>
      </c>
      <c r="B22895" t="s">
        <v>45706</v>
      </c>
      <c r="C22895" t="s">
        <v>45707</v>
      </c>
    </row>
    <row r="22896" spans="1:3" x14ac:dyDescent="0.15">
      <c r="A22896">
        <v>2102</v>
      </c>
      <c r="B22896" t="s">
        <v>45708</v>
      </c>
      <c r="C22896" t="s">
        <v>45709</v>
      </c>
    </row>
    <row r="22897" spans="1:3" x14ac:dyDescent="0.15">
      <c r="A22897">
        <v>2101</v>
      </c>
      <c r="B22897" t="s">
        <v>45710</v>
      </c>
      <c r="C22897" t="s">
        <v>45711</v>
      </c>
    </row>
    <row r="22898" spans="1:3" x14ac:dyDescent="0.15">
      <c r="A22898">
        <v>2100</v>
      </c>
      <c r="B22898" t="s">
        <v>45712</v>
      </c>
      <c r="C22898" t="s">
        <v>45713</v>
      </c>
    </row>
    <row r="22899" spans="1:3" x14ac:dyDescent="0.15">
      <c r="A22899">
        <v>2099</v>
      </c>
      <c r="B22899" t="s">
        <v>45714</v>
      </c>
      <c r="C22899" t="s">
        <v>45715</v>
      </c>
    </row>
    <row r="22900" spans="1:3" x14ac:dyDescent="0.15">
      <c r="A22900">
        <v>2098</v>
      </c>
      <c r="B22900" t="s">
        <v>45716</v>
      </c>
      <c r="C22900" t="s">
        <v>45717</v>
      </c>
    </row>
    <row r="22901" spans="1:3" x14ac:dyDescent="0.15">
      <c r="A22901">
        <v>2097</v>
      </c>
      <c r="B22901" t="s">
        <v>45718</v>
      </c>
      <c r="C22901" t="s">
        <v>45719</v>
      </c>
    </row>
    <row r="22902" spans="1:3" x14ac:dyDescent="0.15">
      <c r="A22902">
        <v>2096</v>
      </c>
      <c r="B22902" t="s">
        <v>45720</v>
      </c>
      <c r="C22902" t="s">
        <v>45721</v>
      </c>
    </row>
    <row r="22903" spans="1:3" x14ac:dyDescent="0.15">
      <c r="A22903">
        <v>2095</v>
      </c>
      <c r="B22903" t="s">
        <v>45722</v>
      </c>
      <c r="C22903" t="s">
        <v>45723</v>
      </c>
    </row>
    <row r="22904" spans="1:3" x14ac:dyDescent="0.15">
      <c r="A22904">
        <v>2094</v>
      </c>
      <c r="B22904" t="s">
        <v>45724</v>
      </c>
      <c r="C22904" t="s">
        <v>45725</v>
      </c>
    </row>
    <row r="22905" spans="1:3" x14ac:dyDescent="0.15">
      <c r="A22905">
        <v>2093</v>
      </c>
      <c r="B22905" t="s">
        <v>45726</v>
      </c>
      <c r="C22905" t="s">
        <v>45727</v>
      </c>
    </row>
    <row r="22906" spans="1:3" x14ac:dyDescent="0.15">
      <c r="A22906">
        <v>2092</v>
      </c>
      <c r="B22906" t="s">
        <v>45728</v>
      </c>
      <c r="C22906" t="s">
        <v>45729</v>
      </c>
    </row>
    <row r="22907" spans="1:3" x14ac:dyDescent="0.15">
      <c r="A22907">
        <v>2091</v>
      </c>
      <c r="B22907" t="s">
        <v>45730</v>
      </c>
      <c r="C22907" t="s">
        <v>45731</v>
      </c>
    </row>
    <row r="22908" spans="1:3" x14ac:dyDescent="0.15">
      <c r="A22908">
        <v>2090</v>
      </c>
      <c r="B22908" t="s">
        <v>45732</v>
      </c>
      <c r="C22908" t="s">
        <v>45733</v>
      </c>
    </row>
    <row r="22909" spans="1:3" x14ac:dyDescent="0.15">
      <c r="A22909">
        <v>2089</v>
      </c>
      <c r="B22909" t="s">
        <v>45734</v>
      </c>
      <c r="C22909" t="s">
        <v>45735</v>
      </c>
    </row>
    <row r="22910" spans="1:3" x14ac:dyDescent="0.15">
      <c r="A22910">
        <v>2088</v>
      </c>
      <c r="B22910" t="s">
        <v>45736</v>
      </c>
      <c r="C22910" t="s">
        <v>45737</v>
      </c>
    </row>
    <row r="22911" spans="1:3" x14ac:dyDescent="0.15">
      <c r="A22911">
        <v>2087</v>
      </c>
      <c r="B22911" t="s">
        <v>45738</v>
      </c>
      <c r="C22911" t="s">
        <v>45739</v>
      </c>
    </row>
    <row r="22912" spans="1:3" x14ac:dyDescent="0.15">
      <c r="A22912">
        <v>2086</v>
      </c>
      <c r="B22912" t="s">
        <v>45740</v>
      </c>
      <c r="C22912" t="s">
        <v>45741</v>
      </c>
    </row>
    <row r="22913" spans="1:3" x14ac:dyDescent="0.15">
      <c r="A22913">
        <v>2085</v>
      </c>
      <c r="B22913" t="s">
        <v>45742</v>
      </c>
      <c r="C22913" t="s">
        <v>45743</v>
      </c>
    </row>
    <row r="22914" spans="1:3" x14ac:dyDescent="0.15">
      <c r="A22914">
        <v>2084</v>
      </c>
      <c r="B22914" t="s">
        <v>45744</v>
      </c>
      <c r="C22914" t="s">
        <v>45745</v>
      </c>
    </row>
    <row r="22915" spans="1:3" x14ac:dyDescent="0.15">
      <c r="A22915">
        <v>2083</v>
      </c>
      <c r="B22915" t="s">
        <v>45746</v>
      </c>
      <c r="C22915" t="s">
        <v>45747</v>
      </c>
    </row>
    <row r="22916" spans="1:3" x14ac:dyDescent="0.15">
      <c r="A22916">
        <v>2082</v>
      </c>
      <c r="B22916" t="s">
        <v>45748</v>
      </c>
      <c r="C22916" t="s">
        <v>45749</v>
      </c>
    </row>
    <row r="22917" spans="1:3" x14ac:dyDescent="0.15">
      <c r="A22917">
        <v>2081</v>
      </c>
      <c r="B22917" t="s">
        <v>45750</v>
      </c>
      <c r="C22917" t="s">
        <v>45751</v>
      </c>
    </row>
    <row r="22918" spans="1:3" x14ac:dyDescent="0.15">
      <c r="A22918">
        <v>2080</v>
      </c>
      <c r="B22918" t="s">
        <v>45752</v>
      </c>
      <c r="C22918" t="s">
        <v>45753</v>
      </c>
    </row>
    <row r="22919" spans="1:3" x14ac:dyDescent="0.15">
      <c r="A22919">
        <v>2079</v>
      </c>
      <c r="B22919" t="s">
        <v>45754</v>
      </c>
      <c r="C22919" t="s">
        <v>45755</v>
      </c>
    </row>
    <row r="22920" spans="1:3" x14ac:dyDescent="0.15">
      <c r="A22920">
        <v>2078</v>
      </c>
      <c r="B22920" t="s">
        <v>45756</v>
      </c>
      <c r="C22920" t="s">
        <v>45757</v>
      </c>
    </row>
    <row r="22921" spans="1:3" x14ac:dyDescent="0.15">
      <c r="A22921">
        <v>2077</v>
      </c>
      <c r="B22921" t="s">
        <v>45758</v>
      </c>
      <c r="C22921" t="s">
        <v>45759</v>
      </c>
    </row>
    <row r="22922" spans="1:3" x14ac:dyDescent="0.15">
      <c r="A22922">
        <v>2076</v>
      </c>
      <c r="B22922" t="s">
        <v>45760</v>
      </c>
      <c r="C22922" t="s">
        <v>45761</v>
      </c>
    </row>
    <row r="22923" spans="1:3" x14ac:dyDescent="0.15">
      <c r="A22923">
        <v>2075</v>
      </c>
      <c r="B22923" t="s">
        <v>45762</v>
      </c>
      <c r="C22923" t="s">
        <v>45763</v>
      </c>
    </row>
    <row r="22924" spans="1:3" x14ac:dyDescent="0.15">
      <c r="A22924">
        <v>2074</v>
      </c>
      <c r="B22924" t="s">
        <v>45764</v>
      </c>
      <c r="C22924" t="s">
        <v>45765</v>
      </c>
    </row>
    <row r="22925" spans="1:3" x14ac:dyDescent="0.15">
      <c r="A22925">
        <v>2073</v>
      </c>
      <c r="B22925" t="s">
        <v>45766</v>
      </c>
      <c r="C22925" t="s">
        <v>45767</v>
      </c>
    </row>
    <row r="22926" spans="1:3" x14ac:dyDescent="0.15">
      <c r="A22926">
        <v>2072</v>
      </c>
      <c r="B22926" t="s">
        <v>45768</v>
      </c>
      <c r="C22926" t="s">
        <v>45769</v>
      </c>
    </row>
    <row r="22927" spans="1:3" x14ac:dyDescent="0.15">
      <c r="A22927">
        <v>2071</v>
      </c>
      <c r="B22927" t="s">
        <v>45770</v>
      </c>
      <c r="C22927" t="s">
        <v>45771</v>
      </c>
    </row>
    <row r="22928" spans="1:3" x14ac:dyDescent="0.15">
      <c r="A22928">
        <v>2070</v>
      </c>
      <c r="B22928" t="s">
        <v>45772</v>
      </c>
      <c r="C22928" t="s">
        <v>45773</v>
      </c>
    </row>
    <row r="22929" spans="1:3" x14ac:dyDescent="0.15">
      <c r="A22929">
        <v>2069</v>
      </c>
      <c r="B22929" t="s">
        <v>45774</v>
      </c>
      <c r="C22929" t="s">
        <v>45775</v>
      </c>
    </row>
    <row r="22930" spans="1:3" x14ac:dyDescent="0.15">
      <c r="A22930">
        <v>2068</v>
      </c>
      <c r="B22930" t="s">
        <v>45776</v>
      </c>
      <c r="C22930" t="s">
        <v>45777</v>
      </c>
    </row>
    <row r="22931" spans="1:3" x14ac:dyDescent="0.15">
      <c r="A22931">
        <v>2067</v>
      </c>
      <c r="B22931" t="s">
        <v>45778</v>
      </c>
      <c r="C22931" t="s">
        <v>45779</v>
      </c>
    </row>
    <row r="22932" spans="1:3" x14ac:dyDescent="0.15">
      <c r="A22932">
        <v>2066</v>
      </c>
      <c r="B22932" t="s">
        <v>45780</v>
      </c>
      <c r="C22932" t="s">
        <v>45781</v>
      </c>
    </row>
    <row r="22933" spans="1:3" x14ac:dyDescent="0.15">
      <c r="A22933">
        <v>2065</v>
      </c>
      <c r="B22933" t="s">
        <v>45782</v>
      </c>
      <c r="C22933" t="s">
        <v>45783</v>
      </c>
    </row>
    <row r="22934" spans="1:3" x14ac:dyDescent="0.15">
      <c r="A22934">
        <v>2064</v>
      </c>
      <c r="B22934" t="s">
        <v>45784</v>
      </c>
      <c r="C22934" t="s">
        <v>45785</v>
      </c>
    </row>
    <row r="22935" spans="1:3" x14ac:dyDescent="0.15">
      <c r="A22935">
        <v>2063</v>
      </c>
      <c r="B22935" t="s">
        <v>45786</v>
      </c>
      <c r="C22935" t="s">
        <v>45787</v>
      </c>
    </row>
    <row r="22936" spans="1:3" x14ac:dyDescent="0.15">
      <c r="A22936">
        <v>2062</v>
      </c>
      <c r="B22936" t="s">
        <v>45788</v>
      </c>
      <c r="C22936" t="s">
        <v>45789</v>
      </c>
    </row>
    <row r="22937" spans="1:3" x14ac:dyDescent="0.15">
      <c r="A22937">
        <v>2061</v>
      </c>
      <c r="B22937" t="s">
        <v>45790</v>
      </c>
      <c r="C22937" t="s">
        <v>45791</v>
      </c>
    </row>
    <row r="22938" spans="1:3" x14ac:dyDescent="0.15">
      <c r="A22938">
        <v>2060</v>
      </c>
      <c r="B22938" t="s">
        <v>45792</v>
      </c>
      <c r="C22938" t="s">
        <v>45793</v>
      </c>
    </row>
    <row r="22939" spans="1:3" x14ac:dyDescent="0.15">
      <c r="A22939">
        <v>2059</v>
      </c>
      <c r="B22939" t="s">
        <v>45794</v>
      </c>
      <c r="C22939" t="s">
        <v>45795</v>
      </c>
    </row>
    <row r="22940" spans="1:3" x14ac:dyDescent="0.15">
      <c r="A22940">
        <v>2058</v>
      </c>
      <c r="B22940" t="s">
        <v>45796</v>
      </c>
      <c r="C22940" t="s">
        <v>45797</v>
      </c>
    </row>
    <row r="22941" spans="1:3" x14ac:dyDescent="0.15">
      <c r="A22941">
        <v>2057</v>
      </c>
      <c r="B22941" t="s">
        <v>45798</v>
      </c>
      <c r="C22941" t="s">
        <v>45799</v>
      </c>
    </row>
    <row r="22942" spans="1:3" x14ac:dyDescent="0.15">
      <c r="A22942">
        <v>2056</v>
      </c>
      <c r="B22942" t="s">
        <v>45800</v>
      </c>
      <c r="C22942" t="s">
        <v>45801</v>
      </c>
    </row>
    <row r="22943" spans="1:3" x14ac:dyDescent="0.15">
      <c r="A22943">
        <v>2055</v>
      </c>
      <c r="B22943" t="s">
        <v>45802</v>
      </c>
      <c r="C22943" t="s">
        <v>45803</v>
      </c>
    </row>
    <row r="22944" spans="1:3" x14ac:dyDescent="0.15">
      <c r="A22944">
        <v>2054</v>
      </c>
      <c r="B22944" t="s">
        <v>45804</v>
      </c>
      <c r="C22944" t="s">
        <v>45805</v>
      </c>
    </row>
    <row r="22945" spans="1:3" x14ac:dyDescent="0.15">
      <c r="A22945">
        <v>2053</v>
      </c>
      <c r="B22945" t="s">
        <v>45806</v>
      </c>
      <c r="C22945" t="s">
        <v>45807</v>
      </c>
    </row>
    <row r="22946" spans="1:3" x14ac:dyDescent="0.15">
      <c r="A22946">
        <v>2052</v>
      </c>
      <c r="B22946" t="s">
        <v>45808</v>
      </c>
      <c r="C22946" t="s">
        <v>45809</v>
      </c>
    </row>
    <row r="22947" spans="1:3" x14ac:dyDescent="0.15">
      <c r="A22947">
        <v>2051</v>
      </c>
      <c r="B22947" t="s">
        <v>45810</v>
      </c>
      <c r="C22947" t="s">
        <v>45811</v>
      </c>
    </row>
    <row r="22948" spans="1:3" x14ac:dyDescent="0.15">
      <c r="A22948">
        <v>2050</v>
      </c>
      <c r="B22948" t="s">
        <v>45812</v>
      </c>
      <c r="C22948" t="s">
        <v>45813</v>
      </c>
    </row>
    <row r="22949" spans="1:3" x14ac:dyDescent="0.15">
      <c r="A22949">
        <v>2049</v>
      </c>
      <c r="B22949" t="s">
        <v>45814</v>
      </c>
      <c r="C22949" t="s">
        <v>45815</v>
      </c>
    </row>
    <row r="22950" spans="1:3" x14ac:dyDescent="0.15">
      <c r="A22950">
        <v>2048</v>
      </c>
      <c r="B22950" t="s">
        <v>45816</v>
      </c>
      <c r="C22950" t="s">
        <v>45817</v>
      </c>
    </row>
    <row r="22951" spans="1:3" x14ac:dyDescent="0.15">
      <c r="A22951">
        <v>2047</v>
      </c>
      <c r="B22951" t="s">
        <v>45818</v>
      </c>
      <c r="C22951" t="s">
        <v>45819</v>
      </c>
    </row>
    <row r="22952" spans="1:3" x14ac:dyDescent="0.15">
      <c r="A22952">
        <v>2046</v>
      </c>
      <c r="B22952" t="s">
        <v>45820</v>
      </c>
      <c r="C22952" t="s">
        <v>45821</v>
      </c>
    </row>
    <row r="22953" spans="1:3" x14ac:dyDescent="0.15">
      <c r="A22953">
        <v>2045</v>
      </c>
      <c r="B22953" t="s">
        <v>45822</v>
      </c>
      <c r="C22953" t="s">
        <v>45823</v>
      </c>
    </row>
    <row r="22954" spans="1:3" x14ac:dyDescent="0.15">
      <c r="A22954">
        <v>2044</v>
      </c>
      <c r="B22954" t="s">
        <v>45824</v>
      </c>
      <c r="C22954" t="s">
        <v>45825</v>
      </c>
    </row>
    <row r="22955" spans="1:3" x14ac:dyDescent="0.15">
      <c r="A22955">
        <v>2043</v>
      </c>
      <c r="B22955" t="s">
        <v>45826</v>
      </c>
      <c r="C22955" t="s">
        <v>45827</v>
      </c>
    </row>
    <row r="22956" spans="1:3" x14ac:dyDescent="0.15">
      <c r="A22956">
        <v>2042</v>
      </c>
      <c r="B22956" t="s">
        <v>45828</v>
      </c>
      <c r="C22956" t="s">
        <v>45829</v>
      </c>
    </row>
    <row r="22957" spans="1:3" x14ac:dyDescent="0.15">
      <c r="A22957">
        <v>2041</v>
      </c>
      <c r="B22957" t="s">
        <v>45830</v>
      </c>
      <c r="C22957" t="s">
        <v>45831</v>
      </c>
    </row>
    <row r="22958" spans="1:3" x14ac:dyDescent="0.15">
      <c r="A22958">
        <v>2040</v>
      </c>
      <c r="B22958" t="s">
        <v>45832</v>
      </c>
      <c r="C22958" t="s">
        <v>45833</v>
      </c>
    </row>
    <row r="22959" spans="1:3" x14ac:dyDescent="0.15">
      <c r="A22959">
        <v>2039</v>
      </c>
      <c r="B22959" t="s">
        <v>45834</v>
      </c>
      <c r="C22959" t="s">
        <v>45835</v>
      </c>
    </row>
    <row r="22960" spans="1:3" x14ac:dyDescent="0.15">
      <c r="A22960">
        <v>2038</v>
      </c>
      <c r="B22960" t="s">
        <v>45836</v>
      </c>
      <c r="C22960" t="s">
        <v>45837</v>
      </c>
    </row>
    <row r="22961" spans="1:3" x14ac:dyDescent="0.15">
      <c r="A22961">
        <v>2037</v>
      </c>
      <c r="B22961" t="s">
        <v>45838</v>
      </c>
      <c r="C22961" t="s">
        <v>45839</v>
      </c>
    </row>
    <row r="22962" spans="1:3" x14ac:dyDescent="0.15">
      <c r="A22962">
        <v>2036</v>
      </c>
      <c r="B22962" t="s">
        <v>45840</v>
      </c>
      <c r="C22962" t="s">
        <v>45841</v>
      </c>
    </row>
    <row r="22963" spans="1:3" x14ac:dyDescent="0.15">
      <c r="A22963">
        <v>2035</v>
      </c>
      <c r="B22963" t="s">
        <v>45842</v>
      </c>
      <c r="C22963" t="s">
        <v>45843</v>
      </c>
    </row>
    <row r="22964" spans="1:3" x14ac:dyDescent="0.15">
      <c r="A22964">
        <v>2034</v>
      </c>
      <c r="B22964" t="s">
        <v>45844</v>
      </c>
      <c r="C22964" t="s">
        <v>45845</v>
      </c>
    </row>
    <row r="22965" spans="1:3" x14ac:dyDescent="0.15">
      <c r="A22965">
        <v>2033</v>
      </c>
      <c r="B22965" t="s">
        <v>45846</v>
      </c>
      <c r="C22965" t="s">
        <v>45847</v>
      </c>
    </row>
    <row r="22966" spans="1:3" x14ac:dyDescent="0.15">
      <c r="A22966">
        <v>2032</v>
      </c>
      <c r="B22966" t="s">
        <v>45848</v>
      </c>
      <c r="C22966" t="s">
        <v>45849</v>
      </c>
    </row>
    <row r="22967" spans="1:3" x14ac:dyDescent="0.15">
      <c r="A22967">
        <v>2031</v>
      </c>
      <c r="B22967" t="s">
        <v>45850</v>
      </c>
      <c r="C22967" t="s">
        <v>45851</v>
      </c>
    </row>
    <row r="22968" spans="1:3" x14ac:dyDescent="0.15">
      <c r="A22968">
        <v>2030</v>
      </c>
      <c r="B22968" t="s">
        <v>45852</v>
      </c>
      <c r="C22968" t="s">
        <v>45853</v>
      </c>
    </row>
    <row r="22969" spans="1:3" x14ac:dyDescent="0.15">
      <c r="A22969">
        <v>2029</v>
      </c>
      <c r="B22969" t="s">
        <v>45854</v>
      </c>
      <c r="C22969" t="s">
        <v>45855</v>
      </c>
    </row>
    <row r="22970" spans="1:3" x14ac:dyDescent="0.15">
      <c r="A22970">
        <v>2028</v>
      </c>
      <c r="B22970" t="s">
        <v>45856</v>
      </c>
      <c r="C22970" t="s">
        <v>45857</v>
      </c>
    </row>
    <row r="22971" spans="1:3" x14ac:dyDescent="0.15">
      <c r="A22971">
        <v>2027</v>
      </c>
      <c r="B22971" t="s">
        <v>45858</v>
      </c>
      <c r="C22971" t="s">
        <v>45859</v>
      </c>
    </row>
    <row r="22972" spans="1:3" x14ac:dyDescent="0.15">
      <c r="A22972">
        <v>2026</v>
      </c>
      <c r="B22972" t="s">
        <v>45860</v>
      </c>
      <c r="C22972" t="s">
        <v>45861</v>
      </c>
    </row>
    <row r="22973" spans="1:3" x14ac:dyDescent="0.15">
      <c r="A22973">
        <v>2025</v>
      </c>
      <c r="B22973" t="s">
        <v>45862</v>
      </c>
      <c r="C22973" t="s">
        <v>45863</v>
      </c>
    </row>
    <row r="22974" spans="1:3" x14ac:dyDescent="0.15">
      <c r="A22974">
        <v>2024</v>
      </c>
      <c r="B22974" t="s">
        <v>45864</v>
      </c>
      <c r="C22974" t="s">
        <v>45865</v>
      </c>
    </row>
    <row r="22975" spans="1:3" x14ac:dyDescent="0.15">
      <c r="A22975">
        <v>2023</v>
      </c>
      <c r="B22975" t="s">
        <v>45866</v>
      </c>
      <c r="C22975" t="s">
        <v>45867</v>
      </c>
    </row>
    <row r="22976" spans="1:3" x14ac:dyDescent="0.15">
      <c r="A22976">
        <v>2022</v>
      </c>
      <c r="B22976" t="s">
        <v>45868</v>
      </c>
      <c r="C22976" t="s">
        <v>45869</v>
      </c>
    </row>
    <row r="22977" spans="1:3" x14ac:dyDescent="0.15">
      <c r="A22977">
        <v>2021</v>
      </c>
      <c r="B22977" t="s">
        <v>45870</v>
      </c>
      <c r="C22977" t="s">
        <v>45871</v>
      </c>
    </row>
    <row r="22978" spans="1:3" x14ac:dyDescent="0.15">
      <c r="A22978">
        <v>2020</v>
      </c>
      <c r="B22978" t="s">
        <v>45872</v>
      </c>
      <c r="C22978" t="s">
        <v>45873</v>
      </c>
    </row>
    <row r="22979" spans="1:3" x14ac:dyDescent="0.15">
      <c r="A22979">
        <v>2019</v>
      </c>
      <c r="B22979" t="s">
        <v>45874</v>
      </c>
      <c r="C22979" t="s">
        <v>45875</v>
      </c>
    </row>
    <row r="22980" spans="1:3" x14ac:dyDescent="0.15">
      <c r="A22980">
        <v>2018</v>
      </c>
      <c r="B22980" t="s">
        <v>45876</v>
      </c>
      <c r="C22980" t="s">
        <v>45877</v>
      </c>
    </row>
    <row r="22981" spans="1:3" x14ac:dyDescent="0.15">
      <c r="A22981">
        <v>2017</v>
      </c>
      <c r="B22981" t="s">
        <v>45878</v>
      </c>
      <c r="C22981" t="s">
        <v>45879</v>
      </c>
    </row>
    <row r="22982" spans="1:3" x14ac:dyDescent="0.15">
      <c r="A22982">
        <v>2016</v>
      </c>
      <c r="B22982" t="s">
        <v>45880</v>
      </c>
      <c r="C22982" t="s">
        <v>45881</v>
      </c>
    </row>
    <row r="22983" spans="1:3" x14ac:dyDescent="0.15">
      <c r="A22983">
        <v>2015</v>
      </c>
      <c r="B22983" t="s">
        <v>45882</v>
      </c>
      <c r="C22983" t="s">
        <v>45883</v>
      </c>
    </row>
    <row r="22984" spans="1:3" x14ac:dyDescent="0.15">
      <c r="A22984">
        <v>2014</v>
      </c>
      <c r="B22984" t="s">
        <v>45884</v>
      </c>
      <c r="C22984" t="s">
        <v>45885</v>
      </c>
    </row>
    <row r="22985" spans="1:3" x14ac:dyDescent="0.15">
      <c r="A22985">
        <v>2013</v>
      </c>
      <c r="B22985" t="s">
        <v>45886</v>
      </c>
      <c r="C22985" t="s">
        <v>45887</v>
      </c>
    </row>
    <row r="22986" spans="1:3" x14ac:dyDescent="0.15">
      <c r="A22986">
        <v>2012</v>
      </c>
      <c r="B22986" t="s">
        <v>45888</v>
      </c>
      <c r="C22986" t="s">
        <v>45889</v>
      </c>
    </row>
    <row r="22987" spans="1:3" x14ac:dyDescent="0.15">
      <c r="A22987">
        <v>2011</v>
      </c>
      <c r="B22987" t="s">
        <v>45890</v>
      </c>
      <c r="C22987" t="s">
        <v>45891</v>
      </c>
    </row>
    <row r="22988" spans="1:3" x14ac:dyDescent="0.15">
      <c r="A22988">
        <v>2010</v>
      </c>
      <c r="B22988" t="s">
        <v>45892</v>
      </c>
      <c r="C22988" t="s">
        <v>45893</v>
      </c>
    </row>
    <row r="22989" spans="1:3" x14ac:dyDescent="0.15">
      <c r="A22989">
        <v>2009</v>
      </c>
      <c r="B22989" t="s">
        <v>45894</v>
      </c>
      <c r="C22989" t="s">
        <v>45895</v>
      </c>
    </row>
    <row r="22990" spans="1:3" x14ac:dyDescent="0.15">
      <c r="A22990">
        <v>2008</v>
      </c>
      <c r="B22990" t="s">
        <v>45896</v>
      </c>
      <c r="C22990" t="s">
        <v>45897</v>
      </c>
    </row>
    <row r="22991" spans="1:3" x14ac:dyDescent="0.15">
      <c r="A22991">
        <v>2007</v>
      </c>
      <c r="B22991" t="s">
        <v>45898</v>
      </c>
      <c r="C22991" t="s">
        <v>45899</v>
      </c>
    </row>
    <row r="22992" spans="1:3" x14ac:dyDescent="0.15">
      <c r="A22992">
        <v>2006</v>
      </c>
      <c r="B22992" t="s">
        <v>45900</v>
      </c>
      <c r="C22992" t="s">
        <v>45901</v>
      </c>
    </row>
    <row r="22993" spans="1:3" x14ac:dyDescent="0.15">
      <c r="A22993">
        <v>2005</v>
      </c>
      <c r="B22993" t="s">
        <v>45902</v>
      </c>
      <c r="C22993" t="s">
        <v>45903</v>
      </c>
    </row>
    <row r="22994" spans="1:3" x14ac:dyDescent="0.15">
      <c r="A22994">
        <v>2004</v>
      </c>
      <c r="B22994" t="s">
        <v>45904</v>
      </c>
      <c r="C22994" t="s">
        <v>45905</v>
      </c>
    </row>
    <row r="22995" spans="1:3" x14ac:dyDescent="0.15">
      <c r="A22995">
        <v>2003</v>
      </c>
      <c r="B22995" t="s">
        <v>45906</v>
      </c>
      <c r="C22995" t="s">
        <v>45907</v>
      </c>
    </row>
    <row r="22996" spans="1:3" x14ac:dyDescent="0.15">
      <c r="A22996">
        <v>2002</v>
      </c>
      <c r="B22996" t="s">
        <v>45908</v>
      </c>
      <c r="C22996" t="s">
        <v>45909</v>
      </c>
    </row>
    <row r="22997" spans="1:3" x14ac:dyDescent="0.15">
      <c r="A22997">
        <v>2001</v>
      </c>
      <c r="B22997" t="s">
        <v>45910</v>
      </c>
      <c r="C22997" t="s">
        <v>45911</v>
      </c>
    </row>
    <row r="22998" spans="1:3" x14ac:dyDescent="0.15">
      <c r="A22998">
        <v>2000</v>
      </c>
      <c r="B22998" t="s">
        <v>45912</v>
      </c>
      <c r="C22998" t="s">
        <v>45913</v>
      </c>
    </row>
    <row r="22999" spans="1:3" x14ac:dyDescent="0.15">
      <c r="A22999">
        <v>1999</v>
      </c>
      <c r="B22999" t="s">
        <v>45914</v>
      </c>
      <c r="C22999" t="s">
        <v>45915</v>
      </c>
    </row>
    <row r="23000" spans="1:3" x14ac:dyDescent="0.15">
      <c r="A23000">
        <v>1998</v>
      </c>
      <c r="B23000" t="s">
        <v>45916</v>
      </c>
      <c r="C23000" t="s">
        <v>45917</v>
      </c>
    </row>
    <row r="23001" spans="1:3" x14ac:dyDescent="0.15">
      <c r="A23001">
        <v>1997</v>
      </c>
      <c r="B23001" t="s">
        <v>45918</v>
      </c>
      <c r="C23001" t="s">
        <v>45919</v>
      </c>
    </row>
    <row r="23002" spans="1:3" x14ac:dyDescent="0.15">
      <c r="A23002">
        <v>1996</v>
      </c>
      <c r="B23002" t="s">
        <v>45920</v>
      </c>
      <c r="C23002" t="s">
        <v>45921</v>
      </c>
    </row>
    <row r="23003" spans="1:3" x14ac:dyDescent="0.15">
      <c r="A23003">
        <v>1995</v>
      </c>
      <c r="B23003" t="s">
        <v>45922</v>
      </c>
      <c r="C23003" t="s">
        <v>45923</v>
      </c>
    </row>
    <row r="23004" spans="1:3" x14ac:dyDescent="0.15">
      <c r="A23004">
        <v>1994</v>
      </c>
      <c r="B23004" t="s">
        <v>45924</v>
      </c>
      <c r="C23004" t="s">
        <v>45925</v>
      </c>
    </row>
    <row r="23005" spans="1:3" x14ac:dyDescent="0.15">
      <c r="A23005">
        <v>1993</v>
      </c>
      <c r="B23005" t="s">
        <v>45926</v>
      </c>
      <c r="C23005" t="s">
        <v>45927</v>
      </c>
    </row>
    <row r="23006" spans="1:3" x14ac:dyDescent="0.15">
      <c r="A23006">
        <v>1992</v>
      </c>
      <c r="B23006" t="s">
        <v>45928</v>
      </c>
      <c r="C23006" t="s">
        <v>45929</v>
      </c>
    </row>
    <row r="23007" spans="1:3" x14ac:dyDescent="0.15">
      <c r="A23007">
        <v>1991</v>
      </c>
      <c r="B23007" t="s">
        <v>45930</v>
      </c>
      <c r="C23007" t="s">
        <v>45931</v>
      </c>
    </row>
    <row r="23008" spans="1:3" x14ac:dyDescent="0.15">
      <c r="A23008">
        <v>1990</v>
      </c>
      <c r="B23008" t="s">
        <v>45932</v>
      </c>
      <c r="C23008" t="s">
        <v>45933</v>
      </c>
    </row>
    <row r="23009" spans="1:3" x14ac:dyDescent="0.15">
      <c r="A23009">
        <v>1989</v>
      </c>
      <c r="B23009" t="s">
        <v>45934</v>
      </c>
      <c r="C23009" t="s">
        <v>45935</v>
      </c>
    </row>
    <row r="23010" spans="1:3" x14ac:dyDescent="0.15">
      <c r="A23010">
        <v>1988</v>
      </c>
      <c r="B23010" t="s">
        <v>45936</v>
      </c>
      <c r="C23010" t="s">
        <v>45937</v>
      </c>
    </row>
    <row r="23011" spans="1:3" x14ac:dyDescent="0.15">
      <c r="A23011">
        <v>1987</v>
      </c>
      <c r="B23011" t="s">
        <v>45938</v>
      </c>
      <c r="C23011" t="s">
        <v>45939</v>
      </c>
    </row>
    <row r="23012" spans="1:3" x14ac:dyDescent="0.15">
      <c r="A23012">
        <v>1986</v>
      </c>
      <c r="B23012" t="s">
        <v>45940</v>
      </c>
      <c r="C23012" t="s">
        <v>45941</v>
      </c>
    </row>
    <row r="23013" spans="1:3" x14ac:dyDescent="0.15">
      <c r="A23013">
        <v>1985</v>
      </c>
      <c r="B23013" t="s">
        <v>45942</v>
      </c>
      <c r="C23013" t="s">
        <v>45943</v>
      </c>
    </row>
    <row r="23014" spans="1:3" x14ac:dyDescent="0.15">
      <c r="A23014">
        <v>1984</v>
      </c>
      <c r="B23014" t="s">
        <v>45944</v>
      </c>
      <c r="C23014" t="s">
        <v>45945</v>
      </c>
    </row>
    <row r="23015" spans="1:3" x14ac:dyDescent="0.15">
      <c r="A23015">
        <v>1983</v>
      </c>
      <c r="B23015" t="s">
        <v>45946</v>
      </c>
      <c r="C23015" t="s">
        <v>45947</v>
      </c>
    </row>
    <row r="23016" spans="1:3" x14ac:dyDescent="0.15">
      <c r="A23016">
        <v>1982</v>
      </c>
      <c r="B23016" t="s">
        <v>45948</v>
      </c>
      <c r="C23016" t="s">
        <v>45949</v>
      </c>
    </row>
    <row r="23017" spans="1:3" x14ac:dyDescent="0.15">
      <c r="A23017">
        <v>1981</v>
      </c>
      <c r="B23017" t="s">
        <v>45950</v>
      </c>
      <c r="C23017" t="s">
        <v>45951</v>
      </c>
    </row>
    <row r="23018" spans="1:3" x14ac:dyDescent="0.15">
      <c r="A23018">
        <v>1980</v>
      </c>
      <c r="B23018" t="s">
        <v>45952</v>
      </c>
      <c r="C23018" t="s">
        <v>45953</v>
      </c>
    </row>
    <row r="23019" spans="1:3" x14ac:dyDescent="0.15">
      <c r="A23019">
        <v>1979</v>
      </c>
      <c r="B23019" t="s">
        <v>45954</v>
      </c>
      <c r="C23019" t="s">
        <v>45955</v>
      </c>
    </row>
    <row r="23020" spans="1:3" x14ac:dyDescent="0.15">
      <c r="A23020">
        <v>1978</v>
      </c>
      <c r="B23020" t="s">
        <v>45956</v>
      </c>
      <c r="C23020" t="s">
        <v>45957</v>
      </c>
    </row>
    <row r="23021" spans="1:3" x14ac:dyDescent="0.15">
      <c r="A23021">
        <v>1977</v>
      </c>
      <c r="B23021" t="s">
        <v>45958</v>
      </c>
      <c r="C23021" t="s">
        <v>45959</v>
      </c>
    </row>
    <row r="23022" spans="1:3" x14ac:dyDescent="0.15">
      <c r="A23022">
        <v>1976</v>
      </c>
      <c r="B23022" t="s">
        <v>45960</v>
      </c>
      <c r="C23022" t="s">
        <v>45961</v>
      </c>
    </row>
    <row r="23023" spans="1:3" x14ac:dyDescent="0.15">
      <c r="A23023">
        <v>1975</v>
      </c>
      <c r="B23023" t="s">
        <v>45962</v>
      </c>
      <c r="C23023" t="s">
        <v>45963</v>
      </c>
    </row>
    <row r="23024" spans="1:3" x14ac:dyDescent="0.15">
      <c r="A23024">
        <v>1974</v>
      </c>
      <c r="B23024" t="s">
        <v>45964</v>
      </c>
      <c r="C23024" t="s">
        <v>45965</v>
      </c>
    </row>
    <row r="23025" spans="1:3" x14ac:dyDescent="0.15">
      <c r="A23025">
        <v>1973</v>
      </c>
      <c r="B23025" t="s">
        <v>45966</v>
      </c>
      <c r="C23025" t="s">
        <v>45967</v>
      </c>
    </row>
    <row r="23026" spans="1:3" x14ac:dyDescent="0.15">
      <c r="A23026">
        <v>1972</v>
      </c>
      <c r="B23026" t="s">
        <v>45968</v>
      </c>
      <c r="C23026" t="s">
        <v>45969</v>
      </c>
    </row>
    <row r="23027" spans="1:3" x14ac:dyDescent="0.15">
      <c r="A23027">
        <v>1971</v>
      </c>
      <c r="B23027" t="s">
        <v>45970</v>
      </c>
      <c r="C23027" t="s">
        <v>45971</v>
      </c>
    </row>
    <row r="23028" spans="1:3" x14ac:dyDescent="0.15">
      <c r="A23028">
        <v>1970</v>
      </c>
      <c r="B23028" t="s">
        <v>45972</v>
      </c>
      <c r="C23028" t="s">
        <v>45973</v>
      </c>
    </row>
    <row r="23029" spans="1:3" x14ac:dyDescent="0.15">
      <c r="A23029">
        <v>1969</v>
      </c>
      <c r="B23029" t="s">
        <v>45974</v>
      </c>
      <c r="C23029" t="s">
        <v>45975</v>
      </c>
    </row>
    <row r="23030" spans="1:3" x14ac:dyDescent="0.15">
      <c r="A23030">
        <v>1968</v>
      </c>
      <c r="B23030" t="s">
        <v>45976</v>
      </c>
      <c r="C23030" t="s">
        <v>45977</v>
      </c>
    </row>
    <row r="23031" spans="1:3" x14ac:dyDescent="0.15">
      <c r="A23031">
        <v>1967</v>
      </c>
      <c r="B23031" t="s">
        <v>45978</v>
      </c>
      <c r="C23031" t="s">
        <v>45979</v>
      </c>
    </row>
    <row r="23032" spans="1:3" x14ac:dyDescent="0.15">
      <c r="A23032">
        <v>1966</v>
      </c>
      <c r="B23032" t="s">
        <v>45980</v>
      </c>
      <c r="C23032" t="s">
        <v>45981</v>
      </c>
    </row>
    <row r="23033" spans="1:3" x14ac:dyDescent="0.15">
      <c r="A23033">
        <v>1965</v>
      </c>
      <c r="B23033" t="s">
        <v>45982</v>
      </c>
      <c r="C23033" t="s">
        <v>45983</v>
      </c>
    </row>
    <row r="23034" spans="1:3" x14ac:dyDescent="0.15">
      <c r="A23034">
        <v>1964</v>
      </c>
      <c r="B23034" t="s">
        <v>45984</v>
      </c>
      <c r="C23034" t="s">
        <v>45985</v>
      </c>
    </row>
    <row r="23035" spans="1:3" x14ac:dyDescent="0.15">
      <c r="A23035">
        <v>1963</v>
      </c>
      <c r="B23035" t="s">
        <v>45986</v>
      </c>
      <c r="C23035" t="s">
        <v>45987</v>
      </c>
    </row>
    <row r="23036" spans="1:3" x14ac:dyDescent="0.15">
      <c r="A23036">
        <v>1962</v>
      </c>
      <c r="B23036" t="s">
        <v>45988</v>
      </c>
      <c r="C23036" t="s">
        <v>45989</v>
      </c>
    </row>
    <row r="23037" spans="1:3" x14ac:dyDescent="0.15">
      <c r="A23037">
        <v>1961</v>
      </c>
      <c r="B23037" t="s">
        <v>45990</v>
      </c>
      <c r="C23037" t="s">
        <v>45991</v>
      </c>
    </row>
    <row r="23038" spans="1:3" x14ac:dyDescent="0.15">
      <c r="A23038">
        <v>1960</v>
      </c>
      <c r="B23038" t="s">
        <v>45992</v>
      </c>
      <c r="C23038" t="s">
        <v>45993</v>
      </c>
    </row>
    <row r="23039" spans="1:3" x14ac:dyDescent="0.15">
      <c r="A23039">
        <v>1959</v>
      </c>
      <c r="B23039" t="s">
        <v>45994</v>
      </c>
      <c r="C23039" t="s">
        <v>45995</v>
      </c>
    </row>
    <row r="23040" spans="1:3" x14ac:dyDescent="0.15">
      <c r="A23040">
        <v>1958</v>
      </c>
      <c r="B23040" t="s">
        <v>45996</v>
      </c>
      <c r="C23040" t="s">
        <v>45997</v>
      </c>
    </row>
    <row r="23041" spans="1:3" x14ac:dyDescent="0.15">
      <c r="A23041">
        <v>1957</v>
      </c>
      <c r="B23041" t="s">
        <v>45998</v>
      </c>
      <c r="C23041" t="s">
        <v>45999</v>
      </c>
    </row>
    <row r="23042" spans="1:3" x14ac:dyDescent="0.15">
      <c r="A23042">
        <v>1956</v>
      </c>
      <c r="B23042" t="s">
        <v>46000</v>
      </c>
      <c r="C23042" t="s">
        <v>46001</v>
      </c>
    </row>
    <row r="23043" spans="1:3" x14ac:dyDescent="0.15">
      <c r="A23043">
        <v>1955</v>
      </c>
      <c r="B23043" t="s">
        <v>46002</v>
      </c>
      <c r="C23043" t="s">
        <v>46003</v>
      </c>
    </row>
    <row r="23044" spans="1:3" x14ac:dyDescent="0.15">
      <c r="A23044">
        <v>1954</v>
      </c>
      <c r="B23044" t="s">
        <v>46004</v>
      </c>
      <c r="C23044" t="s">
        <v>46005</v>
      </c>
    </row>
    <row r="23045" spans="1:3" x14ac:dyDescent="0.15">
      <c r="A23045">
        <v>1953</v>
      </c>
      <c r="B23045" t="s">
        <v>46006</v>
      </c>
      <c r="C23045" t="s">
        <v>46007</v>
      </c>
    </row>
    <row r="23046" spans="1:3" x14ac:dyDescent="0.15">
      <c r="A23046">
        <v>1952</v>
      </c>
      <c r="B23046" t="s">
        <v>46008</v>
      </c>
      <c r="C23046" t="s">
        <v>46009</v>
      </c>
    </row>
    <row r="23047" spans="1:3" x14ac:dyDescent="0.15">
      <c r="A23047">
        <v>1951</v>
      </c>
      <c r="B23047" t="s">
        <v>46010</v>
      </c>
      <c r="C23047" t="s">
        <v>46011</v>
      </c>
    </row>
    <row r="23048" spans="1:3" x14ac:dyDescent="0.15">
      <c r="A23048">
        <v>1950</v>
      </c>
      <c r="B23048" t="s">
        <v>46012</v>
      </c>
      <c r="C23048" t="s">
        <v>46013</v>
      </c>
    </row>
    <row r="23049" spans="1:3" x14ac:dyDescent="0.15">
      <c r="A23049">
        <v>1949</v>
      </c>
      <c r="B23049" t="s">
        <v>46014</v>
      </c>
      <c r="C23049" t="s">
        <v>46015</v>
      </c>
    </row>
    <row r="23050" spans="1:3" x14ac:dyDescent="0.15">
      <c r="A23050">
        <v>1948</v>
      </c>
      <c r="B23050" t="s">
        <v>46016</v>
      </c>
      <c r="C23050" t="s">
        <v>46017</v>
      </c>
    </row>
    <row r="23051" spans="1:3" x14ac:dyDescent="0.15">
      <c r="A23051">
        <v>1947</v>
      </c>
      <c r="B23051" t="s">
        <v>46018</v>
      </c>
      <c r="C23051" t="s">
        <v>46019</v>
      </c>
    </row>
    <row r="23052" spans="1:3" x14ac:dyDescent="0.15">
      <c r="A23052">
        <v>1946</v>
      </c>
      <c r="B23052" t="s">
        <v>46020</v>
      </c>
      <c r="C23052" t="s">
        <v>46021</v>
      </c>
    </row>
    <row r="23053" spans="1:3" x14ac:dyDescent="0.15">
      <c r="A23053">
        <v>1945</v>
      </c>
      <c r="B23053" t="s">
        <v>46022</v>
      </c>
      <c r="C23053" t="s">
        <v>46023</v>
      </c>
    </row>
    <row r="23054" spans="1:3" x14ac:dyDescent="0.15">
      <c r="A23054">
        <v>1944</v>
      </c>
      <c r="B23054" t="s">
        <v>46024</v>
      </c>
      <c r="C23054" t="s">
        <v>46025</v>
      </c>
    </row>
    <row r="23055" spans="1:3" x14ac:dyDescent="0.15">
      <c r="A23055">
        <v>1943</v>
      </c>
      <c r="B23055" t="s">
        <v>46026</v>
      </c>
      <c r="C23055" t="s">
        <v>46027</v>
      </c>
    </row>
    <row r="23056" spans="1:3" x14ac:dyDescent="0.15">
      <c r="A23056">
        <v>1942</v>
      </c>
      <c r="B23056" t="s">
        <v>46028</v>
      </c>
      <c r="C23056" t="s">
        <v>46029</v>
      </c>
    </row>
    <row r="23057" spans="1:3" x14ac:dyDescent="0.15">
      <c r="A23057">
        <v>1941</v>
      </c>
      <c r="B23057" t="s">
        <v>46030</v>
      </c>
      <c r="C23057" t="s">
        <v>46031</v>
      </c>
    </row>
    <row r="23058" spans="1:3" x14ac:dyDescent="0.15">
      <c r="A23058">
        <v>1940</v>
      </c>
      <c r="B23058" t="s">
        <v>46032</v>
      </c>
      <c r="C23058" t="s">
        <v>46033</v>
      </c>
    </row>
    <row r="23059" spans="1:3" x14ac:dyDescent="0.15">
      <c r="A23059">
        <v>1939</v>
      </c>
      <c r="B23059" t="s">
        <v>46034</v>
      </c>
      <c r="C23059" t="s">
        <v>46035</v>
      </c>
    </row>
    <row r="23060" spans="1:3" x14ac:dyDescent="0.15">
      <c r="A23060">
        <v>1938</v>
      </c>
      <c r="B23060" t="s">
        <v>46036</v>
      </c>
      <c r="C23060" t="s">
        <v>46037</v>
      </c>
    </row>
    <row r="23061" spans="1:3" x14ac:dyDescent="0.15">
      <c r="A23061">
        <v>1937</v>
      </c>
      <c r="B23061" t="s">
        <v>46038</v>
      </c>
      <c r="C23061" t="s">
        <v>46039</v>
      </c>
    </row>
    <row r="23062" spans="1:3" x14ac:dyDescent="0.15">
      <c r="A23062">
        <v>1936</v>
      </c>
      <c r="B23062" t="s">
        <v>46040</v>
      </c>
      <c r="C23062" t="s">
        <v>46041</v>
      </c>
    </row>
    <row r="23063" spans="1:3" x14ac:dyDescent="0.15">
      <c r="A23063">
        <v>1935</v>
      </c>
      <c r="B23063" t="s">
        <v>46042</v>
      </c>
      <c r="C23063" t="s">
        <v>46043</v>
      </c>
    </row>
    <row r="23064" spans="1:3" x14ac:dyDescent="0.15">
      <c r="A23064">
        <v>1934</v>
      </c>
      <c r="B23064" t="s">
        <v>46044</v>
      </c>
      <c r="C23064" t="s">
        <v>46045</v>
      </c>
    </row>
    <row r="23065" spans="1:3" x14ac:dyDescent="0.15">
      <c r="A23065">
        <v>1933</v>
      </c>
      <c r="B23065" t="s">
        <v>46046</v>
      </c>
      <c r="C23065" t="s">
        <v>46047</v>
      </c>
    </row>
    <row r="23066" spans="1:3" x14ac:dyDescent="0.15">
      <c r="A23066">
        <v>1932</v>
      </c>
      <c r="B23066" t="s">
        <v>46048</v>
      </c>
      <c r="C23066" t="s">
        <v>46049</v>
      </c>
    </row>
    <row r="23067" spans="1:3" x14ac:dyDescent="0.15">
      <c r="A23067">
        <v>1931</v>
      </c>
      <c r="B23067" t="s">
        <v>46050</v>
      </c>
      <c r="C23067" t="s">
        <v>46051</v>
      </c>
    </row>
    <row r="23068" spans="1:3" x14ac:dyDescent="0.15">
      <c r="A23068">
        <v>1930</v>
      </c>
      <c r="B23068" t="s">
        <v>46052</v>
      </c>
      <c r="C23068" t="s">
        <v>46053</v>
      </c>
    </row>
    <row r="23069" spans="1:3" x14ac:dyDescent="0.15">
      <c r="A23069">
        <v>1929</v>
      </c>
      <c r="B23069" t="s">
        <v>46054</v>
      </c>
      <c r="C23069" t="s">
        <v>46055</v>
      </c>
    </row>
    <row r="23070" spans="1:3" x14ac:dyDescent="0.15">
      <c r="A23070">
        <v>1928</v>
      </c>
      <c r="B23070" t="s">
        <v>46056</v>
      </c>
      <c r="C23070" t="s">
        <v>46057</v>
      </c>
    </row>
    <row r="23071" spans="1:3" x14ac:dyDescent="0.15">
      <c r="A23071">
        <v>1927</v>
      </c>
      <c r="B23071" t="s">
        <v>46058</v>
      </c>
      <c r="C23071" t="s">
        <v>46059</v>
      </c>
    </row>
    <row r="23072" spans="1:3" x14ac:dyDescent="0.15">
      <c r="A23072">
        <v>1926</v>
      </c>
      <c r="B23072" t="s">
        <v>46060</v>
      </c>
      <c r="C23072" t="s">
        <v>46061</v>
      </c>
    </row>
    <row r="23073" spans="1:3" x14ac:dyDescent="0.15">
      <c r="A23073">
        <v>1925</v>
      </c>
      <c r="B23073" t="s">
        <v>46062</v>
      </c>
      <c r="C23073" t="s">
        <v>46063</v>
      </c>
    </row>
    <row r="23074" spans="1:3" x14ac:dyDescent="0.15">
      <c r="A23074">
        <v>1924</v>
      </c>
      <c r="B23074" t="s">
        <v>46064</v>
      </c>
      <c r="C23074" t="s">
        <v>46065</v>
      </c>
    </row>
    <row r="23075" spans="1:3" x14ac:dyDescent="0.15">
      <c r="A23075">
        <v>1923</v>
      </c>
      <c r="B23075" t="s">
        <v>46066</v>
      </c>
      <c r="C23075" t="s">
        <v>46067</v>
      </c>
    </row>
    <row r="23076" spans="1:3" x14ac:dyDescent="0.15">
      <c r="A23076">
        <v>1922</v>
      </c>
      <c r="B23076" t="s">
        <v>46068</v>
      </c>
      <c r="C23076" t="s">
        <v>46069</v>
      </c>
    </row>
    <row r="23077" spans="1:3" x14ac:dyDescent="0.15">
      <c r="A23077">
        <v>1921</v>
      </c>
      <c r="B23077" t="s">
        <v>46070</v>
      </c>
      <c r="C23077" t="s">
        <v>46071</v>
      </c>
    </row>
    <row r="23078" spans="1:3" x14ac:dyDescent="0.15">
      <c r="A23078">
        <v>1920</v>
      </c>
      <c r="B23078" t="s">
        <v>46072</v>
      </c>
      <c r="C23078" t="s">
        <v>46073</v>
      </c>
    </row>
    <row r="23079" spans="1:3" x14ac:dyDescent="0.15">
      <c r="A23079">
        <v>1919</v>
      </c>
      <c r="B23079" t="s">
        <v>46074</v>
      </c>
      <c r="C23079" t="s">
        <v>46075</v>
      </c>
    </row>
    <row r="23080" spans="1:3" x14ac:dyDescent="0.15">
      <c r="A23080">
        <v>1918</v>
      </c>
      <c r="B23080" t="s">
        <v>46076</v>
      </c>
      <c r="C23080" t="s">
        <v>46077</v>
      </c>
    </row>
    <row r="23081" spans="1:3" x14ac:dyDescent="0.15">
      <c r="A23081">
        <v>1917</v>
      </c>
      <c r="B23081" t="s">
        <v>46078</v>
      </c>
      <c r="C23081" t="s">
        <v>46079</v>
      </c>
    </row>
    <row r="23082" spans="1:3" x14ac:dyDescent="0.15">
      <c r="A23082">
        <v>1916</v>
      </c>
      <c r="B23082" t="s">
        <v>46080</v>
      </c>
      <c r="C23082" t="s">
        <v>46081</v>
      </c>
    </row>
    <row r="23083" spans="1:3" x14ac:dyDescent="0.15">
      <c r="A23083">
        <v>1915</v>
      </c>
      <c r="B23083" t="s">
        <v>46082</v>
      </c>
      <c r="C23083" t="s">
        <v>46083</v>
      </c>
    </row>
    <row r="23084" spans="1:3" x14ac:dyDescent="0.15">
      <c r="A23084">
        <v>1914</v>
      </c>
      <c r="B23084" t="s">
        <v>46084</v>
      </c>
      <c r="C23084" t="s">
        <v>46085</v>
      </c>
    </row>
    <row r="23085" spans="1:3" x14ac:dyDescent="0.15">
      <c r="A23085">
        <v>1913</v>
      </c>
      <c r="B23085" t="s">
        <v>46086</v>
      </c>
      <c r="C23085" t="s">
        <v>46087</v>
      </c>
    </row>
    <row r="23086" spans="1:3" x14ac:dyDescent="0.15">
      <c r="A23086">
        <v>1912</v>
      </c>
      <c r="B23086" t="s">
        <v>46088</v>
      </c>
      <c r="C23086" t="s">
        <v>46089</v>
      </c>
    </row>
    <row r="23087" spans="1:3" x14ac:dyDescent="0.15">
      <c r="A23087">
        <v>1911</v>
      </c>
      <c r="B23087" t="s">
        <v>46090</v>
      </c>
      <c r="C23087" t="s">
        <v>46091</v>
      </c>
    </row>
    <row r="23088" spans="1:3" x14ac:dyDescent="0.15">
      <c r="A23088">
        <v>1910</v>
      </c>
      <c r="B23088" t="s">
        <v>46092</v>
      </c>
      <c r="C23088" t="s">
        <v>46093</v>
      </c>
    </row>
    <row r="23089" spans="1:3" x14ac:dyDescent="0.15">
      <c r="A23089">
        <v>1909</v>
      </c>
      <c r="B23089" t="s">
        <v>46094</v>
      </c>
      <c r="C23089" t="s">
        <v>46095</v>
      </c>
    </row>
    <row r="23090" spans="1:3" x14ac:dyDescent="0.15">
      <c r="A23090">
        <v>1908</v>
      </c>
      <c r="B23090" t="s">
        <v>46096</v>
      </c>
      <c r="C23090" t="s">
        <v>46097</v>
      </c>
    </row>
    <row r="23091" spans="1:3" x14ac:dyDescent="0.15">
      <c r="A23091">
        <v>1907</v>
      </c>
      <c r="B23091" t="s">
        <v>46098</v>
      </c>
      <c r="C23091" t="s">
        <v>46099</v>
      </c>
    </row>
    <row r="23092" spans="1:3" x14ac:dyDescent="0.15">
      <c r="A23092">
        <v>1906</v>
      </c>
      <c r="B23092" t="s">
        <v>46100</v>
      </c>
      <c r="C23092" t="s">
        <v>46101</v>
      </c>
    </row>
    <row r="23093" spans="1:3" x14ac:dyDescent="0.15">
      <c r="A23093">
        <v>1905</v>
      </c>
      <c r="B23093" t="s">
        <v>46102</v>
      </c>
      <c r="C23093" t="s">
        <v>46103</v>
      </c>
    </row>
    <row r="23094" spans="1:3" x14ac:dyDescent="0.15">
      <c r="A23094">
        <v>1904</v>
      </c>
      <c r="B23094" t="s">
        <v>46104</v>
      </c>
      <c r="C23094" t="s">
        <v>46105</v>
      </c>
    </row>
    <row r="23095" spans="1:3" x14ac:dyDescent="0.15">
      <c r="A23095">
        <v>1903</v>
      </c>
      <c r="B23095" t="s">
        <v>46106</v>
      </c>
      <c r="C23095" t="s">
        <v>46107</v>
      </c>
    </row>
    <row r="23096" spans="1:3" x14ac:dyDescent="0.15">
      <c r="A23096">
        <v>1902</v>
      </c>
      <c r="B23096" t="s">
        <v>46108</v>
      </c>
      <c r="C23096" t="s">
        <v>46109</v>
      </c>
    </row>
    <row r="23097" spans="1:3" x14ac:dyDescent="0.15">
      <c r="A23097">
        <v>1901</v>
      </c>
      <c r="B23097" t="s">
        <v>46110</v>
      </c>
      <c r="C23097" t="s">
        <v>46111</v>
      </c>
    </row>
    <row r="23098" spans="1:3" x14ac:dyDescent="0.15">
      <c r="A23098">
        <v>1900</v>
      </c>
      <c r="B23098" t="s">
        <v>46112</v>
      </c>
      <c r="C23098" t="s">
        <v>46113</v>
      </c>
    </row>
    <row r="23099" spans="1:3" x14ac:dyDescent="0.15">
      <c r="A23099">
        <v>1899</v>
      </c>
      <c r="B23099" t="s">
        <v>46114</v>
      </c>
      <c r="C23099" t="s">
        <v>46115</v>
      </c>
    </row>
    <row r="23100" spans="1:3" x14ac:dyDescent="0.15">
      <c r="A23100">
        <v>1898</v>
      </c>
      <c r="B23100" t="s">
        <v>46116</v>
      </c>
      <c r="C23100" t="s">
        <v>46117</v>
      </c>
    </row>
    <row r="23101" spans="1:3" x14ac:dyDescent="0.15">
      <c r="A23101">
        <v>1897</v>
      </c>
      <c r="B23101" t="s">
        <v>46118</v>
      </c>
      <c r="C23101" t="s">
        <v>46119</v>
      </c>
    </row>
    <row r="23102" spans="1:3" x14ac:dyDescent="0.15">
      <c r="A23102">
        <v>1896</v>
      </c>
      <c r="B23102" t="s">
        <v>46120</v>
      </c>
      <c r="C23102" t="s">
        <v>46121</v>
      </c>
    </row>
    <row r="23103" spans="1:3" x14ac:dyDescent="0.15">
      <c r="A23103">
        <v>1895</v>
      </c>
      <c r="B23103" t="s">
        <v>46122</v>
      </c>
      <c r="C23103" t="s">
        <v>46123</v>
      </c>
    </row>
    <row r="23104" spans="1:3" x14ac:dyDescent="0.15">
      <c r="A23104">
        <v>1894</v>
      </c>
      <c r="B23104" t="s">
        <v>46124</v>
      </c>
      <c r="C23104" t="s">
        <v>46125</v>
      </c>
    </row>
    <row r="23105" spans="1:3" x14ac:dyDescent="0.15">
      <c r="A23105">
        <v>1893</v>
      </c>
      <c r="B23105" t="s">
        <v>46126</v>
      </c>
      <c r="C23105" t="s">
        <v>46127</v>
      </c>
    </row>
    <row r="23106" spans="1:3" x14ac:dyDescent="0.15">
      <c r="A23106">
        <v>1892</v>
      </c>
      <c r="B23106" t="s">
        <v>46128</v>
      </c>
      <c r="C23106" t="s">
        <v>46129</v>
      </c>
    </row>
    <row r="23107" spans="1:3" x14ac:dyDescent="0.15">
      <c r="A23107">
        <v>1891</v>
      </c>
      <c r="B23107" t="s">
        <v>46130</v>
      </c>
      <c r="C23107" t="s">
        <v>46131</v>
      </c>
    </row>
    <row r="23108" spans="1:3" x14ac:dyDescent="0.15">
      <c r="A23108">
        <v>1890</v>
      </c>
      <c r="B23108" t="s">
        <v>46132</v>
      </c>
      <c r="C23108" t="s">
        <v>46133</v>
      </c>
    </row>
    <row r="23109" spans="1:3" x14ac:dyDescent="0.15">
      <c r="A23109">
        <v>1889</v>
      </c>
      <c r="B23109" t="s">
        <v>46134</v>
      </c>
      <c r="C23109" t="s">
        <v>46135</v>
      </c>
    </row>
    <row r="23110" spans="1:3" x14ac:dyDescent="0.15">
      <c r="A23110">
        <v>1888</v>
      </c>
      <c r="B23110" t="s">
        <v>46136</v>
      </c>
      <c r="C23110" t="s">
        <v>46137</v>
      </c>
    </row>
    <row r="23111" spans="1:3" x14ac:dyDescent="0.15">
      <c r="A23111">
        <v>1887</v>
      </c>
      <c r="B23111" t="s">
        <v>46138</v>
      </c>
      <c r="C23111" t="s">
        <v>46139</v>
      </c>
    </row>
    <row r="23112" spans="1:3" x14ac:dyDescent="0.15">
      <c r="A23112">
        <v>1886</v>
      </c>
      <c r="B23112" t="s">
        <v>46140</v>
      </c>
      <c r="C23112" t="s">
        <v>46141</v>
      </c>
    </row>
    <row r="23113" spans="1:3" x14ac:dyDescent="0.15">
      <c r="A23113">
        <v>1885</v>
      </c>
      <c r="B23113" t="s">
        <v>46142</v>
      </c>
      <c r="C23113" t="s">
        <v>46143</v>
      </c>
    </row>
    <row r="23114" spans="1:3" x14ac:dyDescent="0.15">
      <c r="A23114">
        <v>1884</v>
      </c>
      <c r="B23114" t="s">
        <v>46144</v>
      </c>
      <c r="C23114" t="s">
        <v>46145</v>
      </c>
    </row>
    <row r="23115" spans="1:3" x14ac:dyDescent="0.15">
      <c r="A23115">
        <v>1883</v>
      </c>
      <c r="B23115" t="s">
        <v>46146</v>
      </c>
      <c r="C23115" t="s">
        <v>46147</v>
      </c>
    </row>
    <row r="23116" spans="1:3" x14ac:dyDescent="0.15">
      <c r="A23116">
        <v>1882</v>
      </c>
      <c r="B23116" t="s">
        <v>46148</v>
      </c>
      <c r="C23116" t="s">
        <v>46149</v>
      </c>
    </row>
    <row r="23117" spans="1:3" x14ac:dyDescent="0.15">
      <c r="A23117">
        <v>1881</v>
      </c>
      <c r="B23117" t="s">
        <v>46150</v>
      </c>
      <c r="C23117" t="s">
        <v>46151</v>
      </c>
    </row>
    <row r="23118" spans="1:3" x14ac:dyDescent="0.15">
      <c r="A23118">
        <v>1880</v>
      </c>
      <c r="B23118" t="s">
        <v>46152</v>
      </c>
      <c r="C23118" t="s">
        <v>46153</v>
      </c>
    </row>
    <row r="23119" spans="1:3" x14ac:dyDescent="0.15">
      <c r="A23119">
        <v>1879</v>
      </c>
      <c r="B23119" t="s">
        <v>46154</v>
      </c>
      <c r="C23119" t="s">
        <v>46155</v>
      </c>
    </row>
    <row r="23120" spans="1:3" x14ac:dyDescent="0.15">
      <c r="A23120">
        <v>1878</v>
      </c>
      <c r="B23120" t="s">
        <v>46156</v>
      </c>
      <c r="C23120" t="s">
        <v>46157</v>
      </c>
    </row>
    <row r="23121" spans="1:3" x14ac:dyDescent="0.15">
      <c r="A23121">
        <v>1877</v>
      </c>
      <c r="B23121" t="s">
        <v>46158</v>
      </c>
      <c r="C23121" t="s">
        <v>46159</v>
      </c>
    </row>
    <row r="23122" spans="1:3" x14ac:dyDescent="0.15">
      <c r="A23122">
        <v>1876</v>
      </c>
      <c r="B23122" t="s">
        <v>46160</v>
      </c>
      <c r="C23122" t="s">
        <v>46161</v>
      </c>
    </row>
    <row r="23123" spans="1:3" x14ac:dyDescent="0.15">
      <c r="A23123">
        <v>1875</v>
      </c>
      <c r="B23123" t="s">
        <v>46162</v>
      </c>
      <c r="C23123" t="s">
        <v>46163</v>
      </c>
    </row>
    <row r="23124" spans="1:3" x14ac:dyDescent="0.15">
      <c r="A23124">
        <v>1874</v>
      </c>
      <c r="B23124" t="s">
        <v>46164</v>
      </c>
      <c r="C23124" t="s">
        <v>46165</v>
      </c>
    </row>
    <row r="23125" spans="1:3" x14ac:dyDescent="0.15">
      <c r="A23125">
        <v>1873</v>
      </c>
      <c r="B23125" t="s">
        <v>46166</v>
      </c>
      <c r="C23125" t="s">
        <v>46167</v>
      </c>
    </row>
    <row r="23126" spans="1:3" x14ac:dyDescent="0.15">
      <c r="A23126">
        <v>1872</v>
      </c>
      <c r="B23126" t="s">
        <v>46168</v>
      </c>
      <c r="C23126" t="s">
        <v>46169</v>
      </c>
    </row>
    <row r="23127" spans="1:3" x14ac:dyDescent="0.15">
      <c r="A23127">
        <v>1871</v>
      </c>
      <c r="B23127" t="s">
        <v>46170</v>
      </c>
      <c r="C23127" t="s">
        <v>46171</v>
      </c>
    </row>
    <row r="23128" spans="1:3" x14ac:dyDescent="0.15">
      <c r="A23128">
        <v>1870</v>
      </c>
      <c r="B23128" t="s">
        <v>46172</v>
      </c>
      <c r="C23128" t="s">
        <v>46173</v>
      </c>
    </row>
    <row r="23129" spans="1:3" x14ac:dyDescent="0.15">
      <c r="A23129">
        <v>1869</v>
      </c>
      <c r="B23129" t="s">
        <v>46174</v>
      </c>
      <c r="C23129" t="s">
        <v>46175</v>
      </c>
    </row>
    <row r="23130" spans="1:3" x14ac:dyDescent="0.15">
      <c r="A23130">
        <v>1868</v>
      </c>
      <c r="B23130" t="s">
        <v>46176</v>
      </c>
      <c r="C23130" t="s">
        <v>46177</v>
      </c>
    </row>
    <row r="23131" spans="1:3" x14ac:dyDescent="0.15">
      <c r="A23131">
        <v>1867</v>
      </c>
      <c r="B23131" t="s">
        <v>46178</v>
      </c>
      <c r="C23131" t="s">
        <v>46179</v>
      </c>
    </row>
    <row r="23132" spans="1:3" x14ac:dyDescent="0.15">
      <c r="A23132">
        <v>1866</v>
      </c>
      <c r="B23132" t="s">
        <v>46180</v>
      </c>
      <c r="C23132" t="s">
        <v>46181</v>
      </c>
    </row>
    <row r="23133" spans="1:3" x14ac:dyDescent="0.15">
      <c r="A23133">
        <v>1865</v>
      </c>
      <c r="B23133" t="s">
        <v>46182</v>
      </c>
      <c r="C23133" t="s">
        <v>46183</v>
      </c>
    </row>
    <row r="23134" spans="1:3" x14ac:dyDescent="0.15">
      <c r="A23134">
        <v>1864</v>
      </c>
      <c r="B23134" t="s">
        <v>46184</v>
      </c>
      <c r="C23134" t="s">
        <v>46185</v>
      </c>
    </row>
    <row r="23135" spans="1:3" x14ac:dyDescent="0.15">
      <c r="A23135">
        <v>1863</v>
      </c>
      <c r="B23135" t="s">
        <v>46186</v>
      </c>
      <c r="C23135" t="s">
        <v>46187</v>
      </c>
    </row>
    <row r="23136" spans="1:3" x14ac:dyDescent="0.15">
      <c r="A23136">
        <v>1862</v>
      </c>
      <c r="B23136" t="s">
        <v>46188</v>
      </c>
      <c r="C23136" t="s">
        <v>46189</v>
      </c>
    </row>
    <row r="23137" spans="1:3" x14ac:dyDescent="0.15">
      <c r="A23137">
        <v>1861</v>
      </c>
      <c r="B23137" t="s">
        <v>46190</v>
      </c>
      <c r="C23137" t="s">
        <v>46191</v>
      </c>
    </row>
    <row r="23138" spans="1:3" x14ac:dyDescent="0.15">
      <c r="A23138">
        <v>1860</v>
      </c>
      <c r="B23138" t="s">
        <v>46192</v>
      </c>
      <c r="C23138" t="s">
        <v>46193</v>
      </c>
    </row>
    <row r="23139" spans="1:3" x14ac:dyDescent="0.15">
      <c r="A23139">
        <v>1859</v>
      </c>
      <c r="B23139" t="s">
        <v>46194</v>
      </c>
      <c r="C23139" t="s">
        <v>46195</v>
      </c>
    </row>
    <row r="23140" spans="1:3" x14ac:dyDescent="0.15">
      <c r="A23140">
        <v>1858</v>
      </c>
      <c r="B23140" t="s">
        <v>46196</v>
      </c>
      <c r="C23140" t="s">
        <v>46197</v>
      </c>
    </row>
    <row r="23141" spans="1:3" x14ac:dyDescent="0.15">
      <c r="A23141">
        <v>1857</v>
      </c>
      <c r="B23141" t="s">
        <v>46198</v>
      </c>
      <c r="C23141" t="s">
        <v>46199</v>
      </c>
    </row>
    <row r="23142" spans="1:3" x14ac:dyDescent="0.15">
      <c r="A23142">
        <v>1856</v>
      </c>
      <c r="B23142" t="s">
        <v>46200</v>
      </c>
      <c r="C23142" t="s">
        <v>46201</v>
      </c>
    </row>
    <row r="23143" spans="1:3" x14ac:dyDescent="0.15">
      <c r="A23143">
        <v>1855</v>
      </c>
      <c r="B23143" t="s">
        <v>46202</v>
      </c>
      <c r="C23143" t="s">
        <v>46203</v>
      </c>
    </row>
    <row r="23144" spans="1:3" x14ac:dyDescent="0.15">
      <c r="A23144">
        <v>1854</v>
      </c>
      <c r="B23144" t="s">
        <v>46204</v>
      </c>
      <c r="C23144" t="s">
        <v>46205</v>
      </c>
    </row>
    <row r="23145" spans="1:3" x14ac:dyDescent="0.15">
      <c r="A23145">
        <v>1853</v>
      </c>
      <c r="B23145" t="s">
        <v>46206</v>
      </c>
      <c r="C23145" t="s">
        <v>46207</v>
      </c>
    </row>
    <row r="23146" spans="1:3" x14ac:dyDescent="0.15">
      <c r="A23146">
        <v>1852</v>
      </c>
      <c r="B23146" t="s">
        <v>46208</v>
      </c>
      <c r="C23146" t="s">
        <v>46209</v>
      </c>
    </row>
    <row r="23147" spans="1:3" x14ac:dyDescent="0.15">
      <c r="A23147">
        <v>1851</v>
      </c>
      <c r="B23147" t="s">
        <v>46210</v>
      </c>
      <c r="C23147" t="s">
        <v>46211</v>
      </c>
    </row>
    <row r="23148" spans="1:3" x14ac:dyDescent="0.15">
      <c r="A23148">
        <v>1850</v>
      </c>
      <c r="B23148" t="s">
        <v>46212</v>
      </c>
      <c r="C23148" t="s">
        <v>46213</v>
      </c>
    </row>
    <row r="23149" spans="1:3" x14ac:dyDescent="0.15">
      <c r="A23149">
        <v>1849</v>
      </c>
      <c r="B23149" t="s">
        <v>46214</v>
      </c>
      <c r="C23149" t="s">
        <v>46215</v>
      </c>
    </row>
    <row r="23150" spans="1:3" x14ac:dyDescent="0.15">
      <c r="A23150">
        <v>1848</v>
      </c>
      <c r="B23150" t="s">
        <v>46216</v>
      </c>
      <c r="C23150" t="s">
        <v>46217</v>
      </c>
    </row>
    <row r="23151" spans="1:3" x14ac:dyDescent="0.15">
      <c r="A23151">
        <v>1847</v>
      </c>
      <c r="B23151" t="s">
        <v>46218</v>
      </c>
      <c r="C23151" t="s">
        <v>46219</v>
      </c>
    </row>
    <row r="23152" spans="1:3" x14ac:dyDescent="0.15">
      <c r="A23152">
        <v>1846</v>
      </c>
      <c r="B23152" t="s">
        <v>46220</v>
      </c>
      <c r="C23152" t="s">
        <v>46221</v>
      </c>
    </row>
    <row r="23153" spans="1:3" x14ac:dyDescent="0.15">
      <c r="A23153">
        <v>1845</v>
      </c>
      <c r="B23153" t="s">
        <v>46222</v>
      </c>
      <c r="C23153" t="s">
        <v>46223</v>
      </c>
    </row>
    <row r="23154" spans="1:3" x14ac:dyDescent="0.15">
      <c r="A23154">
        <v>1844</v>
      </c>
      <c r="B23154" t="s">
        <v>46224</v>
      </c>
      <c r="C23154" t="s">
        <v>46225</v>
      </c>
    </row>
    <row r="23155" spans="1:3" x14ac:dyDescent="0.15">
      <c r="A23155">
        <v>1843</v>
      </c>
      <c r="B23155" t="s">
        <v>46226</v>
      </c>
      <c r="C23155" t="s">
        <v>46227</v>
      </c>
    </row>
    <row r="23156" spans="1:3" x14ac:dyDescent="0.15">
      <c r="A23156">
        <v>1842</v>
      </c>
      <c r="B23156" t="s">
        <v>46228</v>
      </c>
      <c r="C23156" t="s">
        <v>46229</v>
      </c>
    </row>
    <row r="23157" spans="1:3" x14ac:dyDescent="0.15">
      <c r="A23157">
        <v>1841</v>
      </c>
      <c r="B23157" t="s">
        <v>46230</v>
      </c>
      <c r="C23157" t="s">
        <v>46231</v>
      </c>
    </row>
    <row r="23158" spans="1:3" x14ac:dyDescent="0.15">
      <c r="A23158">
        <v>1840</v>
      </c>
      <c r="B23158" t="s">
        <v>46232</v>
      </c>
      <c r="C23158" t="s">
        <v>46233</v>
      </c>
    </row>
    <row r="23159" spans="1:3" x14ac:dyDescent="0.15">
      <c r="A23159">
        <v>1839</v>
      </c>
      <c r="B23159" t="s">
        <v>46234</v>
      </c>
      <c r="C23159" t="s">
        <v>46235</v>
      </c>
    </row>
    <row r="23160" spans="1:3" x14ac:dyDescent="0.15">
      <c r="A23160">
        <v>1838</v>
      </c>
      <c r="B23160" t="s">
        <v>46236</v>
      </c>
      <c r="C23160" t="s">
        <v>46237</v>
      </c>
    </row>
    <row r="23161" spans="1:3" x14ac:dyDescent="0.15">
      <c r="A23161">
        <v>1837</v>
      </c>
      <c r="B23161" t="s">
        <v>46238</v>
      </c>
      <c r="C23161" t="s">
        <v>46239</v>
      </c>
    </row>
    <row r="23162" spans="1:3" x14ac:dyDescent="0.15">
      <c r="A23162">
        <v>1836</v>
      </c>
      <c r="B23162" t="s">
        <v>46240</v>
      </c>
      <c r="C23162" t="s">
        <v>46241</v>
      </c>
    </row>
    <row r="23163" spans="1:3" x14ac:dyDescent="0.15">
      <c r="A23163">
        <v>1835</v>
      </c>
      <c r="B23163" t="s">
        <v>46242</v>
      </c>
      <c r="C23163" t="s">
        <v>46243</v>
      </c>
    </row>
    <row r="23164" spans="1:3" x14ac:dyDescent="0.15">
      <c r="A23164">
        <v>1834</v>
      </c>
      <c r="B23164" t="s">
        <v>46244</v>
      </c>
      <c r="C23164" t="s">
        <v>46245</v>
      </c>
    </row>
    <row r="23165" spans="1:3" x14ac:dyDescent="0.15">
      <c r="A23165">
        <v>1833</v>
      </c>
      <c r="B23165" t="s">
        <v>46246</v>
      </c>
      <c r="C23165" t="s">
        <v>46247</v>
      </c>
    </row>
    <row r="23166" spans="1:3" x14ac:dyDescent="0.15">
      <c r="A23166">
        <v>1832</v>
      </c>
      <c r="B23166" t="s">
        <v>46248</v>
      </c>
      <c r="C23166" t="s">
        <v>46249</v>
      </c>
    </row>
    <row r="23167" spans="1:3" x14ac:dyDescent="0.15">
      <c r="A23167">
        <v>1831</v>
      </c>
      <c r="B23167" t="s">
        <v>46250</v>
      </c>
      <c r="C23167" t="s">
        <v>46251</v>
      </c>
    </row>
    <row r="23168" spans="1:3" x14ac:dyDescent="0.15">
      <c r="A23168">
        <v>1830</v>
      </c>
      <c r="B23168" t="s">
        <v>46252</v>
      </c>
      <c r="C23168" t="s">
        <v>46253</v>
      </c>
    </row>
    <row r="23169" spans="1:3" x14ac:dyDescent="0.15">
      <c r="A23169">
        <v>1829</v>
      </c>
      <c r="B23169" t="s">
        <v>46254</v>
      </c>
      <c r="C23169" t="s">
        <v>46255</v>
      </c>
    </row>
    <row r="23170" spans="1:3" x14ac:dyDescent="0.15">
      <c r="A23170">
        <v>1828</v>
      </c>
      <c r="B23170" t="s">
        <v>46256</v>
      </c>
      <c r="C23170" t="s">
        <v>46257</v>
      </c>
    </row>
    <row r="23171" spans="1:3" x14ac:dyDescent="0.15">
      <c r="A23171">
        <v>1827</v>
      </c>
      <c r="B23171" t="s">
        <v>46258</v>
      </c>
      <c r="C23171" t="s">
        <v>46259</v>
      </c>
    </row>
    <row r="23172" spans="1:3" x14ac:dyDescent="0.15">
      <c r="A23172">
        <v>1826</v>
      </c>
      <c r="B23172" t="s">
        <v>46260</v>
      </c>
      <c r="C23172" t="s">
        <v>46261</v>
      </c>
    </row>
    <row r="23173" spans="1:3" x14ac:dyDescent="0.15">
      <c r="A23173">
        <v>1825</v>
      </c>
      <c r="B23173" t="s">
        <v>46262</v>
      </c>
      <c r="C23173" t="s">
        <v>46263</v>
      </c>
    </row>
    <row r="23174" spans="1:3" x14ac:dyDescent="0.15">
      <c r="A23174">
        <v>1824</v>
      </c>
      <c r="B23174" t="s">
        <v>46264</v>
      </c>
      <c r="C23174" t="s">
        <v>46265</v>
      </c>
    </row>
    <row r="23175" spans="1:3" x14ac:dyDescent="0.15">
      <c r="A23175">
        <v>1823</v>
      </c>
      <c r="B23175" t="s">
        <v>46266</v>
      </c>
      <c r="C23175" t="s">
        <v>46267</v>
      </c>
    </row>
    <row r="23176" spans="1:3" x14ac:dyDescent="0.15">
      <c r="A23176">
        <v>1822</v>
      </c>
      <c r="B23176" t="s">
        <v>46268</v>
      </c>
      <c r="C23176" t="s">
        <v>46269</v>
      </c>
    </row>
    <row r="23177" spans="1:3" x14ac:dyDescent="0.15">
      <c r="A23177">
        <v>1821</v>
      </c>
      <c r="B23177" t="s">
        <v>46270</v>
      </c>
      <c r="C23177" t="s">
        <v>46271</v>
      </c>
    </row>
    <row r="23178" spans="1:3" x14ac:dyDescent="0.15">
      <c r="A23178">
        <v>1820</v>
      </c>
      <c r="B23178" t="s">
        <v>46272</v>
      </c>
      <c r="C23178" t="s">
        <v>46273</v>
      </c>
    </row>
    <row r="23179" spans="1:3" x14ac:dyDescent="0.15">
      <c r="A23179">
        <v>1819</v>
      </c>
      <c r="B23179" t="s">
        <v>46274</v>
      </c>
      <c r="C23179" t="s">
        <v>46275</v>
      </c>
    </row>
    <row r="23180" spans="1:3" x14ac:dyDescent="0.15">
      <c r="A23180">
        <v>1818</v>
      </c>
      <c r="B23180" t="s">
        <v>46276</v>
      </c>
      <c r="C23180" t="s">
        <v>46277</v>
      </c>
    </row>
    <row r="23181" spans="1:3" x14ac:dyDescent="0.15">
      <c r="A23181">
        <v>1817</v>
      </c>
      <c r="B23181" t="s">
        <v>46278</v>
      </c>
      <c r="C23181" t="s">
        <v>46279</v>
      </c>
    </row>
    <row r="23182" spans="1:3" x14ac:dyDescent="0.15">
      <c r="A23182">
        <v>1816</v>
      </c>
      <c r="B23182" t="s">
        <v>46280</v>
      </c>
      <c r="C23182" t="s">
        <v>46281</v>
      </c>
    </row>
    <row r="23183" spans="1:3" x14ac:dyDescent="0.15">
      <c r="A23183">
        <v>1815</v>
      </c>
      <c r="B23183" t="s">
        <v>46282</v>
      </c>
      <c r="C23183" t="s">
        <v>46283</v>
      </c>
    </row>
    <row r="23184" spans="1:3" x14ac:dyDescent="0.15">
      <c r="A23184">
        <v>1814</v>
      </c>
      <c r="B23184" t="s">
        <v>46284</v>
      </c>
      <c r="C23184" t="s">
        <v>46285</v>
      </c>
    </row>
    <row r="23185" spans="1:3" x14ac:dyDescent="0.15">
      <c r="A23185">
        <v>1813</v>
      </c>
      <c r="B23185" t="s">
        <v>46286</v>
      </c>
      <c r="C23185" t="s">
        <v>46287</v>
      </c>
    </row>
    <row r="23186" spans="1:3" x14ac:dyDescent="0.15">
      <c r="A23186">
        <v>1812</v>
      </c>
      <c r="B23186" t="s">
        <v>46288</v>
      </c>
      <c r="C23186" t="s">
        <v>46289</v>
      </c>
    </row>
    <row r="23187" spans="1:3" x14ac:dyDescent="0.15">
      <c r="A23187">
        <v>1811</v>
      </c>
      <c r="B23187" t="s">
        <v>46290</v>
      </c>
      <c r="C23187" t="s">
        <v>46291</v>
      </c>
    </row>
    <row r="23188" spans="1:3" x14ac:dyDescent="0.15">
      <c r="A23188">
        <v>1810</v>
      </c>
      <c r="B23188" t="s">
        <v>46292</v>
      </c>
      <c r="C23188" t="s">
        <v>46293</v>
      </c>
    </row>
    <row r="23189" spans="1:3" x14ac:dyDescent="0.15">
      <c r="A23189">
        <v>1809</v>
      </c>
      <c r="B23189" t="s">
        <v>46294</v>
      </c>
      <c r="C23189" t="s">
        <v>46295</v>
      </c>
    </row>
    <row r="23190" spans="1:3" x14ac:dyDescent="0.15">
      <c r="A23190">
        <v>1808</v>
      </c>
      <c r="B23190" t="s">
        <v>46296</v>
      </c>
      <c r="C23190" t="s">
        <v>46297</v>
      </c>
    </row>
    <row r="23191" spans="1:3" x14ac:dyDescent="0.15">
      <c r="A23191">
        <v>1807</v>
      </c>
      <c r="B23191" t="s">
        <v>46298</v>
      </c>
      <c r="C23191" t="s">
        <v>46299</v>
      </c>
    </row>
    <row r="23192" spans="1:3" x14ac:dyDescent="0.15">
      <c r="A23192">
        <v>1806</v>
      </c>
      <c r="B23192" t="s">
        <v>46300</v>
      </c>
      <c r="C23192" t="s">
        <v>46301</v>
      </c>
    </row>
    <row r="23193" spans="1:3" x14ac:dyDescent="0.15">
      <c r="A23193">
        <v>1805</v>
      </c>
      <c r="B23193" t="s">
        <v>46302</v>
      </c>
      <c r="C23193" t="s">
        <v>46303</v>
      </c>
    </row>
    <row r="23194" spans="1:3" x14ac:dyDescent="0.15">
      <c r="A23194">
        <v>1804</v>
      </c>
      <c r="B23194" t="s">
        <v>46304</v>
      </c>
      <c r="C23194" t="s">
        <v>46305</v>
      </c>
    </row>
    <row r="23195" spans="1:3" x14ac:dyDescent="0.15">
      <c r="A23195">
        <v>1803</v>
      </c>
      <c r="B23195" t="s">
        <v>46306</v>
      </c>
      <c r="C23195" t="s">
        <v>46307</v>
      </c>
    </row>
    <row r="23196" spans="1:3" x14ac:dyDescent="0.15">
      <c r="A23196">
        <v>1802</v>
      </c>
      <c r="B23196" t="s">
        <v>46308</v>
      </c>
      <c r="C23196" t="s">
        <v>46309</v>
      </c>
    </row>
    <row r="23197" spans="1:3" x14ac:dyDescent="0.15">
      <c r="A23197">
        <v>1801</v>
      </c>
      <c r="B23197" t="s">
        <v>46310</v>
      </c>
      <c r="C23197" t="s">
        <v>46311</v>
      </c>
    </row>
    <row r="23198" spans="1:3" x14ac:dyDescent="0.15">
      <c r="A23198">
        <v>1800</v>
      </c>
      <c r="B23198" t="s">
        <v>46312</v>
      </c>
      <c r="C23198" t="s">
        <v>46313</v>
      </c>
    </row>
    <row r="23199" spans="1:3" x14ac:dyDescent="0.15">
      <c r="A23199">
        <v>1799</v>
      </c>
      <c r="B23199" t="s">
        <v>46314</v>
      </c>
      <c r="C23199" t="s">
        <v>46315</v>
      </c>
    </row>
    <row r="23200" spans="1:3" x14ac:dyDescent="0.15">
      <c r="A23200">
        <v>1798</v>
      </c>
      <c r="B23200" t="s">
        <v>46316</v>
      </c>
      <c r="C23200" t="s">
        <v>46317</v>
      </c>
    </row>
    <row r="23201" spans="1:3" x14ac:dyDescent="0.15">
      <c r="A23201">
        <v>1797</v>
      </c>
      <c r="B23201" t="s">
        <v>46318</v>
      </c>
      <c r="C23201" t="s">
        <v>46319</v>
      </c>
    </row>
    <row r="23202" spans="1:3" x14ac:dyDescent="0.15">
      <c r="A23202">
        <v>1796</v>
      </c>
      <c r="B23202" t="s">
        <v>46320</v>
      </c>
      <c r="C23202" t="s">
        <v>46321</v>
      </c>
    </row>
    <row r="23203" spans="1:3" x14ac:dyDescent="0.15">
      <c r="A23203">
        <v>1795</v>
      </c>
      <c r="B23203" t="s">
        <v>46322</v>
      </c>
      <c r="C23203" t="s">
        <v>46323</v>
      </c>
    </row>
    <row r="23204" spans="1:3" x14ac:dyDescent="0.15">
      <c r="A23204">
        <v>1794</v>
      </c>
      <c r="B23204" t="s">
        <v>46324</v>
      </c>
      <c r="C23204" t="s">
        <v>46325</v>
      </c>
    </row>
    <row r="23205" spans="1:3" x14ac:dyDescent="0.15">
      <c r="A23205">
        <v>1793</v>
      </c>
      <c r="B23205" t="s">
        <v>46326</v>
      </c>
      <c r="C23205" t="s">
        <v>46327</v>
      </c>
    </row>
    <row r="23206" spans="1:3" x14ac:dyDescent="0.15">
      <c r="A23206">
        <v>1792</v>
      </c>
      <c r="B23206" t="s">
        <v>46328</v>
      </c>
      <c r="C23206" t="s">
        <v>46329</v>
      </c>
    </row>
    <row r="23207" spans="1:3" x14ac:dyDescent="0.15">
      <c r="A23207">
        <v>1791</v>
      </c>
      <c r="B23207" t="s">
        <v>46330</v>
      </c>
      <c r="C23207" t="s">
        <v>46331</v>
      </c>
    </row>
    <row r="23208" spans="1:3" x14ac:dyDescent="0.15">
      <c r="A23208">
        <v>1790</v>
      </c>
      <c r="B23208" t="s">
        <v>46332</v>
      </c>
      <c r="C23208" t="s">
        <v>46333</v>
      </c>
    </row>
    <row r="23209" spans="1:3" x14ac:dyDescent="0.15">
      <c r="A23209">
        <v>1789</v>
      </c>
      <c r="B23209" t="s">
        <v>46334</v>
      </c>
      <c r="C23209" t="s">
        <v>46335</v>
      </c>
    </row>
    <row r="23210" spans="1:3" x14ac:dyDescent="0.15">
      <c r="A23210">
        <v>1788</v>
      </c>
      <c r="B23210" t="s">
        <v>46336</v>
      </c>
      <c r="C23210" t="s">
        <v>46337</v>
      </c>
    </row>
    <row r="23211" spans="1:3" x14ac:dyDescent="0.15">
      <c r="A23211">
        <v>1787</v>
      </c>
      <c r="B23211" t="s">
        <v>46338</v>
      </c>
      <c r="C23211" t="s">
        <v>46339</v>
      </c>
    </row>
    <row r="23212" spans="1:3" x14ac:dyDescent="0.15">
      <c r="A23212">
        <v>1786</v>
      </c>
      <c r="B23212" t="s">
        <v>46340</v>
      </c>
      <c r="C23212" t="s">
        <v>46341</v>
      </c>
    </row>
    <row r="23213" spans="1:3" x14ac:dyDescent="0.15">
      <c r="A23213">
        <v>1785</v>
      </c>
      <c r="B23213" t="s">
        <v>46342</v>
      </c>
      <c r="C23213" t="s">
        <v>46343</v>
      </c>
    </row>
    <row r="23214" spans="1:3" x14ac:dyDescent="0.15">
      <c r="A23214">
        <v>1784</v>
      </c>
      <c r="B23214" t="s">
        <v>46344</v>
      </c>
      <c r="C23214" t="s">
        <v>46345</v>
      </c>
    </row>
    <row r="23215" spans="1:3" x14ac:dyDescent="0.15">
      <c r="A23215">
        <v>1783</v>
      </c>
      <c r="B23215" t="s">
        <v>46346</v>
      </c>
      <c r="C23215" t="s">
        <v>46347</v>
      </c>
    </row>
    <row r="23216" spans="1:3" x14ac:dyDescent="0.15">
      <c r="A23216">
        <v>1782</v>
      </c>
      <c r="B23216" t="s">
        <v>46348</v>
      </c>
      <c r="C23216" t="s">
        <v>46349</v>
      </c>
    </row>
    <row r="23217" spans="1:3" x14ac:dyDescent="0.15">
      <c r="A23217">
        <v>1781</v>
      </c>
      <c r="B23217" t="s">
        <v>46350</v>
      </c>
      <c r="C23217" t="s">
        <v>46351</v>
      </c>
    </row>
    <row r="23218" spans="1:3" x14ac:dyDescent="0.15">
      <c r="A23218">
        <v>1780</v>
      </c>
      <c r="B23218" t="s">
        <v>46352</v>
      </c>
      <c r="C23218" t="s">
        <v>46353</v>
      </c>
    </row>
    <row r="23219" spans="1:3" x14ac:dyDescent="0.15">
      <c r="A23219">
        <v>1779</v>
      </c>
      <c r="B23219" t="s">
        <v>46354</v>
      </c>
      <c r="C23219" t="s">
        <v>46355</v>
      </c>
    </row>
    <row r="23220" spans="1:3" x14ac:dyDescent="0.15">
      <c r="A23220">
        <v>1778</v>
      </c>
      <c r="B23220" t="s">
        <v>46356</v>
      </c>
      <c r="C23220" t="s">
        <v>46357</v>
      </c>
    </row>
    <row r="23221" spans="1:3" x14ac:dyDescent="0.15">
      <c r="A23221">
        <v>1777</v>
      </c>
      <c r="B23221" t="s">
        <v>46358</v>
      </c>
      <c r="C23221" t="s">
        <v>46359</v>
      </c>
    </row>
    <row r="23222" spans="1:3" x14ac:dyDescent="0.15">
      <c r="A23222">
        <v>1776</v>
      </c>
      <c r="B23222" t="s">
        <v>46360</v>
      </c>
      <c r="C23222" t="s">
        <v>46361</v>
      </c>
    </row>
    <row r="23223" spans="1:3" x14ac:dyDescent="0.15">
      <c r="A23223">
        <v>1775</v>
      </c>
      <c r="B23223" t="s">
        <v>46362</v>
      </c>
      <c r="C23223" t="s">
        <v>46363</v>
      </c>
    </row>
    <row r="23224" spans="1:3" x14ac:dyDescent="0.15">
      <c r="A23224">
        <v>1774</v>
      </c>
      <c r="B23224" t="s">
        <v>46364</v>
      </c>
      <c r="C23224" t="s">
        <v>46365</v>
      </c>
    </row>
    <row r="23225" spans="1:3" x14ac:dyDescent="0.15">
      <c r="A23225">
        <v>1773</v>
      </c>
      <c r="B23225" t="s">
        <v>46366</v>
      </c>
      <c r="C23225" t="s">
        <v>46367</v>
      </c>
    </row>
    <row r="23226" spans="1:3" x14ac:dyDescent="0.15">
      <c r="A23226">
        <v>1772</v>
      </c>
      <c r="B23226" t="s">
        <v>46368</v>
      </c>
      <c r="C23226" t="s">
        <v>46369</v>
      </c>
    </row>
    <row r="23227" spans="1:3" x14ac:dyDescent="0.15">
      <c r="A23227">
        <v>1771</v>
      </c>
      <c r="B23227" t="s">
        <v>46370</v>
      </c>
      <c r="C23227" t="s">
        <v>46371</v>
      </c>
    </row>
    <row r="23228" spans="1:3" x14ac:dyDescent="0.15">
      <c r="A23228">
        <v>1770</v>
      </c>
      <c r="B23228" t="s">
        <v>46372</v>
      </c>
      <c r="C23228" t="s">
        <v>46373</v>
      </c>
    </row>
    <row r="23229" spans="1:3" x14ac:dyDescent="0.15">
      <c r="A23229">
        <v>1769</v>
      </c>
      <c r="B23229" t="s">
        <v>46374</v>
      </c>
      <c r="C23229" t="s">
        <v>46375</v>
      </c>
    </row>
    <row r="23230" spans="1:3" x14ac:dyDescent="0.15">
      <c r="A23230">
        <v>1768</v>
      </c>
      <c r="B23230" t="s">
        <v>46376</v>
      </c>
      <c r="C23230" t="s">
        <v>46377</v>
      </c>
    </row>
    <row r="23231" spans="1:3" x14ac:dyDescent="0.15">
      <c r="A23231">
        <v>1767</v>
      </c>
      <c r="B23231" t="s">
        <v>46378</v>
      </c>
      <c r="C23231" t="s">
        <v>46379</v>
      </c>
    </row>
    <row r="23232" spans="1:3" x14ac:dyDescent="0.15">
      <c r="A23232">
        <v>1766</v>
      </c>
      <c r="B23232" t="s">
        <v>46380</v>
      </c>
      <c r="C23232" t="s">
        <v>46381</v>
      </c>
    </row>
    <row r="23233" spans="1:3" x14ac:dyDescent="0.15">
      <c r="A23233">
        <v>1765</v>
      </c>
      <c r="B23233" t="s">
        <v>46382</v>
      </c>
      <c r="C23233" t="s">
        <v>46383</v>
      </c>
    </row>
    <row r="23234" spans="1:3" x14ac:dyDescent="0.15">
      <c r="A23234">
        <v>1764</v>
      </c>
      <c r="B23234" t="s">
        <v>46384</v>
      </c>
      <c r="C23234" t="s">
        <v>46385</v>
      </c>
    </row>
    <row r="23235" spans="1:3" x14ac:dyDescent="0.15">
      <c r="A23235">
        <v>1763</v>
      </c>
      <c r="B23235" t="s">
        <v>46386</v>
      </c>
      <c r="C23235" t="s">
        <v>46387</v>
      </c>
    </row>
    <row r="23236" spans="1:3" x14ac:dyDescent="0.15">
      <c r="A23236">
        <v>1762</v>
      </c>
      <c r="B23236" t="s">
        <v>46388</v>
      </c>
      <c r="C23236" t="s">
        <v>46389</v>
      </c>
    </row>
    <row r="23237" spans="1:3" x14ac:dyDescent="0.15">
      <c r="A23237">
        <v>1761</v>
      </c>
      <c r="B23237" t="s">
        <v>46390</v>
      </c>
      <c r="C23237" t="s">
        <v>46391</v>
      </c>
    </row>
    <row r="23238" spans="1:3" x14ac:dyDescent="0.15">
      <c r="A23238">
        <v>1760</v>
      </c>
      <c r="B23238" t="s">
        <v>46392</v>
      </c>
      <c r="C23238" t="s">
        <v>46393</v>
      </c>
    </row>
    <row r="23239" spans="1:3" x14ac:dyDescent="0.15">
      <c r="A23239">
        <v>1759</v>
      </c>
      <c r="B23239" t="s">
        <v>46394</v>
      </c>
      <c r="C23239" t="s">
        <v>46395</v>
      </c>
    </row>
    <row r="23240" spans="1:3" x14ac:dyDescent="0.15">
      <c r="A23240">
        <v>1758</v>
      </c>
      <c r="B23240" t="s">
        <v>46396</v>
      </c>
      <c r="C23240" t="s">
        <v>46397</v>
      </c>
    </row>
    <row r="23241" spans="1:3" x14ac:dyDescent="0.15">
      <c r="A23241">
        <v>1757</v>
      </c>
      <c r="B23241" t="s">
        <v>46398</v>
      </c>
      <c r="C23241" t="s">
        <v>46399</v>
      </c>
    </row>
    <row r="23242" spans="1:3" x14ac:dyDescent="0.15">
      <c r="A23242">
        <v>1756</v>
      </c>
      <c r="B23242" t="s">
        <v>46400</v>
      </c>
      <c r="C23242" t="s">
        <v>46401</v>
      </c>
    </row>
    <row r="23243" spans="1:3" x14ac:dyDescent="0.15">
      <c r="A23243">
        <v>1755</v>
      </c>
      <c r="B23243" t="s">
        <v>46402</v>
      </c>
      <c r="C23243" t="s">
        <v>46403</v>
      </c>
    </row>
    <row r="23244" spans="1:3" x14ac:dyDescent="0.15">
      <c r="A23244">
        <v>1754</v>
      </c>
      <c r="B23244" t="s">
        <v>46404</v>
      </c>
      <c r="C23244" t="s">
        <v>46405</v>
      </c>
    </row>
    <row r="23245" spans="1:3" x14ac:dyDescent="0.15">
      <c r="A23245">
        <v>1753</v>
      </c>
      <c r="B23245" t="s">
        <v>46406</v>
      </c>
      <c r="C23245" t="s">
        <v>46407</v>
      </c>
    </row>
    <row r="23246" spans="1:3" x14ac:dyDescent="0.15">
      <c r="A23246">
        <v>1752</v>
      </c>
      <c r="B23246" t="s">
        <v>46408</v>
      </c>
      <c r="C23246" t="s">
        <v>46409</v>
      </c>
    </row>
    <row r="23247" spans="1:3" x14ac:dyDescent="0.15">
      <c r="A23247">
        <v>1751</v>
      </c>
      <c r="B23247" t="s">
        <v>46410</v>
      </c>
      <c r="C23247" t="s">
        <v>46411</v>
      </c>
    </row>
    <row r="23248" spans="1:3" x14ac:dyDescent="0.15">
      <c r="A23248">
        <v>1750</v>
      </c>
      <c r="B23248" t="s">
        <v>46412</v>
      </c>
      <c r="C23248" t="s">
        <v>46413</v>
      </c>
    </row>
    <row r="23249" spans="1:3" x14ac:dyDescent="0.15">
      <c r="A23249">
        <v>1749</v>
      </c>
      <c r="B23249" t="s">
        <v>46414</v>
      </c>
      <c r="C23249" t="s">
        <v>46415</v>
      </c>
    </row>
    <row r="23250" spans="1:3" x14ac:dyDescent="0.15">
      <c r="A23250">
        <v>1748</v>
      </c>
      <c r="B23250" t="s">
        <v>46416</v>
      </c>
      <c r="C23250" t="s">
        <v>46417</v>
      </c>
    </row>
    <row r="23251" spans="1:3" x14ac:dyDescent="0.15">
      <c r="A23251">
        <v>1747</v>
      </c>
      <c r="B23251" t="s">
        <v>46418</v>
      </c>
      <c r="C23251" t="s">
        <v>46419</v>
      </c>
    </row>
    <row r="23252" spans="1:3" x14ac:dyDescent="0.15">
      <c r="A23252">
        <v>1746</v>
      </c>
      <c r="B23252" t="s">
        <v>46420</v>
      </c>
      <c r="C23252" t="s">
        <v>46421</v>
      </c>
    </row>
    <row r="23253" spans="1:3" x14ac:dyDescent="0.15">
      <c r="A23253">
        <v>1745</v>
      </c>
      <c r="B23253" t="s">
        <v>46422</v>
      </c>
      <c r="C23253" t="s">
        <v>46423</v>
      </c>
    </row>
    <row r="23254" spans="1:3" x14ac:dyDescent="0.15">
      <c r="A23254">
        <v>1744</v>
      </c>
      <c r="B23254" t="s">
        <v>46424</v>
      </c>
      <c r="C23254" t="s">
        <v>46425</v>
      </c>
    </row>
    <row r="23255" spans="1:3" x14ac:dyDescent="0.15">
      <c r="A23255">
        <v>1743</v>
      </c>
      <c r="B23255" t="s">
        <v>46426</v>
      </c>
      <c r="C23255" t="s">
        <v>46427</v>
      </c>
    </row>
    <row r="23256" spans="1:3" x14ac:dyDescent="0.15">
      <c r="A23256">
        <v>1742</v>
      </c>
      <c r="B23256" t="s">
        <v>46428</v>
      </c>
      <c r="C23256" t="s">
        <v>46429</v>
      </c>
    </row>
    <row r="23257" spans="1:3" x14ac:dyDescent="0.15">
      <c r="A23257">
        <v>1741</v>
      </c>
      <c r="B23257" t="s">
        <v>46430</v>
      </c>
      <c r="C23257" t="s">
        <v>46431</v>
      </c>
    </row>
    <row r="23258" spans="1:3" x14ac:dyDescent="0.15">
      <c r="A23258">
        <v>1740</v>
      </c>
      <c r="B23258" t="s">
        <v>46432</v>
      </c>
      <c r="C23258" t="s">
        <v>46433</v>
      </c>
    </row>
    <row r="23259" spans="1:3" x14ac:dyDescent="0.15">
      <c r="A23259">
        <v>1739</v>
      </c>
      <c r="B23259" t="s">
        <v>46434</v>
      </c>
      <c r="C23259" t="s">
        <v>46435</v>
      </c>
    </row>
    <row r="23260" spans="1:3" x14ac:dyDescent="0.15">
      <c r="A23260">
        <v>1738</v>
      </c>
      <c r="B23260" t="s">
        <v>46436</v>
      </c>
      <c r="C23260" t="s">
        <v>46437</v>
      </c>
    </row>
    <row r="23261" spans="1:3" x14ac:dyDescent="0.15">
      <c r="A23261">
        <v>1737</v>
      </c>
      <c r="B23261" t="s">
        <v>46438</v>
      </c>
      <c r="C23261" t="s">
        <v>46439</v>
      </c>
    </row>
    <row r="23262" spans="1:3" x14ac:dyDescent="0.15">
      <c r="A23262">
        <v>1736</v>
      </c>
      <c r="B23262" t="s">
        <v>46440</v>
      </c>
      <c r="C23262" t="s">
        <v>46441</v>
      </c>
    </row>
    <row r="23263" spans="1:3" x14ac:dyDescent="0.15">
      <c r="A23263">
        <v>1735</v>
      </c>
      <c r="B23263" t="s">
        <v>46442</v>
      </c>
      <c r="C23263" t="s">
        <v>46443</v>
      </c>
    </row>
    <row r="23264" spans="1:3" x14ac:dyDescent="0.15">
      <c r="A23264">
        <v>1734</v>
      </c>
      <c r="B23264" t="s">
        <v>46444</v>
      </c>
      <c r="C23264" t="s">
        <v>46445</v>
      </c>
    </row>
    <row r="23265" spans="1:3" x14ac:dyDescent="0.15">
      <c r="A23265">
        <v>1733</v>
      </c>
      <c r="B23265" t="s">
        <v>46446</v>
      </c>
      <c r="C23265" t="s">
        <v>46447</v>
      </c>
    </row>
    <row r="23266" spans="1:3" x14ac:dyDescent="0.15">
      <c r="A23266">
        <v>1732</v>
      </c>
      <c r="B23266" t="s">
        <v>46448</v>
      </c>
      <c r="C23266" t="s">
        <v>46449</v>
      </c>
    </row>
    <row r="23267" spans="1:3" x14ac:dyDescent="0.15">
      <c r="A23267">
        <v>1731</v>
      </c>
      <c r="B23267" t="s">
        <v>46450</v>
      </c>
      <c r="C23267" t="s">
        <v>46451</v>
      </c>
    </row>
    <row r="23268" spans="1:3" x14ac:dyDescent="0.15">
      <c r="A23268">
        <v>1730</v>
      </c>
      <c r="B23268" t="s">
        <v>46452</v>
      </c>
      <c r="C23268" t="s">
        <v>46453</v>
      </c>
    </row>
    <row r="23269" spans="1:3" x14ac:dyDescent="0.15">
      <c r="A23269">
        <v>1729</v>
      </c>
      <c r="B23269" t="s">
        <v>46454</v>
      </c>
      <c r="C23269" t="s">
        <v>46455</v>
      </c>
    </row>
    <row r="23270" spans="1:3" x14ac:dyDescent="0.15">
      <c r="A23270">
        <v>1728</v>
      </c>
      <c r="B23270" t="s">
        <v>46456</v>
      </c>
      <c r="C23270" t="s">
        <v>46457</v>
      </c>
    </row>
    <row r="23271" spans="1:3" x14ac:dyDescent="0.15">
      <c r="A23271">
        <v>1727</v>
      </c>
      <c r="B23271" t="s">
        <v>46458</v>
      </c>
      <c r="C23271" t="s">
        <v>46459</v>
      </c>
    </row>
    <row r="23272" spans="1:3" x14ac:dyDescent="0.15">
      <c r="A23272">
        <v>1726</v>
      </c>
      <c r="B23272" t="s">
        <v>46460</v>
      </c>
      <c r="C23272" t="s">
        <v>46461</v>
      </c>
    </row>
    <row r="23273" spans="1:3" x14ac:dyDescent="0.15">
      <c r="A23273">
        <v>1725</v>
      </c>
      <c r="B23273" t="s">
        <v>46462</v>
      </c>
      <c r="C23273" t="s">
        <v>46463</v>
      </c>
    </row>
    <row r="23274" spans="1:3" x14ac:dyDescent="0.15">
      <c r="A23274">
        <v>1724</v>
      </c>
      <c r="B23274" t="s">
        <v>46464</v>
      </c>
      <c r="C23274" t="s">
        <v>46465</v>
      </c>
    </row>
    <row r="23275" spans="1:3" x14ac:dyDescent="0.15">
      <c r="A23275">
        <v>1723</v>
      </c>
      <c r="B23275" t="s">
        <v>46466</v>
      </c>
      <c r="C23275" t="s">
        <v>46467</v>
      </c>
    </row>
    <row r="23276" spans="1:3" x14ac:dyDescent="0.15">
      <c r="A23276">
        <v>1722</v>
      </c>
      <c r="B23276" t="s">
        <v>46468</v>
      </c>
      <c r="C23276" t="s">
        <v>46469</v>
      </c>
    </row>
    <row r="23277" spans="1:3" x14ac:dyDescent="0.15">
      <c r="A23277">
        <v>1721</v>
      </c>
      <c r="B23277" t="s">
        <v>46470</v>
      </c>
      <c r="C23277" t="s">
        <v>46471</v>
      </c>
    </row>
    <row r="23278" spans="1:3" x14ac:dyDescent="0.15">
      <c r="A23278">
        <v>1720</v>
      </c>
      <c r="B23278" t="s">
        <v>46472</v>
      </c>
      <c r="C23278" t="s">
        <v>46473</v>
      </c>
    </row>
    <row r="23279" spans="1:3" x14ac:dyDescent="0.15">
      <c r="A23279">
        <v>1719</v>
      </c>
      <c r="B23279" t="s">
        <v>46474</v>
      </c>
      <c r="C23279" t="s">
        <v>46475</v>
      </c>
    </row>
    <row r="23280" spans="1:3" x14ac:dyDescent="0.15">
      <c r="A23280">
        <v>1718</v>
      </c>
      <c r="B23280" t="s">
        <v>46476</v>
      </c>
      <c r="C23280" t="s">
        <v>46477</v>
      </c>
    </row>
    <row r="23281" spans="1:3" x14ac:dyDescent="0.15">
      <c r="A23281">
        <v>1717</v>
      </c>
      <c r="B23281" t="s">
        <v>46478</v>
      </c>
      <c r="C23281" t="s">
        <v>46479</v>
      </c>
    </row>
    <row r="23282" spans="1:3" x14ac:dyDescent="0.15">
      <c r="A23282">
        <v>1716</v>
      </c>
      <c r="B23282" t="s">
        <v>46480</v>
      </c>
      <c r="C23282" t="s">
        <v>46481</v>
      </c>
    </row>
    <row r="23283" spans="1:3" x14ac:dyDescent="0.15">
      <c r="A23283">
        <v>1715</v>
      </c>
      <c r="B23283" t="s">
        <v>46482</v>
      </c>
      <c r="C23283" t="s">
        <v>46483</v>
      </c>
    </row>
    <row r="23284" spans="1:3" x14ac:dyDescent="0.15">
      <c r="A23284">
        <v>1714</v>
      </c>
      <c r="B23284" t="s">
        <v>46484</v>
      </c>
      <c r="C23284" t="s">
        <v>46485</v>
      </c>
    </row>
    <row r="23285" spans="1:3" x14ac:dyDescent="0.15">
      <c r="A23285">
        <v>1713</v>
      </c>
      <c r="B23285" t="s">
        <v>46486</v>
      </c>
      <c r="C23285" t="s">
        <v>46487</v>
      </c>
    </row>
    <row r="23286" spans="1:3" x14ac:dyDescent="0.15">
      <c r="A23286">
        <v>1712</v>
      </c>
      <c r="B23286" t="s">
        <v>46488</v>
      </c>
      <c r="C23286" t="s">
        <v>46489</v>
      </c>
    </row>
    <row r="23287" spans="1:3" x14ac:dyDescent="0.15">
      <c r="A23287">
        <v>1711</v>
      </c>
      <c r="B23287" t="s">
        <v>46490</v>
      </c>
      <c r="C23287" t="s">
        <v>46491</v>
      </c>
    </row>
    <row r="23288" spans="1:3" x14ac:dyDescent="0.15">
      <c r="A23288">
        <v>1710</v>
      </c>
      <c r="B23288" t="s">
        <v>46492</v>
      </c>
      <c r="C23288" t="s">
        <v>46493</v>
      </c>
    </row>
    <row r="23289" spans="1:3" x14ac:dyDescent="0.15">
      <c r="A23289">
        <v>1709</v>
      </c>
      <c r="B23289" t="s">
        <v>46494</v>
      </c>
      <c r="C23289" t="s">
        <v>46495</v>
      </c>
    </row>
    <row r="23290" spans="1:3" x14ac:dyDescent="0.15">
      <c r="A23290">
        <v>1708</v>
      </c>
      <c r="B23290" t="s">
        <v>46496</v>
      </c>
      <c r="C23290" t="s">
        <v>46497</v>
      </c>
    </row>
    <row r="23291" spans="1:3" x14ac:dyDescent="0.15">
      <c r="A23291">
        <v>1707</v>
      </c>
      <c r="B23291" t="s">
        <v>46498</v>
      </c>
      <c r="C23291" t="s">
        <v>46499</v>
      </c>
    </row>
    <row r="23292" spans="1:3" x14ac:dyDescent="0.15">
      <c r="A23292">
        <v>1706</v>
      </c>
      <c r="B23292" t="s">
        <v>46500</v>
      </c>
      <c r="C23292" t="s">
        <v>46501</v>
      </c>
    </row>
    <row r="23293" spans="1:3" x14ac:dyDescent="0.15">
      <c r="A23293">
        <v>1705</v>
      </c>
      <c r="B23293" t="s">
        <v>46502</v>
      </c>
      <c r="C23293" t="s">
        <v>46503</v>
      </c>
    </row>
    <row r="23294" spans="1:3" x14ac:dyDescent="0.15">
      <c r="A23294">
        <v>1704</v>
      </c>
      <c r="B23294" t="s">
        <v>46504</v>
      </c>
      <c r="C23294" t="s">
        <v>46505</v>
      </c>
    </row>
    <row r="23295" spans="1:3" x14ac:dyDescent="0.15">
      <c r="A23295">
        <v>1703</v>
      </c>
      <c r="B23295" t="s">
        <v>46506</v>
      </c>
      <c r="C23295" t="s">
        <v>46507</v>
      </c>
    </row>
    <row r="23296" spans="1:3" x14ac:dyDescent="0.15">
      <c r="A23296">
        <v>1702</v>
      </c>
      <c r="B23296" t="s">
        <v>46508</v>
      </c>
      <c r="C23296" t="s">
        <v>46509</v>
      </c>
    </row>
    <row r="23297" spans="1:3" x14ac:dyDescent="0.15">
      <c r="A23297">
        <v>1701</v>
      </c>
      <c r="B23297" t="s">
        <v>46510</v>
      </c>
      <c r="C23297" t="s">
        <v>46511</v>
      </c>
    </row>
    <row r="23298" spans="1:3" x14ac:dyDescent="0.15">
      <c r="A23298">
        <v>1700</v>
      </c>
      <c r="B23298" t="s">
        <v>46512</v>
      </c>
      <c r="C23298" t="s">
        <v>46513</v>
      </c>
    </row>
    <row r="23299" spans="1:3" x14ac:dyDescent="0.15">
      <c r="A23299">
        <v>1699</v>
      </c>
      <c r="B23299" t="s">
        <v>46514</v>
      </c>
      <c r="C23299" t="s">
        <v>46515</v>
      </c>
    </row>
    <row r="23300" spans="1:3" x14ac:dyDescent="0.15">
      <c r="A23300">
        <v>1698</v>
      </c>
      <c r="B23300" t="s">
        <v>46516</v>
      </c>
      <c r="C23300" t="s">
        <v>46517</v>
      </c>
    </row>
    <row r="23301" spans="1:3" x14ac:dyDescent="0.15">
      <c r="A23301">
        <v>1697</v>
      </c>
      <c r="B23301" t="s">
        <v>46518</v>
      </c>
      <c r="C23301" t="s">
        <v>46519</v>
      </c>
    </row>
    <row r="23302" spans="1:3" x14ac:dyDescent="0.15">
      <c r="A23302">
        <v>1696</v>
      </c>
      <c r="B23302" t="s">
        <v>46520</v>
      </c>
      <c r="C23302" t="s">
        <v>46521</v>
      </c>
    </row>
    <row r="23303" spans="1:3" x14ac:dyDescent="0.15">
      <c r="A23303">
        <v>1695</v>
      </c>
      <c r="B23303" t="s">
        <v>46522</v>
      </c>
      <c r="C23303" t="s">
        <v>46523</v>
      </c>
    </row>
    <row r="23304" spans="1:3" x14ac:dyDescent="0.15">
      <c r="A23304">
        <v>1694</v>
      </c>
      <c r="B23304" t="s">
        <v>46524</v>
      </c>
      <c r="C23304" t="s">
        <v>46525</v>
      </c>
    </row>
    <row r="23305" spans="1:3" x14ac:dyDescent="0.15">
      <c r="A23305">
        <v>1693</v>
      </c>
      <c r="B23305" t="s">
        <v>46526</v>
      </c>
      <c r="C23305" t="s">
        <v>46527</v>
      </c>
    </row>
    <row r="23306" spans="1:3" x14ac:dyDescent="0.15">
      <c r="A23306">
        <v>1692</v>
      </c>
      <c r="B23306" t="s">
        <v>46528</v>
      </c>
      <c r="C23306" t="s">
        <v>46529</v>
      </c>
    </row>
    <row r="23307" spans="1:3" x14ac:dyDescent="0.15">
      <c r="A23307">
        <v>1691</v>
      </c>
      <c r="B23307" t="s">
        <v>46530</v>
      </c>
      <c r="C23307" t="s">
        <v>46531</v>
      </c>
    </row>
    <row r="23308" spans="1:3" x14ac:dyDescent="0.15">
      <c r="A23308">
        <v>1690</v>
      </c>
      <c r="B23308" t="s">
        <v>46532</v>
      </c>
      <c r="C23308" t="s">
        <v>46533</v>
      </c>
    </row>
    <row r="23309" spans="1:3" x14ac:dyDescent="0.15">
      <c r="A23309">
        <v>1689</v>
      </c>
      <c r="B23309" t="s">
        <v>46534</v>
      </c>
      <c r="C23309" t="s">
        <v>46535</v>
      </c>
    </row>
    <row r="23310" spans="1:3" x14ac:dyDescent="0.15">
      <c r="A23310">
        <v>1688</v>
      </c>
      <c r="B23310" t="s">
        <v>46536</v>
      </c>
      <c r="C23310" t="s">
        <v>46537</v>
      </c>
    </row>
    <row r="23311" spans="1:3" x14ac:dyDescent="0.15">
      <c r="A23311">
        <v>1687</v>
      </c>
      <c r="B23311" t="s">
        <v>46538</v>
      </c>
      <c r="C23311" t="s">
        <v>46539</v>
      </c>
    </row>
    <row r="23312" spans="1:3" x14ac:dyDescent="0.15">
      <c r="A23312">
        <v>1686</v>
      </c>
      <c r="B23312" t="s">
        <v>46540</v>
      </c>
      <c r="C23312" t="s">
        <v>46541</v>
      </c>
    </row>
    <row r="23313" spans="1:3" x14ac:dyDescent="0.15">
      <c r="A23313">
        <v>1685</v>
      </c>
      <c r="B23313" t="s">
        <v>46542</v>
      </c>
      <c r="C23313" t="s">
        <v>46543</v>
      </c>
    </row>
    <row r="23314" spans="1:3" x14ac:dyDescent="0.15">
      <c r="A23314">
        <v>1684</v>
      </c>
      <c r="B23314" t="s">
        <v>46544</v>
      </c>
      <c r="C23314" t="s">
        <v>46545</v>
      </c>
    </row>
    <row r="23315" spans="1:3" x14ac:dyDescent="0.15">
      <c r="A23315">
        <v>1683</v>
      </c>
      <c r="B23315" t="s">
        <v>46546</v>
      </c>
      <c r="C23315" t="s">
        <v>46547</v>
      </c>
    </row>
    <row r="23316" spans="1:3" x14ac:dyDescent="0.15">
      <c r="A23316">
        <v>1682</v>
      </c>
      <c r="B23316" t="s">
        <v>46548</v>
      </c>
      <c r="C23316" t="s">
        <v>46549</v>
      </c>
    </row>
    <row r="23317" spans="1:3" x14ac:dyDescent="0.15">
      <c r="A23317">
        <v>1681</v>
      </c>
      <c r="B23317" t="s">
        <v>46550</v>
      </c>
      <c r="C23317" t="s">
        <v>46551</v>
      </c>
    </row>
    <row r="23318" spans="1:3" x14ac:dyDescent="0.15">
      <c r="A23318">
        <v>1680</v>
      </c>
      <c r="B23318" t="s">
        <v>46552</v>
      </c>
      <c r="C23318" t="s">
        <v>46553</v>
      </c>
    </row>
    <row r="23319" spans="1:3" x14ac:dyDescent="0.15">
      <c r="A23319">
        <v>1679</v>
      </c>
      <c r="B23319" t="s">
        <v>46554</v>
      </c>
      <c r="C23319" t="s">
        <v>46555</v>
      </c>
    </row>
    <row r="23320" spans="1:3" x14ac:dyDescent="0.15">
      <c r="A23320">
        <v>1678</v>
      </c>
      <c r="B23320" t="s">
        <v>46556</v>
      </c>
      <c r="C23320" t="s">
        <v>46557</v>
      </c>
    </row>
    <row r="23321" spans="1:3" x14ac:dyDescent="0.15">
      <c r="A23321">
        <v>1677</v>
      </c>
      <c r="B23321" t="s">
        <v>46558</v>
      </c>
      <c r="C23321" t="s">
        <v>46559</v>
      </c>
    </row>
    <row r="23322" spans="1:3" x14ac:dyDescent="0.15">
      <c r="A23322">
        <v>1676</v>
      </c>
      <c r="B23322" t="s">
        <v>46560</v>
      </c>
      <c r="C23322" t="s">
        <v>46561</v>
      </c>
    </row>
    <row r="23323" spans="1:3" x14ac:dyDescent="0.15">
      <c r="A23323">
        <v>1675</v>
      </c>
      <c r="B23323" t="s">
        <v>46562</v>
      </c>
      <c r="C23323" t="s">
        <v>46563</v>
      </c>
    </row>
    <row r="23324" spans="1:3" x14ac:dyDescent="0.15">
      <c r="A23324">
        <v>1674</v>
      </c>
      <c r="B23324" t="s">
        <v>46564</v>
      </c>
      <c r="C23324" t="s">
        <v>46565</v>
      </c>
    </row>
    <row r="23325" spans="1:3" x14ac:dyDescent="0.15">
      <c r="A23325">
        <v>1673</v>
      </c>
      <c r="B23325" t="s">
        <v>46566</v>
      </c>
      <c r="C23325" t="s">
        <v>46567</v>
      </c>
    </row>
    <row r="23326" spans="1:3" x14ac:dyDescent="0.15">
      <c r="A23326">
        <v>1672</v>
      </c>
      <c r="B23326" t="s">
        <v>46568</v>
      </c>
      <c r="C23326" t="s">
        <v>46569</v>
      </c>
    </row>
    <row r="23327" spans="1:3" x14ac:dyDescent="0.15">
      <c r="A23327">
        <v>1671</v>
      </c>
      <c r="B23327" t="s">
        <v>46570</v>
      </c>
      <c r="C23327" t="s">
        <v>46571</v>
      </c>
    </row>
    <row r="23328" spans="1:3" x14ac:dyDescent="0.15">
      <c r="A23328">
        <v>1670</v>
      </c>
      <c r="B23328" t="s">
        <v>46572</v>
      </c>
      <c r="C23328" t="s">
        <v>46573</v>
      </c>
    </row>
    <row r="23329" spans="1:3" x14ac:dyDescent="0.15">
      <c r="A23329">
        <v>1669</v>
      </c>
      <c r="B23329" t="s">
        <v>46574</v>
      </c>
      <c r="C23329" t="s">
        <v>46575</v>
      </c>
    </row>
    <row r="23330" spans="1:3" x14ac:dyDescent="0.15">
      <c r="A23330">
        <v>1668</v>
      </c>
      <c r="B23330" t="s">
        <v>46576</v>
      </c>
      <c r="C23330" t="s">
        <v>46577</v>
      </c>
    </row>
    <row r="23331" spans="1:3" x14ac:dyDescent="0.15">
      <c r="A23331">
        <v>1667</v>
      </c>
      <c r="B23331" t="s">
        <v>46578</v>
      </c>
      <c r="C23331" t="s">
        <v>46579</v>
      </c>
    </row>
    <row r="23332" spans="1:3" x14ac:dyDescent="0.15">
      <c r="A23332">
        <v>1666</v>
      </c>
      <c r="B23332" t="s">
        <v>46580</v>
      </c>
      <c r="C23332" t="s">
        <v>46581</v>
      </c>
    </row>
    <row r="23333" spans="1:3" x14ac:dyDescent="0.15">
      <c r="A23333">
        <v>1665</v>
      </c>
      <c r="B23333" t="s">
        <v>46582</v>
      </c>
      <c r="C23333" t="s">
        <v>46583</v>
      </c>
    </row>
    <row r="23334" spans="1:3" x14ac:dyDescent="0.15">
      <c r="A23334">
        <v>1664</v>
      </c>
      <c r="B23334" t="s">
        <v>46584</v>
      </c>
      <c r="C23334" t="s">
        <v>46585</v>
      </c>
    </row>
    <row r="23335" spans="1:3" x14ac:dyDescent="0.15">
      <c r="A23335">
        <v>1663</v>
      </c>
      <c r="B23335" t="s">
        <v>46586</v>
      </c>
      <c r="C23335" t="s">
        <v>46587</v>
      </c>
    </row>
    <row r="23336" spans="1:3" x14ac:dyDescent="0.15">
      <c r="A23336">
        <v>1662</v>
      </c>
      <c r="B23336" t="s">
        <v>46588</v>
      </c>
      <c r="C23336" t="s">
        <v>46589</v>
      </c>
    </row>
    <row r="23337" spans="1:3" x14ac:dyDescent="0.15">
      <c r="A23337">
        <v>1661</v>
      </c>
      <c r="B23337" t="s">
        <v>46590</v>
      </c>
      <c r="C23337" t="s">
        <v>46591</v>
      </c>
    </row>
    <row r="23338" spans="1:3" x14ac:dyDescent="0.15">
      <c r="A23338">
        <v>1660</v>
      </c>
      <c r="B23338" t="s">
        <v>46592</v>
      </c>
      <c r="C23338" t="s">
        <v>46593</v>
      </c>
    </row>
    <row r="23339" spans="1:3" x14ac:dyDescent="0.15">
      <c r="A23339">
        <v>1659</v>
      </c>
      <c r="B23339" t="s">
        <v>46594</v>
      </c>
      <c r="C23339" t="s">
        <v>46595</v>
      </c>
    </row>
    <row r="23340" spans="1:3" x14ac:dyDescent="0.15">
      <c r="A23340">
        <v>1658</v>
      </c>
      <c r="B23340" t="s">
        <v>46596</v>
      </c>
      <c r="C23340" t="s">
        <v>46597</v>
      </c>
    </row>
    <row r="23341" spans="1:3" x14ac:dyDescent="0.15">
      <c r="A23341">
        <v>1657</v>
      </c>
      <c r="B23341" t="s">
        <v>46598</v>
      </c>
      <c r="C23341" t="s">
        <v>46599</v>
      </c>
    </row>
    <row r="23342" spans="1:3" x14ac:dyDescent="0.15">
      <c r="A23342">
        <v>1656</v>
      </c>
      <c r="B23342" t="s">
        <v>46600</v>
      </c>
      <c r="C23342" t="s">
        <v>46601</v>
      </c>
    </row>
    <row r="23343" spans="1:3" x14ac:dyDescent="0.15">
      <c r="A23343">
        <v>1655</v>
      </c>
      <c r="B23343" t="s">
        <v>46602</v>
      </c>
      <c r="C23343" t="s">
        <v>46603</v>
      </c>
    </row>
    <row r="23344" spans="1:3" x14ac:dyDescent="0.15">
      <c r="A23344">
        <v>1654</v>
      </c>
      <c r="B23344" t="s">
        <v>46604</v>
      </c>
      <c r="C23344" t="s">
        <v>46605</v>
      </c>
    </row>
    <row r="23345" spans="1:3" x14ac:dyDescent="0.15">
      <c r="A23345">
        <v>1653</v>
      </c>
      <c r="B23345" t="s">
        <v>46606</v>
      </c>
      <c r="C23345" t="s">
        <v>46607</v>
      </c>
    </row>
    <row r="23346" spans="1:3" x14ac:dyDescent="0.15">
      <c r="A23346">
        <v>1652</v>
      </c>
      <c r="B23346" t="s">
        <v>46608</v>
      </c>
      <c r="C23346" t="s">
        <v>46609</v>
      </c>
    </row>
    <row r="23347" spans="1:3" x14ac:dyDescent="0.15">
      <c r="A23347">
        <v>1651</v>
      </c>
      <c r="B23347" t="s">
        <v>46610</v>
      </c>
      <c r="C23347" t="s">
        <v>46611</v>
      </c>
    </row>
    <row r="23348" spans="1:3" x14ac:dyDescent="0.15">
      <c r="A23348">
        <v>1650</v>
      </c>
      <c r="B23348" t="s">
        <v>46612</v>
      </c>
      <c r="C23348" t="s">
        <v>46613</v>
      </c>
    </row>
    <row r="23349" spans="1:3" x14ac:dyDescent="0.15">
      <c r="A23349">
        <v>1649</v>
      </c>
      <c r="B23349" t="s">
        <v>46614</v>
      </c>
      <c r="C23349" t="s">
        <v>46615</v>
      </c>
    </row>
    <row r="23350" spans="1:3" x14ac:dyDescent="0.15">
      <c r="A23350">
        <v>1648</v>
      </c>
      <c r="B23350" t="s">
        <v>46616</v>
      </c>
      <c r="C23350" t="s">
        <v>46617</v>
      </c>
    </row>
    <row r="23351" spans="1:3" x14ac:dyDescent="0.15">
      <c r="A23351">
        <v>1647</v>
      </c>
      <c r="B23351" t="s">
        <v>46618</v>
      </c>
      <c r="C23351" t="s">
        <v>46619</v>
      </c>
    </row>
    <row r="23352" spans="1:3" x14ac:dyDescent="0.15">
      <c r="A23352">
        <v>1646</v>
      </c>
      <c r="B23352" t="s">
        <v>46620</v>
      </c>
      <c r="C23352" t="s">
        <v>46621</v>
      </c>
    </row>
    <row r="23353" spans="1:3" x14ac:dyDescent="0.15">
      <c r="A23353">
        <v>1645</v>
      </c>
      <c r="B23353" t="s">
        <v>46622</v>
      </c>
      <c r="C23353" t="s">
        <v>46623</v>
      </c>
    </row>
    <row r="23354" spans="1:3" x14ac:dyDescent="0.15">
      <c r="A23354">
        <v>1644</v>
      </c>
      <c r="B23354" t="s">
        <v>46624</v>
      </c>
      <c r="C23354" t="s">
        <v>46625</v>
      </c>
    </row>
    <row r="23355" spans="1:3" x14ac:dyDescent="0.15">
      <c r="A23355">
        <v>1643</v>
      </c>
      <c r="B23355" t="s">
        <v>46626</v>
      </c>
      <c r="C23355" t="s">
        <v>46627</v>
      </c>
    </row>
    <row r="23356" spans="1:3" x14ac:dyDescent="0.15">
      <c r="A23356">
        <v>1642</v>
      </c>
      <c r="B23356" t="s">
        <v>46628</v>
      </c>
      <c r="C23356" t="s">
        <v>46629</v>
      </c>
    </row>
    <row r="23357" spans="1:3" x14ac:dyDescent="0.15">
      <c r="A23357">
        <v>1641</v>
      </c>
      <c r="B23357" t="s">
        <v>46630</v>
      </c>
      <c r="C23357" t="s">
        <v>46631</v>
      </c>
    </row>
    <row r="23358" spans="1:3" x14ac:dyDescent="0.15">
      <c r="A23358">
        <v>1640</v>
      </c>
      <c r="B23358" t="s">
        <v>46632</v>
      </c>
      <c r="C23358" t="s">
        <v>46633</v>
      </c>
    </row>
    <row r="23359" spans="1:3" x14ac:dyDescent="0.15">
      <c r="A23359">
        <v>1639</v>
      </c>
      <c r="B23359" t="s">
        <v>46634</v>
      </c>
      <c r="C23359" t="s">
        <v>46635</v>
      </c>
    </row>
    <row r="23360" spans="1:3" x14ac:dyDescent="0.15">
      <c r="A23360">
        <v>1638</v>
      </c>
      <c r="B23360" t="s">
        <v>46636</v>
      </c>
      <c r="C23360" t="s">
        <v>46637</v>
      </c>
    </row>
    <row r="23361" spans="1:3" x14ac:dyDescent="0.15">
      <c r="A23361">
        <v>1637</v>
      </c>
      <c r="B23361" t="s">
        <v>46638</v>
      </c>
      <c r="C23361" t="s">
        <v>46639</v>
      </c>
    </row>
    <row r="23362" spans="1:3" x14ac:dyDescent="0.15">
      <c r="A23362">
        <v>1636</v>
      </c>
      <c r="B23362" t="s">
        <v>46640</v>
      </c>
      <c r="C23362" t="s">
        <v>46641</v>
      </c>
    </row>
    <row r="23363" spans="1:3" x14ac:dyDescent="0.15">
      <c r="A23363">
        <v>1635</v>
      </c>
      <c r="B23363" t="s">
        <v>46642</v>
      </c>
      <c r="C23363" t="s">
        <v>46643</v>
      </c>
    </row>
    <row r="23364" spans="1:3" x14ac:dyDescent="0.15">
      <c r="A23364">
        <v>1634</v>
      </c>
      <c r="B23364" t="s">
        <v>46644</v>
      </c>
      <c r="C23364" t="s">
        <v>46645</v>
      </c>
    </row>
    <row r="23365" spans="1:3" x14ac:dyDescent="0.15">
      <c r="A23365">
        <v>1633</v>
      </c>
      <c r="B23365" t="s">
        <v>46646</v>
      </c>
      <c r="C23365" t="s">
        <v>46647</v>
      </c>
    </row>
    <row r="23366" spans="1:3" x14ac:dyDescent="0.15">
      <c r="A23366">
        <v>1632</v>
      </c>
      <c r="B23366" t="s">
        <v>46648</v>
      </c>
      <c r="C23366" t="s">
        <v>46649</v>
      </c>
    </row>
    <row r="23367" spans="1:3" x14ac:dyDescent="0.15">
      <c r="A23367">
        <v>1631</v>
      </c>
      <c r="B23367" t="s">
        <v>46650</v>
      </c>
      <c r="C23367" t="s">
        <v>46651</v>
      </c>
    </row>
    <row r="23368" spans="1:3" x14ac:dyDescent="0.15">
      <c r="A23368">
        <v>1630</v>
      </c>
      <c r="B23368" t="s">
        <v>46652</v>
      </c>
      <c r="C23368" t="s">
        <v>46653</v>
      </c>
    </row>
    <row r="23369" spans="1:3" x14ac:dyDescent="0.15">
      <c r="A23369">
        <v>1629</v>
      </c>
      <c r="B23369" t="s">
        <v>46654</v>
      </c>
      <c r="C23369" t="s">
        <v>46655</v>
      </c>
    </row>
    <row r="23370" spans="1:3" x14ac:dyDescent="0.15">
      <c r="A23370">
        <v>1628</v>
      </c>
      <c r="B23370" t="s">
        <v>46656</v>
      </c>
      <c r="C23370" t="s">
        <v>46657</v>
      </c>
    </row>
    <row r="23371" spans="1:3" x14ac:dyDescent="0.15">
      <c r="A23371">
        <v>1627</v>
      </c>
      <c r="B23371" t="s">
        <v>46658</v>
      </c>
      <c r="C23371" t="s">
        <v>46659</v>
      </c>
    </row>
    <row r="23372" spans="1:3" x14ac:dyDescent="0.15">
      <c r="A23372">
        <v>1626</v>
      </c>
      <c r="B23372" t="s">
        <v>46660</v>
      </c>
      <c r="C23372" t="s">
        <v>46661</v>
      </c>
    </row>
    <row r="23373" spans="1:3" x14ac:dyDescent="0.15">
      <c r="A23373">
        <v>1625</v>
      </c>
      <c r="B23373" t="s">
        <v>46662</v>
      </c>
      <c r="C23373" t="s">
        <v>46663</v>
      </c>
    </row>
    <row r="23374" spans="1:3" x14ac:dyDescent="0.15">
      <c r="A23374">
        <v>1624</v>
      </c>
      <c r="B23374" t="s">
        <v>46664</v>
      </c>
      <c r="C23374" t="s">
        <v>46665</v>
      </c>
    </row>
    <row r="23375" spans="1:3" x14ac:dyDescent="0.15">
      <c r="A23375">
        <v>1623</v>
      </c>
      <c r="B23375" t="s">
        <v>46666</v>
      </c>
      <c r="C23375" t="s">
        <v>46667</v>
      </c>
    </row>
    <row r="23376" spans="1:3" x14ac:dyDescent="0.15">
      <c r="A23376">
        <v>1622</v>
      </c>
      <c r="B23376" t="s">
        <v>46668</v>
      </c>
      <c r="C23376" t="s">
        <v>46669</v>
      </c>
    </row>
    <row r="23377" spans="1:3" x14ac:dyDescent="0.15">
      <c r="A23377">
        <v>1621</v>
      </c>
      <c r="B23377" t="s">
        <v>46670</v>
      </c>
      <c r="C23377" t="s">
        <v>46671</v>
      </c>
    </row>
    <row r="23378" spans="1:3" x14ac:dyDescent="0.15">
      <c r="A23378">
        <v>1620</v>
      </c>
      <c r="B23378" t="s">
        <v>46672</v>
      </c>
      <c r="C23378" t="s">
        <v>46673</v>
      </c>
    </row>
    <row r="23379" spans="1:3" x14ac:dyDescent="0.15">
      <c r="A23379">
        <v>1619</v>
      </c>
      <c r="B23379" t="s">
        <v>46674</v>
      </c>
      <c r="C23379" t="s">
        <v>46675</v>
      </c>
    </row>
    <row r="23380" spans="1:3" x14ac:dyDescent="0.15">
      <c r="A23380">
        <v>1618</v>
      </c>
      <c r="B23380" t="s">
        <v>46676</v>
      </c>
      <c r="C23380" t="s">
        <v>46677</v>
      </c>
    </row>
    <row r="23381" spans="1:3" x14ac:dyDescent="0.15">
      <c r="A23381">
        <v>1617</v>
      </c>
      <c r="B23381" t="s">
        <v>46678</v>
      </c>
      <c r="C23381" t="s">
        <v>46679</v>
      </c>
    </row>
    <row r="23382" spans="1:3" x14ac:dyDescent="0.15">
      <c r="A23382">
        <v>1616</v>
      </c>
      <c r="B23382" t="s">
        <v>46680</v>
      </c>
      <c r="C23382" t="s">
        <v>46681</v>
      </c>
    </row>
    <row r="23383" spans="1:3" x14ac:dyDescent="0.15">
      <c r="A23383">
        <v>1615</v>
      </c>
      <c r="B23383" t="s">
        <v>46682</v>
      </c>
      <c r="C23383" t="s">
        <v>46683</v>
      </c>
    </row>
    <row r="23384" spans="1:3" x14ac:dyDescent="0.15">
      <c r="A23384">
        <v>1614</v>
      </c>
      <c r="B23384" t="s">
        <v>46684</v>
      </c>
      <c r="C23384" t="s">
        <v>46685</v>
      </c>
    </row>
    <row r="23385" spans="1:3" x14ac:dyDescent="0.15">
      <c r="A23385">
        <v>1613</v>
      </c>
      <c r="B23385" t="s">
        <v>46686</v>
      </c>
      <c r="C23385" t="s">
        <v>46687</v>
      </c>
    </row>
    <row r="23386" spans="1:3" x14ac:dyDescent="0.15">
      <c r="A23386">
        <v>1612</v>
      </c>
      <c r="B23386" t="s">
        <v>46688</v>
      </c>
      <c r="C23386" t="s">
        <v>46689</v>
      </c>
    </row>
    <row r="23387" spans="1:3" x14ac:dyDescent="0.15">
      <c r="A23387">
        <v>1611</v>
      </c>
      <c r="B23387" t="s">
        <v>46690</v>
      </c>
      <c r="C23387" t="s">
        <v>46691</v>
      </c>
    </row>
    <row r="23388" spans="1:3" x14ac:dyDescent="0.15">
      <c r="A23388">
        <v>1610</v>
      </c>
      <c r="B23388" t="s">
        <v>46692</v>
      </c>
      <c r="C23388" t="s">
        <v>46693</v>
      </c>
    </row>
    <row r="23389" spans="1:3" x14ac:dyDescent="0.15">
      <c r="A23389">
        <v>1609</v>
      </c>
      <c r="B23389" t="s">
        <v>46694</v>
      </c>
      <c r="C23389" t="s">
        <v>46695</v>
      </c>
    </row>
    <row r="23390" spans="1:3" x14ac:dyDescent="0.15">
      <c r="A23390">
        <v>1608</v>
      </c>
      <c r="B23390" t="s">
        <v>46696</v>
      </c>
      <c r="C23390" t="s">
        <v>46697</v>
      </c>
    </row>
    <row r="23391" spans="1:3" x14ac:dyDescent="0.15">
      <c r="A23391">
        <v>1607</v>
      </c>
      <c r="B23391" t="s">
        <v>46698</v>
      </c>
      <c r="C23391" t="s">
        <v>46699</v>
      </c>
    </row>
    <row r="23392" spans="1:3" x14ac:dyDescent="0.15">
      <c r="A23392">
        <v>1606</v>
      </c>
      <c r="B23392" t="s">
        <v>46700</v>
      </c>
      <c r="C23392" t="s">
        <v>46701</v>
      </c>
    </row>
    <row r="23393" spans="1:3" x14ac:dyDescent="0.15">
      <c r="A23393">
        <v>1605</v>
      </c>
      <c r="B23393" t="s">
        <v>46702</v>
      </c>
      <c r="C23393" t="s">
        <v>46703</v>
      </c>
    </row>
    <row r="23394" spans="1:3" x14ac:dyDescent="0.15">
      <c r="A23394">
        <v>1604</v>
      </c>
      <c r="B23394" t="s">
        <v>46704</v>
      </c>
      <c r="C23394" t="s">
        <v>46705</v>
      </c>
    </row>
    <row r="23395" spans="1:3" x14ac:dyDescent="0.15">
      <c r="A23395">
        <v>1603</v>
      </c>
      <c r="B23395" t="s">
        <v>46706</v>
      </c>
      <c r="C23395" t="s">
        <v>46707</v>
      </c>
    </row>
    <row r="23396" spans="1:3" x14ac:dyDescent="0.15">
      <c r="A23396">
        <v>1602</v>
      </c>
      <c r="B23396" t="s">
        <v>46708</v>
      </c>
      <c r="C23396" t="s">
        <v>46709</v>
      </c>
    </row>
    <row r="23397" spans="1:3" x14ac:dyDescent="0.15">
      <c r="A23397">
        <v>1601</v>
      </c>
      <c r="B23397" t="s">
        <v>46710</v>
      </c>
      <c r="C23397" t="s">
        <v>46711</v>
      </c>
    </row>
    <row r="23398" spans="1:3" x14ac:dyDescent="0.15">
      <c r="A23398">
        <v>1600</v>
      </c>
      <c r="B23398" t="s">
        <v>46712</v>
      </c>
      <c r="C23398" t="s">
        <v>46713</v>
      </c>
    </row>
    <row r="23399" spans="1:3" x14ac:dyDescent="0.15">
      <c r="A23399">
        <v>1599</v>
      </c>
      <c r="B23399" t="s">
        <v>46714</v>
      </c>
      <c r="C23399" t="s">
        <v>46715</v>
      </c>
    </row>
    <row r="23400" spans="1:3" x14ac:dyDescent="0.15">
      <c r="A23400">
        <v>1598</v>
      </c>
      <c r="B23400" t="s">
        <v>46716</v>
      </c>
      <c r="C23400" t="s">
        <v>46717</v>
      </c>
    </row>
    <row r="23401" spans="1:3" x14ac:dyDescent="0.15">
      <c r="A23401">
        <v>1597</v>
      </c>
      <c r="B23401" t="s">
        <v>46718</v>
      </c>
      <c r="C23401" t="s">
        <v>46719</v>
      </c>
    </row>
    <row r="23402" spans="1:3" x14ac:dyDescent="0.15">
      <c r="A23402">
        <v>1596</v>
      </c>
      <c r="B23402" t="s">
        <v>46720</v>
      </c>
      <c r="C23402" t="s">
        <v>46721</v>
      </c>
    </row>
    <row r="23403" spans="1:3" x14ac:dyDescent="0.15">
      <c r="A23403">
        <v>1595</v>
      </c>
      <c r="B23403" t="s">
        <v>46722</v>
      </c>
      <c r="C23403" t="s">
        <v>46723</v>
      </c>
    </row>
    <row r="23404" spans="1:3" x14ac:dyDescent="0.15">
      <c r="A23404">
        <v>1594</v>
      </c>
      <c r="B23404" t="s">
        <v>46724</v>
      </c>
      <c r="C23404" t="s">
        <v>46725</v>
      </c>
    </row>
    <row r="23405" spans="1:3" x14ac:dyDescent="0.15">
      <c r="A23405">
        <v>1593</v>
      </c>
      <c r="B23405" t="s">
        <v>46726</v>
      </c>
      <c r="C23405" t="s">
        <v>46727</v>
      </c>
    </row>
    <row r="23406" spans="1:3" x14ac:dyDescent="0.15">
      <c r="A23406">
        <v>1592</v>
      </c>
      <c r="B23406" t="s">
        <v>46728</v>
      </c>
      <c r="C23406" t="s">
        <v>46729</v>
      </c>
    </row>
    <row r="23407" spans="1:3" x14ac:dyDescent="0.15">
      <c r="A23407">
        <v>1591</v>
      </c>
      <c r="B23407" t="s">
        <v>46730</v>
      </c>
      <c r="C23407" t="s">
        <v>46731</v>
      </c>
    </row>
    <row r="23408" spans="1:3" x14ac:dyDescent="0.15">
      <c r="A23408">
        <v>1590</v>
      </c>
      <c r="B23408" t="s">
        <v>46732</v>
      </c>
      <c r="C23408" t="s">
        <v>46733</v>
      </c>
    </row>
    <row r="23409" spans="1:3" x14ac:dyDescent="0.15">
      <c r="A23409">
        <v>1589</v>
      </c>
      <c r="B23409" t="s">
        <v>46734</v>
      </c>
      <c r="C23409" t="s">
        <v>46735</v>
      </c>
    </row>
    <row r="23410" spans="1:3" x14ac:dyDescent="0.15">
      <c r="A23410">
        <v>1588</v>
      </c>
      <c r="B23410" t="s">
        <v>46736</v>
      </c>
      <c r="C23410" t="s">
        <v>46737</v>
      </c>
    </row>
    <row r="23411" spans="1:3" x14ac:dyDescent="0.15">
      <c r="A23411">
        <v>1587</v>
      </c>
      <c r="B23411" t="s">
        <v>46738</v>
      </c>
      <c r="C23411" t="s">
        <v>46739</v>
      </c>
    </row>
    <row r="23412" spans="1:3" x14ac:dyDescent="0.15">
      <c r="A23412">
        <v>1586</v>
      </c>
      <c r="B23412" t="s">
        <v>46740</v>
      </c>
      <c r="C23412" t="s">
        <v>46741</v>
      </c>
    </row>
    <row r="23413" spans="1:3" x14ac:dyDescent="0.15">
      <c r="A23413">
        <v>1585</v>
      </c>
      <c r="B23413" t="s">
        <v>46742</v>
      </c>
      <c r="C23413" t="s">
        <v>46743</v>
      </c>
    </row>
    <row r="23414" spans="1:3" x14ac:dyDescent="0.15">
      <c r="A23414">
        <v>1584</v>
      </c>
      <c r="B23414" t="s">
        <v>46744</v>
      </c>
      <c r="C23414" t="s">
        <v>46745</v>
      </c>
    </row>
    <row r="23415" spans="1:3" x14ac:dyDescent="0.15">
      <c r="A23415">
        <v>1583</v>
      </c>
      <c r="B23415" t="s">
        <v>46746</v>
      </c>
      <c r="C23415" t="s">
        <v>46747</v>
      </c>
    </row>
    <row r="23416" spans="1:3" x14ac:dyDescent="0.15">
      <c r="A23416">
        <v>1582</v>
      </c>
      <c r="B23416" t="s">
        <v>46748</v>
      </c>
      <c r="C23416" t="s">
        <v>46749</v>
      </c>
    </row>
    <row r="23417" spans="1:3" x14ac:dyDescent="0.15">
      <c r="A23417">
        <v>1581</v>
      </c>
      <c r="B23417" t="s">
        <v>46750</v>
      </c>
      <c r="C23417" t="s">
        <v>46751</v>
      </c>
    </row>
    <row r="23418" spans="1:3" x14ac:dyDescent="0.15">
      <c r="A23418">
        <v>1580</v>
      </c>
      <c r="B23418" t="s">
        <v>46752</v>
      </c>
      <c r="C23418" t="s">
        <v>46753</v>
      </c>
    </row>
    <row r="23419" spans="1:3" x14ac:dyDescent="0.15">
      <c r="A23419">
        <v>1579</v>
      </c>
      <c r="B23419" t="s">
        <v>46754</v>
      </c>
      <c r="C23419" t="s">
        <v>46755</v>
      </c>
    </row>
    <row r="23420" spans="1:3" x14ac:dyDescent="0.15">
      <c r="A23420">
        <v>1578</v>
      </c>
      <c r="B23420" t="s">
        <v>46756</v>
      </c>
      <c r="C23420" t="s">
        <v>46757</v>
      </c>
    </row>
    <row r="23421" spans="1:3" x14ac:dyDescent="0.15">
      <c r="A23421">
        <v>1577</v>
      </c>
      <c r="B23421" t="s">
        <v>46758</v>
      </c>
      <c r="C23421" t="s">
        <v>46759</v>
      </c>
    </row>
    <row r="23422" spans="1:3" x14ac:dyDescent="0.15">
      <c r="A23422">
        <v>1576</v>
      </c>
      <c r="B23422" t="s">
        <v>46760</v>
      </c>
      <c r="C23422" t="s">
        <v>46761</v>
      </c>
    </row>
    <row r="23423" spans="1:3" x14ac:dyDescent="0.15">
      <c r="A23423">
        <v>1575</v>
      </c>
      <c r="B23423" t="s">
        <v>46762</v>
      </c>
      <c r="C23423" t="s">
        <v>46763</v>
      </c>
    </row>
    <row r="23424" spans="1:3" x14ac:dyDescent="0.15">
      <c r="A23424">
        <v>1574</v>
      </c>
      <c r="B23424" t="s">
        <v>46764</v>
      </c>
      <c r="C23424" t="s">
        <v>46765</v>
      </c>
    </row>
    <row r="23425" spans="1:3" x14ac:dyDescent="0.15">
      <c r="A23425">
        <v>1573</v>
      </c>
      <c r="B23425" t="s">
        <v>46766</v>
      </c>
      <c r="C23425" t="s">
        <v>46767</v>
      </c>
    </row>
    <row r="23426" spans="1:3" x14ac:dyDescent="0.15">
      <c r="A23426">
        <v>1572</v>
      </c>
      <c r="B23426" t="s">
        <v>46768</v>
      </c>
      <c r="C23426" t="s">
        <v>46769</v>
      </c>
    </row>
    <row r="23427" spans="1:3" x14ac:dyDescent="0.15">
      <c r="A23427">
        <v>1571</v>
      </c>
      <c r="B23427" t="s">
        <v>46770</v>
      </c>
      <c r="C23427" t="s">
        <v>46771</v>
      </c>
    </row>
    <row r="23428" spans="1:3" x14ac:dyDescent="0.15">
      <c r="A23428">
        <v>1570</v>
      </c>
      <c r="B23428" t="s">
        <v>46772</v>
      </c>
      <c r="C23428" t="s">
        <v>46773</v>
      </c>
    </row>
    <row r="23429" spans="1:3" x14ac:dyDescent="0.15">
      <c r="A23429">
        <v>1569</v>
      </c>
      <c r="B23429" t="s">
        <v>46774</v>
      </c>
      <c r="C23429" t="s">
        <v>46775</v>
      </c>
    </row>
    <row r="23430" spans="1:3" x14ac:dyDescent="0.15">
      <c r="A23430">
        <v>1568</v>
      </c>
      <c r="B23430" t="s">
        <v>46776</v>
      </c>
      <c r="C23430" t="s">
        <v>46777</v>
      </c>
    </row>
    <row r="23431" spans="1:3" x14ac:dyDescent="0.15">
      <c r="A23431">
        <v>1567</v>
      </c>
      <c r="B23431" t="s">
        <v>46778</v>
      </c>
      <c r="C23431" t="s">
        <v>46779</v>
      </c>
    </row>
    <row r="23432" spans="1:3" x14ac:dyDescent="0.15">
      <c r="A23432">
        <v>1566</v>
      </c>
      <c r="B23432" t="s">
        <v>46780</v>
      </c>
      <c r="C23432" t="s">
        <v>46781</v>
      </c>
    </row>
    <row r="23433" spans="1:3" x14ac:dyDescent="0.15">
      <c r="A23433">
        <v>1565</v>
      </c>
      <c r="B23433" t="s">
        <v>46782</v>
      </c>
      <c r="C23433" t="s">
        <v>46783</v>
      </c>
    </row>
    <row r="23434" spans="1:3" x14ac:dyDescent="0.15">
      <c r="A23434">
        <v>1564</v>
      </c>
      <c r="B23434" t="s">
        <v>46784</v>
      </c>
      <c r="C23434" t="s">
        <v>46785</v>
      </c>
    </row>
    <row r="23435" spans="1:3" x14ac:dyDescent="0.15">
      <c r="A23435">
        <v>1563</v>
      </c>
      <c r="B23435" t="s">
        <v>46786</v>
      </c>
      <c r="C23435" t="s">
        <v>46787</v>
      </c>
    </row>
    <row r="23436" spans="1:3" x14ac:dyDescent="0.15">
      <c r="A23436">
        <v>1562</v>
      </c>
      <c r="B23436" t="s">
        <v>46788</v>
      </c>
      <c r="C23436" t="s">
        <v>46789</v>
      </c>
    </row>
    <row r="23437" spans="1:3" x14ac:dyDescent="0.15">
      <c r="A23437">
        <v>1561</v>
      </c>
      <c r="B23437" t="s">
        <v>46790</v>
      </c>
      <c r="C23437" t="s">
        <v>46791</v>
      </c>
    </row>
    <row r="23438" spans="1:3" x14ac:dyDescent="0.15">
      <c r="A23438">
        <v>1560</v>
      </c>
      <c r="B23438" t="s">
        <v>46792</v>
      </c>
      <c r="C23438" t="s">
        <v>46793</v>
      </c>
    </row>
    <row r="23439" spans="1:3" x14ac:dyDescent="0.15">
      <c r="A23439">
        <v>1559</v>
      </c>
      <c r="B23439" t="s">
        <v>46794</v>
      </c>
      <c r="C23439" t="s">
        <v>46795</v>
      </c>
    </row>
    <row r="23440" spans="1:3" x14ac:dyDescent="0.15">
      <c r="A23440">
        <v>1558</v>
      </c>
      <c r="B23440" t="s">
        <v>46796</v>
      </c>
      <c r="C23440" t="s">
        <v>46797</v>
      </c>
    </row>
    <row r="23441" spans="1:3" x14ac:dyDescent="0.15">
      <c r="A23441">
        <v>1557</v>
      </c>
      <c r="B23441" t="s">
        <v>46798</v>
      </c>
      <c r="C23441" t="s">
        <v>46799</v>
      </c>
    </row>
    <row r="23442" spans="1:3" x14ac:dyDescent="0.15">
      <c r="A23442">
        <v>1556</v>
      </c>
      <c r="B23442" t="s">
        <v>46800</v>
      </c>
      <c r="C23442" t="s">
        <v>46801</v>
      </c>
    </row>
    <row r="23443" spans="1:3" x14ac:dyDescent="0.15">
      <c r="A23443">
        <v>1555</v>
      </c>
      <c r="B23443" t="s">
        <v>46802</v>
      </c>
      <c r="C23443" t="s">
        <v>46803</v>
      </c>
    </row>
    <row r="23444" spans="1:3" x14ac:dyDescent="0.15">
      <c r="A23444">
        <v>1554</v>
      </c>
      <c r="B23444" t="s">
        <v>46804</v>
      </c>
      <c r="C23444" t="s">
        <v>46805</v>
      </c>
    </row>
    <row r="23445" spans="1:3" x14ac:dyDescent="0.15">
      <c r="A23445">
        <v>1553</v>
      </c>
      <c r="B23445" t="s">
        <v>46806</v>
      </c>
      <c r="C23445" t="s">
        <v>46807</v>
      </c>
    </row>
    <row r="23446" spans="1:3" x14ac:dyDescent="0.15">
      <c r="A23446">
        <v>1552</v>
      </c>
      <c r="B23446" t="s">
        <v>46808</v>
      </c>
      <c r="C23446" t="s">
        <v>46809</v>
      </c>
    </row>
    <row r="23447" spans="1:3" x14ac:dyDescent="0.15">
      <c r="A23447">
        <v>1551</v>
      </c>
      <c r="B23447" t="s">
        <v>46810</v>
      </c>
      <c r="C23447" t="s">
        <v>46811</v>
      </c>
    </row>
    <row r="23448" spans="1:3" x14ac:dyDescent="0.15">
      <c r="A23448">
        <v>1550</v>
      </c>
      <c r="B23448" t="s">
        <v>46812</v>
      </c>
      <c r="C23448" t="s">
        <v>46813</v>
      </c>
    </row>
    <row r="23449" spans="1:3" x14ac:dyDescent="0.15">
      <c r="A23449">
        <v>1549</v>
      </c>
      <c r="B23449" t="s">
        <v>46814</v>
      </c>
      <c r="C23449" t="s">
        <v>46815</v>
      </c>
    </row>
    <row r="23450" spans="1:3" x14ac:dyDescent="0.15">
      <c r="A23450">
        <v>1548</v>
      </c>
      <c r="B23450" t="s">
        <v>46816</v>
      </c>
      <c r="C23450" t="s">
        <v>46817</v>
      </c>
    </row>
    <row r="23451" spans="1:3" x14ac:dyDescent="0.15">
      <c r="A23451">
        <v>1547</v>
      </c>
      <c r="B23451" t="s">
        <v>46818</v>
      </c>
      <c r="C23451" t="s">
        <v>46819</v>
      </c>
    </row>
    <row r="23452" spans="1:3" x14ac:dyDescent="0.15">
      <c r="A23452">
        <v>1546</v>
      </c>
      <c r="B23452" t="s">
        <v>46820</v>
      </c>
      <c r="C23452" t="s">
        <v>46821</v>
      </c>
    </row>
    <row r="23453" spans="1:3" x14ac:dyDescent="0.15">
      <c r="A23453">
        <v>1545</v>
      </c>
      <c r="B23453" t="s">
        <v>46822</v>
      </c>
      <c r="C23453" t="s">
        <v>46823</v>
      </c>
    </row>
    <row r="23454" spans="1:3" x14ac:dyDescent="0.15">
      <c r="A23454">
        <v>1544</v>
      </c>
      <c r="B23454" t="s">
        <v>46824</v>
      </c>
      <c r="C23454" t="s">
        <v>46825</v>
      </c>
    </row>
    <row r="23455" spans="1:3" x14ac:dyDescent="0.15">
      <c r="A23455">
        <v>1543</v>
      </c>
      <c r="B23455" t="s">
        <v>46826</v>
      </c>
      <c r="C23455" t="s">
        <v>46827</v>
      </c>
    </row>
    <row r="23456" spans="1:3" x14ac:dyDescent="0.15">
      <c r="A23456">
        <v>1542</v>
      </c>
      <c r="B23456" t="s">
        <v>46828</v>
      </c>
      <c r="C23456" t="s">
        <v>46829</v>
      </c>
    </row>
    <row r="23457" spans="1:3" x14ac:dyDescent="0.15">
      <c r="A23457">
        <v>1541</v>
      </c>
      <c r="B23457" t="s">
        <v>46830</v>
      </c>
      <c r="C23457" t="s">
        <v>46831</v>
      </c>
    </row>
    <row r="23458" spans="1:3" x14ac:dyDescent="0.15">
      <c r="A23458">
        <v>1540</v>
      </c>
      <c r="B23458" t="s">
        <v>46832</v>
      </c>
      <c r="C23458" t="s">
        <v>46833</v>
      </c>
    </row>
    <row r="23459" spans="1:3" x14ac:dyDescent="0.15">
      <c r="A23459">
        <v>1539</v>
      </c>
      <c r="B23459" t="s">
        <v>46834</v>
      </c>
      <c r="C23459" t="s">
        <v>46835</v>
      </c>
    </row>
    <row r="23460" spans="1:3" x14ac:dyDescent="0.15">
      <c r="A23460">
        <v>1538</v>
      </c>
      <c r="B23460" t="s">
        <v>46836</v>
      </c>
      <c r="C23460" t="s">
        <v>46837</v>
      </c>
    </row>
    <row r="23461" spans="1:3" x14ac:dyDescent="0.15">
      <c r="A23461">
        <v>1537</v>
      </c>
      <c r="B23461" t="s">
        <v>46838</v>
      </c>
      <c r="C23461" t="s">
        <v>46839</v>
      </c>
    </row>
    <row r="23462" spans="1:3" x14ac:dyDescent="0.15">
      <c r="A23462">
        <v>1536</v>
      </c>
      <c r="B23462" t="s">
        <v>46840</v>
      </c>
      <c r="C23462" t="s">
        <v>46841</v>
      </c>
    </row>
    <row r="23463" spans="1:3" x14ac:dyDescent="0.15">
      <c r="A23463">
        <v>1535</v>
      </c>
      <c r="B23463" t="s">
        <v>46842</v>
      </c>
      <c r="C23463" t="s">
        <v>46843</v>
      </c>
    </row>
    <row r="23464" spans="1:3" x14ac:dyDescent="0.15">
      <c r="A23464">
        <v>1534</v>
      </c>
      <c r="B23464" t="s">
        <v>46844</v>
      </c>
      <c r="C23464" t="s">
        <v>46845</v>
      </c>
    </row>
    <row r="23465" spans="1:3" x14ac:dyDescent="0.15">
      <c r="A23465">
        <v>1533</v>
      </c>
      <c r="B23465" t="s">
        <v>46846</v>
      </c>
      <c r="C23465" t="s">
        <v>46847</v>
      </c>
    </row>
    <row r="23466" spans="1:3" x14ac:dyDescent="0.15">
      <c r="A23466">
        <v>1532</v>
      </c>
      <c r="B23466" t="s">
        <v>46848</v>
      </c>
      <c r="C23466" t="s">
        <v>46849</v>
      </c>
    </row>
    <row r="23467" spans="1:3" x14ac:dyDescent="0.15">
      <c r="A23467">
        <v>1531</v>
      </c>
      <c r="B23467" t="s">
        <v>46850</v>
      </c>
      <c r="C23467" t="s">
        <v>46851</v>
      </c>
    </row>
    <row r="23468" spans="1:3" x14ac:dyDescent="0.15">
      <c r="A23468">
        <v>1530</v>
      </c>
      <c r="B23468" t="s">
        <v>46852</v>
      </c>
      <c r="C23468" t="s">
        <v>46853</v>
      </c>
    </row>
    <row r="23469" spans="1:3" x14ac:dyDescent="0.15">
      <c r="A23469">
        <v>1529</v>
      </c>
      <c r="B23469" t="s">
        <v>46854</v>
      </c>
      <c r="C23469" t="s">
        <v>46855</v>
      </c>
    </row>
    <row r="23470" spans="1:3" x14ac:dyDescent="0.15">
      <c r="A23470">
        <v>1528</v>
      </c>
      <c r="B23470" t="s">
        <v>46856</v>
      </c>
      <c r="C23470" t="s">
        <v>46857</v>
      </c>
    </row>
    <row r="23471" spans="1:3" x14ac:dyDescent="0.15">
      <c r="A23471">
        <v>1527</v>
      </c>
      <c r="B23471" t="s">
        <v>46858</v>
      </c>
      <c r="C23471" t="s">
        <v>46859</v>
      </c>
    </row>
    <row r="23472" spans="1:3" x14ac:dyDescent="0.15">
      <c r="A23472">
        <v>1526</v>
      </c>
      <c r="B23472" t="s">
        <v>46860</v>
      </c>
      <c r="C23472" t="s">
        <v>46861</v>
      </c>
    </row>
    <row r="23473" spans="1:3" x14ac:dyDescent="0.15">
      <c r="A23473">
        <v>1525</v>
      </c>
      <c r="B23473" t="s">
        <v>46862</v>
      </c>
      <c r="C23473" t="s">
        <v>46863</v>
      </c>
    </row>
    <row r="23474" spans="1:3" x14ac:dyDescent="0.15">
      <c r="A23474">
        <v>1524</v>
      </c>
      <c r="B23474" t="s">
        <v>46864</v>
      </c>
      <c r="C23474" t="s">
        <v>46865</v>
      </c>
    </row>
    <row r="23475" spans="1:3" x14ac:dyDescent="0.15">
      <c r="A23475">
        <v>1523</v>
      </c>
      <c r="B23475" t="s">
        <v>46866</v>
      </c>
      <c r="C23475" t="s">
        <v>46867</v>
      </c>
    </row>
    <row r="23476" spans="1:3" x14ac:dyDescent="0.15">
      <c r="A23476">
        <v>1522</v>
      </c>
      <c r="B23476" t="s">
        <v>46868</v>
      </c>
      <c r="C23476" t="s">
        <v>46869</v>
      </c>
    </row>
    <row r="23477" spans="1:3" x14ac:dyDescent="0.15">
      <c r="A23477">
        <v>1521</v>
      </c>
      <c r="B23477" t="s">
        <v>46870</v>
      </c>
      <c r="C23477" t="s">
        <v>46871</v>
      </c>
    </row>
    <row r="23478" spans="1:3" x14ac:dyDescent="0.15">
      <c r="A23478">
        <v>1520</v>
      </c>
      <c r="B23478" t="s">
        <v>46872</v>
      </c>
      <c r="C23478" t="s">
        <v>46873</v>
      </c>
    </row>
    <row r="23479" spans="1:3" x14ac:dyDescent="0.15">
      <c r="A23479">
        <v>1519</v>
      </c>
      <c r="B23479" t="s">
        <v>46874</v>
      </c>
      <c r="C23479" t="s">
        <v>46875</v>
      </c>
    </row>
    <row r="23480" spans="1:3" x14ac:dyDescent="0.15">
      <c r="A23480">
        <v>1518</v>
      </c>
      <c r="B23480" t="s">
        <v>46876</v>
      </c>
      <c r="C23480" t="s">
        <v>46877</v>
      </c>
    </row>
    <row r="23481" spans="1:3" x14ac:dyDescent="0.15">
      <c r="A23481">
        <v>1517</v>
      </c>
      <c r="B23481" t="s">
        <v>46878</v>
      </c>
      <c r="C23481" t="s">
        <v>46879</v>
      </c>
    </row>
    <row r="23482" spans="1:3" x14ac:dyDescent="0.15">
      <c r="A23482">
        <v>1516</v>
      </c>
      <c r="B23482" t="s">
        <v>46880</v>
      </c>
      <c r="C23482" t="s">
        <v>46881</v>
      </c>
    </row>
    <row r="23483" spans="1:3" x14ac:dyDescent="0.15">
      <c r="A23483">
        <v>1515</v>
      </c>
      <c r="B23483" t="s">
        <v>46882</v>
      </c>
      <c r="C23483" t="s">
        <v>46883</v>
      </c>
    </row>
    <row r="23484" spans="1:3" x14ac:dyDescent="0.15">
      <c r="A23484">
        <v>1514</v>
      </c>
      <c r="B23484" t="s">
        <v>46884</v>
      </c>
      <c r="C23484" t="s">
        <v>46885</v>
      </c>
    </row>
    <row r="23485" spans="1:3" x14ac:dyDescent="0.15">
      <c r="A23485">
        <v>1513</v>
      </c>
      <c r="B23485" t="s">
        <v>46886</v>
      </c>
      <c r="C23485" t="s">
        <v>46887</v>
      </c>
    </row>
    <row r="23486" spans="1:3" x14ac:dyDescent="0.15">
      <c r="A23486">
        <v>1512</v>
      </c>
      <c r="B23486" t="s">
        <v>46888</v>
      </c>
      <c r="C23486" t="s">
        <v>46889</v>
      </c>
    </row>
    <row r="23487" spans="1:3" x14ac:dyDescent="0.15">
      <c r="A23487">
        <v>1511</v>
      </c>
      <c r="B23487" t="s">
        <v>46890</v>
      </c>
      <c r="C23487" t="s">
        <v>46891</v>
      </c>
    </row>
    <row r="23488" spans="1:3" x14ac:dyDescent="0.15">
      <c r="A23488">
        <v>1510</v>
      </c>
      <c r="B23488" t="s">
        <v>46892</v>
      </c>
      <c r="C23488" t="s">
        <v>46893</v>
      </c>
    </row>
    <row r="23489" spans="1:3" x14ac:dyDescent="0.15">
      <c r="A23489">
        <v>1509</v>
      </c>
      <c r="B23489" t="s">
        <v>46894</v>
      </c>
      <c r="C23489" t="s">
        <v>46895</v>
      </c>
    </row>
    <row r="23490" spans="1:3" x14ac:dyDescent="0.15">
      <c r="A23490">
        <v>1508</v>
      </c>
      <c r="B23490" t="s">
        <v>46896</v>
      </c>
      <c r="C23490" t="s">
        <v>46897</v>
      </c>
    </row>
    <row r="23491" spans="1:3" x14ac:dyDescent="0.15">
      <c r="A23491">
        <v>1507</v>
      </c>
      <c r="B23491" t="s">
        <v>46898</v>
      </c>
      <c r="C23491" t="s">
        <v>46899</v>
      </c>
    </row>
    <row r="23492" spans="1:3" x14ac:dyDescent="0.15">
      <c r="A23492">
        <v>1506</v>
      </c>
      <c r="B23492" t="s">
        <v>46900</v>
      </c>
      <c r="C23492" t="s">
        <v>46901</v>
      </c>
    </row>
    <row r="23493" spans="1:3" x14ac:dyDescent="0.15">
      <c r="A23493">
        <v>1505</v>
      </c>
      <c r="B23493" t="s">
        <v>46902</v>
      </c>
      <c r="C23493" t="s">
        <v>46903</v>
      </c>
    </row>
    <row r="23494" spans="1:3" x14ac:dyDescent="0.15">
      <c r="A23494">
        <v>1504</v>
      </c>
      <c r="B23494" t="s">
        <v>46904</v>
      </c>
      <c r="C23494" t="s">
        <v>46905</v>
      </c>
    </row>
    <row r="23495" spans="1:3" x14ac:dyDescent="0.15">
      <c r="A23495">
        <v>1503</v>
      </c>
      <c r="B23495" t="s">
        <v>46906</v>
      </c>
      <c r="C23495" t="s">
        <v>46907</v>
      </c>
    </row>
    <row r="23496" spans="1:3" x14ac:dyDescent="0.15">
      <c r="A23496">
        <v>1502</v>
      </c>
      <c r="B23496" t="s">
        <v>46908</v>
      </c>
      <c r="C23496" t="s">
        <v>46909</v>
      </c>
    </row>
    <row r="23497" spans="1:3" x14ac:dyDescent="0.15">
      <c r="A23497">
        <v>1501</v>
      </c>
      <c r="B23497" t="s">
        <v>46910</v>
      </c>
      <c r="C23497" t="s">
        <v>46911</v>
      </c>
    </row>
    <row r="23498" spans="1:3" x14ac:dyDescent="0.15">
      <c r="A23498">
        <v>1500</v>
      </c>
      <c r="B23498" t="s">
        <v>46912</v>
      </c>
      <c r="C23498" t="s">
        <v>46913</v>
      </c>
    </row>
    <row r="23499" spans="1:3" x14ac:dyDescent="0.15">
      <c r="A23499">
        <v>1499</v>
      </c>
      <c r="B23499" t="s">
        <v>46914</v>
      </c>
      <c r="C23499" t="s">
        <v>46915</v>
      </c>
    </row>
    <row r="23500" spans="1:3" x14ac:dyDescent="0.15">
      <c r="A23500">
        <v>1498</v>
      </c>
      <c r="B23500" t="s">
        <v>46916</v>
      </c>
      <c r="C23500" t="s">
        <v>46917</v>
      </c>
    </row>
    <row r="23501" spans="1:3" x14ac:dyDescent="0.15">
      <c r="A23501">
        <v>1497</v>
      </c>
      <c r="B23501" t="s">
        <v>46918</v>
      </c>
      <c r="C23501" t="s">
        <v>46919</v>
      </c>
    </row>
    <row r="23502" spans="1:3" x14ac:dyDescent="0.15">
      <c r="A23502">
        <v>1496</v>
      </c>
      <c r="B23502" t="s">
        <v>46920</v>
      </c>
      <c r="C23502" t="s">
        <v>46921</v>
      </c>
    </row>
    <row r="23503" spans="1:3" x14ac:dyDescent="0.15">
      <c r="A23503">
        <v>1495</v>
      </c>
      <c r="B23503" t="s">
        <v>46922</v>
      </c>
      <c r="C23503" t="s">
        <v>46923</v>
      </c>
    </row>
    <row r="23504" spans="1:3" x14ac:dyDescent="0.15">
      <c r="A23504">
        <v>1494</v>
      </c>
      <c r="B23504" t="s">
        <v>46924</v>
      </c>
      <c r="C23504" t="s">
        <v>46925</v>
      </c>
    </row>
    <row r="23505" spans="1:3" x14ac:dyDescent="0.15">
      <c r="A23505">
        <v>1493</v>
      </c>
      <c r="B23505" t="s">
        <v>46926</v>
      </c>
      <c r="C23505" t="s">
        <v>46927</v>
      </c>
    </row>
    <row r="23506" spans="1:3" x14ac:dyDescent="0.15">
      <c r="A23506">
        <v>1492</v>
      </c>
      <c r="B23506" t="s">
        <v>46928</v>
      </c>
      <c r="C23506" t="s">
        <v>46929</v>
      </c>
    </row>
    <row r="23507" spans="1:3" x14ac:dyDescent="0.15">
      <c r="A23507">
        <v>1491</v>
      </c>
      <c r="B23507" t="s">
        <v>46930</v>
      </c>
      <c r="C23507" t="s">
        <v>46931</v>
      </c>
    </row>
    <row r="23508" spans="1:3" x14ac:dyDescent="0.15">
      <c r="A23508">
        <v>1490</v>
      </c>
      <c r="B23508" t="s">
        <v>46932</v>
      </c>
      <c r="C23508" t="s">
        <v>46933</v>
      </c>
    </row>
    <row r="23509" spans="1:3" x14ac:dyDescent="0.15">
      <c r="A23509">
        <v>1489</v>
      </c>
      <c r="B23509" t="s">
        <v>46934</v>
      </c>
      <c r="C23509" t="s">
        <v>46935</v>
      </c>
    </row>
    <row r="23510" spans="1:3" x14ac:dyDescent="0.15">
      <c r="A23510">
        <v>1488</v>
      </c>
      <c r="B23510" t="s">
        <v>46936</v>
      </c>
      <c r="C23510" t="s">
        <v>46937</v>
      </c>
    </row>
    <row r="23511" spans="1:3" x14ac:dyDescent="0.15">
      <c r="A23511">
        <v>1487</v>
      </c>
      <c r="B23511" t="s">
        <v>46938</v>
      </c>
      <c r="C23511" t="s">
        <v>46939</v>
      </c>
    </row>
    <row r="23512" spans="1:3" x14ac:dyDescent="0.15">
      <c r="A23512">
        <v>1486</v>
      </c>
      <c r="B23512" t="s">
        <v>46940</v>
      </c>
      <c r="C23512" t="s">
        <v>46941</v>
      </c>
    </row>
    <row r="23513" spans="1:3" x14ac:dyDescent="0.15">
      <c r="A23513">
        <v>1485</v>
      </c>
      <c r="B23513" t="s">
        <v>46942</v>
      </c>
      <c r="C23513" t="s">
        <v>46943</v>
      </c>
    </row>
    <row r="23514" spans="1:3" x14ac:dyDescent="0.15">
      <c r="A23514">
        <v>1484</v>
      </c>
      <c r="B23514" t="s">
        <v>46944</v>
      </c>
      <c r="C23514" t="s">
        <v>46945</v>
      </c>
    </row>
    <row r="23515" spans="1:3" x14ac:dyDescent="0.15">
      <c r="A23515">
        <v>1483</v>
      </c>
      <c r="B23515" t="s">
        <v>46946</v>
      </c>
      <c r="C23515" t="s">
        <v>46947</v>
      </c>
    </row>
    <row r="23516" spans="1:3" x14ac:dyDescent="0.15">
      <c r="A23516">
        <v>1482</v>
      </c>
      <c r="B23516" t="s">
        <v>46948</v>
      </c>
      <c r="C23516" t="s">
        <v>46949</v>
      </c>
    </row>
    <row r="23517" spans="1:3" x14ac:dyDescent="0.15">
      <c r="A23517">
        <v>1481</v>
      </c>
      <c r="B23517" t="s">
        <v>46950</v>
      </c>
      <c r="C23517" t="s">
        <v>46951</v>
      </c>
    </row>
    <row r="23518" spans="1:3" x14ac:dyDescent="0.15">
      <c r="A23518">
        <v>1480</v>
      </c>
      <c r="B23518" t="s">
        <v>46952</v>
      </c>
      <c r="C23518" t="s">
        <v>46953</v>
      </c>
    </row>
    <row r="23519" spans="1:3" x14ac:dyDescent="0.15">
      <c r="A23519">
        <v>1479</v>
      </c>
      <c r="B23519" t="s">
        <v>46954</v>
      </c>
      <c r="C23519" t="s">
        <v>46955</v>
      </c>
    </row>
    <row r="23520" spans="1:3" x14ac:dyDescent="0.15">
      <c r="A23520">
        <v>1478</v>
      </c>
      <c r="B23520" t="s">
        <v>46956</v>
      </c>
      <c r="C23520" t="s">
        <v>46957</v>
      </c>
    </row>
    <row r="23521" spans="1:3" x14ac:dyDescent="0.15">
      <c r="A23521">
        <v>1477</v>
      </c>
      <c r="B23521" t="s">
        <v>46958</v>
      </c>
      <c r="C23521" t="s">
        <v>46959</v>
      </c>
    </row>
    <row r="23522" spans="1:3" x14ac:dyDescent="0.15">
      <c r="A23522">
        <v>1476</v>
      </c>
      <c r="B23522" t="s">
        <v>46960</v>
      </c>
      <c r="C23522" t="s">
        <v>46961</v>
      </c>
    </row>
    <row r="23523" spans="1:3" x14ac:dyDescent="0.15">
      <c r="A23523">
        <v>1475</v>
      </c>
      <c r="B23523" t="s">
        <v>46962</v>
      </c>
      <c r="C23523" t="s">
        <v>46963</v>
      </c>
    </row>
    <row r="23524" spans="1:3" x14ac:dyDescent="0.15">
      <c r="A23524">
        <v>1474</v>
      </c>
      <c r="B23524" t="s">
        <v>46964</v>
      </c>
      <c r="C23524" t="s">
        <v>46965</v>
      </c>
    </row>
    <row r="23525" spans="1:3" x14ac:dyDescent="0.15">
      <c r="A23525">
        <v>1473</v>
      </c>
      <c r="B23525" t="s">
        <v>46966</v>
      </c>
      <c r="C23525" t="s">
        <v>46967</v>
      </c>
    </row>
    <row r="23526" spans="1:3" x14ac:dyDescent="0.15">
      <c r="A23526">
        <v>1472</v>
      </c>
      <c r="B23526" t="s">
        <v>46968</v>
      </c>
      <c r="C23526" t="s">
        <v>46969</v>
      </c>
    </row>
    <row r="23527" spans="1:3" x14ac:dyDescent="0.15">
      <c r="A23527">
        <v>1471</v>
      </c>
      <c r="B23527" t="s">
        <v>46970</v>
      </c>
      <c r="C23527" t="s">
        <v>46971</v>
      </c>
    </row>
    <row r="23528" spans="1:3" x14ac:dyDescent="0.15">
      <c r="A23528">
        <v>1470</v>
      </c>
      <c r="B23528" t="s">
        <v>46972</v>
      </c>
      <c r="C23528" t="s">
        <v>46973</v>
      </c>
    </row>
    <row r="23529" spans="1:3" x14ac:dyDescent="0.15">
      <c r="A23529">
        <v>1469</v>
      </c>
      <c r="B23529" t="s">
        <v>46974</v>
      </c>
      <c r="C23529" t="s">
        <v>46975</v>
      </c>
    </row>
    <row r="23530" spans="1:3" x14ac:dyDescent="0.15">
      <c r="A23530">
        <v>1468</v>
      </c>
      <c r="B23530" t="s">
        <v>46976</v>
      </c>
      <c r="C23530" t="s">
        <v>46977</v>
      </c>
    </row>
    <row r="23531" spans="1:3" x14ac:dyDescent="0.15">
      <c r="A23531">
        <v>1467</v>
      </c>
      <c r="B23531" t="s">
        <v>46978</v>
      </c>
      <c r="C23531" t="s">
        <v>46979</v>
      </c>
    </row>
    <row r="23532" spans="1:3" x14ac:dyDescent="0.15">
      <c r="A23532">
        <v>1466</v>
      </c>
      <c r="B23532" t="s">
        <v>46980</v>
      </c>
      <c r="C23532" t="s">
        <v>46981</v>
      </c>
    </row>
    <row r="23533" spans="1:3" x14ac:dyDescent="0.15">
      <c r="A23533">
        <v>1465</v>
      </c>
      <c r="B23533" t="s">
        <v>46982</v>
      </c>
      <c r="C23533" t="s">
        <v>46983</v>
      </c>
    </row>
    <row r="23534" spans="1:3" x14ac:dyDescent="0.15">
      <c r="A23534">
        <v>1464</v>
      </c>
      <c r="B23534" t="s">
        <v>46984</v>
      </c>
      <c r="C23534" t="s">
        <v>46985</v>
      </c>
    </row>
    <row r="23535" spans="1:3" x14ac:dyDescent="0.15">
      <c r="A23535">
        <v>1463</v>
      </c>
      <c r="B23535" t="s">
        <v>46986</v>
      </c>
      <c r="C23535" t="s">
        <v>46987</v>
      </c>
    </row>
    <row r="23536" spans="1:3" x14ac:dyDescent="0.15">
      <c r="A23536">
        <v>1462</v>
      </c>
      <c r="B23536" t="s">
        <v>46988</v>
      </c>
      <c r="C23536" t="s">
        <v>46989</v>
      </c>
    </row>
    <row r="23537" spans="1:3" x14ac:dyDescent="0.15">
      <c r="A23537">
        <v>1461</v>
      </c>
      <c r="B23537" t="s">
        <v>46990</v>
      </c>
      <c r="C23537" t="s">
        <v>46991</v>
      </c>
    </row>
    <row r="23538" spans="1:3" x14ac:dyDescent="0.15">
      <c r="A23538">
        <v>1460</v>
      </c>
      <c r="B23538" t="s">
        <v>46992</v>
      </c>
      <c r="C23538" t="s">
        <v>46993</v>
      </c>
    </row>
    <row r="23539" spans="1:3" x14ac:dyDescent="0.15">
      <c r="A23539">
        <v>1459</v>
      </c>
      <c r="B23539" t="s">
        <v>46994</v>
      </c>
      <c r="C23539" t="s">
        <v>46995</v>
      </c>
    </row>
    <row r="23540" spans="1:3" x14ac:dyDescent="0.15">
      <c r="A23540">
        <v>1458</v>
      </c>
      <c r="B23540" t="s">
        <v>46996</v>
      </c>
      <c r="C23540" t="s">
        <v>46997</v>
      </c>
    </row>
    <row r="23541" spans="1:3" x14ac:dyDescent="0.15">
      <c r="A23541">
        <v>1457</v>
      </c>
      <c r="B23541" t="s">
        <v>46998</v>
      </c>
      <c r="C23541" t="s">
        <v>46999</v>
      </c>
    </row>
    <row r="23542" spans="1:3" x14ac:dyDescent="0.15">
      <c r="A23542">
        <v>1456</v>
      </c>
      <c r="B23542" t="s">
        <v>47000</v>
      </c>
      <c r="C23542" t="s">
        <v>47001</v>
      </c>
    </row>
    <row r="23543" spans="1:3" x14ac:dyDescent="0.15">
      <c r="A23543">
        <v>1455</v>
      </c>
      <c r="B23543" t="s">
        <v>47002</v>
      </c>
      <c r="C23543" t="s">
        <v>47003</v>
      </c>
    </row>
    <row r="23544" spans="1:3" x14ac:dyDescent="0.15">
      <c r="A23544">
        <v>1454</v>
      </c>
      <c r="B23544" t="s">
        <v>47004</v>
      </c>
      <c r="C23544" t="s">
        <v>47005</v>
      </c>
    </row>
    <row r="23545" spans="1:3" x14ac:dyDescent="0.15">
      <c r="A23545">
        <v>1453</v>
      </c>
      <c r="B23545" t="s">
        <v>47006</v>
      </c>
      <c r="C23545" t="s">
        <v>47007</v>
      </c>
    </row>
    <row r="23546" spans="1:3" x14ac:dyDescent="0.15">
      <c r="A23546">
        <v>1452</v>
      </c>
      <c r="B23546" t="s">
        <v>47008</v>
      </c>
      <c r="C23546" t="s">
        <v>47009</v>
      </c>
    </row>
    <row r="23547" spans="1:3" x14ac:dyDescent="0.15">
      <c r="A23547">
        <v>1451</v>
      </c>
      <c r="B23547" t="s">
        <v>47010</v>
      </c>
      <c r="C23547" t="s">
        <v>47011</v>
      </c>
    </row>
    <row r="23548" spans="1:3" x14ac:dyDescent="0.15">
      <c r="A23548">
        <v>1450</v>
      </c>
      <c r="B23548" t="s">
        <v>47012</v>
      </c>
      <c r="C23548" t="s">
        <v>47013</v>
      </c>
    </row>
    <row r="23549" spans="1:3" x14ac:dyDescent="0.15">
      <c r="A23549">
        <v>1449</v>
      </c>
      <c r="B23549" t="s">
        <v>47014</v>
      </c>
      <c r="C23549" t="s">
        <v>47015</v>
      </c>
    </row>
    <row r="23550" spans="1:3" x14ac:dyDescent="0.15">
      <c r="A23550">
        <v>1448</v>
      </c>
      <c r="B23550" t="s">
        <v>47016</v>
      </c>
      <c r="C23550" t="s">
        <v>47017</v>
      </c>
    </row>
    <row r="23551" spans="1:3" x14ac:dyDescent="0.15">
      <c r="A23551">
        <v>1447</v>
      </c>
      <c r="B23551" t="s">
        <v>47018</v>
      </c>
      <c r="C23551" t="s">
        <v>47019</v>
      </c>
    </row>
    <row r="23552" spans="1:3" x14ac:dyDescent="0.15">
      <c r="A23552">
        <v>1446</v>
      </c>
      <c r="B23552" t="s">
        <v>47020</v>
      </c>
      <c r="C23552" t="s">
        <v>47021</v>
      </c>
    </row>
    <row r="23553" spans="1:3" x14ac:dyDescent="0.15">
      <c r="A23553">
        <v>1445</v>
      </c>
      <c r="B23553" t="s">
        <v>47022</v>
      </c>
      <c r="C23553" t="s">
        <v>47023</v>
      </c>
    </row>
    <row r="23554" spans="1:3" x14ac:dyDescent="0.15">
      <c r="A23554">
        <v>1444</v>
      </c>
      <c r="B23554" t="s">
        <v>47024</v>
      </c>
      <c r="C23554" t="s">
        <v>47025</v>
      </c>
    </row>
    <row r="23555" spans="1:3" x14ac:dyDescent="0.15">
      <c r="A23555">
        <v>1443</v>
      </c>
      <c r="B23555" t="s">
        <v>47026</v>
      </c>
      <c r="C23555" t="s">
        <v>47027</v>
      </c>
    </row>
    <row r="23556" spans="1:3" x14ac:dyDescent="0.15">
      <c r="A23556">
        <v>1442</v>
      </c>
      <c r="B23556" t="s">
        <v>47028</v>
      </c>
      <c r="C23556" t="s">
        <v>47029</v>
      </c>
    </row>
    <row r="23557" spans="1:3" x14ac:dyDescent="0.15">
      <c r="A23557">
        <v>1441</v>
      </c>
      <c r="B23557" t="s">
        <v>47030</v>
      </c>
      <c r="C23557" t="s">
        <v>47031</v>
      </c>
    </row>
    <row r="23558" spans="1:3" x14ac:dyDescent="0.15">
      <c r="A23558">
        <v>1440</v>
      </c>
      <c r="B23558" t="s">
        <v>47032</v>
      </c>
      <c r="C23558" t="s">
        <v>47033</v>
      </c>
    </row>
    <row r="23559" spans="1:3" x14ac:dyDescent="0.15">
      <c r="A23559">
        <v>1439</v>
      </c>
      <c r="B23559" t="s">
        <v>47034</v>
      </c>
      <c r="C23559" t="s">
        <v>47035</v>
      </c>
    </row>
    <row r="23560" spans="1:3" x14ac:dyDescent="0.15">
      <c r="A23560">
        <v>1438</v>
      </c>
      <c r="B23560" t="s">
        <v>47036</v>
      </c>
      <c r="C23560" t="s">
        <v>47037</v>
      </c>
    </row>
    <row r="23561" spans="1:3" x14ac:dyDescent="0.15">
      <c r="A23561">
        <v>1437</v>
      </c>
      <c r="B23561" t="s">
        <v>47038</v>
      </c>
      <c r="C23561" t="s">
        <v>47039</v>
      </c>
    </row>
    <row r="23562" spans="1:3" x14ac:dyDescent="0.15">
      <c r="A23562">
        <v>1436</v>
      </c>
      <c r="B23562" t="s">
        <v>47040</v>
      </c>
      <c r="C23562" t="s">
        <v>47041</v>
      </c>
    </row>
    <row r="23563" spans="1:3" x14ac:dyDescent="0.15">
      <c r="A23563">
        <v>1435</v>
      </c>
      <c r="B23563" t="s">
        <v>47042</v>
      </c>
      <c r="C23563" t="s">
        <v>47043</v>
      </c>
    </row>
    <row r="23564" spans="1:3" x14ac:dyDescent="0.15">
      <c r="A23564">
        <v>1434</v>
      </c>
      <c r="B23564" t="s">
        <v>47044</v>
      </c>
      <c r="C23564" t="s">
        <v>47045</v>
      </c>
    </row>
    <row r="23565" spans="1:3" x14ac:dyDescent="0.15">
      <c r="A23565">
        <v>1433</v>
      </c>
      <c r="B23565" t="s">
        <v>47046</v>
      </c>
      <c r="C23565" t="s">
        <v>47047</v>
      </c>
    </row>
    <row r="23566" spans="1:3" x14ac:dyDescent="0.15">
      <c r="A23566">
        <v>1432</v>
      </c>
      <c r="B23566" t="s">
        <v>47048</v>
      </c>
      <c r="C23566" t="s">
        <v>47049</v>
      </c>
    </row>
    <row r="23567" spans="1:3" x14ac:dyDescent="0.15">
      <c r="A23567">
        <v>1431</v>
      </c>
      <c r="B23567" t="s">
        <v>47050</v>
      </c>
      <c r="C23567" t="s">
        <v>47051</v>
      </c>
    </row>
    <row r="23568" spans="1:3" x14ac:dyDescent="0.15">
      <c r="A23568">
        <v>1430</v>
      </c>
      <c r="B23568" t="s">
        <v>47052</v>
      </c>
      <c r="C23568" t="s">
        <v>47053</v>
      </c>
    </row>
    <row r="23569" spans="1:3" x14ac:dyDescent="0.15">
      <c r="A23569">
        <v>1429</v>
      </c>
      <c r="B23569" t="s">
        <v>47054</v>
      </c>
      <c r="C23569" t="s">
        <v>47055</v>
      </c>
    </row>
    <row r="23570" spans="1:3" x14ac:dyDescent="0.15">
      <c r="A23570">
        <v>1428</v>
      </c>
      <c r="B23570" t="s">
        <v>47056</v>
      </c>
      <c r="C23570" t="s">
        <v>47057</v>
      </c>
    </row>
    <row r="23571" spans="1:3" x14ac:dyDescent="0.15">
      <c r="A23571">
        <v>1427</v>
      </c>
      <c r="B23571" t="s">
        <v>47058</v>
      </c>
      <c r="C23571" t="s">
        <v>47059</v>
      </c>
    </row>
    <row r="23572" spans="1:3" x14ac:dyDescent="0.15">
      <c r="A23572">
        <v>1426</v>
      </c>
      <c r="B23572" t="s">
        <v>47060</v>
      </c>
      <c r="C23572" t="s">
        <v>47061</v>
      </c>
    </row>
    <row r="23573" spans="1:3" x14ac:dyDescent="0.15">
      <c r="A23573">
        <v>1425</v>
      </c>
      <c r="B23573" t="s">
        <v>47062</v>
      </c>
      <c r="C23573" t="s">
        <v>47063</v>
      </c>
    </row>
    <row r="23574" spans="1:3" x14ac:dyDescent="0.15">
      <c r="A23574">
        <v>1424</v>
      </c>
      <c r="B23574" t="s">
        <v>47064</v>
      </c>
      <c r="C23574" t="s">
        <v>47065</v>
      </c>
    </row>
    <row r="23575" spans="1:3" x14ac:dyDescent="0.15">
      <c r="A23575">
        <v>1423</v>
      </c>
      <c r="B23575" t="s">
        <v>47066</v>
      </c>
      <c r="C23575" t="s">
        <v>47067</v>
      </c>
    </row>
    <row r="23576" spans="1:3" x14ac:dyDescent="0.15">
      <c r="A23576">
        <v>1422</v>
      </c>
      <c r="B23576" t="s">
        <v>47068</v>
      </c>
      <c r="C23576" t="s">
        <v>47069</v>
      </c>
    </row>
    <row r="23577" spans="1:3" x14ac:dyDescent="0.15">
      <c r="A23577">
        <v>1421</v>
      </c>
      <c r="B23577" t="s">
        <v>47070</v>
      </c>
      <c r="C23577" t="s">
        <v>47071</v>
      </c>
    </row>
    <row r="23578" spans="1:3" x14ac:dyDescent="0.15">
      <c r="A23578">
        <v>1420</v>
      </c>
      <c r="B23578" t="s">
        <v>47072</v>
      </c>
      <c r="C23578" t="s">
        <v>47073</v>
      </c>
    </row>
    <row r="23579" spans="1:3" x14ac:dyDescent="0.15">
      <c r="A23579">
        <v>1419</v>
      </c>
      <c r="B23579" t="s">
        <v>47074</v>
      </c>
      <c r="C23579" t="s">
        <v>47075</v>
      </c>
    </row>
    <row r="23580" spans="1:3" x14ac:dyDescent="0.15">
      <c r="A23580">
        <v>1418</v>
      </c>
      <c r="B23580" t="s">
        <v>47076</v>
      </c>
      <c r="C23580" t="s">
        <v>47077</v>
      </c>
    </row>
    <row r="23581" spans="1:3" x14ac:dyDescent="0.15">
      <c r="A23581">
        <v>1417</v>
      </c>
      <c r="B23581" t="s">
        <v>47078</v>
      </c>
      <c r="C23581" t="s">
        <v>47079</v>
      </c>
    </row>
    <row r="23582" spans="1:3" x14ac:dyDescent="0.15">
      <c r="A23582">
        <v>1416</v>
      </c>
      <c r="B23582" t="s">
        <v>47080</v>
      </c>
      <c r="C23582" t="s">
        <v>47081</v>
      </c>
    </row>
    <row r="23583" spans="1:3" x14ac:dyDescent="0.15">
      <c r="A23583">
        <v>1415</v>
      </c>
      <c r="B23583" t="s">
        <v>47082</v>
      </c>
      <c r="C23583" t="s">
        <v>47083</v>
      </c>
    </row>
    <row r="23584" spans="1:3" x14ac:dyDescent="0.15">
      <c r="A23584">
        <v>1414</v>
      </c>
      <c r="B23584" t="s">
        <v>47084</v>
      </c>
      <c r="C23584" t="s">
        <v>47085</v>
      </c>
    </row>
    <row r="23585" spans="1:3" x14ac:dyDescent="0.15">
      <c r="A23585">
        <v>1413</v>
      </c>
      <c r="B23585" t="s">
        <v>47086</v>
      </c>
      <c r="C23585" t="s">
        <v>47087</v>
      </c>
    </row>
    <row r="23586" spans="1:3" x14ac:dyDescent="0.15">
      <c r="A23586">
        <v>1412</v>
      </c>
      <c r="B23586" t="s">
        <v>47088</v>
      </c>
      <c r="C23586" t="s">
        <v>47089</v>
      </c>
    </row>
    <row r="23587" spans="1:3" x14ac:dyDescent="0.15">
      <c r="A23587">
        <v>1411</v>
      </c>
      <c r="B23587" t="s">
        <v>47090</v>
      </c>
      <c r="C23587" t="s">
        <v>491</v>
      </c>
    </row>
    <row r="23588" spans="1:3" x14ac:dyDescent="0.15">
      <c r="A23588">
        <v>1410</v>
      </c>
      <c r="B23588" t="s">
        <v>47091</v>
      </c>
      <c r="C23588" t="s">
        <v>47092</v>
      </c>
    </row>
    <row r="23589" spans="1:3" x14ac:dyDescent="0.15">
      <c r="A23589">
        <v>1409</v>
      </c>
      <c r="B23589" t="s">
        <v>47093</v>
      </c>
      <c r="C23589" t="s">
        <v>47094</v>
      </c>
    </row>
    <row r="23590" spans="1:3" x14ac:dyDescent="0.15">
      <c r="A23590">
        <v>1408</v>
      </c>
      <c r="B23590" t="s">
        <v>47095</v>
      </c>
      <c r="C23590" t="s">
        <v>47096</v>
      </c>
    </row>
    <row r="23591" spans="1:3" x14ac:dyDescent="0.15">
      <c r="A23591">
        <v>1407</v>
      </c>
      <c r="B23591" t="s">
        <v>47097</v>
      </c>
      <c r="C23591" t="s">
        <v>47098</v>
      </c>
    </row>
    <row r="23592" spans="1:3" x14ac:dyDescent="0.15">
      <c r="A23592">
        <v>1406</v>
      </c>
      <c r="B23592" t="s">
        <v>47099</v>
      </c>
      <c r="C23592" t="s">
        <v>47100</v>
      </c>
    </row>
    <row r="23593" spans="1:3" x14ac:dyDescent="0.15">
      <c r="A23593">
        <v>1405</v>
      </c>
      <c r="B23593" t="s">
        <v>47101</v>
      </c>
      <c r="C23593" t="s">
        <v>47102</v>
      </c>
    </row>
    <row r="23594" spans="1:3" x14ac:dyDescent="0.15">
      <c r="A23594">
        <v>1404</v>
      </c>
      <c r="B23594" t="s">
        <v>47103</v>
      </c>
      <c r="C23594" t="s">
        <v>47104</v>
      </c>
    </row>
    <row r="23595" spans="1:3" x14ac:dyDescent="0.15">
      <c r="A23595">
        <v>1403</v>
      </c>
      <c r="B23595" t="s">
        <v>47105</v>
      </c>
      <c r="C23595" t="s">
        <v>47106</v>
      </c>
    </row>
    <row r="23596" spans="1:3" x14ac:dyDescent="0.15">
      <c r="A23596">
        <v>1402</v>
      </c>
      <c r="B23596" t="s">
        <v>47107</v>
      </c>
      <c r="C23596" t="s">
        <v>47108</v>
      </c>
    </row>
    <row r="23597" spans="1:3" x14ac:dyDescent="0.15">
      <c r="A23597">
        <v>1401</v>
      </c>
      <c r="B23597" t="s">
        <v>47109</v>
      </c>
      <c r="C23597" t="s">
        <v>47110</v>
      </c>
    </row>
    <row r="23598" spans="1:3" x14ac:dyDescent="0.15">
      <c r="A23598">
        <v>1400</v>
      </c>
      <c r="B23598" t="s">
        <v>47111</v>
      </c>
      <c r="C23598" t="s">
        <v>47112</v>
      </c>
    </row>
    <row r="23599" spans="1:3" x14ac:dyDescent="0.15">
      <c r="A23599">
        <v>1399</v>
      </c>
      <c r="B23599" t="s">
        <v>47113</v>
      </c>
      <c r="C23599" t="s">
        <v>47114</v>
      </c>
    </row>
    <row r="23600" spans="1:3" x14ac:dyDescent="0.15">
      <c r="A23600">
        <v>1398</v>
      </c>
      <c r="B23600" t="s">
        <v>47115</v>
      </c>
      <c r="C23600" t="s">
        <v>47116</v>
      </c>
    </row>
    <row r="23601" spans="1:3" x14ac:dyDescent="0.15">
      <c r="A23601">
        <v>1397</v>
      </c>
      <c r="B23601" t="s">
        <v>47117</v>
      </c>
      <c r="C23601" t="s">
        <v>47118</v>
      </c>
    </row>
    <row r="23602" spans="1:3" x14ac:dyDescent="0.15">
      <c r="A23602">
        <v>1396</v>
      </c>
      <c r="B23602" t="s">
        <v>47119</v>
      </c>
      <c r="C23602" t="s">
        <v>47120</v>
      </c>
    </row>
    <row r="23603" spans="1:3" x14ac:dyDescent="0.15">
      <c r="A23603">
        <v>1395</v>
      </c>
      <c r="B23603" t="s">
        <v>47121</v>
      </c>
      <c r="C23603" t="s">
        <v>47122</v>
      </c>
    </row>
    <row r="23604" spans="1:3" x14ac:dyDescent="0.15">
      <c r="A23604">
        <v>1394</v>
      </c>
      <c r="B23604" t="s">
        <v>47123</v>
      </c>
      <c r="C23604" t="s">
        <v>47124</v>
      </c>
    </row>
    <row r="23605" spans="1:3" x14ac:dyDescent="0.15">
      <c r="A23605">
        <v>1393</v>
      </c>
      <c r="B23605" t="s">
        <v>47125</v>
      </c>
      <c r="C23605" t="s">
        <v>47126</v>
      </c>
    </row>
    <row r="23606" spans="1:3" x14ac:dyDescent="0.15">
      <c r="A23606">
        <v>1392</v>
      </c>
      <c r="B23606" t="s">
        <v>47127</v>
      </c>
      <c r="C23606" t="s">
        <v>47128</v>
      </c>
    </row>
    <row r="23607" spans="1:3" x14ac:dyDescent="0.15">
      <c r="A23607">
        <v>1391</v>
      </c>
      <c r="B23607" t="s">
        <v>47129</v>
      </c>
      <c r="C23607" t="s">
        <v>47130</v>
      </c>
    </row>
    <row r="23608" spans="1:3" x14ac:dyDescent="0.15">
      <c r="A23608">
        <v>1390</v>
      </c>
      <c r="B23608" t="s">
        <v>47131</v>
      </c>
      <c r="C23608" t="s">
        <v>47132</v>
      </c>
    </row>
    <row r="23609" spans="1:3" x14ac:dyDescent="0.15">
      <c r="A23609">
        <v>1389</v>
      </c>
      <c r="B23609" t="s">
        <v>47133</v>
      </c>
      <c r="C23609" t="s">
        <v>47134</v>
      </c>
    </row>
    <row r="23610" spans="1:3" x14ac:dyDescent="0.15">
      <c r="A23610">
        <v>1388</v>
      </c>
      <c r="B23610" t="s">
        <v>47135</v>
      </c>
      <c r="C23610" t="s">
        <v>47136</v>
      </c>
    </row>
    <row r="23611" spans="1:3" x14ac:dyDescent="0.15">
      <c r="A23611">
        <v>1387</v>
      </c>
      <c r="B23611" t="s">
        <v>47137</v>
      </c>
      <c r="C23611" t="s">
        <v>47138</v>
      </c>
    </row>
    <row r="23612" spans="1:3" x14ac:dyDescent="0.15">
      <c r="A23612">
        <v>1386</v>
      </c>
      <c r="B23612" t="s">
        <v>47139</v>
      </c>
      <c r="C23612" t="s">
        <v>47140</v>
      </c>
    </row>
    <row r="23613" spans="1:3" x14ac:dyDescent="0.15">
      <c r="A23613">
        <v>1385</v>
      </c>
      <c r="B23613" t="s">
        <v>47141</v>
      </c>
      <c r="C23613" t="s">
        <v>47142</v>
      </c>
    </row>
    <row r="23614" spans="1:3" x14ac:dyDescent="0.15">
      <c r="A23614">
        <v>1384</v>
      </c>
      <c r="B23614" t="s">
        <v>47143</v>
      </c>
      <c r="C23614" t="s">
        <v>47144</v>
      </c>
    </row>
    <row r="23615" spans="1:3" x14ac:dyDescent="0.15">
      <c r="A23615">
        <v>1383</v>
      </c>
      <c r="B23615" t="s">
        <v>47145</v>
      </c>
      <c r="C23615" t="s">
        <v>47146</v>
      </c>
    </row>
    <row r="23616" spans="1:3" x14ac:dyDescent="0.15">
      <c r="A23616">
        <v>1382</v>
      </c>
      <c r="B23616" t="s">
        <v>47147</v>
      </c>
      <c r="C23616" t="s">
        <v>47148</v>
      </c>
    </row>
    <row r="23617" spans="1:3" x14ac:dyDescent="0.15">
      <c r="A23617">
        <v>1381</v>
      </c>
      <c r="B23617" t="s">
        <v>47149</v>
      </c>
      <c r="C23617" t="s">
        <v>47150</v>
      </c>
    </row>
    <row r="23618" spans="1:3" x14ac:dyDescent="0.15">
      <c r="A23618">
        <v>1380</v>
      </c>
      <c r="B23618" t="s">
        <v>47151</v>
      </c>
      <c r="C23618" t="s">
        <v>47152</v>
      </c>
    </row>
    <row r="23619" spans="1:3" x14ac:dyDescent="0.15">
      <c r="A23619">
        <v>1379</v>
      </c>
      <c r="B23619" t="s">
        <v>47153</v>
      </c>
      <c r="C23619" t="s">
        <v>47154</v>
      </c>
    </row>
    <row r="23620" spans="1:3" x14ac:dyDescent="0.15">
      <c r="A23620">
        <v>1378</v>
      </c>
      <c r="B23620" t="s">
        <v>47155</v>
      </c>
      <c r="C23620" t="s">
        <v>47156</v>
      </c>
    </row>
    <row r="23621" spans="1:3" x14ac:dyDescent="0.15">
      <c r="A23621">
        <v>1377</v>
      </c>
      <c r="B23621" t="s">
        <v>47157</v>
      </c>
      <c r="C23621" t="s">
        <v>47158</v>
      </c>
    </row>
    <row r="23622" spans="1:3" x14ac:dyDescent="0.15">
      <c r="A23622">
        <v>1376</v>
      </c>
      <c r="B23622" t="s">
        <v>47159</v>
      </c>
      <c r="C23622" t="s">
        <v>47160</v>
      </c>
    </row>
    <row r="23623" spans="1:3" x14ac:dyDescent="0.15">
      <c r="A23623">
        <v>1375</v>
      </c>
      <c r="B23623" t="s">
        <v>47161</v>
      </c>
      <c r="C23623" t="s">
        <v>47162</v>
      </c>
    </row>
    <row r="23624" spans="1:3" x14ac:dyDescent="0.15">
      <c r="A23624">
        <v>1374</v>
      </c>
      <c r="B23624" t="s">
        <v>47163</v>
      </c>
      <c r="C23624" t="s">
        <v>47164</v>
      </c>
    </row>
    <row r="23625" spans="1:3" x14ac:dyDescent="0.15">
      <c r="A23625">
        <v>1373</v>
      </c>
      <c r="B23625" t="s">
        <v>47165</v>
      </c>
      <c r="C23625" t="s">
        <v>47166</v>
      </c>
    </row>
    <row r="23626" spans="1:3" x14ac:dyDescent="0.15">
      <c r="A23626">
        <v>1372</v>
      </c>
      <c r="B23626" t="s">
        <v>47167</v>
      </c>
      <c r="C23626" t="s">
        <v>47168</v>
      </c>
    </row>
    <row r="23627" spans="1:3" x14ac:dyDescent="0.15">
      <c r="A23627">
        <v>1371</v>
      </c>
      <c r="B23627" t="s">
        <v>47169</v>
      </c>
      <c r="C23627" t="s">
        <v>47170</v>
      </c>
    </row>
    <row r="23628" spans="1:3" x14ac:dyDescent="0.15">
      <c r="A23628">
        <v>1370</v>
      </c>
      <c r="B23628" t="s">
        <v>47171</v>
      </c>
      <c r="C23628" t="s">
        <v>47172</v>
      </c>
    </row>
    <row r="23629" spans="1:3" x14ac:dyDescent="0.15">
      <c r="A23629">
        <v>1369</v>
      </c>
      <c r="B23629" t="s">
        <v>47173</v>
      </c>
      <c r="C23629" t="s">
        <v>47174</v>
      </c>
    </row>
    <row r="23630" spans="1:3" x14ac:dyDescent="0.15">
      <c r="A23630">
        <v>1368</v>
      </c>
      <c r="B23630" t="s">
        <v>47175</v>
      </c>
      <c r="C23630" t="s">
        <v>47176</v>
      </c>
    </row>
    <row r="23631" spans="1:3" x14ac:dyDescent="0.15">
      <c r="A23631">
        <v>1367</v>
      </c>
      <c r="B23631" t="s">
        <v>47177</v>
      </c>
      <c r="C23631" t="s">
        <v>47178</v>
      </c>
    </row>
    <row r="23632" spans="1:3" x14ac:dyDescent="0.15">
      <c r="A23632">
        <v>1366</v>
      </c>
      <c r="B23632" t="s">
        <v>47179</v>
      </c>
      <c r="C23632" t="s">
        <v>47180</v>
      </c>
    </row>
    <row r="23633" spans="1:3" x14ac:dyDescent="0.15">
      <c r="A23633">
        <v>1365</v>
      </c>
      <c r="B23633" t="s">
        <v>47181</v>
      </c>
      <c r="C23633" t="s">
        <v>47182</v>
      </c>
    </row>
    <row r="23634" spans="1:3" x14ac:dyDescent="0.15">
      <c r="A23634">
        <v>1364</v>
      </c>
      <c r="B23634" t="s">
        <v>47183</v>
      </c>
      <c r="C23634" t="s">
        <v>47184</v>
      </c>
    </row>
    <row r="23635" spans="1:3" x14ac:dyDescent="0.15">
      <c r="A23635">
        <v>1363</v>
      </c>
      <c r="B23635" t="s">
        <v>47185</v>
      </c>
      <c r="C23635" t="s">
        <v>47186</v>
      </c>
    </row>
    <row r="23636" spans="1:3" x14ac:dyDescent="0.15">
      <c r="A23636">
        <v>1362</v>
      </c>
      <c r="B23636" t="s">
        <v>47187</v>
      </c>
      <c r="C23636" t="s">
        <v>47188</v>
      </c>
    </row>
    <row r="23637" spans="1:3" x14ac:dyDescent="0.15">
      <c r="A23637">
        <v>1361</v>
      </c>
      <c r="B23637" t="s">
        <v>47189</v>
      </c>
      <c r="C23637" t="s">
        <v>47190</v>
      </c>
    </row>
    <row r="23638" spans="1:3" x14ac:dyDescent="0.15">
      <c r="A23638">
        <v>1360</v>
      </c>
      <c r="B23638" t="s">
        <v>47191</v>
      </c>
      <c r="C23638" t="s">
        <v>47192</v>
      </c>
    </row>
    <row r="23639" spans="1:3" x14ac:dyDescent="0.15">
      <c r="A23639">
        <v>1359</v>
      </c>
      <c r="B23639" t="s">
        <v>47193</v>
      </c>
      <c r="C23639" t="s">
        <v>47194</v>
      </c>
    </row>
    <row r="23640" spans="1:3" x14ac:dyDescent="0.15">
      <c r="A23640">
        <v>1358</v>
      </c>
      <c r="B23640" t="s">
        <v>47195</v>
      </c>
      <c r="C23640" t="s">
        <v>47196</v>
      </c>
    </row>
    <row r="23641" spans="1:3" x14ac:dyDescent="0.15">
      <c r="A23641">
        <v>1357</v>
      </c>
      <c r="B23641" t="s">
        <v>47197</v>
      </c>
      <c r="C23641" t="s">
        <v>47198</v>
      </c>
    </row>
    <row r="23642" spans="1:3" x14ac:dyDescent="0.15">
      <c r="A23642">
        <v>1356</v>
      </c>
      <c r="B23642" t="s">
        <v>47199</v>
      </c>
      <c r="C23642" t="s">
        <v>47200</v>
      </c>
    </row>
    <row r="23643" spans="1:3" x14ac:dyDescent="0.15">
      <c r="A23643">
        <v>1355</v>
      </c>
      <c r="B23643" t="s">
        <v>47201</v>
      </c>
      <c r="C23643" t="s">
        <v>47202</v>
      </c>
    </row>
    <row r="23644" spans="1:3" x14ac:dyDescent="0.15">
      <c r="A23644">
        <v>1354</v>
      </c>
      <c r="B23644" t="s">
        <v>47203</v>
      </c>
      <c r="C23644" t="s">
        <v>47204</v>
      </c>
    </row>
    <row r="23645" spans="1:3" x14ac:dyDescent="0.15">
      <c r="A23645">
        <v>1353</v>
      </c>
      <c r="B23645" t="s">
        <v>47205</v>
      </c>
      <c r="C23645" t="s">
        <v>47206</v>
      </c>
    </row>
    <row r="23646" spans="1:3" x14ac:dyDescent="0.15">
      <c r="A23646">
        <v>1352</v>
      </c>
      <c r="B23646" t="s">
        <v>47207</v>
      </c>
      <c r="C23646" t="s">
        <v>47208</v>
      </c>
    </row>
    <row r="23647" spans="1:3" x14ac:dyDescent="0.15">
      <c r="A23647">
        <v>1351</v>
      </c>
      <c r="B23647" t="s">
        <v>47209</v>
      </c>
      <c r="C23647" t="s">
        <v>47210</v>
      </c>
    </row>
    <row r="23648" spans="1:3" x14ac:dyDescent="0.15">
      <c r="A23648">
        <v>1350</v>
      </c>
      <c r="B23648" t="s">
        <v>47211</v>
      </c>
      <c r="C23648" t="s">
        <v>47212</v>
      </c>
    </row>
    <row r="23649" spans="1:3" x14ac:dyDescent="0.15">
      <c r="A23649">
        <v>1349</v>
      </c>
      <c r="B23649" t="s">
        <v>47213</v>
      </c>
      <c r="C23649" t="s">
        <v>47214</v>
      </c>
    </row>
    <row r="23650" spans="1:3" x14ac:dyDescent="0.15">
      <c r="A23650">
        <v>1348</v>
      </c>
      <c r="B23650" t="s">
        <v>47215</v>
      </c>
      <c r="C23650" t="s">
        <v>47216</v>
      </c>
    </row>
    <row r="23651" spans="1:3" x14ac:dyDescent="0.15">
      <c r="A23651">
        <v>1347</v>
      </c>
      <c r="B23651" t="s">
        <v>47217</v>
      </c>
      <c r="C23651" t="s">
        <v>47218</v>
      </c>
    </row>
    <row r="23652" spans="1:3" x14ac:dyDescent="0.15">
      <c r="A23652">
        <v>1346</v>
      </c>
      <c r="B23652" t="s">
        <v>47219</v>
      </c>
      <c r="C23652" t="s">
        <v>47220</v>
      </c>
    </row>
    <row r="23653" spans="1:3" x14ac:dyDescent="0.15">
      <c r="A23653">
        <v>1345</v>
      </c>
      <c r="B23653" t="s">
        <v>47221</v>
      </c>
      <c r="C23653" t="s">
        <v>47222</v>
      </c>
    </row>
    <row r="23654" spans="1:3" x14ac:dyDescent="0.15">
      <c r="A23654">
        <v>1344</v>
      </c>
      <c r="B23654" t="s">
        <v>47223</v>
      </c>
      <c r="C23654" t="s">
        <v>47224</v>
      </c>
    </row>
    <row r="23655" spans="1:3" x14ac:dyDescent="0.15">
      <c r="A23655">
        <v>1343</v>
      </c>
      <c r="B23655" t="s">
        <v>47225</v>
      </c>
      <c r="C23655" t="s">
        <v>47226</v>
      </c>
    </row>
    <row r="23656" spans="1:3" x14ac:dyDescent="0.15">
      <c r="A23656">
        <v>1342</v>
      </c>
      <c r="B23656" t="s">
        <v>47227</v>
      </c>
      <c r="C23656" t="s">
        <v>47228</v>
      </c>
    </row>
    <row r="23657" spans="1:3" x14ac:dyDescent="0.15">
      <c r="A23657">
        <v>1341</v>
      </c>
      <c r="B23657" t="s">
        <v>47229</v>
      </c>
      <c r="C23657" t="s">
        <v>47230</v>
      </c>
    </row>
    <row r="23658" spans="1:3" x14ac:dyDescent="0.15">
      <c r="A23658">
        <v>1340</v>
      </c>
      <c r="B23658" t="s">
        <v>47231</v>
      </c>
      <c r="C23658" t="s">
        <v>47232</v>
      </c>
    </row>
    <row r="23659" spans="1:3" x14ac:dyDescent="0.15">
      <c r="A23659">
        <v>1339</v>
      </c>
      <c r="B23659" t="s">
        <v>47233</v>
      </c>
      <c r="C23659" t="s">
        <v>47234</v>
      </c>
    </row>
    <row r="23660" spans="1:3" x14ac:dyDescent="0.15">
      <c r="A23660">
        <v>1338</v>
      </c>
      <c r="B23660" t="s">
        <v>47235</v>
      </c>
      <c r="C23660" t="s">
        <v>47236</v>
      </c>
    </row>
    <row r="23661" spans="1:3" x14ac:dyDescent="0.15">
      <c r="A23661">
        <v>1337</v>
      </c>
      <c r="B23661" t="s">
        <v>47237</v>
      </c>
      <c r="C23661" t="s">
        <v>47238</v>
      </c>
    </row>
    <row r="23662" spans="1:3" x14ac:dyDescent="0.15">
      <c r="A23662">
        <v>1336</v>
      </c>
      <c r="B23662" t="s">
        <v>47239</v>
      </c>
      <c r="C23662" t="s">
        <v>47240</v>
      </c>
    </row>
    <row r="23663" spans="1:3" x14ac:dyDescent="0.15">
      <c r="A23663">
        <v>1335</v>
      </c>
      <c r="B23663" t="s">
        <v>47241</v>
      </c>
      <c r="C23663" t="s">
        <v>47242</v>
      </c>
    </row>
    <row r="23664" spans="1:3" x14ac:dyDescent="0.15">
      <c r="A23664">
        <v>1334</v>
      </c>
      <c r="B23664" t="s">
        <v>47243</v>
      </c>
      <c r="C23664" t="s">
        <v>47244</v>
      </c>
    </row>
    <row r="23665" spans="1:3" x14ac:dyDescent="0.15">
      <c r="A23665">
        <v>1333</v>
      </c>
      <c r="B23665" t="s">
        <v>47245</v>
      </c>
      <c r="C23665" t="s">
        <v>47246</v>
      </c>
    </row>
    <row r="23666" spans="1:3" x14ac:dyDescent="0.15">
      <c r="A23666">
        <v>1332</v>
      </c>
      <c r="B23666" t="s">
        <v>47247</v>
      </c>
      <c r="C23666" t="s">
        <v>47248</v>
      </c>
    </row>
    <row r="23667" spans="1:3" x14ac:dyDescent="0.15">
      <c r="A23667">
        <v>1331</v>
      </c>
      <c r="B23667" t="s">
        <v>47249</v>
      </c>
      <c r="C23667" t="s">
        <v>47250</v>
      </c>
    </row>
    <row r="23668" spans="1:3" x14ac:dyDescent="0.15">
      <c r="A23668">
        <v>1330</v>
      </c>
      <c r="B23668" t="s">
        <v>47251</v>
      </c>
      <c r="C23668" t="s">
        <v>47252</v>
      </c>
    </row>
    <row r="23669" spans="1:3" x14ac:dyDescent="0.15">
      <c r="A23669">
        <v>1329</v>
      </c>
      <c r="B23669" t="s">
        <v>47253</v>
      </c>
      <c r="C23669" t="s">
        <v>47254</v>
      </c>
    </row>
    <row r="23670" spans="1:3" x14ac:dyDescent="0.15">
      <c r="A23670">
        <v>1328</v>
      </c>
      <c r="B23670" t="s">
        <v>47255</v>
      </c>
      <c r="C23670" t="s">
        <v>47256</v>
      </c>
    </row>
    <row r="23671" spans="1:3" x14ac:dyDescent="0.15">
      <c r="A23671">
        <v>1327</v>
      </c>
      <c r="B23671" t="s">
        <v>47257</v>
      </c>
      <c r="C23671" t="s">
        <v>47258</v>
      </c>
    </row>
    <row r="23672" spans="1:3" x14ac:dyDescent="0.15">
      <c r="A23672">
        <v>1326</v>
      </c>
      <c r="B23672" t="s">
        <v>47259</v>
      </c>
      <c r="C23672" t="s">
        <v>47260</v>
      </c>
    </row>
    <row r="23673" spans="1:3" x14ac:dyDescent="0.15">
      <c r="A23673">
        <v>1325</v>
      </c>
      <c r="B23673" t="s">
        <v>47261</v>
      </c>
      <c r="C23673" t="s">
        <v>47262</v>
      </c>
    </row>
    <row r="23674" spans="1:3" x14ac:dyDescent="0.15">
      <c r="A23674">
        <v>1324</v>
      </c>
      <c r="B23674" t="s">
        <v>47263</v>
      </c>
      <c r="C23674" t="s">
        <v>47264</v>
      </c>
    </row>
    <row r="23675" spans="1:3" x14ac:dyDescent="0.15">
      <c r="A23675">
        <v>1323</v>
      </c>
      <c r="B23675" t="s">
        <v>47265</v>
      </c>
      <c r="C23675" t="s">
        <v>47266</v>
      </c>
    </row>
    <row r="23676" spans="1:3" x14ac:dyDescent="0.15">
      <c r="A23676">
        <v>1322</v>
      </c>
      <c r="B23676" t="s">
        <v>47267</v>
      </c>
      <c r="C23676" t="s">
        <v>47268</v>
      </c>
    </row>
    <row r="23677" spans="1:3" x14ac:dyDescent="0.15">
      <c r="A23677">
        <v>1321</v>
      </c>
      <c r="B23677" t="s">
        <v>47269</v>
      </c>
      <c r="C23677" t="s">
        <v>47270</v>
      </c>
    </row>
    <row r="23678" spans="1:3" x14ac:dyDescent="0.15">
      <c r="A23678">
        <v>1320</v>
      </c>
      <c r="B23678" t="s">
        <v>47271</v>
      </c>
      <c r="C23678" t="s">
        <v>47272</v>
      </c>
    </row>
    <row r="23679" spans="1:3" x14ac:dyDescent="0.15">
      <c r="A23679">
        <v>1319</v>
      </c>
      <c r="B23679" t="s">
        <v>47273</v>
      </c>
      <c r="C23679" t="s">
        <v>47274</v>
      </c>
    </row>
    <row r="23680" spans="1:3" x14ac:dyDescent="0.15">
      <c r="A23680">
        <v>1318</v>
      </c>
      <c r="B23680" t="s">
        <v>47275</v>
      </c>
      <c r="C23680" t="s">
        <v>47276</v>
      </c>
    </row>
    <row r="23681" spans="1:3" x14ac:dyDescent="0.15">
      <c r="A23681">
        <v>1317</v>
      </c>
      <c r="B23681" t="s">
        <v>47277</v>
      </c>
      <c r="C23681" t="s">
        <v>47278</v>
      </c>
    </row>
    <row r="23682" spans="1:3" x14ac:dyDescent="0.15">
      <c r="A23682">
        <v>1316</v>
      </c>
      <c r="B23682" t="s">
        <v>47279</v>
      </c>
      <c r="C23682" t="s">
        <v>47280</v>
      </c>
    </row>
    <row r="23683" spans="1:3" x14ac:dyDescent="0.15">
      <c r="A23683">
        <v>1315</v>
      </c>
      <c r="B23683" t="s">
        <v>47281</v>
      </c>
      <c r="C23683" t="s">
        <v>47282</v>
      </c>
    </row>
    <row r="23684" spans="1:3" x14ac:dyDescent="0.15">
      <c r="A23684">
        <v>1314</v>
      </c>
      <c r="B23684" t="s">
        <v>47283</v>
      </c>
      <c r="C23684" t="s">
        <v>47284</v>
      </c>
    </row>
    <row r="23685" spans="1:3" x14ac:dyDescent="0.15">
      <c r="A23685">
        <v>1313</v>
      </c>
      <c r="B23685" t="s">
        <v>47285</v>
      </c>
      <c r="C23685" t="s">
        <v>47286</v>
      </c>
    </row>
    <row r="23686" spans="1:3" x14ac:dyDescent="0.15">
      <c r="A23686">
        <v>1312</v>
      </c>
      <c r="B23686" t="s">
        <v>47287</v>
      </c>
      <c r="C23686" t="s">
        <v>47288</v>
      </c>
    </row>
    <row r="23687" spans="1:3" x14ac:dyDescent="0.15">
      <c r="A23687">
        <v>1311</v>
      </c>
      <c r="B23687" t="s">
        <v>47289</v>
      </c>
      <c r="C23687" t="s">
        <v>47290</v>
      </c>
    </row>
    <row r="23688" spans="1:3" x14ac:dyDescent="0.15">
      <c r="A23688">
        <v>1310</v>
      </c>
      <c r="B23688" t="s">
        <v>47291</v>
      </c>
      <c r="C23688" t="s">
        <v>47292</v>
      </c>
    </row>
    <row r="23689" spans="1:3" x14ac:dyDescent="0.15">
      <c r="A23689">
        <v>1309</v>
      </c>
      <c r="B23689" t="s">
        <v>47293</v>
      </c>
      <c r="C23689" t="s">
        <v>47294</v>
      </c>
    </row>
    <row r="23690" spans="1:3" x14ac:dyDescent="0.15">
      <c r="A23690">
        <v>1308</v>
      </c>
      <c r="B23690" t="s">
        <v>47295</v>
      </c>
      <c r="C23690" t="s">
        <v>47296</v>
      </c>
    </row>
    <row r="23691" spans="1:3" x14ac:dyDescent="0.15">
      <c r="A23691">
        <v>1307</v>
      </c>
      <c r="B23691" t="s">
        <v>47297</v>
      </c>
      <c r="C23691" t="s">
        <v>47298</v>
      </c>
    </row>
    <row r="23692" spans="1:3" x14ac:dyDescent="0.15">
      <c r="A23692">
        <v>1306</v>
      </c>
      <c r="B23692" t="s">
        <v>47299</v>
      </c>
      <c r="C23692" t="s">
        <v>47300</v>
      </c>
    </row>
    <row r="23693" spans="1:3" x14ac:dyDescent="0.15">
      <c r="A23693">
        <v>1305</v>
      </c>
      <c r="B23693" t="s">
        <v>47301</v>
      </c>
      <c r="C23693" t="s">
        <v>47302</v>
      </c>
    </row>
    <row r="23694" spans="1:3" x14ac:dyDescent="0.15">
      <c r="A23694">
        <v>1304</v>
      </c>
      <c r="B23694" t="s">
        <v>47303</v>
      </c>
      <c r="C23694" t="s">
        <v>47304</v>
      </c>
    </row>
    <row r="23695" spans="1:3" x14ac:dyDescent="0.15">
      <c r="A23695">
        <v>1303</v>
      </c>
      <c r="B23695" t="s">
        <v>47305</v>
      </c>
      <c r="C23695" t="s">
        <v>47306</v>
      </c>
    </row>
    <row r="23696" spans="1:3" x14ac:dyDescent="0.15">
      <c r="A23696">
        <v>1302</v>
      </c>
      <c r="B23696" t="s">
        <v>47307</v>
      </c>
      <c r="C23696" t="s">
        <v>47308</v>
      </c>
    </row>
    <row r="23697" spans="1:3" x14ac:dyDescent="0.15">
      <c r="A23697">
        <v>1301</v>
      </c>
      <c r="B23697" t="s">
        <v>47309</v>
      </c>
      <c r="C23697" t="s">
        <v>47310</v>
      </c>
    </row>
    <row r="23698" spans="1:3" x14ac:dyDescent="0.15">
      <c r="A23698">
        <v>1300</v>
      </c>
      <c r="B23698" t="s">
        <v>47311</v>
      </c>
      <c r="C23698" t="s">
        <v>47312</v>
      </c>
    </row>
    <row r="23699" spans="1:3" x14ac:dyDescent="0.15">
      <c r="A23699">
        <v>1299</v>
      </c>
      <c r="B23699" t="s">
        <v>47313</v>
      </c>
      <c r="C23699" t="s">
        <v>47314</v>
      </c>
    </row>
    <row r="23700" spans="1:3" x14ac:dyDescent="0.15">
      <c r="A23700">
        <v>1298</v>
      </c>
      <c r="B23700" t="s">
        <v>47315</v>
      </c>
      <c r="C23700" t="s">
        <v>47316</v>
      </c>
    </row>
    <row r="23701" spans="1:3" x14ac:dyDescent="0.15">
      <c r="A23701">
        <v>1297</v>
      </c>
      <c r="B23701" t="s">
        <v>47317</v>
      </c>
      <c r="C23701" t="s">
        <v>47318</v>
      </c>
    </row>
    <row r="23702" spans="1:3" x14ac:dyDescent="0.15">
      <c r="A23702">
        <v>1296</v>
      </c>
      <c r="B23702" t="s">
        <v>47319</v>
      </c>
      <c r="C23702" t="s">
        <v>47320</v>
      </c>
    </row>
    <row r="23703" spans="1:3" x14ac:dyDescent="0.15">
      <c r="A23703">
        <v>1295</v>
      </c>
      <c r="B23703" t="s">
        <v>47321</v>
      </c>
      <c r="C23703" t="s">
        <v>47322</v>
      </c>
    </row>
    <row r="23704" spans="1:3" x14ac:dyDescent="0.15">
      <c r="A23704">
        <v>1294</v>
      </c>
      <c r="B23704" t="s">
        <v>47323</v>
      </c>
      <c r="C23704" t="s">
        <v>47324</v>
      </c>
    </row>
    <row r="23705" spans="1:3" x14ac:dyDescent="0.15">
      <c r="A23705">
        <v>1293</v>
      </c>
      <c r="B23705" t="s">
        <v>47325</v>
      </c>
      <c r="C23705" t="s">
        <v>47326</v>
      </c>
    </row>
    <row r="23706" spans="1:3" x14ac:dyDescent="0.15">
      <c r="A23706">
        <v>1292</v>
      </c>
      <c r="B23706" t="s">
        <v>47327</v>
      </c>
      <c r="C23706" t="s">
        <v>47328</v>
      </c>
    </row>
    <row r="23707" spans="1:3" x14ac:dyDescent="0.15">
      <c r="A23707">
        <v>1291</v>
      </c>
      <c r="B23707" t="s">
        <v>47329</v>
      </c>
      <c r="C23707" t="s">
        <v>47330</v>
      </c>
    </row>
    <row r="23708" spans="1:3" x14ac:dyDescent="0.15">
      <c r="A23708">
        <v>1290</v>
      </c>
      <c r="B23708" t="s">
        <v>47331</v>
      </c>
      <c r="C23708" t="s">
        <v>47332</v>
      </c>
    </row>
    <row r="23709" spans="1:3" x14ac:dyDescent="0.15">
      <c r="A23709">
        <v>1289</v>
      </c>
      <c r="B23709" t="s">
        <v>47333</v>
      </c>
      <c r="C23709" t="s">
        <v>47334</v>
      </c>
    </row>
    <row r="23710" spans="1:3" x14ac:dyDescent="0.15">
      <c r="A23710">
        <v>1288</v>
      </c>
      <c r="B23710" t="s">
        <v>47335</v>
      </c>
      <c r="C23710" t="s">
        <v>47336</v>
      </c>
    </row>
    <row r="23711" spans="1:3" x14ac:dyDescent="0.15">
      <c r="A23711">
        <v>1287</v>
      </c>
      <c r="B23711" t="s">
        <v>47337</v>
      </c>
      <c r="C23711" t="s">
        <v>47338</v>
      </c>
    </row>
    <row r="23712" spans="1:3" x14ac:dyDescent="0.15">
      <c r="A23712">
        <v>1286</v>
      </c>
      <c r="B23712" t="s">
        <v>47339</v>
      </c>
      <c r="C23712" t="s">
        <v>47340</v>
      </c>
    </row>
    <row r="23713" spans="1:3" x14ac:dyDescent="0.15">
      <c r="A23713">
        <v>1285</v>
      </c>
      <c r="B23713" t="s">
        <v>47341</v>
      </c>
      <c r="C23713" t="s">
        <v>47342</v>
      </c>
    </row>
    <row r="23714" spans="1:3" x14ac:dyDescent="0.15">
      <c r="A23714">
        <v>1284</v>
      </c>
      <c r="B23714" t="s">
        <v>47343</v>
      </c>
      <c r="C23714" t="s">
        <v>47344</v>
      </c>
    </row>
    <row r="23715" spans="1:3" x14ac:dyDescent="0.15">
      <c r="A23715">
        <v>1283</v>
      </c>
      <c r="B23715" t="s">
        <v>47345</v>
      </c>
      <c r="C23715" t="s">
        <v>47346</v>
      </c>
    </row>
    <row r="23716" spans="1:3" x14ac:dyDescent="0.15">
      <c r="A23716">
        <v>1282</v>
      </c>
      <c r="B23716" t="s">
        <v>47347</v>
      </c>
      <c r="C23716" t="s">
        <v>47348</v>
      </c>
    </row>
    <row r="23717" spans="1:3" x14ac:dyDescent="0.15">
      <c r="A23717">
        <v>1281</v>
      </c>
      <c r="B23717" t="s">
        <v>47349</v>
      </c>
      <c r="C23717" t="s">
        <v>47350</v>
      </c>
    </row>
    <row r="23718" spans="1:3" x14ac:dyDescent="0.15">
      <c r="A23718">
        <v>1280</v>
      </c>
      <c r="B23718" t="s">
        <v>47351</v>
      </c>
      <c r="C23718" t="s">
        <v>47352</v>
      </c>
    </row>
    <row r="23719" spans="1:3" x14ac:dyDescent="0.15">
      <c r="A23719">
        <v>1279</v>
      </c>
      <c r="B23719" t="s">
        <v>47353</v>
      </c>
      <c r="C23719" t="s">
        <v>47354</v>
      </c>
    </row>
    <row r="23720" spans="1:3" x14ac:dyDescent="0.15">
      <c r="A23720">
        <v>1278</v>
      </c>
      <c r="B23720" t="s">
        <v>47355</v>
      </c>
      <c r="C23720" t="s">
        <v>47356</v>
      </c>
    </row>
    <row r="23721" spans="1:3" x14ac:dyDescent="0.15">
      <c r="A23721">
        <v>1277</v>
      </c>
      <c r="B23721" t="s">
        <v>47357</v>
      </c>
      <c r="C23721" t="s">
        <v>47358</v>
      </c>
    </row>
    <row r="23722" spans="1:3" x14ac:dyDescent="0.15">
      <c r="A23722">
        <v>1276</v>
      </c>
      <c r="B23722" t="s">
        <v>47359</v>
      </c>
      <c r="C23722" t="s">
        <v>47360</v>
      </c>
    </row>
    <row r="23723" spans="1:3" x14ac:dyDescent="0.15">
      <c r="A23723">
        <v>1275</v>
      </c>
      <c r="B23723" t="s">
        <v>47361</v>
      </c>
      <c r="C23723" t="s">
        <v>47362</v>
      </c>
    </row>
    <row r="23724" spans="1:3" x14ac:dyDescent="0.15">
      <c r="A23724">
        <v>1274</v>
      </c>
      <c r="B23724" t="s">
        <v>47363</v>
      </c>
      <c r="C23724" t="s">
        <v>47364</v>
      </c>
    </row>
    <row r="23725" spans="1:3" x14ac:dyDescent="0.15">
      <c r="A23725">
        <v>1273</v>
      </c>
      <c r="B23725" t="s">
        <v>47365</v>
      </c>
      <c r="C23725" t="s">
        <v>47366</v>
      </c>
    </row>
    <row r="23726" spans="1:3" x14ac:dyDescent="0.15">
      <c r="A23726">
        <v>1272</v>
      </c>
      <c r="B23726" t="s">
        <v>47367</v>
      </c>
      <c r="C23726" t="s">
        <v>47368</v>
      </c>
    </row>
    <row r="23727" spans="1:3" x14ac:dyDescent="0.15">
      <c r="A23727">
        <v>1271</v>
      </c>
      <c r="B23727" t="s">
        <v>47369</v>
      </c>
      <c r="C23727" t="s">
        <v>47370</v>
      </c>
    </row>
    <row r="23728" spans="1:3" x14ac:dyDescent="0.15">
      <c r="A23728">
        <v>1270</v>
      </c>
      <c r="B23728" t="s">
        <v>47371</v>
      </c>
      <c r="C23728" t="s">
        <v>47372</v>
      </c>
    </row>
    <row r="23729" spans="1:3" x14ac:dyDescent="0.15">
      <c r="A23729">
        <v>1269</v>
      </c>
      <c r="B23729" t="s">
        <v>47373</v>
      </c>
      <c r="C23729" t="s">
        <v>47374</v>
      </c>
    </row>
    <row r="23730" spans="1:3" x14ac:dyDescent="0.15">
      <c r="A23730">
        <v>1268</v>
      </c>
      <c r="B23730" t="s">
        <v>47375</v>
      </c>
      <c r="C23730" t="s">
        <v>47376</v>
      </c>
    </row>
    <row r="23731" spans="1:3" x14ac:dyDescent="0.15">
      <c r="A23731">
        <v>1267</v>
      </c>
      <c r="B23731" t="s">
        <v>47377</v>
      </c>
      <c r="C23731" t="s">
        <v>47378</v>
      </c>
    </row>
    <row r="23732" spans="1:3" x14ac:dyDescent="0.15">
      <c r="A23732">
        <v>1266</v>
      </c>
      <c r="B23732" t="s">
        <v>47379</v>
      </c>
      <c r="C23732" t="s">
        <v>47380</v>
      </c>
    </row>
    <row r="23733" spans="1:3" x14ac:dyDescent="0.15">
      <c r="A23733">
        <v>1265</v>
      </c>
      <c r="B23733" t="s">
        <v>47381</v>
      </c>
      <c r="C23733" t="s">
        <v>47382</v>
      </c>
    </row>
    <row r="23734" spans="1:3" x14ac:dyDescent="0.15">
      <c r="A23734">
        <v>1264</v>
      </c>
      <c r="B23734" t="s">
        <v>47383</v>
      </c>
      <c r="C23734" t="s">
        <v>47384</v>
      </c>
    </row>
    <row r="23735" spans="1:3" x14ac:dyDescent="0.15">
      <c r="A23735">
        <v>1263</v>
      </c>
      <c r="B23735" t="s">
        <v>47385</v>
      </c>
      <c r="C23735" t="s">
        <v>47386</v>
      </c>
    </row>
    <row r="23736" spans="1:3" x14ac:dyDescent="0.15">
      <c r="A23736">
        <v>1262</v>
      </c>
      <c r="B23736" t="s">
        <v>47387</v>
      </c>
      <c r="C23736" t="s">
        <v>47388</v>
      </c>
    </row>
    <row r="23737" spans="1:3" x14ac:dyDescent="0.15">
      <c r="A23737">
        <v>1261</v>
      </c>
      <c r="B23737" t="s">
        <v>47389</v>
      </c>
      <c r="C23737" t="s">
        <v>47390</v>
      </c>
    </row>
    <row r="23738" spans="1:3" x14ac:dyDescent="0.15">
      <c r="A23738">
        <v>1260</v>
      </c>
      <c r="B23738" t="s">
        <v>47391</v>
      </c>
      <c r="C23738" t="s">
        <v>47392</v>
      </c>
    </row>
    <row r="23739" spans="1:3" x14ac:dyDescent="0.15">
      <c r="A23739">
        <v>1259</v>
      </c>
      <c r="B23739" t="s">
        <v>47393</v>
      </c>
      <c r="C23739" t="s">
        <v>47394</v>
      </c>
    </row>
    <row r="23740" spans="1:3" x14ac:dyDescent="0.15">
      <c r="A23740">
        <v>1258</v>
      </c>
      <c r="B23740" t="s">
        <v>47395</v>
      </c>
      <c r="C23740" t="s">
        <v>47396</v>
      </c>
    </row>
    <row r="23741" spans="1:3" x14ac:dyDescent="0.15">
      <c r="A23741">
        <v>1257</v>
      </c>
      <c r="B23741" t="s">
        <v>47397</v>
      </c>
      <c r="C23741" t="s">
        <v>47398</v>
      </c>
    </row>
    <row r="23742" spans="1:3" x14ac:dyDescent="0.15">
      <c r="A23742">
        <v>1256</v>
      </c>
      <c r="B23742" t="s">
        <v>47399</v>
      </c>
      <c r="C23742" t="s">
        <v>47400</v>
      </c>
    </row>
    <row r="23743" spans="1:3" x14ac:dyDescent="0.15">
      <c r="A23743">
        <v>1255</v>
      </c>
      <c r="B23743" t="s">
        <v>47401</v>
      </c>
      <c r="C23743" t="s">
        <v>47402</v>
      </c>
    </row>
    <row r="23744" spans="1:3" x14ac:dyDescent="0.15">
      <c r="A23744">
        <v>1254</v>
      </c>
      <c r="B23744" t="s">
        <v>47403</v>
      </c>
      <c r="C23744" t="s">
        <v>47404</v>
      </c>
    </row>
    <row r="23745" spans="1:3" x14ac:dyDescent="0.15">
      <c r="A23745">
        <v>1253</v>
      </c>
      <c r="B23745" t="s">
        <v>47405</v>
      </c>
      <c r="C23745" t="s">
        <v>47406</v>
      </c>
    </row>
    <row r="23746" spans="1:3" x14ac:dyDescent="0.15">
      <c r="A23746">
        <v>1252</v>
      </c>
      <c r="B23746" t="s">
        <v>47407</v>
      </c>
      <c r="C23746" t="s">
        <v>47408</v>
      </c>
    </row>
    <row r="23747" spans="1:3" x14ac:dyDescent="0.15">
      <c r="A23747">
        <v>1251</v>
      </c>
      <c r="B23747" t="s">
        <v>47409</v>
      </c>
      <c r="C23747" t="s">
        <v>47410</v>
      </c>
    </row>
    <row r="23748" spans="1:3" x14ac:dyDescent="0.15">
      <c r="A23748">
        <v>1250</v>
      </c>
      <c r="B23748" t="s">
        <v>47411</v>
      </c>
      <c r="C23748" t="s">
        <v>47412</v>
      </c>
    </row>
    <row r="23749" spans="1:3" x14ac:dyDescent="0.15">
      <c r="A23749">
        <v>1249</v>
      </c>
      <c r="B23749" t="s">
        <v>47413</v>
      </c>
      <c r="C23749" t="s">
        <v>47414</v>
      </c>
    </row>
    <row r="23750" spans="1:3" x14ac:dyDescent="0.15">
      <c r="A23750">
        <v>1248</v>
      </c>
      <c r="B23750" t="s">
        <v>47415</v>
      </c>
      <c r="C23750" t="s">
        <v>47416</v>
      </c>
    </row>
    <row r="23751" spans="1:3" x14ac:dyDescent="0.15">
      <c r="A23751">
        <v>1247</v>
      </c>
      <c r="B23751" t="s">
        <v>47417</v>
      </c>
      <c r="C23751" t="s">
        <v>47418</v>
      </c>
    </row>
    <row r="23752" spans="1:3" x14ac:dyDescent="0.15">
      <c r="A23752">
        <v>1246</v>
      </c>
      <c r="B23752" t="s">
        <v>47419</v>
      </c>
      <c r="C23752" t="s">
        <v>47420</v>
      </c>
    </row>
    <row r="23753" spans="1:3" x14ac:dyDescent="0.15">
      <c r="A23753">
        <v>1245</v>
      </c>
      <c r="B23753" t="s">
        <v>47421</v>
      </c>
      <c r="C23753" t="s">
        <v>491</v>
      </c>
    </row>
    <row r="23754" spans="1:3" x14ac:dyDescent="0.15">
      <c r="A23754">
        <v>1244</v>
      </c>
      <c r="B23754" t="s">
        <v>47422</v>
      </c>
      <c r="C23754" t="s">
        <v>47423</v>
      </c>
    </row>
    <row r="23755" spans="1:3" x14ac:dyDescent="0.15">
      <c r="A23755">
        <v>1243</v>
      </c>
      <c r="B23755" t="s">
        <v>47424</v>
      </c>
      <c r="C23755" t="s">
        <v>47425</v>
      </c>
    </row>
    <row r="23756" spans="1:3" x14ac:dyDescent="0.15">
      <c r="A23756">
        <v>1242</v>
      </c>
      <c r="B23756" t="s">
        <v>47426</v>
      </c>
      <c r="C23756" t="s">
        <v>47427</v>
      </c>
    </row>
    <row r="23757" spans="1:3" x14ac:dyDescent="0.15">
      <c r="A23757">
        <v>1241</v>
      </c>
      <c r="B23757" t="s">
        <v>47428</v>
      </c>
      <c r="C23757" t="s">
        <v>47429</v>
      </c>
    </row>
    <row r="23758" spans="1:3" x14ac:dyDescent="0.15">
      <c r="A23758">
        <v>1240</v>
      </c>
      <c r="B23758" t="s">
        <v>47430</v>
      </c>
      <c r="C23758" t="s">
        <v>47431</v>
      </c>
    </row>
    <row r="23759" spans="1:3" x14ac:dyDescent="0.15">
      <c r="A23759">
        <v>1239</v>
      </c>
      <c r="B23759" t="s">
        <v>47432</v>
      </c>
      <c r="C23759" t="s">
        <v>47433</v>
      </c>
    </row>
    <row r="23760" spans="1:3" x14ac:dyDescent="0.15">
      <c r="A23760">
        <v>1238</v>
      </c>
      <c r="B23760" t="s">
        <v>47434</v>
      </c>
      <c r="C23760" t="s">
        <v>47435</v>
      </c>
    </row>
    <row r="23761" spans="1:3" x14ac:dyDescent="0.15">
      <c r="A23761">
        <v>1237</v>
      </c>
      <c r="B23761" t="s">
        <v>47436</v>
      </c>
      <c r="C23761" t="s">
        <v>47437</v>
      </c>
    </row>
    <row r="23762" spans="1:3" x14ac:dyDescent="0.15">
      <c r="A23762">
        <v>1236</v>
      </c>
      <c r="B23762" t="s">
        <v>47438</v>
      </c>
      <c r="C23762" t="s">
        <v>47439</v>
      </c>
    </row>
    <row r="23763" spans="1:3" x14ac:dyDescent="0.15">
      <c r="A23763">
        <v>1235</v>
      </c>
      <c r="B23763" t="s">
        <v>47440</v>
      </c>
      <c r="C23763" t="s">
        <v>47441</v>
      </c>
    </row>
    <row r="23764" spans="1:3" x14ac:dyDescent="0.15">
      <c r="A23764">
        <v>1234</v>
      </c>
      <c r="B23764" t="s">
        <v>47442</v>
      </c>
      <c r="C23764" t="s">
        <v>47443</v>
      </c>
    </row>
    <row r="23765" spans="1:3" x14ac:dyDescent="0.15">
      <c r="A23765">
        <v>1233</v>
      </c>
      <c r="B23765" t="s">
        <v>47444</v>
      </c>
      <c r="C23765" t="s">
        <v>47445</v>
      </c>
    </row>
    <row r="23766" spans="1:3" x14ac:dyDescent="0.15">
      <c r="A23766">
        <v>1232</v>
      </c>
      <c r="B23766" t="s">
        <v>47446</v>
      </c>
      <c r="C23766" t="s">
        <v>47447</v>
      </c>
    </row>
    <row r="23767" spans="1:3" x14ac:dyDescent="0.15">
      <c r="A23767">
        <v>1231</v>
      </c>
      <c r="B23767" t="s">
        <v>47448</v>
      </c>
      <c r="C23767" t="s">
        <v>47449</v>
      </c>
    </row>
    <row r="23768" spans="1:3" x14ac:dyDescent="0.15">
      <c r="A23768">
        <v>1230</v>
      </c>
      <c r="B23768" t="s">
        <v>47450</v>
      </c>
      <c r="C23768" t="s">
        <v>47451</v>
      </c>
    </row>
    <row r="23769" spans="1:3" x14ac:dyDescent="0.15">
      <c r="A23769">
        <v>1229</v>
      </c>
      <c r="B23769" t="s">
        <v>47452</v>
      </c>
      <c r="C23769" t="s">
        <v>47453</v>
      </c>
    </row>
    <row r="23770" spans="1:3" x14ac:dyDescent="0.15">
      <c r="A23770">
        <v>1228</v>
      </c>
      <c r="B23770" t="s">
        <v>47454</v>
      </c>
      <c r="C23770" t="s">
        <v>47455</v>
      </c>
    </row>
    <row r="23771" spans="1:3" x14ac:dyDescent="0.15">
      <c r="A23771">
        <v>1227</v>
      </c>
      <c r="B23771" t="s">
        <v>47456</v>
      </c>
      <c r="C23771" t="s">
        <v>47457</v>
      </c>
    </row>
    <row r="23772" spans="1:3" x14ac:dyDescent="0.15">
      <c r="A23772">
        <v>1226</v>
      </c>
      <c r="B23772" t="s">
        <v>47458</v>
      </c>
      <c r="C23772" t="s">
        <v>47459</v>
      </c>
    </row>
    <row r="23773" spans="1:3" x14ac:dyDescent="0.15">
      <c r="A23773">
        <v>1225</v>
      </c>
      <c r="B23773" t="s">
        <v>47460</v>
      </c>
      <c r="C23773" t="s">
        <v>47461</v>
      </c>
    </row>
    <row r="23774" spans="1:3" x14ac:dyDescent="0.15">
      <c r="A23774">
        <v>1224</v>
      </c>
      <c r="B23774" t="s">
        <v>47462</v>
      </c>
      <c r="C23774" t="s">
        <v>47463</v>
      </c>
    </row>
    <row r="23775" spans="1:3" x14ac:dyDescent="0.15">
      <c r="A23775">
        <v>1223</v>
      </c>
      <c r="B23775" t="s">
        <v>47464</v>
      </c>
      <c r="C23775" t="s">
        <v>47465</v>
      </c>
    </row>
    <row r="23776" spans="1:3" x14ac:dyDescent="0.15">
      <c r="A23776">
        <v>1222</v>
      </c>
      <c r="B23776" t="s">
        <v>47466</v>
      </c>
      <c r="C23776" t="s">
        <v>47467</v>
      </c>
    </row>
    <row r="23777" spans="1:3" x14ac:dyDescent="0.15">
      <c r="A23777">
        <v>1221</v>
      </c>
      <c r="B23777" t="s">
        <v>47468</v>
      </c>
      <c r="C23777" t="s">
        <v>47469</v>
      </c>
    </row>
    <row r="23778" spans="1:3" x14ac:dyDescent="0.15">
      <c r="A23778">
        <v>1220</v>
      </c>
      <c r="B23778" t="s">
        <v>47470</v>
      </c>
      <c r="C23778" t="s">
        <v>47471</v>
      </c>
    </row>
    <row r="23779" spans="1:3" x14ac:dyDescent="0.15">
      <c r="A23779">
        <v>1219</v>
      </c>
      <c r="B23779" t="s">
        <v>47472</v>
      </c>
      <c r="C23779" t="s">
        <v>47473</v>
      </c>
    </row>
    <row r="23780" spans="1:3" x14ac:dyDescent="0.15">
      <c r="A23780">
        <v>1218</v>
      </c>
      <c r="B23780" t="s">
        <v>47474</v>
      </c>
      <c r="C23780" t="s">
        <v>47475</v>
      </c>
    </row>
    <row r="23781" spans="1:3" x14ac:dyDescent="0.15">
      <c r="A23781">
        <v>1217</v>
      </c>
      <c r="B23781" t="s">
        <v>47476</v>
      </c>
      <c r="C23781" t="s">
        <v>47477</v>
      </c>
    </row>
    <row r="23782" spans="1:3" x14ac:dyDescent="0.15">
      <c r="A23782">
        <v>1216</v>
      </c>
      <c r="B23782" t="s">
        <v>47478</v>
      </c>
      <c r="C23782" t="s">
        <v>47479</v>
      </c>
    </row>
    <row r="23783" spans="1:3" x14ac:dyDescent="0.15">
      <c r="A23783">
        <v>1215</v>
      </c>
      <c r="B23783" t="s">
        <v>47480</v>
      </c>
      <c r="C23783" t="s">
        <v>47481</v>
      </c>
    </row>
    <row r="23784" spans="1:3" x14ac:dyDescent="0.15">
      <c r="A23784">
        <v>1214</v>
      </c>
      <c r="B23784" t="s">
        <v>47482</v>
      </c>
      <c r="C23784" t="s">
        <v>47483</v>
      </c>
    </row>
    <row r="23785" spans="1:3" x14ac:dyDescent="0.15">
      <c r="A23785">
        <v>1213</v>
      </c>
      <c r="B23785" t="s">
        <v>47484</v>
      </c>
      <c r="C23785" t="s">
        <v>47485</v>
      </c>
    </row>
    <row r="23786" spans="1:3" x14ac:dyDescent="0.15">
      <c r="A23786">
        <v>1212</v>
      </c>
      <c r="B23786" t="s">
        <v>47486</v>
      </c>
      <c r="C23786" t="s">
        <v>47487</v>
      </c>
    </row>
    <row r="23787" spans="1:3" x14ac:dyDescent="0.15">
      <c r="A23787">
        <v>1211</v>
      </c>
      <c r="B23787" t="s">
        <v>47488</v>
      </c>
      <c r="C23787" t="s">
        <v>47489</v>
      </c>
    </row>
    <row r="23788" spans="1:3" x14ac:dyDescent="0.15">
      <c r="A23788">
        <v>1210</v>
      </c>
      <c r="B23788" t="s">
        <v>47490</v>
      </c>
      <c r="C23788" t="s">
        <v>47491</v>
      </c>
    </row>
    <row r="23789" spans="1:3" x14ac:dyDescent="0.15">
      <c r="A23789">
        <v>1209</v>
      </c>
      <c r="B23789" t="s">
        <v>47492</v>
      </c>
      <c r="C23789" t="s">
        <v>47493</v>
      </c>
    </row>
    <row r="23790" spans="1:3" x14ac:dyDescent="0.15">
      <c r="A23790">
        <v>1208</v>
      </c>
      <c r="B23790" t="s">
        <v>47494</v>
      </c>
      <c r="C23790" t="s">
        <v>47495</v>
      </c>
    </row>
    <row r="23791" spans="1:3" x14ac:dyDescent="0.15">
      <c r="A23791">
        <v>1207</v>
      </c>
      <c r="B23791" t="s">
        <v>47496</v>
      </c>
      <c r="C23791" t="s">
        <v>47497</v>
      </c>
    </row>
    <row r="23792" spans="1:3" x14ac:dyDescent="0.15">
      <c r="A23792">
        <v>1206</v>
      </c>
      <c r="B23792" t="s">
        <v>47498</v>
      </c>
      <c r="C23792" t="s">
        <v>47499</v>
      </c>
    </row>
    <row r="23793" spans="1:3" x14ac:dyDescent="0.15">
      <c r="A23793">
        <v>1205</v>
      </c>
      <c r="B23793" t="s">
        <v>47500</v>
      </c>
      <c r="C23793" t="s">
        <v>47501</v>
      </c>
    </row>
    <row r="23794" spans="1:3" x14ac:dyDescent="0.15">
      <c r="A23794">
        <v>1204</v>
      </c>
      <c r="B23794" t="s">
        <v>47502</v>
      </c>
      <c r="C23794" t="s">
        <v>47503</v>
      </c>
    </row>
    <row r="23795" spans="1:3" x14ac:dyDescent="0.15">
      <c r="A23795">
        <v>1203</v>
      </c>
      <c r="B23795" t="s">
        <v>47504</v>
      </c>
      <c r="C23795" t="s">
        <v>47505</v>
      </c>
    </row>
    <row r="23796" spans="1:3" x14ac:dyDescent="0.15">
      <c r="A23796">
        <v>1202</v>
      </c>
      <c r="B23796" t="s">
        <v>47506</v>
      </c>
      <c r="C23796" t="s">
        <v>47507</v>
      </c>
    </row>
    <row r="23797" spans="1:3" x14ac:dyDescent="0.15">
      <c r="A23797">
        <v>1201</v>
      </c>
      <c r="B23797" t="s">
        <v>47508</v>
      </c>
      <c r="C23797" t="s">
        <v>47509</v>
      </c>
    </row>
    <row r="23798" spans="1:3" x14ac:dyDescent="0.15">
      <c r="A23798">
        <v>1200</v>
      </c>
      <c r="B23798" t="s">
        <v>47510</v>
      </c>
      <c r="C23798" t="s">
        <v>47511</v>
      </c>
    </row>
    <row r="23799" spans="1:3" x14ac:dyDescent="0.15">
      <c r="A23799">
        <v>1199</v>
      </c>
      <c r="B23799" t="s">
        <v>47512</v>
      </c>
      <c r="C23799" t="s">
        <v>47513</v>
      </c>
    </row>
    <row r="23800" spans="1:3" x14ac:dyDescent="0.15">
      <c r="A23800">
        <v>1198</v>
      </c>
      <c r="B23800" t="s">
        <v>47514</v>
      </c>
      <c r="C23800" t="s">
        <v>47515</v>
      </c>
    </row>
    <row r="23801" spans="1:3" x14ac:dyDescent="0.15">
      <c r="A23801">
        <v>1197</v>
      </c>
      <c r="B23801" t="s">
        <v>47516</v>
      </c>
      <c r="C23801" t="s">
        <v>47517</v>
      </c>
    </row>
    <row r="23802" spans="1:3" x14ac:dyDescent="0.15">
      <c r="A23802">
        <v>1196</v>
      </c>
      <c r="B23802" t="s">
        <v>47518</v>
      </c>
      <c r="C23802" t="s">
        <v>47519</v>
      </c>
    </row>
    <row r="23803" spans="1:3" x14ac:dyDescent="0.15">
      <c r="A23803">
        <v>1195</v>
      </c>
      <c r="B23803" t="s">
        <v>47520</v>
      </c>
      <c r="C23803" t="s">
        <v>47521</v>
      </c>
    </row>
    <row r="23804" spans="1:3" x14ac:dyDescent="0.15">
      <c r="A23804">
        <v>1194</v>
      </c>
      <c r="B23804" t="s">
        <v>47522</v>
      </c>
      <c r="C23804" t="s">
        <v>47523</v>
      </c>
    </row>
    <row r="23805" spans="1:3" x14ac:dyDescent="0.15">
      <c r="A23805">
        <v>1193</v>
      </c>
      <c r="B23805" t="s">
        <v>47524</v>
      </c>
      <c r="C23805" t="s">
        <v>47525</v>
      </c>
    </row>
    <row r="23806" spans="1:3" x14ac:dyDescent="0.15">
      <c r="A23806">
        <v>1192</v>
      </c>
      <c r="B23806" t="s">
        <v>47526</v>
      </c>
      <c r="C23806" t="s">
        <v>47527</v>
      </c>
    </row>
    <row r="23807" spans="1:3" x14ac:dyDescent="0.15">
      <c r="A23807">
        <v>1191</v>
      </c>
      <c r="B23807" t="s">
        <v>47528</v>
      </c>
      <c r="C23807" t="s">
        <v>47529</v>
      </c>
    </row>
    <row r="23808" spans="1:3" x14ac:dyDescent="0.15">
      <c r="A23808">
        <v>1190</v>
      </c>
      <c r="B23808" t="s">
        <v>47530</v>
      </c>
      <c r="C23808" t="s">
        <v>47531</v>
      </c>
    </row>
    <row r="23809" spans="1:3" x14ac:dyDescent="0.15">
      <c r="A23809">
        <v>1189</v>
      </c>
      <c r="B23809" t="s">
        <v>47532</v>
      </c>
      <c r="C23809" t="s">
        <v>47533</v>
      </c>
    </row>
    <row r="23810" spans="1:3" x14ac:dyDescent="0.15">
      <c r="A23810">
        <v>1188</v>
      </c>
      <c r="B23810" t="s">
        <v>47534</v>
      </c>
      <c r="C23810" t="s">
        <v>47535</v>
      </c>
    </row>
    <row r="23811" spans="1:3" x14ac:dyDescent="0.15">
      <c r="A23811">
        <v>1187</v>
      </c>
      <c r="B23811" t="s">
        <v>47536</v>
      </c>
      <c r="C23811" t="s">
        <v>47537</v>
      </c>
    </row>
    <row r="23812" spans="1:3" x14ac:dyDescent="0.15">
      <c r="A23812">
        <v>1186</v>
      </c>
      <c r="B23812" t="s">
        <v>47538</v>
      </c>
      <c r="C23812" t="s">
        <v>47539</v>
      </c>
    </row>
    <row r="23813" spans="1:3" x14ac:dyDescent="0.15">
      <c r="A23813">
        <v>1185</v>
      </c>
      <c r="B23813" t="s">
        <v>47540</v>
      </c>
      <c r="C23813" t="s">
        <v>47541</v>
      </c>
    </row>
    <row r="23814" spans="1:3" x14ac:dyDescent="0.15">
      <c r="A23814">
        <v>1184</v>
      </c>
      <c r="B23814" t="s">
        <v>47542</v>
      </c>
      <c r="C23814" t="s">
        <v>47543</v>
      </c>
    </row>
    <row r="23815" spans="1:3" x14ac:dyDescent="0.15">
      <c r="A23815">
        <v>1183</v>
      </c>
      <c r="B23815" t="s">
        <v>47544</v>
      </c>
      <c r="C23815" t="s">
        <v>47545</v>
      </c>
    </row>
    <row r="23816" spans="1:3" x14ac:dyDescent="0.15">
      <c r="A23816">
        <v>1182</v>
      </c>
      <c r="B23816" t="s">
        <v>47546</v>
      </c>
      <c r="C23816" t="s">
        <v>47547</v>
      </c>
    </row>
    <row r="23817" spans="1:3" x14ac:dyDescent="0.15">
      <c r="A23817">
        <v>1181</v>
      </c>
      <c r="B23817" t="s">
        <v>47548</v>
      </c>
      <c r="C23817" t="s">
        <v>47549</v>
      </c>
    </row>
    <row r="23818" spans="1:3" x14ac:dyDescent="0.15">
      <c r="A23818">
        <v>1180</v>
      </c>
      <c r="B23818" t="s">
        <v>47550</v>
      </c>
      <c r="C23818" t="s">
        <v>47551</v>
      </c>
    </row>
    <row r="23819" spans="1:3" x14ac:dyDescent="0.15">
      <c r="A23819">
        <v>1179</v>
      </c>
      <c r="B23819" t="s">
        <v>47552</v>
      </c>
      <c r="C23819" t="s">
        <v>47553</v>
      </c>
    </row>
    <row r="23820" spans="1:3" x14ac:dyDescent="0.15">
      <c r="A23820">
        <v>1178</v>
      </c>
      <c r="B23820" t="s">
        <v>47554</v>
      </c>
      <c r="C23820" t="s">
        <v>47555</v>
      </c>
    </row>
    <row r="23821" spans="1:3" x14ac:dyDescent="0.15">
      <c r="A23821">
        <v>1177</v>
      </c>
      <c r="B23821" t="s">
        <v>47556</v>
      </c>
      <c r="C23821" t="s">
        <v>47557</v>
      </c>
    </row>
    <row r="23822" spans="1:3" x14ac:dyDescent="0.15">
      <c r="A23822">
        <v>1176</v>
      </c>
      <c r="B23822" t="s">
        <v>47558</v>
      </c>
      <c r="C23822" t="s">
        <v>47559</v>
      </c>
    </row>
    <row r="23823" spans="1:3" x14ac:dyDescent="0.15">
      <c r="A23823">
        <v>1175</v>
      </c>
      <c r="B23823" t="s">
        <v>47560</v>
      </c>
      <c r="C23823" t="s">
        <v>47561</v>
      </c>
    </row>
    <row r="23824" spans="1:3" x14ac:dyDescent="0.15">
      <c r="A23824">
        <v>1174</v>
      </c>
      <c r="B23824" t="s">
        <v>47562</v>
      </c>
      <c r="C23824" t="s">
        <v>47563</v>
      </c>
    </row>
    <row r="23825" spans="1:3" x14ac:dyDescent="0.15">
      <c r="A23825">
        <v>1173</v>
      </c>
      <c r="B23825" t="s">
        <v>47564</v>
      </c>
      <c r="C23825" t="s">
        <v>47565</v>
      </c>
    </row>
    <row r="23826" spans="1:3" x14ac:dyDescent="0.15">
      <c r="A23826">
        <v>1172</v>
      </c>
      <c r="B23826" t="s">
        <v>47566</v>
      </c>
      <c r="C23826" t="s">
        <v>47567</v>
      </c>
    </row>
    <row r="23827" spans="1:3" x14ac:dyDescent="0.15">
      <c r="A23827">
        <v>1171</v>
      </c>
      <c r="B23827" t="s">
        <v>47568</v>
      </c>
      <c r="C23827" t="s">
        <v>47569</v>
      </c>
    </row>
    <row r="23828" spans="1:3" x14ac:dyDescent="0.15">
      <c r="A23828">
        <v>1170</v>
      </c>
      <c r="B23828" t="s">
        <v>47570</v>
      </c>
      <c r="C23828" t="s">
        <v>47571</v>
      </c>
    </row>
    <row r="23829" spans="1:3" x14ac:dyDescent="0.15">
      <c r="A23829">
        <v>1169</v>
      </c>
      <c r="B23829" t="s">
        <v>47572</v>
      </c>
      <c r="C23829" t="s">
        <v>47573</v>
      </c>
    </row>
    <row r="23830" spans="1:3" x14ac:dyDescent="0.15">
      <c r="A23830">
        <v>1168</v>
      </c>
      <c r="B23830" t="s">
        <v>47574</v>
      </c>
      <c r="C23830" t="s">
        <v>47575</v>
      </c>
    </row>
    <row r="23831" spans="1:3" x14ac:dyDescent="0.15">
      <c r="A23831">
        <v>1167</v>
      </c>
      <c r="B23831" t="s">
        <v>47576</v>
      </c>
      <c r="C23831" t="s">
        <v>47577</v>
      </c>
    </row>
    <row r="23832" spans="1:3" x14ac:dyDescent="0.15">
      <c r="A23832">
        <v>1166</v>
      </c>
      <c r="B23832" t="s">
        <v>47578</v>
      </c>
      <c r="C23832" t="s">
        <v>47579</v>
      </c>
    </row>
    <row r="23833" spans="1:3" x14ac:dyDescent="0.15">
      <c r="A23833">
        <v>1165</v>
      </c>
      <c r="B23833" t="s">
        <v>47580</v>
      </c>
      <c r="C23833" t="s">
        <v>47581</v>
      </c>
    </row>
    <row r="23834" spans="1:3" x14ac:dyDescent="0.15">
      <c r="A23834">
        <v>1164</v>
      </c>
      <c r="B23834" t="s">
        <v>47582</v>
      </c>
      <c r="C23834" t="s">
        <v>47583</v>
      </c>
    </row>
    <row r="23835" spans="1:3" x14ac:dyDescent="0.15">
      <c r="A23835">
        <v>1163</v>
      </c>
      <c r="B23835" t="s">
        <v>47584</v>
      </c>
      <c r="C23835" t="s">
        <v>47585</v>
      </c>
    </row>
    <row r="23836" spans="1:3" x14ac:dyDescent="0.15">
      <c r="A23836">
        <v>1162</v>
      </c>
      <c r="B23836" t="s">
        <v>47586</v>
      </c>
      <c r="C23836" t="s">
        <v>47587</v>
      </c>
    </row>
    <row r="23837" spans="1:3" x14ac:dyDescent="0.15">
      <c r="A23837">
        <v>1161</v>
      </c>
      <c r="B23837" t="s">
        <v>47588</v>
      </c>
      <c r="C23837" t="s">
        <v>47589</v>
      </c>
    </row>
    <row r="23838" spans="1:3" x14ac:dyDescent="0.15">
      <c r="A23838">
        <v>1160</v>
      </c>
      <c r="B23838" t="s">
        <v>47590</v>
      </c>
      <c r="C23838" t="s">
        <v>47591</v>
      </c>
    </row>
    <row r="23839" spans="1:3" x14ac:dyDescent="0.15">
      <c r="A23839">
        <v>1159</v>
      </c>
      <c r="B23839" t="s">
        <v>47592</v>
      </c>
      <c r="C23839" t="s">
        <v>47593</v>
      </c>
    </row>
    <row r="23840" spans="1:3" x14ac:dyDescent="0.15">
      <c r="A23840">
        <v>1158</v>
      </c>
      <c r="B23840" t="s">
        <v>47594</v>
      </c>
      <c r="C23840" t="s">
        <v>47595</v>
      </c>
    </row>
    <row r="23841" spans="1:3" x14ac:dyDescent="0.15">
      <c r="A23841">
        <v>1157</v>
      </c>
      <c r="B23841" t="s">
        <v>47596</v>
      </c>
      <c r="C23841" t="s">
        <v>47597</v>
      </c>
    </row>
    <row r="23842" spans="1:3" x14ac:dyDescent="0.15">
      <c r="A23842">
        <v>1156</v>
      </c>
      <c r="B23842" t="s">
        <v>47598</v>
      </c>
      <c r="C23842" t="s">
        <v>47599</v>
      </c>
    </row>
    <row r="23843" spans="1:3" x14ac:dyDescent="0.15">
      <c r="A23843">
        <v>1155</v>
      </c>
      <c r="B23843" t="s">
        <v>47600</v>
      </c>
      <c r="C23843" t="s">
        <v>47601</v>
      </c>
    </row>
    <row r="23844" spans="1:3" x14ac:dyDescent="0.15">
      <c r="A23844">
        <v>1154</v>
      </c>
      <c r="B23844" t="s">
        <v>47602</v>
      </c>
      <c r="C23844" t="s">
        <v>47603</v>
      </c>
    </row>
    <row r="23845" spans="1:3" x14ac:dyDescent="0.15">
      <c r="A23845">
        <v>1153</v>
      </c>
      <c r="B23845" t="s">
        <v>47604</v>
      </c>
      <c r="C23845" t="s">
        <v>47605</v>
      </c>
    </row>
    <row r="23846" spans="1:3" x14ac:dyDescent="0.15">
      <c r="A23846">
        <v>1152</v>
      </c>
      <c r="B23846" t="s">
        <v>47606</v>
      </c>
      <c r="C23846" t="s">
        <v>47607</v>
      </c>
    </row>
    <row r="23847" spans="1:3" x14ac:dyDescent="0.15">
      <c r="A23847">
        <v>1151</v>
      </c>
      <c r="B23847" t="s">
        <v>47608</v>
      </c>
      <c r="C23847" t="s">
        <v>47609</v>
      </c>
    </row>
    <row r="23848" spans="1:3" x14ac:dyDescent="0.15">
      <c r="A23848">
        <v>1150</v>
      </c>
      <c r="B23848" t="s">
        <v>47610</v>
      </c>
      <c r="C23848" t="s">
        <v>47611</v>
      </c>
    </row>
    <row r="23849" spans="1:3" x14ac:dyDescent="0.15">
      <c r="A23849">
        <v>1149</v>
      </c>
      <c r="B23849" t="s">
        <v>47612</v>
      </c>
      <c r="C23849" t="s">
        <v>47613</v>
      </c>
    </row>
    <row r="23850" spans="1:3" x14ac:dyDescent="0.15">
      <c r="A23850">
        <v>1148</v>
      </c>
      <c r="B23850" t="s">
        <v>47614</v>
      </c>
      <c r="C23850" t="s">
        <v>47615</v>
      </c>
    </row>
    <row r="23851" spans="1:3" x14ac:dyDescent="0.15">
      <c r="A23851">
        <v>1147</v>
      </c>
      <c r="B23851" t="s">
        <v>47616</v>
      </c>
      <c r="C23851" t="s">
        <v>47617</v>
      </c>
    </row>
    <row r="23852" spans="1:3" x14ac:dyDescent="0.15">
      <c r="A23852">
        <v>1146</v>
      </c>
      <c r="B23852" t="s">
        <v>47618</v>
      </c>
      <c r="C23852" t="s">
        <v>47619</v>
      </c>
    </row>
    <row r="23853" spans="1:3" x14ac:dyDescent="0.15">
      <c r="A23853">
        <v>1145</v>
      </c>
      <c r="B23853" t="s">
        <v>47620</v>
      </c>
      <c r="C23853" t="s">
        <v>47621</v>
      </c>
    </row>
    <row r="23854" spans="1:3" x14ac:dyDescent="0.15">
      <c r="A23854">
        <v>1144</v>
      </c>
      <c r="B23854" t="s">
        <v>47622</v>
      </c>
      <c r="C23854" t="s">
        <v>47623</v>
      </c>
    </row>
    <row r="23855" spans="1:3" x14ac:dyDescent="0.15">
      <c r="A23855">
        <v>1143</v>
      </c>
      <c r="B23855" t="s">
        <v>47624</v>
      </c>
      <c r="C23855" t="s">
        <v>47625</v>
      </c>
    </row>
    <row r="23856" spans="1:3" x14ac:dyDescent="0.15">
      <c r="A23856">
        <v>1142</v>
      </c>
      <c r="B23856" t="s">
        <v>47626</v>
      </c>
      <c r="C23856" t="s">
        <v>47627</v>
      </c>
    </row>
    <row r="23857" spans="1:3" x14ac:dyDescent="0.15">
      <c r="A23857">
        <v>1141</v>
      </c>
      <c r="B23857" t="s">
        <v>47628</v>
      </c>
      <c r="C23857" t="s">
        <v>47629</v>
      </c>
    </row>
    <row r="23858" spans="1:3" x14ac:dyDescent="0.15">
      <c r="A23858">
        <v>1140</v>
      </c>
      <c r="B23858" t="s">
        <v>47630</v>
      </c>
      <c r="C23858" t="s">
        <v>47631</v>
      </c>
    </row>
    <row r="23859" spans="1:3" x14ac:dyDescent="0.15">
      <c r="A23859">
        <v>1139</v>
      </c>
      <c r="B23859" t="s">
        <v>47632</v>
      </c>
      <c r="C23859" t="s">
        <v>47633</v>
      </c>
    </row>
    <row r="23860" spans="1:3" x14ac:dyDescent="0.15">
      <c r="A23860">
        <v>1138</v>
      </c>
      <c r="B23860" t="s">
        <v>47634</v>
      </c>
      <c r="C23860" t="s">
        <v>47635</v>
      </c>
    </row>
    <row r="23861" spans="1:3" x14ac:dyDescent="0.15">
      <c r="A23861">
        <v>1137</v>
      </c>
      <c r="B23861" t="s">
        <v>47636</v>
      </c>
      <c r="C23861" t="s">
        <v>47637</v>
      </c>
    </row>
    <row r="23862" spans="1:3" x14ac:dyDescent="0.15">
      <c r="A23862">
        <v>1136</v>
      </c>
      <c r="B23862" t="s">
        <v>47638</v>
      </c>
      <c r="C23862" t="s">
        <v>47639</v>
      </c>
    </row>
    <row r="23863" spans="1:3" x14ac:dyDescent="0.15">
      <c r="A23863">
        <v>1135</v>
      </c>
      <c r="B23863" t="s">
        <v>47640</v>
      </c>
      <c r="C23863" t="s">
        <v>47641</v>
      </c>
    </row>
    <row r="23864" spans="1:3" x14ac:dyDescent="0.15">
      <c r="A23864">
        <v>1134</v>
      </c>
      <c r="B23864" t="s">
        <v>47642</v>
      </c>
      <c r="C23864" t="s">
        <v>47643</v>
      </c>
    </row>
    <row r="23865" spans="1:3" x14ac:dyDescent="0.15">
      <c r="A23865">
        <v>1133</v>
      </c>
      <c r="B23865" t="s">
        <v>47644</v>
      </c>
      <c r="C23865" t="s">
        <v>47645</v>
      </c>
    </row>
    <row r="23866" spans="1:3" x14ac:dyDescent="0.15">
      <c r="A23866">
        <v>1132</v>
      </c>
      <c r="B23866" t="s">
        <v>47646</v>
      </c>
      <c r="C23866" t="s">
        <v>47647</v>
      </c>
    </row>
    <row r="23867" spans="1:3" x14ac:dyDescent="0.15">
      <c r="A23867">
        <v>1131</v>
      </c>
      <c r="B23867" t="s">
        <v>47648</v>
      </c>
      <c r="C23867" t="s">
        <v>47649</v>
      </c>
    </row>
    <row r="23868" spans="1:3" x14ac:dyDescent="0.15">
      <c r="A23868">
        <v>1130</v>
      </c>
      <c r="B23868" t="s">
        <v>47650</v>
      </c>
      <c r="C23868" t="s">
        <v>47651</v>
      </c>
    </row>
    <row r="23869" spans="1:3" x14ac:dyDescent="0.15">
      <c r="A23869">
        <v>1129</v>
      </c>
      <c r="B23869" t="s">
        <v>47652</v>
      </c>
      <c r="C23869" t="s">
        <v>47653</v>
      </c>
    </row>
    <row r="23870" spans="1:3" x14ac:dyDescent="0.15">
      <c r="A23870">
        <v>1128</v>
      </c>
      <c r="B23870" t="s">
        <v>47654</v>
      </c>
      <c r="C23870" t="s">
        <v>47655</v>
      </c>
    </row>
    <row r="23871" spans="1:3" x14ac:dyDescent="0.15">
      <c r="A23871">
        <v>1127</v>
      </c>
      <c r="B23871" t="s">
        <v>47656</v>
      </c>
      <c r="C23871" t="s">
        <v>47657</v>
      </c>
    </row>
    <row r="23872" spans="1:3" x14ac:dyDescent="0.15">
      <c r="A23872">
        <v>1126</v>
      </c>
      <c r="B23872" t="s">
        <v>47658</v>
      </c>
      <c r="C23872" t="s">
        <v>47659</v>
      </c>
    </row>
    <row r="23873" spans="1:3" x14ac:dyDescent="0.15">
      <c r="A23873">
        <v>1125</v>
      </c>
      <c r="B23873" t="s">
        <v>47660</v>
      </c>
      <c r="C23873" t="s">
        <v>47661</v>
      </c>
    </row>
    <row r="23874" spans="1:3" x14ac:dyDescent="0.15">
      <c r="A23874">
        <v>1124</v>
      </c>
      <c r="B23874" t="s">
        <v>47662</v>
      </c>
      <c r="C23874" t="s">
        <v>47663</v>
      </c>
    </row>
    <row r="23875" spans="1:3" x14ac:dyDescent="0.15">
      <c r="A23875">
        <v>1123</v>
      </c>
      <c r="B23875" t="s">
        <v>47664</v>
      </c>
      <c r="C23875" t="s">
        <v>47665</v>
      </c>
    </row>
    <row r="23876" spans="1:3" x14ac:dyDescent="0.15">
      <c r="A23876">
        <v>1122</v>
      </c>
      <c r="B23876" t="s">
        <v>47666</v>
      </c>
      <c r="C23876" t="s">
        <v>47667</v>
      </c>
    </row>
    <row r="23877" spans="1:3" x14ac:dyDescent="0.15">
      <c r="A23877">
        <v>1121</v>
      </c>
      <c r="B23877" t="s">
        <v>47668</v>
      </c>
      <c r="C23877" t="s">
        <v>47669</v>
      </c>
    </row>
    <row r="23878" spans="1:3" x14ac:dyDescent="0.15">
      <c r="A23878">
        <v>1120</v>
      </c>
      <c r="B23878" t="s">
        <v>47670</v>
      </c>
      <c r="C23878" t="s">
        <v>47671</v>
      </c>
    </row>
    <row r="23879" spans="1:3" x14ac:dyDescent="0.15">
      <c r="A23879">
        <v>1119</v>
      </c>
      <c r="B23879" t="s">
        <v>47672</v>
      </c>
      <c r="C23879" t="s">
        <v>47673</v>
      </c>
    </row>
    <row r="23880" spans="1:3" x14ac:dyDescent="0.15">
      <c r="A23880">
        <v>1118</v>
      </c>
      <c r="B23880" t="s">
        <v>47674</v>
      </c>
      <c r="C23880" t="s">
        <v>47675</v>
      </c>
    </row>
    <row r="23881" spans="1:3" x14ac:dyDescent="0.15">
      <c r="A23881">
        <v>1117</v>
      </c>
      <c r="B23881" t="s">
        <v>47676</v>
      </c>
      <c r="C23881" t="s">
        <v>47677</v>
      </c>
    </row>
    <row r="23882" spans="1:3" x14ac:dyDescent="0.15">
      <c r="A23882">
        <v>1116</v>
      </c>
      <c r="B23882" t="s">
        <v>47678</v>
      </c>
      <c r="C23882" t="s">
        <v>47679</v>
      </c>
    </row>
    <row r="23883" spans="1:3" x14ac:dyDescent="0.15">
      <c r="A23883">
        <v>1115</v>
      </c>
      <c r="B23883" t="s">
        <v>47680</v>
      </c>
      <c r="C23883" t="s">
        <v>47681</v>
      </c>
    </row>
    <row r="23884" spans="1:3" x14ac:dyDescent="0.15">
      <c r="A23884">
        <v>1114</v>
      </c>
      <c r="B23884" t="s">
        <v>47682</v>
      </c>
      <c r="C23884" t="s">
        <v>47683</v>
      </c>
    </row>
    <row r="23885" spans="1:3" x14ac:dyDescent="0.15">
      <c r="A23885">
        <v>1113</v>
      </c>
      <c r="B23885" t="s">
        <v>47684</v>
      </c>
      <c r="C23885" t="s">
        <v>47685</v>
      </c>
    </row>
    <row r="23886" spans="1:3" x14ac:dyDescent="0.15">
      <c r="A23886">
        <v>1112</v>
      </c>
      <c r="B23886" t="s">
        <v>47686</v>
      </c>
      <c r="C23886" t="s">
        <v>47687</v>
      </c>
    </row>
    <row r="23887" spans="1:3" x14ac:dyDescent="0.15">
      <c r="A23887">
        <v>1111</v>
      </c>
      <c r="B23887" t="s">
        <v>47688</v>
      </c>
      <c r="C23887" t="s">
        <v>47689</v>
      </c>
    </row>
    <row r="23888" spans="1:3" x14ac:dyDescent="0.15">
      <c r="A23888">
        <v>1110</v>
      </c>
      <c r="B23888" t="s">
        <v>47690</v>
      </c>
      <c r="C23888" t="s">
        <v>47691</v>
      </c>
    </row>
    <row r="23889" spans="1:3" x14ac:dyDescent="0.15">
      <c r="A23889">
        <v>1109</v>
      </c>
      <c r="B23889" t="s">
        <v>47692</v>
      </c>
      <c r="C23889" t="s">
        <v>47693</v>
      </c>
    </row>
    <row r="23890" spans="1:3" x14ac:dyDescent="0.15">
      <c r="A23890">
        <v>1108</v>
      </c>
      <c r="B23890" t="s">
        <v>47694</v>
      </c>
      <c r="C23890" t="s">
        <v>47695</v>
      </c>
    </row>
    <row r="23891" spans="1:3" x14ac:dyDescent="0.15">
      <c r="A23891">
        <v>1107</v>
      </c>
      <c r="B23891" t="s">
        <v>47696</v>
      </c>
      <c r="C23891" t="s">
        <v>47697</v>
      </c>
    </row>
    <row r="23892" spans="1:3" x14ac:dyDescent="0.15">
      <c r="A23892">
        <v>1106</v>
      </c>
      <c r="B23892" t="s">
        <v>47698</v>
      </c>
      <c r="C23892" t="s">
        <v>47699</v>
      </c>
    </row>
    <row r="23893" spans="1:3" x14ac:dyDescent="0.15">
      <c r="A23893">
        <v>1105</v>
      </c>
      <c r="B23893" t="s">
        <v>47700</v>
      </c>
      <c r="C23893" t="s">
        <v>47701</v>
      </c>
    </row>
    <row r="23894" spans="1:3" x14ac:dyDescent="0.15">
      <c r="A23894">
        <v>1104</v>
      </c>
      <c r="B23894" t="s">
        <v>47702</v>
      </c>
      <c r="C23894" t="s">
        <v>47703</v>
      </c>
    </row>
    <row r="23895" spans="1:3" x14ac:dyDescent="0.15">
      <c r="A23895">
        <v>1103</v>
      </c>
      <c r="B23895" t="s">
        <v>47704</v>
      </c>
      <c r="C23895" t="s">
        <v>47705</v>
      </c>
    </row>
    <row r="23896" spans="1:3" x14ac:dyDescent="0.15">
      <c r="A23896">
        <v>1102</v>
      </c>
      <c r="B23896" t="s">
        <v>47706</v>
      </c>
      <c r="C23896" t="s">
        <v>47707</v>
      </c>
    </row>
    <row r="23897" spans="1:3" x14ac:dyDescent="0.15">
      <c r="A23897">
        <v>1101</v>
      </c>
      <c r="B23897" t="s">
        <v>47708</v>
      </c>
      <c r="C23897" t="s">
        <v>47709</v>
      </c>
    </row>
    <row r="23898" spans="1:3" x14ac:dyDescent="0.15">
      <c r="A23898">
        <v>1100</v>
      </c>
      <c r="B23898" t="s">
        <v>47710</v>
      </c>
      <c r="C23898" t="s">
        <v>47711</v>
      </c>
    </row>
    <row r="23899" spans="1:3" x14ac:dyDescent="0.15">
      <c r="A23899">
        <v>1099</v>
      </c>
      <c r="B23899" t="s">
        <v>47712</v>
      </c>
      <c r="C23899" t="s">
        <v>491</v>
      </c>
    </row>
    <row r="23900" spans="1:3" x14ac:dyDescent="0.15">
      <c r="A23900">
        <v>1098</v>
      </c>
      <c r="B23900" t="s">
        <v>47713</v>
      </c>
      <c r="C23900" t="s">
        <v>47714</v>
      </c>
    </row>
    <row r="23901" spans="1:3" x14ac:dyDescent="0.15">
      <c r="A23901">
        <v>1097</v>
      </c>
      <c r="B23901" t="s">
        <v>47715</v>
      </c>
      <c r="C23901" t="s">
        <v>47716</v>
      </c>
    </row>
    <row r="23902" spans="1:3" x14ac:dyDescent="0.15">
      <c r="A23902">
        <v>1096</v>
      </c>
      <c r="B23902" t="s">
        <v>47717</v>
      </c>
      <c r="C23902" t="s">
        <v>47718</v>
      </c>
    </row>
    <row r="23903" spans="1:3" x14ac:dyDescent="0.15">
      <c r="A23903">
        <v>1095</v>
      </c>
      <c r="B23903" t="s">
        <v>47719</v>
      </c>
      <c r="C23903" t="s">
        <v>47720</v>
      </c>
    </row>
    <row r="23904" spans="1:3" x14ac:dyDescent="0.15">
      <c r="A23904">
        <v>1094</v>
      </c>
      <c r="B23904" t="s">
        <v>47721</v>
      </c>
      <c r="C23904" t="s">
        <v>47722</v>
      </c>
    </row>
    <row r="23905" spans="1:3" x14ac:dyDescent="0.15">
      <c r="A23905">
        <v>1093</v>
      </c>
      <c r="B23905" t="s">
        <v>47723</v>
      </c>
      <c r="C23905" t="s">
        <v>47724</v>
      </c>
    </row>
    <row r="23906" spans="1:3" x14ac:dyDescent="0.15">
      <c r="A23906">
        <v>1092</v>
      </c>
      <c r="B23906" t="s">
        <v>47725</v>
      </c>
      <c r="C23906" t="s">
        <v>47726</v>
      </c>
    </row>
    <row r="23907" spans="1:3" x14ac:dyDescent="0.15">
      <c r="A23907">
        <v>1091</v>
      </c>
      <c r="B23907" t="s">
        <v>47727</v>
      </c>
      <c r="C23907" t="s">
        <v>47728</v>
      </c>
    </row>
    <row r="23908" spans="1:3" x14ac:dyDescent="0.15">
      <c r="A23908">
        <v>1090</v>
      </c>
      <c r="B23908" t="s">
        <v>47729</v>
      </c>
      <c r="C23908" t="s">
        <v>47730</v>
      </c>
    </row>
    <row r="23909" spans="1:3" x14ac:dyDescent="0.15">
      <c r="A23909">
        <v>1089</v>
      </c>
      <c r="B23909" t="s">
        <v>47731</v>
      </c>
      <c r="C23909" t="s">
        <v>47732</v>
      </c>
    </row>
    <row r="23910" spans="1:3" x14ac:dyDescent="0.15">
      <c r="A23910">
        <v>1088</v>
      </c>
      <c r="B23910" t="s">
        <v>47733</v>
      </c>
      <c r="C23910" t="s">
        <v>47734</v>
      </c>
    </row>
    <row r="23911" spans="1:3" x14ac:dyDescent="0.15">
      <c r="A23911">
        <v>1087</v>
      </c>
      <c r="B23911" t="s">
        <v>47735</v>
      </c>
      <c r="C23911" t="s">
        <v>47736</v>
      </c>
    </row>
    <row r="23912" spans="1:3" x14ac:dyDescent="0.15">
      <c r="A23912">
        <v>1086</v>
      </c>
      <c r="B23912" t="s">
        <v>47737</v>
      </c>
      <c r="C23912" t="s">
        <v>47738</v>
      </c>
    </row>
    <row r="23913" spans="1:3" x14ac:dyDescent="0.15">
      <c r="A23913">
        <v>1085</v>
      </c>
      <c r="B23913" t="s">
        <v>47739</v>
      </c>
      <c r="C23913" t="s">
        <v>47740</v>
      </c>
    </row>
    <row r="23914" spans="1:3" x14ac:dyDescent="0.15">
      <c r="A23914">
        <v>1084</v>
      </c>
      <c r="B23914" t="s">
        <v>47741</v>
      </c>
      <c r="C23914" t="s">
        <v>47742</v>
      </c>
    </row>
    <row r="23915" spans="1:3" x14ac:dyDescent="0.15">
      <c r="A23915">
        <v>1083</v>
      </c>
      <c r="B23915" t="s">
        <v>47743</v>
      </c>
      <c r="C23915" t="s">
        <v>47744</v>
      </c>
    </row>
    <row r="23916" spans="1:3" x14ac:dyDescent="0.15">
      <c r="A23916">
        <v>1082</v>
      </c>
      <c r="B23916" t="s">
        <v>47745</v>
      </c>
      <c r="C23916" t="s">
        <v>47746</v>
      </c>
    </row>
    <row r="23917" spans="1:3" x14ac:dyDescent="0.15">
      <c r="A23917">
        <v>1081</v>
      </c>
      <c r="B23917" t="s">
        <v>47747</v>
      </c>
      <c r="C23917" t="s">
        <v>47748</v>
      </c>
    </row>
    <row r="23918" spans="1:3" x14ac:dyDescent="0.15">
      <c r="A23918">
        <v>1080</v>
      </c>
      <c r="B23918" t="s">
        <v>47749</v>
      </c>
      <c r="C23918" t="s">
        <v>47750</v>
      </c>
    </row>
    <row r="23919" spans="1:3" x14ac:dyDescent="0.15">
      <c r="A23919">
        <v>1079</v>
      </c>
      <c r="B23919" t="s">
        <v>47751</v>
      </c>
      <c r="C23919" t="s">
        <v>47752</v>
      </c>
    </row>
    <row r="23920" spans="1:3" x14ac:dyDescent="0.15">
      <c r="A23920">
        <v>1078</v>
      </c>
      <c r="B23920" t="s">
        <v>47753</v>
      </c>
      <c r="C23920" t="s">
        <v>47754</v>
      </c>
    </row>
    <row r="23921" spans="1:3" x14ac:dyDescent="0.15">
      <c r="A23921">
        <v>1077</v>
      </c>
      <c r="B23921" t="s">
        <v>47755</v>
      </c>
      <c r="C23921" t="s">
        <v>47756</v>
      </c>
    </row>
    <row r="23922" spans="1:3" x14ac:dyDescent="0.15">
      <c r="A23922">
        <v>1076</v>
      </c>
      <c r="B23922" t="s">
        <v>47757</v>
      </c>
      <c r="C23922" t="s">
        <v>47758</v>
      </c>
    </row>
    <row r="23923" spans="1:3" x14ac:dyDescent="0.15">
      <c r="A23923">
        <v>1075</v>
      </c>
      <c r="B23923" t="s">
        <v>47759</v>
      </c>
      <c r="C23923" t="s">
        <v>47760</v>
      </c>
    </row>
    <row r="23924" spans="1:3" x14ac:dyDescent="0.15">
      <c r="A23924">
        <v>1074</v>
      </c>
      <c r="B23924" t="s">
        <v>47761</v>
      </c>
      <c r="C23924" t="s">
        <v>47762</v>
      </c>
    </row>
    <row r="23925" spans="1:3" x14ac:dyDescent="0.15">
      <c r="A23925">
        <v>1073</v>
      </c>
      <c r="B23925" t="s">
        <v>47763</v>
      </c>
      <c r="C23925" t="s">
        <v>47764</v>
      </c>
    </row>
    <row r="23926" spans="1:3" x14ac:dyDescent="0.15">
      <c r="A23926">
        <v>1072</v>
      </c>
      <c r="B23926" t="s">
        <v>47765</v>
      </c>
      <c r="C23926" t="s">
        <v>47766</v>
      </c>
    </row>
    <row r="23927" spans="1:3" x14ac:dyDescent="0.15">
      <c r="A23927">
        <v>1071</v>
      </c>
      <c r="B23927" t="s">
        <v>47767</v>
      </c>
      <c r="C23927" t="s">
        <v>47768</v>
      </c>
    </row>
    <row r="23928" spans="1:3" x14ac:dyDescent="0.15">
      <c r="A23928">
        <v>1070</v>
      </c>
      <c r="B23928" t="s">
        <v>47769</v>
      </c>
      <c r="C23928" t="s">
        <v>47770</v>
      </c>
    </row>
    <row r="23929" spans="1:3" x14ac:dyDescent="0.15">
      <c r="A23929">
        <v>1069</v>
      </c>
      <c r="B23929" t="s">
        <v>47771</v>
      </c>
      <c r="C23929" t="s">
        <v>47772</v>
      </c>
    </row>
    <row r="23930" spans="1:3" x14ac:dyDescent="0.15">
      <c r="A23930">
        <v>1068</v>
      </c>
      <c r="B23930" t="s">
        <v>47773</v>
      </c>
      <c r="C23930" t="s">
        <v>47774</v>
      </c>
    </row>
    <row r="23931" spans="1:3" x14ac:dyDescent="0.15">
      <c r="A23931">
        <v>1067</v>
      </c>
      <c r="B23931" t="s">
        <v>47775</v>
      </c>
      <c r="C23931" t="s">
        <v>47776</v>
      </c>
    </row>
    <row r="23932" spans="1:3" x14ac:dyDescent="0.15">
      <c r="A23932">
        <v>1066</v>
      </c>
      <c r="B23932" t="s">
        <v>47777</v>
      </c>
      <c r="C23932" t="s">
        <v>47778</v>
      </c>
    </row>
    <row r="23933" spans="1:3" x14ac:dyDescent="0.15">
      <c r="A23933">
        <v>1065</v>
      </c>
      <c r="B23933" t="s">
        <v>47779</v>
      </c>
      <c r="C23933" t="s">
        <v>47780</v>
      </c>
    </row>
    <row r="23934" spans="1:3" x14ac:dyDescent="0.15">
      <c r="A23934">
        <v>1064</v>
      </c>
      <c r="B23934" t="s">
        <v>47781</v>
      </c>
      <c r="C23934" t="s">
        <v>47782</v>
      </c>
    </row>
    <row r="23935" spans="1:3" x14ac:dyDescent="0.15">
      <c r="A23935">
        <v>1063</v>
      </c>
      <c r="B23935" t="s">
        <v>47783</v>
      </c>
      <c r="C23935" t="s">
        <v>47784</v>
      </c>
    </row>
    <row r="23936" spans="1:3" x14ac:dyDescent="0.15">
      <c r="A23936">
        <v>1062</v>
      </c>
      <c r="B23936" t="s">
        <v>47785</v>
      </c>
      <c r="C23936" t="s">
        <v>47786</v>
      </c>
    </row>
    <row r="23937" spans="1:3" x14ac:dyDescent="0.15">
      <c r="A23937">
        <v>1061</v>
      </c>
      <c r="B23937" t="s">
        <v>47787</v>
      </c>
      <c r="C23937" t="s">
        <v>47788</v>
      </c>
    </row>
    <row r="23938" spans="1:3" x14ac:dyDescent="0.15">
      <c r="A23938">
        <v>1060</v>
      </c>
      <c r="B23938" t="s">
        <v>47789</v>
      </c>
      <c r="C23938" t="s">
        <v>47790</v>
      </c>
    </row>
    <row r="23939" spans="1:3" x14ac:dyDescent="0.15">
      <c r="A23939">
        <v>1059</v>
      </c>
      <c r="B23939" t="s">
        <v>47791</v>
      </c>
      <c r="C23939" t="s">
        <v>47792</v>
      </c>
    </row>
    <row r="23940" spans="1:3" x14ac:dyDescent="0.15">
      <c r="A23940">
        <v>1058</v>
      </c>
      <c r="B23940" t="s">
        <v>47793</v>
      </c>
      <c r="C23940" t="s">
        <v>47794</v>
      </c>
    </row>
    <row r="23941" spans="1:3" x14ac:dyDescent="0.15">
      <c r="A23941">
        <v>1057</v>
      </c>
      <c r="B23941" t="s">
        <v>47795</v>
      </c>
      <c r="C23941" t="s">
        <v>47796</v>
      </c>
    </row>
    <row r="23942" spans="1:3" x14ac:dyDescent="0.15">
      <c r="A23942">
        <v>1056</v>
      </c>
      <c r="B23942" t="s">
        <v>47797</v>
      </c>
      <c r="C23942" t="s">
        <v>47798</v>
      </c>
    </row>
    <row r="23943" spans="1:3" x14ac:dyDescent="0.15">
      <c r="A23943">
        <v>1055</v>
      </c>
      <c r="B23943" t="s">
        <v>47799</v>
      </c>
      <c r="C23943" t="s">
        <v>47800</v>
      </c>
    </row>
    <row r="23944" spans="1:3" x14ac:dyDescent="0.15">
      <c r="A23944">
        <v>1054</v>
      </c>
      <c r="B23944" t="s">
        <v>47801</v>
      </c>
      <c r="C23944" t="s">
        <v>47802</v>
      </c>
    </row>
    <row r="23945" spans="1:3" x14ac:dyDescent="0.15">
      <c r="A23945">
        <v>1053</v>
      </c>
      <c r="B23945" t="s">
        <v>47803</v>
      </c>
      <c r="C23945" t="s">
        <v>47804</v>
      </c>
    </row>
    <row r="23946" spans="1:3" x14ac:dyDescent="0.15">
      <c r="A23946">
        <v>1052</v>
      </c>
      <c r="B23946" t="s">
        <v>47805</v>
      </c>
      <c r="C23946" t="s">
        <v>47806</v>
      </c>
    </row>
    <row r="23947" spans="1:3" x14ac:dyDescent="0.15">
      <c r="A23947">
        <v>1051</v>
      </c>
      <c r="B23947" t="s">
        <v>47807</v>
      </c>
      <c r="C23947" t="s">
        <v>47808</v>
      </c>
    </row>
    <row r="23948" spans="1:3" x14ac:dyDescent="0.15">
      <c r="A23948">
        <v>1050</v>
      </c>
      <c r="B23948" t="s">
        <v>47809</v>
      </c>
      <c r="C23948" t="s">
        <v>47810</v>
      </c>
    </row>
    <row r="23949" spans="1:3" x14ac:dyDescent="0.15">
      <c r="A23949">
        <v>1049</v>
      </c>
      <c r="B23949" t="s">
        <v>47811</v>
      </c>
      <c r="C23949" t="s">
        <v>47812</v>
      </c>
    </row>
    <row r="23950" spans="1:3" x14ac:dyDescent="0.15">
      <c r="A23950">
        <v>1048</v>
      </c>
      <c r="B23950" t="s">
        <v>47813</v>
      </c>
      <c r="C23950" t="s">
        <v>47814</v>
      </c>
    </row>
    <row r="23951" spans="1:3" x14ac:dyDescent="0.15">
      <c r="A23951">
        <v>1047</v>
      </c>
      <c r="B23951" t="s">
        <v>47815</v>
      </c>
      <c r="C23951" t="s">
        <v>47816</v>
      </c>
    </row>
    <row r="23952" spans="1:3" x14ac:dyDescent="0.15">
      <c r="A23952">
        <v>1046</v>
      </c>
      <c r="B23952" t="s">
        <v>47817</v>
      </c>
      <c r="C23952" t="s">
        <v>47818</v>
      </c>
    </row>
    <row r="23953" spans="1:3" x14ac:dyDescent="0.15">
      <c r="A23953">
        <v>1045</v>
      </c>
      <c r="B23953" t="s">
        <v>47819</v>
      </c>
      <c r="C23953" t="s">
        <v>47820</v>
      </c>
    </row>
    <row r="23954" spans="1:3" x14ac:dyDescent="0.15">
      <c r="A23954">
        <v>1044</v>
      </c>
      <c r="B23954" t="s">
        <v>47821</v>
      </c>
      <c r="C23954" t="s">
        <v>47822</v>
      </c>
    </row>
    <row r="23955" spans="1:3" x14ac:dyDescent="0.15">
      <c r="A23955">
        <v>1043</v>
      </c>
      <c r="B23955" t="s">
        <v>47823</v>
      </c>
      <c r="C23955" t="s">
        <v>47824</v>
      </c>
    </row>
    <row r="23956" spans="1:3" x14ac:dyDescent="0.15">
      <c r="A23956">
        <v>1042</v>
      </c>
      <c r="B23956" t="s">
        <v>47825</v>
      </c>
      <c r="C23956" t="s">
        <v>47826</v>
      </c>
    </row>
    <row r="23957" spans="1:3" x14ac:dyDescent="0.15">
      <c r="A23957">
        <v>1041</v>
      </c>
      <c r="B23957" t="s">
        <v>47827</v>
      </c>
      <c r="C23957" t="s">
        <v>47828</v>
      </c>
    </row>
    <row r="23958" spans="1:3" x14ac:dyDescent="0.15">
      <c r="A23958">
        <v>1040</v>
      </c>
      <c r="B23958" t="s">
        <v>47829</v>
      </c>
      <c r="C23958" t="s">
        <v>47830</v>
      </c>
    </row>
    <row r="23959" spans="1:3" x14ac:dyDescent="0.15">
      <c r="A23959">
        <v>1039</v>
      </c>
      <c r="B23959" t="s">
        <v>47831</v>
      </c>
      <c r="C23959" t="s">
        <v>47832</v>
      </c>
    </row>
    <row r="23960" spans="1:3" x14ac:dyDescent="0.15">
      <c r="A23960">
        <v>1038</v>
      </c>
      <c r="B23960" t="s">
        <v>47833</v>
      </c>
      <c r="C23960" t="s">
        <v>47834</v>
      </c>
    </row>
    <row r="23961" spans="1:3" x14ac:dyDescent="0.15">
      <c r="A23961">
        <v>1037</v>
      </c>
      <c r="B23961" t="s">
        <v>47835</v>
      </c>
      <c r="C23961" t="s">
        <v>47836</v>
      </c>
    </row>
    <row r="23962" spans="1:3" x14ac:dyDescent="0.15">
      <c r="A23962">
        <v>1036</v>
      </c>
      <c r="B23962" t="s">
        <v>47837</v>
      </c>
      <c r="C23962" t="s">
        <v>47838</v>
      </c>
    </row>
    <row r="23963" spans="1:3" x14ac:dyDescent="0.15">
      <c r="A23963">
        <v>1035</v>
      </c>
      <c r="B23963" t="s">
        <v>47839</v>
      </c>
      <c r="C23963" t="s">
        <v>47840</v>
      </c>
    </row>
    <row r="23964" spans="1:3" x14ac:dyDescent="0.15">
      <c r="A23964">
        <v>1034</v>
      </c>
      <c r="B23964" t="s">
        <v>47841</v>
      </c>
      <c r="C23964" t="s">
        <v>47842</v>
      </c>
    </row>
    <row r="23965" spans="1:3" x14ac:dyDescent="0.15">
      <c r="A23965">
        <v>1033</v>
      </c>
      <c r="B23965" t="s">
        <v>47843</v>
      </c>
      <c r="C23965" t="s">
        <v>47844</v>
      </c>
    </row>
    <row r="23966" spans="1:3" x14ac:dyDescent="0.15">
      <c r="A23966">
        <v>1032</v>
      </c>
      <c r="B23966" t="s">
        <v>47845</v>
      </c>
      <c r="C23966" t="s">
        <v>47846</v>
      </c>
    </row>
    <row r="23967" spans="1:3" x14ac:dyDescent="0.15">
      <c r="A23967">
        <v>1031</v>
      </c>
      <c r="B23967" t="s">
        <v>47847</v>
      </c>
      <c r="C23967" t="s">
        <v>47848</v>
      </c>
    </row>
    <row r="23968" spans="1:3" x14ac:dyDescent="0.15">
      <c r="A23968">
        <v>1030</v>
      </c>
      <c r="B23968" t="s">
        <v>47849</v>
      </c>
      <c r="C23968" t="s">
        <v>47850</v>
      </c>
    </row>
    <row r="23969" spans="1:3" x14ac:dyDescent="0.15">
      <c r="A23969">
        <v>1029</v>
      </c>
      <c r="B23969" t="s">
        <v>47851</v>
      </c>
      <c r="C23969" t="s">
        <v>47852</v>
      </c>
    </row>
    <row r="23970" spans="1:3" x14ac:dyDescent="0.15">
      <c r="A23970">
        <v>1028</v>
      </c>
      <c r="B23970" t="s">
        <v>47853</v>
      </c>
      <c r="C23970" t="s">
        <v>47854</v>
      </c>
    </row>
    <row r="23971" spans="1:3" x14ac:dyDescent="0.15">
      <c r="A23971">
        <v>1027</v>
      </c>
      <c r="B23971" t="s">
        <v>47855</v>
      </c>
      <c r="C23971" t="s">
        <v>47856</v>
      </c>
    </row>
    <row r="23972" spans="1:3" x14ac:dyDescent="0.15">
      <c r="A23972">
        <v>1026</v>
      </c>
      <c r="B23972" t="s">
        <v>47857</v>
      </c>
      <c r="C23972" t="s">
        <v>47858</v>
      </c>
    </row>
    <row r="23973" spans="1:3" x14ac:dyDescent="0.15">
      <c r="A23973">
        <v>1025</v>
      </c>
      <c r="B23973" t="s">
        <v>47859</v>
      </c>
      <c r="C23973" t="s">
        <v>47860</v>
      </c>
    </row>
    <row r="23974" spans="1:3" x14ac:dyDescent="0.15">
      <c r="A23974">
        <v>1024</v>
      </c>
      <c r="B23974" t="s">
        <v>47861</v>
      </c>
      <c r="C23974" t="s">
        <v>47862</v>
      </c>
    </row>
    <row r="23975" spans="1:3" x14ac:dyDescent="0.15">
      <c r="A23975">
        <v>1023</v>
      </c>
      <c r="B23975" t="s">
        <v>47863</v>
      </c>
      <c r="C23975" t="s">
        <v>47864</v>
      </c>
    </row>
    <row r="23976" spans="1:3" x14ac:dyDescent="0.15">
      <c r="A23976">
        <v>1022</v>
      </c>
      <c r="B23976" t="s">
        <v>47865</v>
      </c>
      <c r="C23976" t="s">
        <v>47866</v>
      </c>
    </row>
    <row r="23977" spans="1:3" x14ac:dyDescent="0.15">
      <c r="A23977">
        <v>1021</v>
      </c>
      <c r="B23977" t="s">
        <v>47867</v>
      </c>
      <c r="C23977" t="s">
        <v>47868</v>
      </c>
    </row>
    <row r="23978" spans="1:3" x14ac:dyDescent="0.15">
      <c r="A23978">
        <v>1020</v>
      </c>
      <c r="B23978" t="s">
        <v>47869</v>
      </c>
      <c r="C23978" t="s">
        <v>47870</v>
      </c>
    </row>
    <row r="23979" spans="1:3" x14ac:dyDescent="0.15">
      <c r="A23979">
        <v>1019</v>
      </c>
      <c r="B23979" t="s">
        <v>47871</v>
      </c>
      <c r="C23979" t="s">
        <v>47872</v>
      </c>
    </row>
    <row r="23980" spans="1:3" x14ac:dyDescent="0.15">
      <c r="A23980">
        <v>1018</v>
      </c>
      <c r="B23980" t="s">
        <v>47873</v>
      </c>
      <c r="C23980" t="s">
        <v>47874</v>
      </c>
    </row>
    <row r="23981" spans="1:3" x14ac:dyDescent="0.15">
      <c r="A23981">
        <v>1017</v>
      </c>
      <c r="B23981" t="s">
        <v>47875</v>
      </c>
      <c r="C23981" t="s">
        <v>47876</v>
      </c>
    </row>
    <row r="23982" spans="1:3" x14ac:dyDescent="0.15">
      <c r="A23982">
        <v>1016</v>
      </c>
      <c r="B23982" t="s">
        <v>47877</v>
      </c>
      <c r="C23982" t="s">
        <v>47878</v>
      </c>
    </row>
    <row r="23983" spans="1:3" x14ac:dyDescent="0.15">
      <c r="A23983">
        <v>1015</v>
      </c>
      <c r="B23983" t="s">
        <v>47879</v>
      </c>
      <c r="C23983" t="s">
        <v>47880</v>
      </c>
    </row>
    <row r="23984" spans="1:3" x14ac:dyDescent="0.15">
      <c r="A23984">
        <v>1014</v>
      </c>
      <c r="B23984" t="s">
        <v>47881</v>
      </c>
      <c r="C23984" t="s">
        <v>47882</v>
      </c>
    </row>
    <row r="23985" spans="1:3" x14ac:dyDescent="0.15">
      <c r="A23985">
        <v>1013</v>
      </c>
      <c r="B23985" t="s">
        <v>47883</v>
      </c>
      <c r="C23985" t="s">
        <v>47884</v>
      </c>
    </row>
    <row r="23986" spans="1:3" x14ac:dyDescent="0.15">
      <c r="A23986">
        <v>1012</v>
      </c>
      <c r="B23986" t="s">
        <v>47885</v>
      </c>
      <c r="C23986" t="s">
        <v>47886</v>
      </c>
    </row>
    <row r="23987" spans="1:3" x14ac:dyDescent="0.15">
      <c r="A23987">
        <v>1011</v>
      </c>
      <c r="B23987" t="s">
        <v>47887</v>
      </c>
      <c r="C23987" t="s">
        <v>47888</v>
      </c>
    </row>
    <row r="23988" spans="1:3" x14ac:dyDescent="0.15">
      <c r="A23988">
        <v>1010</v>
      </c>
      <c r="B23988" t="s">
        <v>47889</v>
      </c>
      <c r="C23988" t="s">
        <v>47890</v>
      </c>
    </row>
    <row r="23989" spans="1:3" x14ac:dyDescent="0.15">
      <c r="A23989">
        <v>1009</v>
      </c>
      <c r="B23989" t="s">
        <v>47891</v>
      </c>
      <c r="C23989" t="s">
        <v>47892</v>
      </c>
    </row>
    <row r="23990" spans="1:3" x14ac:dyDescent="0.15">
      <c r="A23990">
        <v>1008</v>
      </c>
      <c r="B23990" t="s">
        <v>47893</v>
      </c>
      <c r="C23990" t="s">
        <v>47894</v>
      </c>
    </row>
    <row r="23991" spans="1:3" x14ac:dyDescent="0.15">
      <c r="A23991">
        <v>1007</v>
      </c>
      <c r="B23991" t="s">
        <v>47895</v>
      </c>
      <c r="C23991" t="s">
        <v>47896</v>
      </c>
    </row>
    <row r="23992" spans="1:3" x14ac:dyDescent="0.15">
      <c r="A23992">
        <v>1006</v>
      </c>
      <c r="B23992" t="s">
        <v>47897</v>
      </c>
      <c r="C23992" t="s">
        <v>47898</v>
      </c>
    </row>
    <row r="23993" spans="1:3" x14ac:dyDescent="0.15">
      <c r="A23993">
        <v>1005</v>
      </c>
      <c r="B23993" t="s">
        <v>47899</v>
      </c>
      <c r="C23993" t="s">
        <v>47900</v>
      </c>
    </row>
    <row r="23994" spans="1:3" x14ac:dyDescent="0.15">
      <c r="A23994">
        <v>1004</v>
      </c>
      <c r="B23994" t="s">
        <v>47901</v>
      </c>
      <c r="C23994" t="s">
        <v>47902</v>
      </c>
    </row>
    <row r="23995" spans="1:3" x14ac:dyDescent="0.15">
      <c r="A23995">
        <v>1003</v>
      </c>
      <c r="B23995" t="s">
        <v>47903</v>
      </c>
      <c r="C23995" t="s">
        <v>47904</v>
      </c>
    </row>
    <row r="23996" spans="1:3" x14ac:dyDescent="0.15">
      <c r="A23996">
        <v>1002</v>
      </c>
      <c r="B23996" t="s">
        <v>47905</v>
      </c>
      <c r="C23996" t="s">
        <v>47906</v>
      </c>
    </row>
    <row r="23997" spans="1:3" x14ac:dyDescent="0.15">
      <c r="A23997">
        <v>1001</v>
      </c>
      <c r="B23997" t="s">
        <v>47907</v>
      </c>
      <c r="C23997" t="s">
        <v>47908</v>
      </c>
    </row>
    <row r="23998" spans="1:3" x14ac:dyDescent="0.15">
      <c r="A23998">
        <v>1000</v>
      </c>
      <c r="B23998" t="s">
        <v>47909</v>
      </c>
      <c r="C23998" t="s">
        <v>47910</v>
      </c>
    </row>
    <row r="23999" spans="1:3" x14ac:dyDescent="0.15">
      <c r="A23999">
        <v>999</v>
      </c>
      <c r="B23999" t="s">
        <v>47911</v>
      </c>
      <c r="C23999" t="s">
        <v>47912</v>
      </c>
    </row>
    <row r="24000" spans="1:3" x14ac:dyDescent="0.15">
      <c r="A24000">
        <v>998</v>
      </c>
      <c r="B24000" t="s">
        <v>47913</v>
      </c>
      <c r="C24000" t="s">
        <v>47914</v>
      </c>
    </row>
    <row r="24001" spans="1:3" x14ac:dyDescent="0.15">
      <c r="A24001">
        <v>997</v>
      </c>
      <c r="B24001" t="s">
        <v>47915</v>
      </c>
      <c r="C24001" t="s">
        <v>47916</v>
      </c>
    </row>
    <row r="24002" spans="1:3" x14ac:dyDescent="0.15">
      <c r="A24002">
        <v>996</v>
      </c>
      <c r="B24002" t="s">
        <v>47917</v>
      </c>
      <c r="C24002" t="s">
        <v>47918</v>
      </c>
    </row>
    <row r="24003" spans="1:3" x14ac:dyDescent="0.15">
      <c r="A24003">
        <v>995</v>
      </c>
      <c r="B24003" t="s">
        <v>47919</v>
      </c>
      <c r="C24003" t="s">
        <v>47920</v>
      </c>
    </row>
    <row r="24004" spans="1:3" x14ac:dyDescent="0.15">
      <c r="A24004">
        <v>994</v>
      </c>
      <c r="B24004" t="s">
        <v>47921</v>
      </c>
      <c r="C24004" t="s">
        <v>47922</v>
      </c>
    </row>
    <row r="24005" spans="1:3" x14ac:dyDescent="0.15">
      <c r="A24005">
        <v>993</v>
      </c>
      <c r="B24005" t="s">
        <v>47923</v>
      </c>
      <c r="C24005" t="s">
        <v>47924</v>
      </c>
    </row>
    <row r="24006" spans="1:3" x14ac:dyDescent="0.15">
      <c r="A24006">
        <v>992</v>
      </c>
      <c r="B24006" t="s">
        <v>47925</v>
      </c>
      <c r="C24006" t="s">
        <v>47926</v>
      </c>
    </row>
    <row r="24007" spans="1:3" x14ac:dyDescent="0.15">
      <c r="A24007">
        <v>991</v>
      </c>
      <c r="B24007" t="s">
        <v>47927</v>
      </c>
      <c r="C24007" t="s">
        <v>47928</v>
      </c>
    </row>
    <row r="24008" spans="1:3" x14ac:dyDescent="0.15">
      <c r="A24008">
        <v>990</v>
      </c>
      <c r="B24008" t="s">
        <v>47929</v>
      </c>
      <c r="C24008" t="s">
        <v>47930</v>
      </c>
    </row>
    <row r="24009" spans="1:3" x14ac:dyDescent="0.15">
      <c r="A24009">
        <v>989</v>
      </c>
      <c r="B24009" t="s">
        <v>47931</v>
      </c>
      <c r="C24009" t="s">
        <v>47932</v>
      </c>
    </row>
    <row r="24010" spans="1:3" x14ac:dyDescent="0.15">
      <c r="A24010">
        <v>988</v>
      </c>
      <c r="B24010" t="s">
        <v>47933</v>
      </c>
      <c r="C24010" t="s">
        <v>47934</v>
      </c>
    </row>
    <row r="24011" spans="1:3" x14ac:dyDescent="0.15">
      <c r="A24011">
        <v>987</v>
      </c>
      <c r="B24011" t="s">
        <v>47935</v>
      </c>
      <c r="C24011" t="s">
        <v>47936</v>
      </c>
    </row>
    <row r="24012" spans="1:3" x14ac:dyDescent="0.15">
      <c r="A24012">
        <v>986</v>
      </c>
      <c r="B24012" t="s">
        <v>47937</v>
      </c>
      <c r="C24012" t="s">
        <v>47938</v>
      </c>
    </row>
    <row r="24013" spans="1:3" x14ac:dyDescent="0.15">
      <c r="A24013">
        <v>985</v>
      </c>
      <c r="B24013" t="s">
        <v>47939</v>
      </c>
      <c r="C24013" t="s">
        <v>47940</v>
      </c>
    </row>
    <row r="24014" spans="1:3" x14ac:dyDescent="0.15">
      <c r="A24014">
        <v>984</v>
      </c>
      <c r="B24014" t="s">
        <v>47941</v>
      </c>
      <c r="C24014" t="s">
        <v>47942</v>
      </c>
    </row>
    <row r="24015" spans="1:3" x14ac:dyDescent="0.15">
      <c r="A24015">
        <v>983</v>
      </c>
      <c r="B24015" t="s">
        <v>47943</v>
      </c>
      <c r="C24015" t="s">
        <v>47944</v>
      </c>
    </row>
    <row r="24016" spans="1:3" x14ac:dyDescent="0.15">
      <c r="A24016">
        <v>982</v>
      </c>
      <c r="B24016" t="s">
        <v>47945</v>
      </c>
      <c r="C24016" t="s">
        <v>47946</v>
      </c>
    </row>
    <row r="24017" spans="1:3" x14ac:dyDescent="0.15">
      <c r="A24017">
        <v>981</v>
      </c>
      <c r="B24017" t="s">
        <v>47947</v>
      </c>
      <c r="C24017" t="s">
        <v>47948</v>
      </c>
    </row>
    <row r="24018" spans="1:3" x14ac:dyDescent="0.15">
      <c r="A24018">
        <v>980</v>
      </c>
      <c r="B24018" t="s">
        <v>47949</v>
      </c>
      <c r="C24018" t="s">
        <v>47950</v>
      </c>
    </row>
    <row r="24019" spans="1:3" x14ac:dyDescent="0.15">
      <c r="A24019">
        <v>979</v>
      </c>
      <c r="B24019" t="s">
        <v>47951</v>
      </c>
      <c r="C24019" t="s">
        <v>47952</v>
      </c>
    </row>
    <row r="24020" spans="1:3" x14ac:dyDescent="0.15">
      <c r="A24020">
        <v>978</v>
      </c>
      <c r="B24020" t="s">
        <v>47953</v>
      </c>
      <c r="C24020" t="s">
        <v>47954</v>
      </c>
    </row>
    <row r="24021" spans="1:3" x14ac:dyDescent="0.15">
      <c r="A24021">
        <v>977</v>
      </c>
      <c r="B24021" t="s">
        <v>47955</v>
      </c>
      <c r="C24021" t="s">
        <v>47956</v>
      </c>
    </row>
    <row r="24022" spans="1:3" x14ac:dyDescent="0.15">
      <c r="A24022">
        <v>976</v>
      </c>
      <c r="B24022" t="s">
        <v>47957</v>
      </c>
      <c r="C24022" t="s">
        <v>47958</v>
      </c>
    </row>
    <row r="24023" spans="1:3" x14ac:dyDescent="0.15">
      <c r="A24023">
        <v>975</v>
      </c>
      <c r="B24023" t="s">
        <v>47959</v>
      </c>
      <c r="C24023" t="s">
        <v>47960</v>
      </c>
    </row>
    <row r="24024" spans="1:3" x14ac:dyDescent="0.15">
      <c r="A24024">
        <v>974</v>
      </c>
      <c r="B24024" t="s">
        <v>47961</v>
      </c>
      <c r="C24024" t="s">
        <v>47962</v>
      </c>
    </row>
    <row r="24025" spans="1:3" x14ac:dyDescent="0.15">
      <c r="A24025">
        <v>973</v>
      </c>
      <c r="B24025" t="s">
        <v>47963</v>
      </c>
      <c r="C24025" t="s">
        <v>47964</v>
      </c>
    </row>
    <row r="24026" spans="1:3" x14ac:dyDescent="0.15">
      <c r="A24026">
        <v>972</v>
      </c>
      <c r="B24026" t="s">
        <v>47965</v>
      </c>
      <c r="C24026" t="s">
        <v>47966</v>
      </c>
    </row>
    <row r="24027" spans="1:3" x14ac:dyDescent="0.15">
      <c r="A24027">
        <v>971</v>
      </c>
      <c r="B24027" t="s">
        <v>47967</v>
      </c>
      <c r="C24027" t="s">
        <v>47968</v>
      </c>
    </row>
    <row r="24028" spans="1:3" x14ac:dyDescent="0.15">
      <c r="A24028">
        <v>970</v>
      </c>
      <c r="B24028" t="s">
        <v>47969</v>
      </c>
      <c r="C24028" t="s">
        <v>47970</v>
      </c>
    </row>
    <row r="24029" spans="1:3" x14ac:dyDescent="0.15">
      <c r="A24029">
        <v>969</v>
      </c>
      <c r="B24029" t="s">
        <v>47971</v>
      </c>
      <c r="C24029" t="s">
        <v>47972</v>
      </c>
    </row>
    <row r="24030" spans="1:3" x14ac:dyDescent="0.15">
      <c r="A24030">
        <v>968</v>
      </c>
      <c r="B24030" t="s">
        <v>47973</v>
      </c>
      <c r="C24030" t="s">
        <v>47974</v>
      </c>
    </row>
    <row r="24031" spans="1:3" x14ac:dyDescent="0.15">
      <c r="A24031">
        <v>967</v>
      </c>
      <c r="B24031" t="s">
        <v>47975</v>
      </c>
      <c r="C24031" t="s">
        <v>47976</v>
      </c>
    </row>
    <row r="24032" spans="1:3" x14ac:dyDescent="0.15">
      <c r="A24032">
        <v>966</v>
      </c>
      <c r="B24032" t="s">
        <v>47977</v>
      </c>
      <c r="C24032" t="s">
        <v>47978</v>
      </c>
    </row>
    <row r="24033" spans="1:3" x14ac:dyDescent="0.15">
      <c r="A24033">
        <v>965</v>
      </c>
      <c r="B24033" t="s">
        <v>47979</v>
      </c>
      <c r="C24033" t="s">
        <v>47980</v>
      </c>
    </row>
    <row r="24034" spans="1:3" x14ac:dyDescent="0.15">
      <c r="A24034">
        <v>964</v>
      </c>
      <c r="B24034" t="s">
        <v>47981</v>
      </c>
      <c r="C24034" t="s">
        <v>47982</v>
      </c>
    </row>
    <row r="24035" spans="1:3" x14ac:dyDescent="0.15">
      <c r="A24035">
        <v>963</v>
      </c>
      <c r="B24035" t="s">
        <v>47983</v>
      </c>
      <c r="C24035" t="s">
        <v>47984</v>
      </c>
    </row>
    <row r="24036" spans="1:3" x14ac:dyDescent="0.15">
      <c r="A24036">
        <v>962</v>
      </c>
      <c r="B24036" t="s">
        <v>47985</v>
      </c>
      <c r="C24036" t="s">
        <v>47986</v>
      </c>
    </row>
    <row r="24037" spans="1:3" x14ac:dyDescent="0.15">
      <c r="A24037">
        <v>961</v>
      </c>
      <c r="B24037" t="s">
        <v>47987</v>
      </c>
      <c r="C24037" t="s">
        <v>47988</v>
      </c>
    </row>
    <row r="24038" spans="1:3" x14ac:dyDescent="0.15">
      <c r="A24038">
        <v>960</v>
      </c>
      <c r="B24038" t="s">
        <v>47989</v>
      </c>
      <c r="C24038" t="s">
        <v>47990</v>
      </c>
    </row>
    <row r="24039" spans="1:3" x14ac:dyDescent="0.15">
      <c r="A24039">
        <v>959</v>
      </c>
      <c r="B24039" t="s">
        <v>47991</v>
      </c>
      <c r="C24039" t="s">
        <v>47992</v>
      </c>
    </row>
    <row r="24040" spans="1:3" x14ac:dyDescent="0.15">
      <c r="A24040">
        <v>958</v>
      </c>
      <c r="B24040" t="s">
        <v>47993</v>
      </c>
      <c r="C24040" t="s">
        <v>47994</v>
      </c>
    </row>
    <row r="24041" spans="1:3" x14ac:dyDescent="0.15">
      <c r="A24041">
        <v>957</v>
      </c>
      <c r="B24041" t="s">
        <v>47995</v>
      </c>
      <c r="C24041" t="s">
        <v>47996</v>
      </c>
    </row>
    <row r="24042" spans="1:3" x14ac:dyDescent="0.15">
      <c r="A24042">
        <v>956</v>
      </c>
      <c r="B24042" t="s">
        <v>47997</v>
      </c>
      <c r="C24042" t="s">
        <v>47998</v>
      </c>
    </row>
    <row r="24043" spans="1:3" x14ac:dyDescent="0.15">
      <c r="A24043">
        <v>955</v>
      </c>
      <c r="B24043" t="s">
        <v>47999</v>
      </c>
      <c r="C24043" t="s">
        <v>48000</v>
      </c>
    </row>
    <row r="24044" spans="1:3" x14ac:dyDescent="0.15">
      <c r="A24044">
        <v>954</v>
      </c>
      <c r="B24044" t="s">
        <v>48001</v>
      </c>
      <c r="C24044" t="s">
        <v>48002</v>
      </c>
    </row>
    <row r="24045" spans="1:3" x14ac:dyDescent="0.15">
      <c r="A24045">
        <v>953</v>
      </c>
      <c r="B24045" t="s">
        <v>48003</v>
      </c>
      <c r="C24045" t="s">
        <v>48004</v>
      </c>
    </row>
    <row r="24046" spans="1:3" x14ac:dyDescent="0.15">
      <c r="A24046">
        <v>952</v>
      </c>
      <c r="B24046" t="s">
        <v>48005</v>
      </c>
      <c r="C24046" t="s">
        <v>48006</v>
      </c>
    </row>
    <row r="24047" spans="1:3" x14ac:dyDescent="0.15">
      <c r="A24047">
        <v>951</v>
      </c>
      <c r="B24047" t="s">
        <v>48007</v>
      </c>
      <c r="C24047" t="s">
        <v>48008</v>
      </c>
    </row>
    <row r="24048" spans="1:3" x14ac:dyDescent="0.15">
      <c r="A24048">
        <v>950</v>
      </c>
      <c r="B24048" t="s">
        <v>48009</v>
      </c>
      <c r="C24048" t="s">
        <v>48010</v>
      </c>
    </row>
    <row r="24049" spans="1:3" x14ac:dyDescent="0.15">
      <c r="A24049">
        <v>949</v>
      </c>
      <c r="B24049" t="s">
        <v>48011</v>
      </c>
      <c r="C24049" t="s">
        <v>48012</v>
      </c>
    </row>
    <row r="24050" spans="1:3" x14ac:dyDescent="0.15">
      <c r="A24050">
        <v>948</v>
      </c>
      <c r="B24050" t="s">
        <v>48013</v>
      </c>
      <c r="C24050" t="s">
        <v>48014</v>
      </c>
    </row>
    <row r="24051" spans="1:3" x14ac:dyDescent="0.15">
      <c r="A24051">
        <v>947</v>
      </c>
      <c r="B24051" t="s">
        <v>48015</v>
      </c>
      <c r="C24051" t="s">
        <v>48016</v>
      </c>
    </row>
    <row r="24052" spans="1:3" x14ac:dyDescent="0.15">
      <c r="A24052">
        <v>946</v>
      </c>
      <c r="B24052" t="s">
        <v>48017</v>
      </c>
      <c r="C24052" t="s">
        <v>48018</v>
      </c>
    </row>
    <row r="24053" spans="1:3" x14ac:dyDescent="0.15">
      <c r="A24053">
        <v>945</v>
      </c>
      <c r="B24053" t="s">
        <v>48019</v>
      </c>
      <c r="C24053" t="s">
        <v>48020</v>
      </c>
    </row>
    <row r="24054" spans="1:3" x14ac:dyDescent="0.15">
      <c r="A24054">
        <v>944</v>
      </c>
      <c r="B24054" t="s">
        <v>48021</v>
      </c>
      <c r="C24054" t="s">
        <v>48022</v>
      </c>
    </row>
    <row r="24055" spans="1:3" x14ac:dyDescent="0.15">
      <c r="A24055">
        <v>943</v>
      </c>
      <c r="B24055" t="s">
        <v>48023</v>
      </c>
      <c r="C24055" t="s">
        <v>48024</v>
      </c>
    </row>
    <row r="24056" spans="1:3" x14ac:dyDescent="0.15">
      <c r="A24056">
        <v>942</v>
      </c>
      <c r="B24056" t="s">
        <v>48025</v>
      </c>
      <c r="C24056" t="s">
        <v>48026</v>
      </c>
    </row>
    <row r="24057" spans="1:3" x14ac:dyDescent="0.15">
      <c r="A24057">
        <v>941</v>
      </c>
      <c r="B24057" t="s">
        <v>48027</v>
      </c>
      <c r="C24057" t="s">
        <v>48028</v>
      </c>
    </row>
    <row r="24058" spans="1:3" x14ac:dyDescent="0.15">
      <c r="A24058">
        <v>940</v>
      </c>
      <c r="B24058" t="s">
        <v>48029</v>
      </c>
      <c r="C24058" t="s">
        <v>48030</v>
      </c>
    </row>
    <row r="24059" spans="1:3" x14ac:dyDescent="0.15">
      <c r="A24059">
        <v>939</v>
      </c>
      <c r="B24059" t="s">
        <v>48031</v>
      </c>
      <c r="C24059" t="s">
        <v>48032</v>
      </c>
    </row>
    <row r="24060" spans="1:3" x14ac:dyDescent="0.15">
      <c r="A24060">
        <v>938</v>
      </c>
      <c r="B24060" t="s">
        <v>48033</v>
      </c>
      <c r="C24060" t="s">
        <v>48034</v>
      </c>
    </row>
    <row r="24061" spans="1:3" x14ac:dyDescent="0.15">
      <c r="A24061">
        <v>937</v>
      </c>
      <c r="B24061" t="s">
        <v>48035</v>
      </c>
      <c r="C24061" t="s">
        <v>48036</v>
      </c>
    </row>
    <row r="24062" spans="1:3" x14ac:dyDescent="0.15">
      <c r="A24062">
        <v>936</v>
      </c>
      <c r="B24062" t="s">
        <v>48037</v>
      </c>
      <c r="C24062" t="s">
        <v>48038</v>
      </c>
    </row>
    <row r="24063" spans="1:3" x14ac:dyDescent="0.15">
      <c r="A24063">
        <v>935</v>
      </c>
      <c r="B24063" t="s">
        <v>48039</v>
      </c>
      <c r="C24063" t="s">
        <v>48040</v>
      </c>
    </row>
    <row r="24064" spans="1:3" x14ac:dyDescent="0.15">
      <c r="A24064">
        <v>934</v>
      </c>
      <c r="B24064" t="s">
        <v>48041</v>
      </c>
      <c r="C24064" t="s">
        <v>48042</v>
      </c>
    </row>
    <row r="24065" spans="1:3" x14ac:dyDescent="0.15">
      <c r="A24065">
        <v>933</v>
      </c>
      <c r="B24065" t="s">
        <v>48043</v>
      </c>
      <c r="C24065" t="s">
        <v>48044</v>
      </c>
    </row>
    <row r="24066" spans="1:3" x14ac:dyDescent="0.15">
      <c r="A24066">
        <v>932</v>
      </c>
      <c r="B24066" t="s">
        <v>48045</v>
      </c>
      <c r="C24066" t="s">
        <v>48046</v>
      </c>
    </row>
    <row r="24067" spans="1:3" x14ac:dyDescent="0.15">
      <c r="A24067">
        <v>931</v>
      </c>
      <c r="B24067" t="s">
        <v>48047</v>
      </c>
      <c r="C24067" t="s">
        <v>48048</v>
      </c>
    </row>
    <row r="24068" spans="1:3" x14ac:dyDescent="0.15">
      <c r="A24068">
        <v>930</v>
      </c>
      <c r="B24068" t="s">
        <v>48049</v>
      </c>
      <c r="C24068" t="s">
        <v>48050</v>
      </c>
    </row>
    <row r="24069" spans="1:3" x14ac:dyDescent="0.15">
      <c r="A24069">
        <v>929</v>
      </c>
      <c r="B24069" t="s">
        <v>48051</v>
      </c>
      <c r="C24069" t="s">
        <v>48052</v>
      </c>
    </row>
    <row r="24070" spans="1:3" x14ac:dyDescent="0.15">
      <c r="A24070">
        <v>928</v>
      </c>
      <c r="B24070" t="s">
        <v>48053</v>
      </c>
      <c r="C24070" t="s">
        <v>48054</v>
      </c>
    </row>
    <row r="24071" spans="1:3" x14ac:dyDescent="0.15">
      <c r="A24071">
        <v>927</v>
      </c>
      <c r="B24071" t="s">
        <v>48055</v>
      </c>
      <c r="C24071" t="s">
        <v>48056</v>
      </c>
    </row>
    <row r="24072" spans="1:3" x14ac:dyDescent="0.15">
      <c r="A24072">
        <v>926</v>
      </c>
      <c r="B24072" t="s">
        <v>48057</v>
      </c>
      <c r="C24072" t="s">
        <v>48058</v>
      </c>
    </row>
    <row r="24073" spans="1:3" x14ac:dyDescent="0.15">
      <c r="A24073">
        <v>925</v>
      </c>
      <c r="B24073" t="s">
        <v>48059</v>
      </c>
      <c r="C24073" t="s">
        <v>48060</v>
      </c>
    </row>
    <row r="24074" spans="1:3" x14ac:dyDescent="0.15">
      <c r="A24074">
        <v>924</v>
      </c>
      <c r="B24074" t="s">
        <v>48061</v>
      </c>
      <c r="C24074" t="s">
        <v>48062</v>
      </c>
    </row>
    <row r="24075" spans="1:3" x14ac:dyDescent="0.15">
      <c r="A24075">
        <v>923</v>
      </c>
      <c r="B24075" t="s">
        <v>48063</v>
      </c>
      <c r="C24075" t="s">
        <v>48064</v>
      </c>
    </row>
    <row r="24076" spans="1:3" x14ac:dyDescent="0.15">
      <c r="A24076">
        <v>922</v>
      </c>
      <c r="B24076" t="s">
        <v>48065</v>
      </c>
      <c r="C24076" t="s">
        <v>48066</v>
      </c>
    </row>
    <row r="24077" spans="1:3" x14ac:dyDescent="0.15">
      <c r="A24077">
        <v>921</v>
      </c>
      <c r="B24077" t="s">
        <v>48067</v>
      </c>
      <c r="C24077" t="s">
        <v>48068</v>
      </c>
    </row>
    <row r="24078" spans="1:3" x14ac:dyDescent="0.15">
      <c r="A24078">
        <v>920</v>
      </c>
      <c r="B24078" t="s">
        <v>48069</v>
      </c>
      <c r="C24078" t="s">
        <v>48070</v>
      </c>
    </row>
    <row r="24079" spans="1:3" x14ac:dyDescent="0.15">
      <c r="A24079">
        <v>919</v>
      </c>
      <c r="B24079" t="s">
        <v>48071</v>
      </c>
      <c r="C24079" t="s">
        <v>48072</v>
      </c>
    </row>
    <row r="24080" spans="1:3" x14ac:dyDescent="0.15">
      <c r="A24080">
        <v>918</v>
      </c>
      <c r="B24080" t="s">
        <v>48073</v>
      </c>
      <c r="C24080" t="s">
        <v>48074</v>
      </c>
    </row>
    <row r="24081" spans="1:3" x14ac:dyDescent="0.15">
      <c r="A24081">
        <v>917</v>
      </c>
      <c r="B24081" t="s">
        <v>48075</v>
      </c>
      <c r="C24081" t="s">
        <v>48076</v>
      </c>
    </row>
    <row r="24082" spans="1:3" x14ac:dyDescent="0.15">
      <c r="A24082">
        <v>916</v>
      </c>
      <c r="B24082" t="s">
        <v>48077</v>
      </c>
      <c r="C24082" t="s">
        <v>48078</v>
      </c>
    </row>
    <row r="24083" spans="1:3" x14ac:dyDescent="0.15">
      <c r="A24083">
        <v>915</v>
      </c>
      <c r="B24083" t="s">
        <v>48079</v>
      </c>
      <c r="C24083" t="s">
        <v>48080</v>
      </c>
    </row>
    <row r="24084" spans="1:3" x14ac:dyDescent="0.15">
      <c r="A24084">
        <v>914</v>
      </c>
      <c r="B24084" t="s">
        <v>48081</v>
      </c>
      <c r="C24084" t="s">
        <v>48082</v>
      </c>
    </row>
    <row r="24085" spans="1:3" x14ac:dyDescent="0.15">
      <c r="A24085">
        <v>913</v>
      </c>
      <c r="B24085" t="s">
        <v>48083</v>
      </c>
      <c r="C24085" t="s">
        <v>48084</v>
      </c>
    </row>
    <row r="24086" spans="1:3" x14ac:dyDescent="0.15">
      <c r="A24086">
        <v>912</v>
      </c>
      <c r="B24086" t="s">
        <v>48085</v>
      </c>
      <c r="C24086" t="s">
        <v>48086</v>
      </c>
    </row>
    <row r="24087" spans="1:3" x14ac:dyDescent="0.15">
      <c r="A24087">
        <v>911</v>
      </c>
      <c r="B24087" t="s">
        <v>48087</v>
      </c>
      <c r="C24087" t="s">
        <v>48088</v>
      </c>
    </row>
    <row r="24088" spans="1:3" x14ac:dyDescent="0.15">
      <c r="A24088">
        <v>910</v>
      </c>
      <c r="B24088" t="s">
        <v>48089</v>
      </c>
      <c r="C24088" t="s">
        <v>48090</v>
      </c>
    </row>
    <row r="24089" spans="1:3" x14ac:dyDescent="0.15">
      <c r="A24089">
        <v>909</v>
      </c>
      <c r="B24089" t="s">
        <v>48091</v>
      </c>
      <c r="C24089" t="s">
        <v>48092</v>
      </c>
    </row>
    <row r="24090" spans="1:3" x14ac:dyDescent="0.15">
      <c r="A24090">
        <v>908</v>
      </c>
      <c r="B24090" t="s">
        <v>48093</v>
      </c>
      <c r="C24090" t="s">
        <v>48094</v>
      </c>
    </row>
    <row r="24091" spans="1:3" x14ac:dyDescent="0.15">
      <c r="A24091">
        <v>907</v>
      </c>
      <c r="B24091" t="s">
        <v>48095</v>
      </c>
      <c r="C24091" t="s">
        <v>48096</v>
      </c>
    </row>
    <row r="24092" spans="1:3" x14ac:dyDescent="0.15">
      <c r="A24092">
        <v>906</v>
      </c>
      <c r="B24092" t="s">
        <v>48097</v>
      </c>
      <c r="C24092" t="s">
        <v>48098</v>
      </c>
    </row>
    <row r="24093" spans="1:3" x14ac:dyDescent="0.15">
      <c r="A24093">
        <v>905</v>
      </c>
      <c r="B24093" t="s">
        <v>48099</v>
      </c>
      <c r="C24093" t="s">
        <v>48100</v>
      </c>
    </row>
    <row r="24094" spans="1:3" x14ac:dyDescent="0.15">
      <c r="A24094">
        <v>904</v>
      </c>
      <c r="B24094" t="s">
        <v>48101</v>
      </c>
      <c r="C24094" t="s">
        <v>48102</v>
      </c>
    </row>
    <row r="24095" spans="1:3" x14ac:dyDescent="0.15">
      <c r="A24095">
        <v>903</v>
      </c>
      <c r="B24095" t="s">
        <v>48103</v>
      </c>
      <c r="C24095" t="s">
        <v>48104</v>
      </c>
    </row>
    <row r="24096" spans="1:3" x14ac:dyDescent="0.15">
      <c r="A24096">
        <v>902</v>
      </c>
      <c r="B24096" t="s">
        <v>48105</v>
      </c>
      <c r="C24096" t="s">
        <v>48106</v>
      </c>
    </row>
    <row r="24097" spans="1:3" x14ac:dyDescent="0.15">
      <c r="A24097">
        <v>901</v>
      </c>
      <c r="B24097" t="s">
        <v>48107</v>
      </c>
      <c r="C24097" t="s">
        <v>48108</v>
      </c>
    </row>
    <row r="24098" spans="1:3" x14ac:dyDescent="0.15">
      <c r="A24098">
        <v>900</v>
      </c>
      <c r="B24098" t="s">
        <v>48109</v>
      </c>
      <c r="C24098" t="s">
        <v>48110</v>
      </c>
    </row>
    <row r="24099" spans="1:3" x14ac:dyDescent="0.15">
      <c r="A24099">
        <v>899</v>
      </c>
      <c r="B24099" t="s">
        <v>48111</v>
      </c>
      <c r="C24099" t="s">
        <v>48112</v>
      </c>
    </row>
    <row r="24100" spans="1:3" x14ac:dyDescent="0.15">
      <c r="A24100">
        <v>898</v>
      </c>
      <c r="B24100" t="s">
        <v>48113</v>
      </c>
      <c r="C24100" t="s">
        <v>48114</v>
      </c>
    </row>
    <row r="24101" spans="1:3" x14ac:dyDescent="0.15">
      <c r="A24101">
        <v>897</v>
      </c>
      <c r="B24101" t="s">
        <v>48115</v>
      </c>
      <c r="C24101" t="s">
        <v>48116</v>
      </c>
    </row>
    <row r="24102" spans="1:3" x14ac:dyDescent="0.15">
      <c r="A24102">
        <v>896</v>
      </c>
      <c r="B24102" t="s">
        <v>48117</v>
      </c>
      <c r="C24102" t="s">
        <v>48118</v>
      </c>
    </row>
    <row r="24103" spans="1:3" x14ac:dyDescent="0.15">
      <c r="A24103">
        <v>895</v>
      </c>
      <c r="B24103" t="s">
        <v>48119</v>
      </c>
      <c r="C24103" t="s">
        <v>48120</v>
      </c>
    </row>
    <row r="24104" spans="1:3" x14ac:dyDescent="0.15">
      <c r="A24104">
        <v>894</v>
      </c>
      <c r="B24104" t="s">
        <v>48121</v>
      </c>
      <c r="C24104" t="s">
        <v>48122</v>
      </c>
    </row>
    <row r="24105" spans="1:3" x14ac:dyDescent="0.15">
      <c r="A24105">
        <v>893</v>
      </c>
      <c r="B24105" t="s">
        <v>48123</v>
      </c>
      <c r="C24105" t="s">
        <v>48124</v>
      </c>
    </row>
    <row r="24106" spans="1:3" x14ac:dyDescent="0.15">
      <c r="A24106">
        <v>892</v>
      </c>
      <c r="B24106" t="s">
        <v>48125</v>
      </c>
      <c r="C24106" t="s">
        <v>48126</v>
      </c>
    </row>
    <row r="24107" spans="1:3" x14ac:dyDescent="0.15">
      <c r="A24107">
        <v>891</v>
      </c>
      <c r="B24107" t="s">
        <v>48127</v>
      </c>
      <c r="C24107" t="s">
        <v>48128</v>
      </c>
    </row>
    <row r="24108" spans="1:3" x14ac:dyDescent="0.15">
      <c r="A24108">
        <v>890</v>
      </c>
      <c r="B24108" t="s">
        <v>48129</v>
      </c>
      <c r="C24108" t="s">
        <v>48130</v>
      </c>
    </row>
    <row r="24109" spans="1:3" x14ac:dyDescent="0.15">
      <c r="A24109">
        <v>889</v>
      </c>
      <c r="B24109" t="s">
        <v>48131</v>
      </c>
      <c r="C24109" t="s">
        <v>48132</v>
      </c>
    </row>
    <row r="24110" spans="1:3" x14ac:dyDescent="0.15">
      <c r="A24110">
        <v>888</v>
      </c>
      <c r="B24110" t="s">
        <v>48133</v>
      </c>
      <c r="C24110" t="s">
        <v>48134</v>
      </c>
    </row>
    <row r="24111" spans="1:3" x14ac:dyDescent="0.15">
      <c r="A24111">
        <v>887</v>
      </c>
      <c r="B24111" t="s">
        <v>48135</v>
      </c>
      <c r="C24111" t="s">
        <v>48136</v>
      </c>
    </row>
    <row r="24112" spans="1:3" x14ac:dyDescent="0.15">
      <c r="A24112">
        <v>886</v>
      </c>
      <c r="B24112" t="s">
        <v>48137</v>
      </c>
      <c r="C24112" t="s">
        <v>48138</v>
      </c>
    </row>
    <row r="24113" spans="1:3" x14ac:dyDescent="0.15">
      <c r="A24113">
        <v>885</v>
      </c>
      <c r="B24113" t="s">
        <v>48139</v>
      </c>
      <c r="C24113" t="s">
        <v>48140</v>
      </c>
    </row>
    <row r="24114" spans="1:3" x14ac:dyDescent="0.15">
      <c r="A24114">
        <v>884</v>
      </c>
      <c r="B24114" t="s">
        <v>48141</v>
      </c>
      <c r="C24114" t="s">
        <v>48142</v>
      </c>
    </row>
    <row r="24115" spans="1:3" x14ac:dyDescent="0.15">
      <c r="A24115">
        <v>883</v>
      </c>
      <c r="B24115" t="s">
        <v>48143</v>
      </c>
      <c r="C24115" t="s">
        <v>48144</v>
      </c>
    </row>
    <row r="24116" spans="1:3" x14ac:dyDescent="0.15">
      <c r="A24116">
        <v>882</v>
      </c>
      <c r="B24116" t="s">
        <v>48145</v>
      </c>
      <c r="C24116" t="s">
        <v>48146</v>
      </c>
    </row>
    <row r="24117" spans="1:3" x14ac:dyDescent="0.15">
      <c r="A24117">
        <v>881</v>
      </c>
      <c r="B24117" t="s">
        <v>48147</v>
      </c>
      <c r="C24117" t="s">
        <v>48148</v>
      </c>
    </row>
    <row r="24118" spans="1:3" x14ac:dyDescent="0.15">
      <c r="A24118">
        <v>880</v>
      </c>
      <c r="B24118" t="s">
        <v>48149</v>
      </c>
      <c r="C24118" t="s">
        <v>48150</v>
      </c>
    </row>
    <row r="24119" spans="1:3" x14ac:dyDescent="0.15">
      <c r="A24119">
        <v>879</v>
      </c>
      <c r="B24119" t="s">
        <v>48151</v>
      </c>
      <c r="C24119" t="s">
        <v>48152</v>
      </c>
    </row>
    <row r="24120" spans="1:3" x14ac:dyDescent="0.15">
      <c r="A24120">
        <v>878</v>
      </c>
      <c r="B24120" t="s">
        <v>48153</v>
      </c>
      <c r="C24120" t="s">
        <v>48154</v>
      </c>
    </row>
    <row r="24121" spans="1:3" x14ac:dyDescent="0.15">
      <c r="A24121">
        <v>877</v>
      </c>
      <c r="B24121" t="s">
        <v>48155</v>
      </c>
      <c r="C24121" t="s">
        <v>48156</v>
      </c>
    </row>
    <row r="24122" spans="1:3" x14ac:dyDescent="0.15">
      <c r="A24122">
        <v>876</v>
      </c>
      <c r="B24122" t="s">
        <v>48157</v>
      </c>
      <c r="C24122" t="s">
        <v>48158</v>
      </c>
    </row>
    <row r="24123" spans="1:3" x14ac:dyDescent="0.15">
      <c r="A24123">
        <v>875</v>
      </c>
      <c r="B24123" t="s">
        <v>48159</v>
      </c>
      <c r="C24123" t="s">
        <v>48160</v>
      </c>
    </row>
    <row r="24124" spans="1:3" x14ac:dyDescent="0.15">
      <c r="A24124">
        <v>874</v>
      </c>
      <c r="B24124" t="s">
        <v>48161</v>
      </c>
      <c r="C24124" t="s">
        <v>48162</v>
      </c>
    </row>
    <row r="24125" spans="1:3" x14ac:dyDescent="0.15">
      <c r="A24125">
        <v>873</v>
      </c>
      <c r="B24125" t="s">
        <v>48163</v>
      </c>
      <c r="C24125" t="s">
        <v>48164</v>
      </c>
    </row>
    <row r="24126" spans="1:3" x14ac:dyDescent="0.15">
      <c r="A24126">
        <v>872</v>
      </c>
      <c r="B24126" t="s">
        <v>48165</v>
      </c>
      <c r="C24126" t="s">
        <v>48166</v>
      </c>
    </row>
    <row r="24127" spans="1:3" x14ac:dyDescent="0.15">
      <c r="A24127">
        <v>871</v>
      </c>
      <c r="B24127" t="s">
        <v>48167</v>
      </c>
      <c r="C24127" t="s">
        <v>48168</v>
      </c>
    </row>
    <row r="24128" spans="1:3" x14ac:dyDescent="0.15">
      <c r="A24128">
        <v>870</v>
      </c>
      <c r="B24128" t="s">
        <v>48169</v>
      </c>
      <c r="C24128" t="s">
        <v>48170</v>
      </c>
    </row>
    <row r="24129" spans="1:3" x14ac:dyDescent="0.15">
      <c r="A24129">
        <v>869</v>
      </c>
      <c r="B24129" t="s">
        <v>48171</v>
      </c>
      <c r="C24129" t="s">
        <v>48172</v>
      </c>
    </row>
    <row r="24130" spans="1:3" x14ac:dyDescent="0.15">
      <c r="A24130">
        <v>868</v>
      </c>
      <c r="B24130" t="s">
        <v>48173</v>
      </c>
      <c r="C24130" t="s">
        <v>48174</v>
      </c>
    </row>
    <row r="24131" spans="1:3" x14ac:dyDescent="0.15">
      <c r="A24131">
        <v>867</v>
      </c>
      <c r="B24131" t="s">
        <v>48175</v>
      </c>
      <c r="C24131" t="s">
        <v>48176</v>
      </c>
    </row>
    <row r="24132" spans="1:3" x14ac:dyDescent="0.15">
      <c r="A24132">
        <v>866</v>
      </c>
      <c r="B24132" t="s">
        <v>48177</v>
      </c>
      <c r="C24132" t="s">
        <v>48178</v>
      </c>
    </row>
    <row r="24133" spans="1:3" x14ac:dyDescent="0.15">
      <c r="A24133">
        <v>865</v>
      </c>
      <c r="B24133" t="s">
        <v>48179</v>
      </c>
      <c r="C24133" t="s">
        <v>48180</v>
      </c>
    </row>
    <row r="24134" spans="1:3" x14ac:dyDescent="0.15">
      <c r="A24134">
        <v>864</v>
      </c>
      <c r="B24134" t="s">
        <v>48181</v>
      </c>
      <c r="C24134" t="s">
        <v>48182</v>
      </c>
    </row>
    <row r="24135" spans="1:3" x14ac:dyDescent="0.15">
      <c r="A24135">
        <v>863</v>
      </c>
      <c r="B24135" t="s">
        <v>48183</v>
      </c>
      <c r="C24135" t="s">
        <v>48184</v>
      </c>
    </row>
    <row r="24136" spans="1:3" x14ac:dyDescent="0.15">
      <c r="A24136">
        <v>862</v>
      </c>
      <c r="B24136" t="s">
        <v>48185</v>
      </c>
      <c r="C24136" t="s">
        <v>48186</v>
      </c>
    </row>
    <row r="24137" spans="1:3" x14ac:dyDescent="0.15">
      <c r="A24137">
        <v>861</v>
      </c>
      <c r="B24137" t="s">
        <v>48187</v>
      </c>
      <c r="C24137" t="s">
        <v>48188</v>
      </c>
    </row>
    <row r="24138" spans="1:3" x14ac:dyDescent="0.15">
      <c r="A24138">
        <v>860</v>
      </c>
      <c r="B24138" t="s">
        <v>48189</v>
      </c>
      <c r="C24138" t="s">
        <v>48190</v>
      </c>
    </row>
    <row r="24139" spans="1:3" x14ac:dyDescent="0.15">
      <c r="A24139">
        <v>859</v>
      </c>
      <c r="B24139" t="s">
        <v>48191</v>
      </c>
      <c r="C24139" t="s">
        <v>48192</v>
      </c>
    </row>
    <row r="24140" spans="1:3" x14ac:dyDescent="0.15">
      <c r="A24140">
        <v>858</v>
      </c>
      <c r="B24140" t="s">
        <v>48193</v>
      </c>
      <c r="C24140" t="s">
        <v>48194</v>
      </c>
    </row>
    <row r="24141" spans="1:3" x14ac:dyDescent="0.15">
      <c r="A24141">
        <v>857</v>
      </c>
      <c r="B24141" t="s">
        <v>48195</v>
      </c>
      <c r="C24141" t="s">
        <v>48196</v>
      </c>
    </row>
    <row r="24142" spans="1:3" x14ac:dyDescent="0.15">
      <c r="A24142">
        <v>856</v>
      </c>
      <c r="B24142" t="s">
        <v>48197</v>
      </c>
      <c r="C24142" t="s">
        <v>48198</v>
      </c>
    </row>
    <row r="24143" spans="1:3" x14ac:dyDescent="0.15">
      <c r="A24143">
        <v>855</v>
      </c>
      <c r="B24143" t="s">
        <v>48199</v>
      </c>
      <c r="C24143" t="s">
        <v>48200</v>
      </c>
    </row>
    <row r="24144" spans="1:3" x14ac:dyDescent="0.15">
      <c r="A24144">
        <v>854</v>
      </c>
      <c r="B24144" t="s">
        <v>48201</v>
      </c>
      <c r="C24144" t="s">
        <v>48202</v>
      </c>
    </row>
    <row r="24145" spans="1:3" x14ac:dyDescent="0.15">
      <c r="A24145">
        <v>853</v>
      </c>
      <c r="B24145" t="s">
        <v>48203</v>
      </c>
      <c r="C24145" t="s">
        <v>48204</v>
      </c>
    </row>
    <row r="24146" spans="1:3" x14ac:dyDescent="0.15">
      <c r="A24146">
        <v>852</v>
      </c>
      <c r="B24146" t="s">
        <v>48205</v>
      </c>
      <c r="C24146" t="s">
        <v>48206</v>
      </c>
    </row>
    <row r="24147" spans="1:3" x14ac:dyDescent="0.15">
      <c r="A24147">
        <v>851</v>
      </c>
      <c r="B24147" t="s">
        <v>48207</v>
      </c>
      <c r="C24147" t="s">
        <v>48208</v>
      </c>
    </row>
    <row r="24148" spans="1:3" x14ac:dyDescent="0.15">
      <c r="A24148">
        <v>850</v>
      </c>
      <c r="B24148" t="s">
        <v>48209</v>
      </c>
      <c r="C24148" t="s">
        <v>48210</v>
      </c>
    </row>
    <row r="24149" spans="1:3" x14ac:dyDescent="0.15">
      <c r="A24149">
        <v>849</v>
      </c>
      <c r="B24149" t="s">
        <v>48211</v>
      </c>
      <c r="C24149" t="s">
        <v>48212</v>
      </c>
    </row>
    <row r="24150" spans="1:3" x14ac:dyDescent="0.15">
      <c r="A24150">
        <v>848</v>
      </c>
      <c r="B24150" t="s">
        <v>48213</v>
      </c>
      <c r="C24150" t="s">
        <v>48214</v>
      </c>
    </row>
    <row r="24151" spans="1:3" x14ac:dyDescent="0.15">
      <c r="A24151">
        <v>847</v>
      </c>
      <c r="B24151" t="s">
        <v>48215</v>
      </c>
      <c r="C24151" t="s">
        <v>48216</v>
      </c>
    </row>
    <row r="24152" spans="1:3" x14ac:dyDescent="0.15">
      <c r="A24152">
        <v>846</v>
      </c>
      <c r="B24152" t="s">
        <v>48217</v>
      </c>
      <c r="C24152" t="s">
        <v>48218</v>
      </c>
    </row>
    <row r="24153" spans="1:3" x14ac:dyDescent="0.15">
      <c r="A24153">
        <v>845</v>
      </c>
      <c r="B24153" t="s">
        <v>48219</v>
      </c>
      <c r="C24153" t="s">
        <v>48220</v>
      </c>
    </row>
    <row r="24154" spans="1:3" x14ac:dyDescent="0.15">
      <c r="A24154">
        <v>844</v>
      </c>
      <c r="B24154" t="s">
        <v>48221</v>
      </c>
      <c r="C24154" t="s">
        <v>48222</v>
      </c>
    </row>
    <row r="24155" spans="1:3" x14ac:dyDescent="0.15">
      <c r="A24155">
        <v>843</v>
      </c>
      <c r="B24155" t="s">
        <v>48223</v>
      </c>
      <c r="C24155" t="s">
        <v>48224</v>
      </c>
    </row>
    <row r="24156" spans="1:3" x14ac:dyDescent="0.15">
      <c r="A24156">
        <v>842</v>
      </c>
      <c r="B24156" t="s">
        <v>48225</v>
      </c>
      <c r="C24156" t="s">
        <v>48226</v>
      </c>
    </row>
    <row r="24157" spans="1:3" x14ac:dyDescent="0.15">
      <c r="A24157">
        <v>841</v>
      </c>
      <c r="B24157" t="s">
        <v>48227</v>
      </c>
      <c r="C24157" t="s">
        <v>48228</v>
      </c>
    </row>
    <row r="24158" spans="1:3" x14ac:dyDescent="0.15">
      <c r="A24158">
        <v>840</v>
      </c>
      <c r="B24158" t="s">
        <v>48229</v>
      </c>
      <c r="C24158" t="s">
        <v>48230</v>
      </c>
    </row>
    <row r="24159" spans="1:3" x14ac:dyDescent="0.15">
      <c r="A24159">
        <v>839</v>
      </c>
      <c r="B24159" t="s">
        <v>48231</v>
      </c>
      <c r="C24159" t="s">
        <v>48232</v>
      </c>
    </row>
    <row r="24160" spans="1:3" x14ac:dyDescent="0.15">
      <c r="A24160">
        <v>838</v>
      </c>
      <c r="B24160" t="s">
        <v>48233</v>
      </c>
      <c r="C24160" t="s">
        <v>48234</v>
      </c>
    </row>
    <row r="24161" spans="1:3" x14ac:dyDescent="0.15">
      <c r="A24161">
        <v>837</v>
      </c>
      <c r="B24161" t="s">
        <v>48235</v>
      </c>
      <c r="C24161" t="s">
        <v>48236</v>
      </c>
    </row>
    <row r="24162" spans="1:3" x14ac:dyDescent="0.15">
      <c r="A24162">
        <v>836</v>
      </c>
      <c r="B24162" t="s">
        <v>48237</v>
      </c>
      <c r="C24162" t="s">
        <v>48238</v>
      </c>
    </row>
    <row r="24163" spans="1:3" x14ac:dyDescent="0.15">
      <c r="A24163">
        <v>835</v>
      </c>
      <c r="B24163" t="s">
        <v>48239</v>
      </c>
      <c r="C24163" t="s">
        <v>48240</v>
      </c>
    </row>
    <row r="24164" spans="1:3" x14ac:dyDescent="0.15">
      <c r="A24164">
        <v>834</v>
      </c>
      <c r="B24164" t="s">
        <v>48241</v>
      </c>
      <c r="C24164" t="s">
        <v>48242</v>
      </c>
    </row>
    <row r="24165" spans="1:3" x14ac:dyDescent="0.15">
      <c r="A24165">
        <v>833</v>
      </c>
      <c r="B24165" t="s">
        <v>48243</v>
      </c>
      <c r="C24165" t="s">
        <v>48244</v>
      </c>
    </row>
    <row r="24166" spans="1:3" x14ac:dyDescent="0.15">
      <c r="A24166">
        <v>832</v>
      </c>
      <c r="B24166" t="s">
        <v>48245</v>
      </c>
      <c r="C24166" t="s">
        <v>48246</v>
      </c>
    </row>
    <row r="24167" spans="1:3" x14ac:dyDescent="0.15">
      <c r="A24167">
        <v>831</v>
      </c>
      <c r="B24167" t="s">
        <v>48247</v>
      </c>
      <c r="C24167" t="s">
        <v>48248</v>
      </c>
    </row>
    <row r="24168" spans="1:3" x14ac:dyDescent="0.15">
      <c r="A24168">
        <v>830</v>
      </c>
      <c r="B24168" t="s">
        <v>48249</v>
      </c>
      <c r="C24168" t="s">
        <v>48250</v>
      </c>
    </row>
    <row r="24169" spans="1:3" x14ac:dyDescent="0.15">
      <c r="A24169">
        <v>829</v>
      </c>
      <c r="B24169" t="s">
        <v>48251</v>
      </c>
      <c r="C24169" t="s">
        <v>48252</v>
      </c>
    </row>
    <row r="24170" spans="1:3" x14ac:dyDescent="0.15">
      <c r="A24170">
        <v>828</v>
      </c>
      <c r="B24170" t="s">
        <v>48253</v>
      </c>
      <c r="C24170" t="s">
        <v>48254</v>
      </c>
    </row>
    <row r="24171" spans="1:3" x14ac:dyDescent="0.15">
      <c r="A24171">
        <v>827</v>
      </c>
      <c r="B24171" t="s">
        <v>48255</v>
      </c>
      <c r="C24171" t="s">
        <v>48256</v>
      </c>
    </row>
    <row r="24172" spans="1:3" x14ac:dyDescent="0.15">
      <c r="A24172">
        <v>826</v>
      </c>
      <c r="B24172" t="s">
        <v>48257</v>
      </c>
      <c r="C24172" t="s">
        <v>48258</v>
      </c>
    </row>
    <row r="24173" spans="1:3" x14ac:dyDescent="0.15">
      <c r="A24173">
        <v>825</v>
      </c>
      <c r="B24173" t="s">
        <v>48259</v>
      </c>
      <c r="C24173" t="s">
        <v>48260</v>
      </c>
    </row>
    <row r="24174" spans="1:3" x14ac:dyDescent="0.15">
      <c r="A24174">
        <v>824</v>
      </c>
      <c r="B24174" t="s">
        <v>48261</v>
      </c>
      <c r="C24174" t="s">
        <v>48262</v>
      </c>
    </row>
    <row r="24175" spans="1:3" x14ac:dyDescent="0.15">
      <c r="A24175">
        <v>823</v>
      </c>
      <c r="B24175" t="s">
        <v>48263</v>
      </c>
      <c r="C24175" t="s">
        <v>48264</v>
      </c>
    </row>
    <row r="24176" spans="1:3" x14ac:dyDescent="0.15">
      <c r="A24176">
        <v>822</v>
      </c>
      <c r="B24176" t="s">
        <v>48265</v>
      </c>
      <c r="C24176" t="s">
        <v>48266</v>
      </c>
    </row>
    <row r="24177" spans="1:3" x14ac:dyDescent="0.15">
      <c r="A24177">
        <v>821</v>
      </c>
      <c r="B24177" t="s">
        <v>48267</v>
      </c>
      <c r="C24177" t="s">
        <v>48268</v>
      </c>
    </row>
    <row r="24178" spans="1:3" x14ac:dyDescent="0.15">
      <c r="A24178">
        <v>820</v>
      </c>
      <c r="B24178" t="s">
        <v>48269</v>
      </c>
      <c r="C24178" t="s">
        <v>48270</v>
      </c>
    </row>
    <row r="24179" spans="1:3" x14ac:dyDescent="0.15">
      <c r="A24179">
        <v>819</v>
      </c>
      <c r="B24179" t="s">
        <v>48271</v>
      </c>
      <c r="C24179" t="s">
        <v>48272</v>
      </c>
    </row>
    <row r="24180" spans="1:3" x14ac:dyDescent="0.15">
      <c r="A24180">
        <v>818</v>
      </c>
      <c r="B24180" t="s">
        <v>48273</v>
      </c>
      <c r="C24180" t="s">
        <v>48274</v>
      </c>
    </row>
    <row r="24181" spans="1:3" x14ac:dyDescent="0.15">
      <c r="A24181">
        <v>817</v>
      </c>
      <c r="B24181" t="s">
        <v>48275</v>
      </c>
      <c r="C24181" t="s">
        <v>48276</v>
      </c>
    </row>
    <row r="24182" spans="1:3" x14ac:dyDescent="0.15">
      <c r="A24182">
        <v>816</v>
      </c>
      <c r="B24182" t="s">
        <v>48277</v>
      </c>
      <c r="C24182" t="s">
        <v>48278</v>
      </c>
    </row>
    <row r="24183" spans="1:3" x14ac:dyDescent="0.15">
      <c r="A24183">
        <v>815</v>
      </c>
      <c r="B24183" t="s">
        <v>48279</v>
      </c>
      <c r="C24183" t="s">
        <v>48280</v>
      </c>
    </row>
    <row r="24184" spans="1:3" x14ac:dyDescent="0.15">
      <c r="A24184">
        <v>814</v>
      </c>
      <c r="B24184" t="s">
        <v>48281</v>
      </c>
      <c r="C24184" t="s">
        <v>48282</v>
      </c>
    </row>
    <row r="24185" spans="1:3" x14ac:dyDescent="0.15">
      <c r="A24185">
        <v>813</v>
      </c>
      <c r="B24185" t="s">
        <v>48283</v>
      </c>
      <c r="C24185" t="s">
        <v>48284</v>
      </c>
    </row>
    <row r="24186" spans="1:3" x14ac:dyDescent="0.15">
      <c r="A24186">
        <v>812</v>
      </c>
      <c r="B24186" t="s">
        <v>48285</v>
      </c>
      <c r="C24186" t="s">
        <v>48286</v>
      </c>
    </row>
    <row r="24187" spans="1:3" x14ac:dyDescent="0.15">
      <c r="A24187">
        <v>811</v>
      </c>
      <c r="B24187" t="s">
        <v>48287</v>
      </c>
      <c r="C24187" t="s">
        <v>48288</v>
      </c>
    </row>
    <row r="24188" spans="1:3" x14ac:dyDescent="0.15">
      <c r="A24188">
        <v>810</v>
      </c>
      <c r="B24188" t="s">
        <v>48289</v>
      </c>
      <c r="C24188" t="s">
        <v>48290</v>
      </c>
    </row>
    <row r="24189" spans="1:3" x14ac:dyDescent="0.15">
      <c r="A24189">
        <v>809</v>
      </c>
      <c r="B24189" t="s">
        <v>48291</v>
      </c>
      <c r="C24189" t="s">
        <v>48292</v>
      </c>
    </row>
    <row r="24190" spans="1:3" x14ac:dyDescent="0.15">
      <c r="A24190">
        <v>808</v>
      </c>
      <c r="B24190" t="s">
        <v>48293</v>
      </c>
      <c r="C24190" t="s">
        <v>48294</v>
      </c>
    </row>
    <row r="24191" spans="1:3" x14ac:dyDescent="0.15">
      <c r="A24191">
        <v>807</v>
      </c>
      <c r="B24191" t="s">
        <v>48295</v>
      </c>
      <c r="C24191" t="s">
        <v>48296</v>
      </c>
    </row>
    <row r="24192" spans="1:3" x14ac:dyDescent="0.15">
      <c r="A24192">
        <v>806</v>
      </c>
      <c r="B24192" t="s">
        <v>48297</v>
      </c>
      <c r="C24192" t="s">
        <v>48298</v>
      </c>
    </row>
    <row r="24193" spans="1:3" x14ac:dyDescent="0.15">
      <c r="A24193">
        <v>805</v>
      </c>
      <c r="B24193" t="s">
        <v>48299</v>
      </c>
      <c r="C24193" t="s">
        <v>48300</v>
      </c>
    </row>
    <row r="24194" spans="1:3" x14ac:dyDescent="0.15">
      <c r="A24194">
        <v>804</v>
      </c>
      <c r="B24194" t="s">
        <v>48301</v>
      </c>
      <c r="C24194" t="s">
        <v>48302</v>
      </c>
    </row>
    <row r="24195" spans="1:3" x14ac:dyDescent="0.15">
      <c r="A24195">
        <v>803</v>
      </c>
      <c r="B24195" t="s">
        <v>48303</v>
      </c>
      <c r="C24195" t="s">
        <v>48304</v>
      </c>
    </row>
    <row r="24196" spans="1:3" x14ac:dyDescent="0.15">
      <c r="A24196">
        <v>802</v>
      </c>
      <c r="B24196" t="s">
        <v>48305</v>
      </c>
      <c r="C24196" t="s">
        <v>48306</v>
      </c>
    </row>
    <row r="24197" spans="1:3" x14ac:dyDescent="0.15">
      <c r="A24197">
        <v>801</v>
      </c>
      <c r="B24197" t="s">
        <v>48307</v>
      </c>
      <c r="C24197" t="s">
        <v>48308</v>
      </c>
    </row>
    <row r="24198" spans="1:3" x14ac:dyDescent="0.15">
      <c r="A24198">
        <v>800</v>
      </c>
      <c r="B24198" t="s">
        <v>48309</v>
      </c>
      <c r="C24198" t="s">
        <v>48310</v>
      </c>
    </row>
    <row r="24199" spans="1:3" x14ac:dyDescent="0.15">
      <c r="A24199">
        <v>799</v>
      </c>
      <c r="B24199" t="s">
        <v>48311</v>
      </c>
      <c r="C24199" t="s">
        <v>48312</v>
      </c>
    </row>
    <row r="24200" spans="1:3" x14ac:dyDescent="0.15">
      <c r="A24200">
        <v>798</v>
      </c>
      <c r="B24200" t="s">
        <v>48313</v>
      </c>
      <c r="C24200" t="s">
        <v>48314</v>
      </c>
    </row>
    <row r="24201" spans="1:3" x14ac:dyDescent="0.15">
      <c r="A24201">
        <v>797</v>
      </c>
      <c r="B24201" t="s">
        <v>48315</v>
      </c>
      <c r="C24201" t="s">
        <v>48316</v>
      </c>
    </row>
    <row r="24202" spans="1:3" x14ac:dyDescent="0.15">
      <c r="A24202">
        <v>796</v>
      </c>
      <c r="B24202" t="s">
        <v>48317</v>
      </c>
      <c r="C24202" t="s">
        <v>48318</v>
      </c>
    </row>
    <row r="24203" spans="1:3" x14ac:dyDescent="0.15">
      <c r="A24203">
        <v>795</v>
      </c>
      <c r="B24203" t="s">
        <v>48319</v>
      </c>
      <c r="C24203" t="s">
        <v>48320</v>
      </c>
    </row>
    <row r="24204" spans="1:3" x14ac:dyDescent="0.15">
      <c r="A24204">
        <v>794</v>
      </c>
      <c r="B24204" t="s">
        <v>48321</v>
      </c>
      <c r="C24204" t="s">
        <v>48322</v>
      </c>
    </row>
    <row r="24205" spans="1:3" x14ac:dyDescent="0.15">
      <c r="A24205">
        <v>793</v>
      </c>
      <c r="B24205" t="s">
        <v>48323</v>
      </c>
      <c r="C24205" t="s">
        <v>48324</v>
      </c>
    </row>
    <row r="24206" spans="1:3" x14ac:dyDescent="0.15">
      <c r="A24206">
        <v>792</v>
      </c>
      <c r="B24206" t="s">
        <v>48325</v>
      </c>
      <c r="C24206" t="s">
        <v>48326</v>
      </c>
    </row>
    <row r="24207" spans="1:3" x14ac:dyDescent="0.15">
      <c r="A24207">
        <v>791</v>
      </c>
      <c r="B24207" t="s">
        <v>48327</v>
      </c>
      <c r="C24207" t="s">
        <v>48328</v>
      </c>
    </row>
    <row r="24208" spans="1:3" x14ac:dyDescent="0.15">
      <c r="A24208">
        <v>790</v>
      </c>
      <c r="B24208" t="s">
        <v>48329</v>
      </c>
      <c r="C24208" t="s">
        <v>48330</v>
      </c>
    </row>
    <row r="24209" spans="1:3" x14ac:dyDescent="0.15">
      <c r="A24209">
        <v>789</v>
      </c>
      <c r="B24209" t="s">
        <v>48331</v>
      </c>
      <c r="C24209" t="s">
        <v>48332</v>
      </c>
    </row>
    <row r="24210" spans="1:3" x14ac:dyDescent="0.15">
      <c r="A24210">
        <v>788</v>
      </c>
      <c r="B24210" t="s">
        <v>48333</v>
      </c>
      <c r="C24210" t="e">
        <v>#NAME?</v>
      </c>
    </row>
    <row r="24211" spans="1:3" x14ac:dyDescent="0.15">
      <c r="A24211">
        <v>787</v>
      </c>
      <c r="B24211" t="s">
        <v>48334</v>
      </c>
      <c r="C24211" t="s">
        <v>48335</v>
      </c>
    </row>
    <row r="24212" spans="1:3" x14ac:dyDescent="0.15">
      <c r="A24212">
        <v>786</v>
      </c>
      <c r="B24212" t="s">
        <v>48336</v>
      </c>
      <c r="C24212" t="s">
        <v>48337</v>
      </c>
    </row>
    <row r="24213" spans="1:3" x14ac:dyDescent="0.15">
      <c r="A24213">
        <v>785</v>
      </c>
      <c r="B24213" t="s">
        <v>48338</v>
      </c>
      <c r="C24213" t="s">
        <v>48339</v>
      </c>
    </row>
    <row r="24214" spans="1:3" x14ac:dyDescent="0.15">
      <c r="A24214">
        <v>784</v>
      </c>
      <c r="B24214" t="s">
        <v>48340</v>
      </c>
      <c r="C24214" t="s">
        <v>48341</v>
      </c>
    </row>
    <row r="24215" spans="1:3" x14ac:dyDescent="0.15">
      <c r="A24215">
        <v>783</v>
      </c>
      <c r="B24215" t="s">
        <v>48342</v>
      </c>
      <c r="C24215" t="s">
        <v>48343</v>
      </c>
    </row>
    <row r="24216" spans="1:3" x14ac:dyDescent="0.15">
      <c r="A24216">
        <v>782</v>
      </c>
      <c r="B24216" t="s">
        <v>48344</v>
      </c>
      <c r="C24216" t="s">
        <v>48345</v>
      </c>
    </row>
    <row r="24217" spans="1:3" x14ac:dyDescent="0.15">
      <c r="A24217">
        <v>781</v>
      </c>
      <c r="B24217" t="s">
        <v>48346</v>
      </c>
      <c r="C24217" t="s">
        <v>48347</v>
      </c>
    </row>
    <row r="24218" spans="1:3" x14ac:dyDescent="0.15">
      <c r="A24218">
        <v>780</v>
      </c>
      <c r="B24218" t="s">
        <v>48348</v>
      </c>
      <c r="C24218" t="s">
        <v>48349</v>
      </c>
    </row>
    <row r="24219" spans="1:3" x14ac:dyDescent="0.15">
      <c r="A24219">
        <v>779</v>
      </c>
      <c r="B24219" t="s">
        <v>48350</v>
      </c>
      <c r="C24219" t="s">
        <v>48351</v>
      </c>
    </row>
    <row r="24220" spans="1:3" x14ac:dyDescent="0.15">
      <c r="A24220">
        <v>778</v>
      </c>
      <c r="B24220" t="s">
        <v>48352</v>
      </c>
      <c r="C24220" t="s">
        <v>48353</v>
      </c>
    </row>
    <row r="24221" spans="1:3" x14ac:dyDescent="0.15">
      <c r="A24221">
        <v>777</v>
      </c>
      <c r="B24221" t="s">
        <v>48354</v>
      </c>
      <c r="C24221" t="s">
        <v>48355</v>
      </c>
    </row>
    <row r="24222" spans="1:3" x14ac:dyDescent="0.15">
      <c r="A24222">
        <v>776</v>
      </c>
      <c r="B24222" t="s">
        <v>48356</v>
      </c>
      <c r="C24222" t="s">
        <v>48357</v>
      </c>
    </row>
    <row r="24223" spans="1:3" x14ac:dyDescent="0.15">
      <c r="A24223">
        <v>775</v>
      </c>
      <c r="B24223" t="s">
        <v>48358</v>
      </c>
      <c r="C24223" t="s">
        <v>48359</v>
      </c>
    </row>
    <row r="24224" spans="1:3" x14ac:dyDescent="0.15">
      <c r="A24224">
        <v>774</v>
      </c>
      <c r="B24224" t="s">
        <v>48360</v>
      </c>
      <c r="C24224" t="s">
        <v>48361</v>
      </c>
    </row>
    <row r="24225" spans="1:3" x14ac:dyDescent="0.15">
      <c r="A24225">
        <v>773</v>
      </c>
      <c r="B24225" t="s">
        <v>48362</v>
      </c>
      <c r="C24225" t="s">
        <v>48363</v>
      </c>
    </row>
    <row r="24226" spans="1:3" x14ac:dyDescent="0.15">
      <c r="A24226">
        <v>772</v>
      </c>
      <c r="B24226" t="s">
        <v>48364</v>
      </c>
      <c r="C24226" t="s">
        <v>48365</v>
      </c>
    </row>
    <row r="24227" spans="1:3" x14ac:dyDescent="0.15">
      <c r="A24227">
        <v>771</v>
      </c>
      <c r="B24227" t="s">
        <v>48366</v>
      </c>
      <c r="C24227" t="s">
        <v>48367</v>
      </c>
    </row>
    <row r="24228" spans="1:3" x14ac:dyDescent="0.15">
      <c r="A24228">
        <v>770</v>
      </c>
      <c r="B24228" t="s">
        <v>48368</v>
      </c>
      <c r="C24228" t="s">
        <v>48369</v>
      </c>
    </row>
    <row r="24229" spans="1:3" x14ac:dyDescent="0.15">
      <c r="A24229">
        <v>769</v>
      </c>
      <c r="B24229" t="s">
        <v>48370</v>
      </c>
      <c r="C24229" t="s">
        <v>48371</v>
      </c>
    </row>
    <row r="24230" spans="1:3" x14ac:dyDescent="0.15">
      <c r="A24230">
        <v>768</v>
      </c>
      <c r="B24230" t="s">
        <v>48372</v>
      </c>
      <c r="C24230" t="s">
        <v>48373</v>
      </c>
    </row>
    <row r="24231" spans="1:3" x14ac:dyDescent="0.15">
      <c r="A24231">
        <v>767</v>
      </c>
      <c r="B24231" t="s">
        <v>48374</v>
      </c>
      <c r="C24231" t="s">
        <v>48375</v>
      </c>
    </row>
    <row r="24232" spans="1:3" x14ac:dyDescent="0.15">
      <c r="A24232">
        <v>766</v>
      </c>
      <c r="B24232" t="s">
        <v>48376</v>
      </c>
      <c r="C24232" t="s">
        <v>48377</v>
      </c>
    </row>
    <row r="24233" spans="1:3" x14ac:dyDescent="0.15">
      <c r="A24233">
        <v>765</v>
      </c>
      <c r="B24233" t="s">
        <v>48378</v>
      </c>
      <c r="C24233" t="s">
        <v>48379</v>
      </c>
    </row>
    <row r="24234" spans="1:3" x14ac:dyDescent="0.15">
      <c r="A24234">
        <v>764</v>
      </c>
      <c r="B24234" t="s">
        <v>48380</v>
      </c>
      <c r="C24234" t="s">
        <v>48381</v>
      </c>
    </row>
    <row r="24235" spans="1:3" x14ac:dyDescent="0.15">
      <c r="A24235">
        <v>763</v>
      </c>
      <c r="B24235" t="s">
        <v>48382</v>
      </c>
      <c r="C24235" t="s">
        <v>48383</v>
      </c>
    </row>
    <row r="24236" spans="1:3" x14ac:dyDescent="0.15">
      <c r="A24236">
        <v>762</v>
      </c>
      <c r="B24236" t="s">
        <v>48384</v>
      </c>
      <c r="C24236" t="s">
        <v>48385</v>
      </c>
    </row>
    <row r="24237" spans="1:3" x14ac:dyDescent="0.15">
      <c r="A24237">
        <v>761</v>
      </c>
      <c r="B24237" t="s">
        <v>48386</v>
      </c>
      <c r="C24237" t="s">
        <v>48387</v>
      </c>
    </row>
    <row r="24238" spans="1:3" x14ac:dyDescent="0.15">
      <c r="A24238">
        <v>760</v>
      </c>
      <c r="B24238" t="s">
        <v>48388</v>
      </c>
      <c r="C24238" t="s">
        <v>48389</v>
      </c>
    </row>
    <row r="24239" spans="1:3" x14ac:dyDescent="0.15">
      <c r="A24239">
        <v>759</v>
      </c>
      <c r="B24239" t="s">
        <v>48390</v>
      </c>
      <c r="C24239" t="s">
        <v>48391</v>
      </c>
    </row>
    <row r="24240" spans="1:3" x14ac:dyDescent="0.15">
      <c r="A24240">
        <v>758</v>
      </c>
      <c r="B24240" t="s">
        <v>48392</v>
      </c>
      <c r="C24240" t="s">
        <v>48393</v>
      </c>
    </row>
    <row r="24241" spans="1:3" x14ac:dyDescent="0.15">
      <c r="A24241">
        <v>757</v>
      </c>
      <c r="B24241" t="s">
        <v>48394</v>
      </c>
      <c r="C24241" t="s">
        <v>48395</v>
      </c>
    </row>
    <row r="24242" spans="1:3" x14ac:dyDescent="0.15">
      <c r="A24242">
        <v>756</v>
      </c>
      <c r="B24242" t="s">
        <v>48396</v>
      </c>
      <c r="C24242" t="s">
        <v>48397</v>
      </c>
    </row>
    <row r="24243" spans="1:3" x14ac:dyDescent="0.15">
      <c r="A24243">
        <v>755</v>
      </c>
      <c r="B24243" t="s">
        <v>48398</v>
      </c>
      <c r="C24243" t="s">
        <v>48399</v>
      </c>
    </row>
    <row r="24244" spans="1:3" x14ac:dyDescent="0.15">
      <c r="A24244">
        <v>754</v>
      </c>
      <c r="B24244" t="s">
        <v>48400</v>
      </c>
      <c r="C24244" t="s">
        <v>48401</v>
      </c>
    </row>
    <row r="24245" spans="1:3" x14ac:dyDescent="0.15">
      <c r="A24245">
        <v>753</v>
      </c>
      <c r="B24245" t="s">
        <v>48402</v>
      </c>
      <c r="C24245" t="s">
        <v>48403</v>
      </c>
    </row>
    <row r="24246" spans="1:3" x14ac:dyDescent="0.15">
      <c r="A24246">
        <v>752</v>
      </c>
      <c r="B24246" t="s">
        <v>48404</v>
      </c>
      <c r="C24246" t="s">
        <v>48405</v>
      </c>
    </row>
    <row r="24247" spans="1:3" x14ac:dyDescent="0.15">
      <c r="A24247">
        <v>751</v>
      </c>
      <c r="B24247" t="s">
        <v>48406</v>
      </c>
      <c r="C24247" t="s">
        <v>48407</v>
      </c>
    </row>
    <row r="24248" spans="1:3" x14ac:dyDescent="0.15">
      <c r="A24248">
        <v>750</v>
      </c>
      <c r="B24248" t="s">
        <v>48408</v>
      </c>
      <c r="C24248" t="s">
        <v>48409</v>
      </c>
    </row>
    <row r="24249" spans="1:3" x14ac:dyDescent="0.15">
      <c r="A24249">
        <v>749</v>
      </c>
      <c r="B24249" t="s">
        <v>48410</v>
      </c>
      <c r="C24249" t="s">
        <v>48411</v>
      </c>
    </row>
    <row r="24250" spans="1:3" x14ac:dyDescent="0.15">
      <c r="A24250">
        <v>748</v>
      </c>
      <c r="B24250" t="s">
        <v>48412</v>
      </c>
      <c r="C24250" t="s">
        <v>48413</v>
      </c>
    </row>
    <row r="24251" spans="1:3" x14ac:dyDescent="0.15">
      <c r="A24251">
        <v>747</v>
      </c>
      <c r="B24251" t="s">
        <v>48414</v>
      </c>
      <c r="C24251" t="s">
        <v>48415</v>
      </c>
    </row>
    <row r="24252" spans="1:3" x14ac:dyDescent="0.15">
      <c r="A24252">
        <v>746</v>
      </c>
      <c r="B24252" t="s">
        <v>48416</v>
      </c>
      <c r="C24252" t="s">
        <v>48417</v>
      </c>
    </row>
    <row r="24253" spans="1:3" x14ac:dyDescent="0.15">
      <c r="A24253">
        <v>745</v>
      </c>
      <c r="B24253" t="s">
        <v>48418</v>
      </c>
      <c r="C24253" t="s">
        <v>48419</v>
      </c>
    </row>
    <row r="24254" spans="1:3" x14ac:dyDescent="0.15">
      <c r="A24254">
        <v>744</v>
      </c>
      <c r="B24254" t="s">
        <v>48420</v>
      </c>
      <c r="C24254" t="s">
        <v>48421</v>
      </c>
    </row>
    <row r="24255" spans="1:3" x14ac:dyDescent="0.15">
      <c r="A24255">
        <v>743</v>
      </c>
      <c r="B24255" t="s">
        <v>48422</v>
      </c>
      <c r="C24255" t="s">
        <v>48423</v>
      </c>
    </row>
    <row r="24256" spans="1:3" x14ac:dyDescent="0.15">
      <c r="A24256">
        <v>742</v>
      </c>
      <c r="B24256" t="s">
        <v>48424</v>
      </c>
      <c r="C24256" t="s">
        <v>48425</v>
      </c>
    </row>
    <row r="24257" spans="1:3" x14ac:dyDescent="0.15">
      <c r="A24257">
        <v>741</v>
      </c>
      <c r="B24257" t="s">
        <v>48426</v>
      </c>
      <c r="C24257" t="s">
        <v>48427</v>
      </c>
    </row>
    <row r="24258" spans="1:3" x14ac:dyDescent="0.15">
      <c r="A24258">
        <v>740</v>
      </c>
      <c r="B24258" t="s">
        <v>48428</v>
      </c>
      <c r="C24258" t="s">
        <v>48429</v>
      </c>
    </row>
    <row r="24259" spans="1:3" x14ac:dyDescent="0.15">
      <c r="A24259">
        <v>739</v>
      </c>
      <c r="B24259" t="s">
        <v>48430</v>
      </c>
      <c r="C24259" t="s">
        <v>48431</v>
      </c>
    </row>
    <row r="24260" spans="1:3" x14ac:dyDescent="0.15">
      <c r="A24260">
        <v>738</v>
      </c>
      <c r="B24260" t="s">
        <v>48432</v>
      </c>
      <c r="C24260" t="s">
        <v>48433</v>
      </c>
    </row>
    <row r="24261" spans="1:3" x14ac:dyDescent="0.15">
      <c r="A24261">
        <v>737</v>
      </c>
      <c r="B24261" t="s">
        <v>48434</v>
      </c>
      <c r="C24261" t="s">
        <v>48435</v>
      </c>
    </row>
    <row r="24262" spans="1:3" x14ac:dyDescent="0.15">
      <c r="A24262">
        <v>736</v>
      </c>
      <c r="B24262" t="s">
        <v>48436</v>
      </c>
      <c r="C24262" t="s">
        <v>48437</v>
      </c>
    </row>
    <row r="24263" spans="1:3" x14ac:dyDescent="0.15">
      <c r="A24263">
        <v>735</v>
      </c>
      <c r="B24263" t="s">
        <v>48438</v>
      </c>
      <c r="C24263" t="s">
        <v>48439</v>
      </c>
    </row>
    <row r="24264" spans="1:3" x14ac:dyDescent="0.15">
      <c r="A24264">
        <v>734</v>
      </c>
      <c r="B24264" t="s">
        <v>48440</v>
      </c>
      <c r="C24264" t="s">
        <v>48441</v>
      </c>
    </row>
    <row r="24265" spans="1:3" x14ac:dyDescent="0.15">
      <c r="A24265">
        <v>733</v>
      </c>
      <c r="B24265" t="s">
        <v>48442</v>
      </c>
      <c r="C24265" t="s">
        <v>48443</v>
      </c>
    </row>
    <row r="24266" spans="1:3" x14ac:dyDescent="0.15">
      <c r="A24266">
        <v>732</v>
      </c>
      <c r="B24266" t="s">
        <v>48444</v>
      </c>
      <c r="C24266" t="s">
        <v>48445</v>
      </c>
    </row>
    <row r="24267" spans="1:3" x14ac:dyDescent="0.15">
      <c r="A24267">
        <v>731</v>
      </c>
      <c r="B24267" t="s">
        <v>48446</v>
      </c>
      <c r="C24267" t="s">
        <v>48447</v>
      </c>
    </row>
    <row r="24268" spans="1:3" x14ac:dyDescent="0.15">
      <c r="A24268">
        <v>730</v>
      </c>
      <c r="B24268" t="s">
        <v>48448</v>
      </c>
      <c r="C24268" t="s">
        <v>48449</v>
      </c>
    </row>
    <row r="24269" spans="1:3" x14ac:dyDescent="0.15">
      <c r="A24269">
        <v>729</v>
      </c>
      <c r="B24269" t="s">
        <v>48450</v>
      </c>
      <c r="C24269" t="s">
        <v>48451</v>
      </c>
    </row>
    <row r="24270" spans="1:3" x14ac:dyDescent="0.15">
      <c r="A24270">
        <v>728</v>
      </c>
      <c r="B24270" t="s">
        <v>48452</v>
      </c>
      <c r="C24270" t="s">
        <v>48453</v>
      </c>
    </row>
    <row r="24271" spans="1:3" x14ac:dyDescent="0.15">
      <c r="A24271">
        <v>727</v>
      </c>
      <c r="B24271" t="s">
        <v>48454</v>
      </c>
      <c r="C24271" t="s">
        <v>48455</v>
      </c>
    </row>
    <row r="24272" spans="1:3" x14ac:dyDescent="0.15">
      <c r="A24272">
        <v>726</v>
      </c>
      <c r="B24272" t="s">
        <v>48456</v>
      </c>
      <c r="C24272" t="s">
        <v>48457</v>
      </c>
    </row>
    <row r="24273" spans="1:3" x14ac:dyDescent="0.15">
      <c r="A24273">
        <v>725</v>
      </c>
      <c r="B24273" t="s">
        <v>48458</v>
      </c>
      <c r="C24273" t="s">
        <v>48459</v>
      </c>
    </row>
    <row r="24274" spans="1:3" x14ac:dyDescent="0.15">
      <c r="A24274">
        <v>724</v>
      </c>
      <c r="B24274" t="s">
        <v>48460</v>
      </c>
      <c r="C24274" t="s">
        <v>48461</v>
      </c>
    </row>
    <row r="24275" spans="1:3" x14ac:dyDescent="0.15">
      <c r="A24275">
        <v>723</v>
      </c>
      <c r="B24275" t="s">
        <v>48462</v>
      </c>
      <c r="C24275" t="s">
        <v>48463</v>
      </c>
    </row>
    <row r="24276" spans="1:3" x14ac:dyDescent="0.15">
      <c r="A24276">
        <v>722</v>
      </c>
      <c r="B24276" t="s">
        <v>48464</v>
      </c>
      <c r="C24276" t="s">
        <v>48465</v>
      </c>
    </row>
    <row r="24277" spans="1:3" x14ac:dyDescent="0.15">
      <c r="A24277">
        <v>721</v>
      </c>
      <c r="B24277" t="s">
        <v>48466</v>
      </c>
      <c r="C24277" t="s">
        <v>48467</v>
      </c>
    </row>
    <row r="24278" spans="1:3" x14ac:dyDescent="0.15">
      <c r="A24278">
        <v>720</v>
      </c>
      <c r="B24278" t="s">
        <v>48468</v>
      </c>
      <c r="C24278" t="s">
        <v>48469</v>
      </c>
    </row>
    <row r="24279" spans="1:3" x14ac:dyDescent="0.15">
      <c r="A24279">
        <v>719</v>
      </c>
      <c r="B24279" t="s">
        <v>48470</v>
      </c>
      <c r="C24279" t="s">
        <v>48471</v>
      </c>
    </row>
    <row r="24280" spans="1:3" x14ac:dyDescent="0.15">
      <c r="A24280">
        <v>718</v>
      </c>
      <c r="B24280" t="s">
        <v>48472</v>
      </c>
      <c r="C24280" t="s">
        <v>48473</v>
      </c>
    </row>
    <row r="24281" spans="1:3" x14ac:dyDescent="0.15">
      <c r="A24281">
        <v>717</v>
      </c>
      <c r="B24281" t="s">
        <v>48474</v>
      </c>
      <c r="C24281" t="s">
        <v>48475</v>
      </c>
    </row>
    <row r="24282" spans="1:3" x14ac:dyDescent="0.15">
      <c r="A24282">
        <v>716</v>
      </c>
      <c r="B24282" t="s">
        <v>48476</v>
      </c>
      <c r="C24282" t="s">
        <v>48477</v>
      </c>
    </row>
    <row r="24283" spans="1:3" x14ac:dyDescent="0.15">
      <c r="A24283">
        <v>715</v>
      </c>
      <c r="B24283" t="s">
        <v>48478</v>
      </c>
      <c r="C24283" t="s">
        <v>48479</v>
      </c>
    </row>
    <row r="24284" spans="1:3" x14ac:dyDescent="0.15">
      <c r="A24284">
        <v>714</v>
      </c>
      <c r="B24284" t="s">
        <v>48480</v>
      </c>
      <c r="C24284" t="s">
        <v>48481</v>
      </c>
    </row>
    <row r="24285" spans="1:3" x14ac:dyDescent="0.15">
      <c r="A24285">
        <v>713</v>
      </c>
      <c r="B24285" t="s">
        <v>48482</v>
      </c>
      <c r="C24285" t="s">
        <v>48483</v>
      </c>
    </row>
    <row r="24286" spans="1:3" x14ac:dyDescent="0.15">
      <c r="A24286">
        <v>712</v>
      </c>
      <c r="B24286" t="s">
        <v>48484</v>
      </c>
      <c r="C24286" t="s">
        <v>48485</v>
      </c>
    </row>
    <row r="24287" spans="1:3" x14ac:dyDescent="0.15">
      <c r="A24287">
        <v>711</v>
      </c>
      <c r="B24287" t="s">
        <v>48486</v>
      </c>
      <c r="C24287" t="s">
        <v>48487</v>
      </c>
    </row>
    <row r="24288" spans="1:3" x14ac:dyDescent="0.15">
      <c r="A24288">
        <v>710</v>
      </c>
      <c r="B24288" t="s">
        <v>48488</v>
      </c>
      <c r="C24288" t="s">
        <v>48489</v>
      </c>
    </row>
    <row r="24289" spans="1:3" x14ac:dyDescent="0.15">
      <c r="A24289">
        <v>709</v>
      </c>
      <c r="B24289" t="s">
        <v>48490</v>
      </c>
      <c r="C24289" t="s">
        <v>48491</v>
      </c>
    </row>
    <row r="24290" spans="1:3" x14ac:dyDescent="0.15">
      <c r="A24290">
        <v>708</v>
      </c>
      <c r="B24290" t="s">
        <v>48492</v>
      </c>
      <c r="C24290" t="s">
        <v>48493</v>
      </c>
    </row>
    <row r="24291" spans="1:3" x14ac:dyDescent="0.15">
      <c r="A24291">
        <v>707</v>
      </c>
      <c r="B24291" t="s">
        <v>48494</v>
      </c>
      <c r="C24291" t="s">
        <v>48495</v>
      </c>
    </row>
    <row r="24292" spans="1:3" x14ac:dyDescent="0.15">
      <c r="A24292">
        <v>706</v>
      </c>
      <c r="B24292" t="s">
        <v>48496</v>
      </c>
      <c r="C24292" t="s">
        <v>48497</v>
      </c>
    </row>
    <row r="24293" spans="1:3" x14ac:dyDescent="0.15">
      <c r="A24293">
        <v>705</v>
      </c>
      <c r="B24293" t="s">
        <v>48498</v>
      </c>
      <c r="C24293" t="s">
        <v>48499</v>
      </c>
    </row>
    <row r="24294" spans="1:3" x14ac:dyDescent="0.15">
      <c r="A24294">
        <v>704</v>
      </c>
      <c r="B24294" t="s">
        <v>48500</v>
      </c>
      <c r="C24294" t="s">
        <v>48501</v>
      </c>
    </row>
    <row r="24295" spans="1:3" x14ac:dyDescent="0.15">
      <c r="A24295">
        <v>703</v>
      </c>
      <c r="B24295" t="s">
        <v>48502</v>
      </c>
      <c r="C24295" t="s">
        <v>48503</v>
      </c>
    </row>
    <row r="24296" spans="1:3" x14ac:dyDescent="0.15">
      <c r="A24296">
        <v>702</v>
      </c>
      <c r="B24296" t="s">
        <v>48504</v>
      </c>
      <c r="C24296" t="s">
        <v>48505</v>
      </c>
    </row>
    <row r="24297" spans="1:3" x14ac:dyDescent="0.15">
      <c r="A24297">
        <v>701</v>
      </c>
      <c r="B24297" t="s">
        <v>48506</v>
      </c>
      <c r="C24297" t="s">
        <v>48507</v>
      </c>
    </row>
    <row r="24298" spans="1:3" x14ac:dyDescent="0.15">
      <c r="A24298">
        <v>700</v>
      </c>
      <c r="B24298" t="s">
        <v>48508</v>
      </c>
      <c r="C24298" t="s">
        <v>48509</v>
      </c>
    </row>
    <row r="24299" spans="1:3" x14ac:dyDescent="0.15">
      <c r="A24299">
        <v>699</v>
      </c>
      <c r="B24299" t="s">
        <v>48510</v>
      </c>
      <c r="C24299" t="s">
        <v>48511</v>
      </c>
    </row>
    <row r="24300" spans="1:3" x14ac:dyDescent="0.15">
      <c r="A24300">
        <v>698</v>
      </c>
      <c r="B24300" t="s">
        <v>48512</v>
      </c>
      <c r="C24300" t="s">
        <v>48513</v>
      </c>
    </row>
    <row r="24301" spans="1:3" x14ac:dyDescent="0.15">
      <c r="A24301">
        <v>697</v>
      </c>
      <c r="B24301" t="s">
        <v>48514</v>
      </c>
      <c r="C24301" t="s">
        <v>48515</v>
      </c>
    </row>
    <row r="24302" spans="1:3" x14ac:dyDescent="0.15">
      <c r="A24302">
        <v>696</v>
      </c>
      <c r="B24302" t="s">
        <v>48516</v>
      </c>
      <c r="C24302" t="s">
        <v>48517</v>
      </c>
    </row>
    <row r="24303" spans="1:3" x14ac:dyDescent="0.15">
      <c r="A24303">
        <v>695</v>
      </c>
      <c r="B24303" t="s">
        <v>48518</v>
      </c>
      <c r="C24303" t="s">
        <v>48519</v>
      </c>
    </row>
    <row r="24304" spans="1:3" x14ac:dyDescent="0.15">
      <c r="A24304">
        <v>694</v>
      </c>
      <c r="B24304" t="s">
        <v>48520</v>
      </c>
      <c r="C24304" t="s">
        <v>48521</v>
      </c>
    </row>
    <row r="24305" spans="1:3" x14ac:dyDescent="0.15">
      <c r="A24305">
        <v>693</v>
      </c>
      <c r="B24305" t="s">
        <v>48522</v>
      </c>
      <c r="C24305" t="s">
        <v>48523</v>
      </c>
    </row>
    <row r="24306" spans="1:3" x14ac:dyDescent="0.15">
      <c r="A24306">
        <v>692</v>
      </c>
      <c r="B24306" t="s">
        <v>48524</v>
      </c>
      <c r="C24306" t="s">
        <v>48525</v>
      </c>
    </row>
    <row r="24307" spans="1:3" x14ac:dyDescent="0.15">
      <c r="A24307">
        <v>691</v>
      </c>
      <c r="B24307" t="s">
        <v>48526</v>
      </c>
      <c r="C24307" t="s">
        <v>48527</v>
      </c>
    </row>
    <row r="24308" spans="1:3" x14ac:dyDescent="0.15">
      <c r="A24308">
        <v>690</v>
      </c>
      <c r="B24308" t="s">
        <v>48528</v>
      </c>
      <c r="C24308" t="s">
        <v>48529</v>
      </c>
    </row>
    <row r="24309" spans="1:3" x14ac:dyDescent="0.15">
      <c r="A24309">
        <v>689</v>
      </c>
      <c r="B24309" t="s">
        <v>48530</v>
      </c>
      <c r="C24309" t="s">
        <v>48531</v>
      </c>
    </row>
    <row r="24310" spans="1:3" x14ac:dyDescent="0.15">
      <c r="A24310">
        <v>688</v>
      </c>
      <c r="B24310" t="s">
        <v>48532</v>
      </c>
      <c r="C24310" t="s">
        <v>48533</v>
      </c>
    </row>
    <row r="24311" spans="1:3" x14ac:dyDescent="0.15">
      <c r="A24311">
        <v>687</v>
      </c>
      <c r="B24311" t="s">
        <v>48534</v>
      </c>
      <c r="C24311" t="s">
        <v>48535</v>
      </c>
    </row>
    <row r="24312" spans="1:3" x14ac:dyDescent="0.15">
      <c r="A24312">
        <v>686</v>
      </c>
      <c r="B24312" t="s">
        <v>48536</v>
      </c>
      <c r="C24312" t="s">
        <v>48537</v>
      </c>
    </row>
    <row r="24313" spans="1:3" x14ac:dyDescent="0.15">
      <c r="A24313">
        <v>685</v>
      </c>
      <c r="B24313" t="s">
        <v>48538</v>
      </c>
      <c r="C24313" t="s">
        <v>48539</v>
      </c>
    </row>
    <row r="24314" spans="1:3" x14ac:dyDescent="0.15">
      <c r="A24314">
        <v>684</v>
      </c>
      <c r="B24314" t="s">
        <v>48540</v>
      </c>
      <c r="C24314" t="s">
        <v>48541</v>
      </c>
    </row>
    <row r="24315" spans="1:3" x14ac:dyDescent="0.15">
      <c r="A24315">
        <v>683</v>
      </c>
      <c r="B24315" t="s">
        <v>48542</v>
      </c>
      <c r="C24315" t="s">
        <v>48543</v>
      </c>
    </row>
    <row r="24316" spans="1:3" x14ac:dyDescent="0.15">
      <c r="A24316">
        <v>682</v>
      </c>
      <c r="B24316" t="s">
        <v>48544</v>
      </c>
      <c r="C24316" t="s">
        <v>48545</v>
      </c>
    </row>
    <row r="24317" spans="1:3" x14ac:dyDescent="0.15">
      <c r="A24317">
        <v>681</v>
      </c>
      <c r="B24317" t="s">
        <v>48546</v>
      </c>
      <c r="C24317" t="s">
        <v>48547</v>
      </c>
    </row>
    <row r="24318" spans="1:3" x14ac:dyDescent="0.15">
      <c r="A24318">
        <v>680</v>
      </c>
      <c r="B24318" t="s">
        <v>48548</v>
      </c>
      <c r="C24318" t="s">
        <v>48549</v>
      </c>
    </row>
    <row r="24319" spans="1:3" x14ac:dyDescent="0.15">
      <c r="A24319">
        <v>679</v>
      </c>
      <c r="B24319" t="s">
        <v>48550</v>
      </c>
      <c r="C24319" t="s">
        <v>48551</v>
      </c>
    </row>
    <row r="24320" spans="1:3" x14ac:dyDescent="0.15">
      <c r="A24320">
        <v>678</v>
      </c>
      <c r="B24320" t="s">
        <v>48552</v>
      </c>
      <c r="C24320" t="s">
        <v>48553</v>
      </c>
    </row>
    <row r="24321" spans="1:3" x14ac:dyDescent="0.15">
      <c r="A24321">
        <v>677</v>
      </c>
      <c r="B24321" t="s">
        <v>48554</v>
      </c>
      <c r="C24321" t="s">
        <v>48555</v>
      </c>
    </row>
    <row r="24322" spans="1:3" x14ac:dyDescent="0.15">
      <c r="A24322">
        <v>676</v>
      </c>
      <c r="B24322" t="s">
        <v>48556</v>
      </c>
      <c r="C24322" t="s">
        <v>48557</v>
      </c>
    </row>
    <row r="24323" spans="1:3" x14ac:dyDescent="0.15">
      <c r="A24323">
        <v>675</v>
      </c>
      <c r="B24323" t="s">
        <v>48558</v>
      </c>
      <c r="C24323" t="s">
        <v>48559</v>
      </c>
    </row>
    <row r="24324" spans="1:3" x14ac:dyDescent="0.15">
      <c r="A24324">
        <v>674</v>
      </c>
      <c r="B24324" t="s">
        <v>48560</v>
      </c>
      <c r="C24324" t="s">
        <v>48561</v>
      </c>
    </row>
    <row r="24325" spans="1:3" x14ac:dyDescent="0.15">
      <c r="A24325">
        <v>673</v>
      </c>
      <c r="B24325" t="s">
        <v>48562</v>
      </c>
      <c r="C24325" t="s">
        <v>48563</v>
      </c>
    </row>
    <row r="24326" spans="1:3" x14ac:dyDescent="0.15">
      <c r="A24326">
        <v>672</v>
      </c>
      <c r="B24326" t="s">
        <v>48564</v>
      </c>
      <c r="C24326" t="s">
        <v>48565</v>
      </c>
    </row>
    <row r="24327" spans="1:3" x14ac:dyDescent="0.15">
      <c r="A24327">
        <v>671</v>
      </c>
      <c r="B24327" t="s">
        <v>48566</v>
      </c>
      <c r="C24327" t="s">
        <v>48567</v>
      </c>
    </row>
    <row r="24328" spans="1:3" x14ac:dyDescent="0.15">
      <c r="A24328">
        <v>670</v>
      </c>
      <c r="B24328" t="s">
        <v>48568</v>
      </c>
      <c r="C24328" t="s">
        <v>48569</v>
      </c>
    </row>
    <row r="24329" spans="1:3" x14ac:dyDescent="0.15">
      <c r="A24329">
        <v>669</v>
      </c>
      <c r="B24329" t="s">
        <v>48570</v>
      </c>
      <c r="C24329" t="s">
        <v>48571</v>
      </c>
    </row>
    <row r="24330" spans="1:3" x14ac:dyDescent="0.15">
      <c r="A24330">
        <v>668</v>
      </c>
      <c r="B24330" t="s">
        <v>48572</v>
      </c>
      <c r="C24330" t="s">
        <v>48573</v>
      </c>
    </row>
    <row r="24331" spans="1:3" x14ac:dyDescent="0.15">
      <c r="A24331">
        <v>667</v>
      </c>
      <c r="B24331" t="s">
        <v>48574</v>
      </c>
      <c r="C24331" t="s">
        <v>48575</v>
      </c>
    </row>
    <row r="24332" spans="1:3" x14ac:dyDescent="0.15">
      <c r="A24332">
        <v>666</v>
      </c>
      <c r="B24332" t="s">
        <v>48576</v>
      </c>
      <c r="C24332" t="s">
        <v>48577</v>
      </c>
    </row>
    <row r="24333" spans="1:3" x14ac:dyDescent="0.15">
      <c r="A24333">
        <v>665</v>
      </c>
      <c r="B24333" t="s">
        <v>48578</v>
      </c>
      <c r="C24333" t="s">
        <v>48579</v>
      </c>
    </row>
    <row r="24334" spans="1:3" x14ac:dyDescent="0.15">
      <c r="A24334">
        <v>664</v>
      </c>
      <c r="B24334" t="s">
        <v>48580</v>
      </c>
      <c r="C24334" t="s">
        <v>48581</v>
      </c>
    </row>
    <row r="24335" spans="1:3" x14ac:dyDescent="0.15">
      <c r="A24335">
        <v>663</v>
      </c>
      <c r="B24335" t="s">
        <v>48582</v>
      </c>
      <c r="C24335" t="s">
        <v>48583</v>
      </c>
    </row>
    <row r="24336" spans="1:3" x14ac:dyDescent="0.15">
      <c r="A24336">
        <v>662</v>
      </c>
      <c r="B24336" t="s">
        <v>48584</v>
      </c>
      <c r="C24336" t="s">
        <v>48585</v>
      </c>
    </row>
    <row r="24337" spans="1:3" x14ac:dyDescent="0.15">
      <c r="A24337">
        <v>661</v>
      </c>
      <c r="B24337" t="s">
        <v>48586</v>
      </c>
      <c r="C24337" t="s">
        <v>48587</v>
      </c>
    </row>
    <row r="24338" spans="1:3" x14ac:dyDescent="0.15">
      <c r="A24338">
        <v>660</v>
      </c>
      <c r="B24338" t="s">
        <v>48588</v>
      </c>
      <c r="C24338" t="s">
        <v>48589</v>
      </c>
    </row>
    <row r="24339" spans="1:3" x14ac:dyDescent="0.15">
      <c r="A24339">
        <v>659</v>
      </c>
      <c r="B24339" t="s">
        <v>48590</v>
      </c>
      <c r="C24339" t="s">
        <v>48591</v>
      </c>
    </row>
    <row r="24340" spans="1:3" x14ac:dyDescent="0.15">
      <c r="A24340">
        <v>658</v>
      </c>
      <c r="B24340" t="s">
        <v>48592</v>
      </c>
      <c r="C24340" t="s">
        <v>48593</v>
      </c>
    </row>
    <row r="24341" spans="1:3" x14ac:dyDescent="0.15">
      <c r="A24341">
        <v>657</v>
      </c>
      <c r="B24341" t="s">
        <v>48594</v>
      </c>
      <c r="C24341" t="s">
        <v>48595</v>
      </c>
    </row>
    <row r="24342" spans="1:3" x14ac:dyDescent="0.15">
      <c r="A24342">
        <v>656</v>
      </c>
      <c r="B24342" t="s">
        <v>48596</v>
      </c>
      <c r="C24342" t="s">
        <v>48597</v>
      </c>
    </row>
    <row r="24343" spans="1:3" x14ac:dyDescent="0.15">
      <c r="A24343">
        <v>655</v>
      </c>
      <c r="B24343" t="s">
        <v>48598</v>
      </c>
      <c r="C24343" t="s">
        <v>48599</v>
      </c>
    </row>
    <row r="24344" spans="1:3" x14ac:dyDescent="0.15">
      <c r="A24344">
        <v>654</v>
      </c>
      <c r="B24344" t="s">
        <v>48600</v>
      </c>
      <c r="C24344" t="s">
        <v>48601</v>
      </c>
    </row>
    <row r="24345" spans="1:3" x14ac:dyDescent="0.15">
      <c r="A24345">
        <v>653</v>
      </c>
      <c r="B24345" t="s">
        <v>48602</v>
      </c>
      <c r="C24345" t="s">
        <v>48603</v>
      </c>
    </row>
    <row r="24346" spans="1:3" x14ac:dyDescent="0.15">
      <c r="A24346">
        <v>652</v>
      </c>
      <c r="B24346" t="s">
        <v>48604</v>
      </c>
      <c r="C24346" t="s">
        <v>48605</v>
      </c>
    </row>
    <row r="24347" spans="1:3" x14ac:dyDescent="0.15">
      <c r="A24347">
        <v>651</v>
      </c>
      <c r="B24347" t="s">
        <v>48606</v>
      </c>
      <c r="C24347" t="s">
        <v>48607</v>
      </c>
    </row>
    <row r="24348" spans="1:3" x14ac:dyDescent="0.15">
      <c r="A24348">
        <v>650</v>
      </c>
      <c r="B24348" t="s">
        <v>48608</v>
      </c>
      <c r="C24348" t="s">
        <v>48609</v>
      </c>
    </row>
    <row r="24349" spans="1:3" x14ac:dyDescent="0.15">
      <c r="A24349">
        <v>649</v>
      </c>
      <c r="B24349" t="s">
        <v>48610</v>
      </c>
      <c r="C24349" t="s">
        <v>48611</v>
      </c>
    </row>
    <row r="24350" spans="1:3" x14ac:dyDescent="0.15">
      <c r="A24350">
        <v>648</v>
      </c>
      <c r="B24350" t="s">
        <v>48612</v>
      </c>
      <c r="C24350" t="s">
        <v>48613</v>
      </c>
    </row>
    <row r="24351" spans="1:3" x14ac:dyDescent="0.15">
      <c r="A24351">
        <v>647</v>
      </c>
      <c r="B24351" t="s">
        <v>48614</v>
      </c>
      <c r="C24351" t="s">
        <v>48615</v>
      </c>
    </row>
    <row r="24352" spans="1:3" x14ac:dyDescent="0.15">
      <c r="A24352">
        <v>646</v>
      </c>
      <c r="B24352" t="s">
        <v>48616</v>
      </c>
      <c r="C24352" t="s">
        <v>48617</v>
      </c>
    </row>
    <row r="24353" spans="1:3" x14ac:dyDescent="0.15">
      <c r="A24353">
        <v>645</v>
      </c>
      <c r="B24353" t="s">
        <v>48618</v>
      </c>
      <c r="C24353" t="s">
        <v>3319</v>
      </c>
    </row>
    <row r="24354" spans="1:3" x14ac:dyDescent="0.15">
      <c r="A24354">
        <v>644</v>
      </c>
      <c r="B24354" t="s">
        <v>48619</v>
      </c>
      <c r="C24354" t="s">
        <v>48620</v>
      </c>
    </row>
    <row r="24355" spans="1:3" x14ac:dyDescent="0.15">
      <c r="A24355">
        <v>643</v>
      </c>
      <c r="B24355" t="s">
        <v>48621</v>
      </c>
      <c r="C24355" t="s">
        <v>48622</v>
      </c>
    </row>
    <row r="24356" spans="1:3" x14ac:dyDescent="0.15">
      <c r="A24356">
        <v>642</v>
      </c>
      <c r="B24356" t="s">
        <v>48623</v>
      </c>
      <c r="C24356" t="s">
        <v>48624</v>
      </c>
    </row>
    <row r="24357" spans="1:3" x14ac:dyDescent="0.15">
      <c r="A24357">
        <v>641</v>
      </c>
      <c r="B24357" t="s">
        <v>48625</v>
      </c>
      <c r="C24357" t="s">
        <v>48626</v>
      </c>
    </row>
    <row r="24358" spans="1:3" x14ac:dyDescent="0.15">
      <c r="A24358">
        <v>640</v>
      </c>
      <c r="B24358" t="s">
        <v>48627</v>
      </c>
      <c r="C24358" t="s">
        <v>48628</v>
      </c>
    </row>
    <row r="24359" spans="1:3" x14ac:dyDescent="0.15">
      <c r="A24359">
        <v>639</v>
      </c>
      <c r="B24359" t="s">
        <v>48629</v>
      </c>
      <c r="C24359" t="s">
        <v>48630</v>
      </c>
    </row>
    <row r="24360" spans="1:3" x14ac:dyDescent="0.15">
      <c r="A24360">
        <v>638</v>
      </c>
      <c r="B24360" t="s">
        <v>48631</v>
      </c>
      <c r="C24360" t="s">
        <v>48632</v>
      </c>
    </row>
    <row r="24361" spans="1:3" x14ac:dyDescent="0.15">
      <c r="A24361">
        <v>637</v>
      </c>
      <c r="B24361" t="s">
        <v>48633</v>
      </c>
      <c r="C24361" t="s">
        <v>48634</v>
      </c>
    </row>
    <row r="24362" spans="1:3" x14ac:dyDescent="0.15">
      <c r="A24362">
        <v>636</v>
      </c>
      <c r="B24362" t="s">
        <v>48635</v>
      </c>
      <c r="C24362" t="s">
        <v>48636</v>
      </c>
    </row>
    <row r="24363" spans="1:3" x14ac:dyDescent="0.15">
      <c r="A24363">
        <v>635</v>
      </c>
      <c r="B24363" t="s">
        <v>48637</v>
      </c>
      <c r="C24363" t="s">
        <v>48638</v>
      </c>
    </row>
    <row r="24364" spans="1:3" x14ac:dyDescent="0.15">
      <c r="A24364">
        <v>634</v>
      </c>
      <c r="B24364" t="s">
        <v>48639</v>
      </c>
      <c r="C24364" t="s">
        <v>48640</v>
      </c>
    </row>
    <row r="24365" spans="1:3" x14ac:dyDescent="0.15">
      <c r="A24365">
        <v>633</v>
      </c>
      <c r="B24365" t="s">
        <v>48641</v>
      </c>
      <c r="C24365" t="s">
        <v>48642</v>
      </c>
    </row>
    <row r="24366" spans="1:3" x14ac:dyDescent="0.15">
      <c r="A24366">
        <v>632</v>
      </c>
      <c r="B24366" t="s">
        <v>48643</v>
      </c>
      <c r="C24366" t="s">
        <v>48644</v>
      </c>
    </row>
    <row r="24367" spans="1:3" x14ac:dyDescent="0.15">
      <c r="A24367">
        <v>631</v>
      </c>
      <c r="B24367" t="s">
        <v>48645</v>
      </c>
      <c r="C24367" t="s">
        <v>48646</v>
      </c>
    </row>
    <row r="24368" spans="1:3" x14ac:dyDescent="0.15">
      <c r="A24368">
        <v>630</v>
      </c>
      <c r="B24368" t="s">
        <v>48647</v>
      </c>
      <c r="C24368" t="s">
        <v>48648</v>
      </c>
    </row>
    <row r="24369" spans="1:3" x14ac:dyDescent="0.15">
      <c r="A24369">
        <v>629</v>
      </c>
      <c r="B24369" t="s">
        <v>48649</v>
      </c>
      <c r="C24369" t="s">
        <v>48650</v>
      </c>
    </row>
    <row r="24370" spans="1:3" x14ac:dyDescent="0.15">
      <c r="A24370">
        <v>628</v>
      </c>
      <c r="B24370" t="s">
        <v>48651</v>
      </c>
      <c r="C24370" t="s">
        <v>48652</v>
      </c>
    </row>
    <row r="24371" spans="1:3" x14ac:dyDescent="0.15">
      <c r="A24371">
        <v>627</v>
      </c>
      <c r="B24371" t="s">
        <v>48653</v>
      </c>
      <c r="C24371" t="s">
        <v>48654</v>
      </c>
    </row>
    <row r="24372" spans="1:3" x14ac:dyDescent="0.15">
      <c r="A24372">
        <v>626</v>
      </c>
      <c r="B24372" t="s">
        <v>48655</v>
      </c>
      <c r="C24372" t="s">
        <v>48656</v>
      </c>
    </row>
    <row r="24373" spans="1:3" x14ac:dyDescent="0.15">
      <c r="A24373">
        <v>625</v>
      </c>
      <c r="B24373" t="s">
        <v>48657</v>
      </c>
      <c r="C24373" t="s">
        <v>48658</v>
      </c>
    </row>
    <row r="24374" spans="1:3" x14ac:dyDescent="0.15">
      <c r="A24374">
        <v>624</v>
      </c>
      <c r="B24374" t="s">
        <v>48659</v>
      </c>
      <c r="C24374" t="s">
        <v>48660</v>
      </c>
    </row>
    <row r="24375" spans="1:3" x14ac:dyDescent="0.15">
      <c r="A24375">
        <v>623</v>
      </c>
      <c r="B24375" t="s">
        <v>48661</v>
      </c>
      <c r="C24375" t="s">
        <v>48662</v>
      </c>
    </row>
    <row r="24376" spans="1:3" x14ac:dyDescent="0.15">
      <c r="A24376">
        <v>622</v>
      </c>
      <c r="B24376" t="s">
        <v>48663</v>
      </c>
      <c r="C24376" t="s">
        <v>48664</v>
      </c>
    </row>
    <row r="24377" spans="1:3" x14ac:dyDescent="0.15">
      <c r="A24377">
        <v>621</v>
      </c>
      <c r="B24377" t="s">
        <v>48665</v>
      </c>
      <c r="C24377" t="s">
        <v>48666</v>
      </c>
    </row>
    <row r="24378" spans="1:3" x14ac:dyDescent="0.15">
      <c r="A24378">
        <v>620</v>
      </c>
      <c r="B24378" t="s">
        <v>48667</v>
      </c>
      <c r="C24378" t="s">
        <v>48668</v>
      </c>
    </row>
    <row r="24379" spans="1:3" x14ac:dyDescent="0.15">
      <c r="A24379">
        <v>619</v>
      </c>
      <c r="B24379" t="s">
        <v>48669</v>
      </c>
      <c r="C24379" t="s">
        <v>48670</v>
      </c>
    </row>
    <row r="24380" spans="1:3" x14ac:dyDescent="0.15">
      <c r="A24380">
        <v>618</v>
      </c>
      <c r="B24380" t="s">
        <v>48671</v>
      </c>
      <c r="C24380" t="s">
        <v>48672</v>
      </c>
    </row>
    <row r="24381" spans="1:3" x14ac:dyDescent="0.15">
      <c r="A24381">
        <v>617</v>
      </c>
      <c r="B24381" t="s">
        <v>48673</v>
      </c>
      <c r="C24381" t="s">
        <v>48674</v>
      </c>
    </row>
    <row r="24382" spans="1:3" x14ac:dyDescent="0.15">
      <c r="A24382">
        <v>616</v>
      </c>
      <c r="B24382" t="s">
        <v>48675</v>
      </c>
      <c r="C24382" t="s">
        <v>48676</v>
      </c>
    </row>
    <row r="24383" spans="1:3" x14ac:dyDescent="0.15">
      <c r="A24383">
        <v>615</v>
      </c>
      <c r="B24383" t="s">
        <v>48677</v>
      </c>
      <c r="C24383" t="s">
        <v>48678</v>
      </c>
    </row>
    <row r="24384" spans="1:3" x14ac:dyDescent="0.15">
      <c r="A24384">
        <v>614</v>
      </c>
      <c r="B24384" t="s">
        <v>48679</v>
      </c>
      <c r="C24384" t="s">
        <v>48680</v>
      </c>
    </row>
    <row r="24385" spans="1:3" x14ac:dyDescent="0.15">
      <c r="A24385">
        <v>613</v>
      </c>
      <c r="B24385" t="s">
        <v>48681</v>
      </c>
      <c r="C24385" t="s">
        <v>48682</v>
      </c>
    </row>
    <row r="24386" spans="1:3" x14ac:dyDescent="0.15">
      <c r="A24386">
        <v>612</v>
      </c>
      <c r="B24386" t="s">
        <v>48683</v>
      </c>
      <c r="C24386" t="s">
        <v>48684</v>
      </c>
    </row>
    <row r="24387" spans="1:3" x14ac:dyDescent="0.15">
      <c r="A24387">
        <v>611</v>
      </c>
      <c r="B24387" t="s">
        <v>48685</v>
      </c>
      <c r="C24387" t="s">
        <v>48686</v>
      </c>
    </row>
    <row r="24388" spans="1:3" x14ac:dyDescent="0.15">
      <c r="A24388">
        <v>610</v>
      </c>
      <c r="B24388" t="s">
        <v>48687</v>
      </c>
      <c r="C24388" t="s">
        <v>48688</v>
      </c>
    </row>
    <row r="24389" spans="1:3" x14ac:dyDescent="0.15">
      <c r="A24389">
        <v>609</v>
      </c>
      <c r="B24389" t="s">
        <v>48689</v>
      </c>
      <c r="C24389" t="s">
        <v>48690</v>
      </c>
    </row>
    <row r="24390" spans="1:3" x14ac:dyDescent="0.15">
      <c r="A24390">
        <v>608</v>
      </c>
      <c r="B24390" t="s">
        <v>48691</v>
      </c>
      <c r="C24390" t="s">
        <v>48692</v>
      </c>
    </row>
    <row r="24391" spans="1:3" x14ac:dyDescent="0.15">
      <c r="A24391">
        <v>607</v>
      </c>
      <c r="B24391" t="s">
        <v>48693</v>
      </c>
      <c r="C24391" t="s">
        <v>48694</v>
      </c>
    </row>
    <row r="24392" spans="1:3" x14ac:dyDescent="0.15">
      <c r="A24392">
        <v>606</v>
      </c>
      <c r="B24392" t="s">
        <v>48695</v>
      </c>
      <c r="C24392" t="s">
        <v>48696</v>
      </c>
    </row>
    <row r="24393" spans="1:3" x14ac:dyDescent="0.15">
      <c r="A24393">
        <v>605</v>
      </c>
      <c r="B24393" t="s">
        <v>48697</v>
      </c>
      <c r="C24393" t="s">
        <v>48698</v>
      </c>
    </row>
    <row r="24394" spans="1:3" x14ac:dyDescent="0.15">
      <c r="A24394">
        <v>604</v>
      </c>
      <c r="B24394" t="s">
        <v>48699</v>
      </c>
      <c r="C24394" t="s">
        <v>48700</v>
      </c>
    </row>
    <row r="24395" spans="1:3" x14ac:dyDescent="0.15">
      <c r="A24395">
        <v>603</v>
      </c>
      <c r="B24395" t="s">
        <v>48701</v>
      </c>
      <c r="C24395" t="s">
        <v>48702</v>
      </c>
    </row>
    <row r="24396" spans="1:3" x14ac:dyDescent="0.15">
      <c r="A24396">
        <v>602</v>
      </c>
      <c r="B24396" t="s">
        <v>48703</v>
      </c>
      <c r="C24396" t="s">
        <v>48704</v>
      </c>
    </row>
    <row r="24397" spans="1:3" x14ac:dyDescent="0.15">
      <c r="A24397">
        <v>601</v>
      </c>
      <c r="B24397" t="s">
        <v>48705</v>
      </c>
      <c r="C24397" t="s">
        <v>48706</v>
      </c>
    </row>
    <row r="24398" spans="1:3" x14ac:dyDescent="0.15">
      <c r="A24398">
        <v>600</v>
      </c>
      <c r="B24398" t="s">
        <v>48707</v>
      </c>
      <c r="C24398" t="s">
        <v>48708</v>
      </c>
    </row>
    <row r="24399" spans="1:3" x14ac:dyDescent="0.15">
      <c r="A24399">
        <v>599</v>
      </c>
      <c r="B24399" t="s">
        <v>48709</v>
      </c>
      <c r="C24399" t="s">
        <v>48710</v>
      </c>
    </row>
    <row r="24400" spans="1:3" x14ac:dyDescent="0.15">
      <c r="A24400">
        <v>598</v>
      </c>
      <c r="B24400" t="s">
        <v>48711</v>
      </c>
      <c r="C24400" t="s">
        <v>48712</v>
      </c>
    </row>
    <row r="24401" spans="1:3" x14ac:dyDescent="0.15">
      <c r="A24401">
        <v>597</v>
      </c>
      <c r="B24401" t="s">
        <v>48713</v>
      </c>
      <c r="C24401" t="s">
        <v>48714</v>
      </c>
    </row>
    <row r="24402" spans="1:3" x14ac:dyDescent="0.15">
      <c r="A24402">
        <v>596</v>
      </c>
      <c r="B24402" t="s">
        <v>48715</v>
      </c>
      <c r="C24402" t="s">
        <v>48716</v>
      </c>
    </row>
    <row r="24403" spans="1:3" x14ac:dyDescent="0.15">
      <c r="A24403">
        <v>595</v>
      </c>
      <c r="B24403" t="s">
        <v>48717</v>
      </c>
      <c r="C24403" t="s">
        <v>48718</v>
      </c>
    </row>
    <row r="24404" spans="1:3" x14ac:dyDescent="0.15">
      <c r="A24404">
        <v>594</v>
      </c>
      <c r="B24404" t="s">
        <v>48719</v>
      </c>
      <c r="C24404" t="s">
        <v>48720</v>
      </c>
    </row>
    <row r="24405" spans="1:3" x14ac:dyDescent="0.15">
      <c r="A24405">
        <v>593</v>
      </c>
      <c r="B24405" t="s">
        <v>48721</v>
      </c>
      <c r="C24405" t="s">
        <v>48722</v>
      </c>
    </row>
    <row r="24406" spans="1:3" x14ac:dyDescent="0.15">
      <c r="A24406">
        <v>592</v>
      </c>
      <c r="B24406" t="s">
        <v>48723</v>
      </c>
      <c r="C24406" t="s">
        <v>48724</v>
      </c>
    </row>
    <row r="24407" spans="1:3" x14ac:dyDescent="0.15">
      <c r="A24407">
        <v>591</v>
      </c>
      <c r="B24407" t="s">
        <v>48725</v>
      </c>
      <c r="C24407" t="s">
        <v>48726</v>
      </c>
    </row>
    <row r="24408" spans="1:3" x14ac:dyDescent="0.15">
      <c r="A24408">
        <v>590</v>
      </c>
      <c r="B24408" t="s">
        <v>48727</v>
      </c>
      <c r="C24408" t="s">
        <v>48728</v>
      </c>
    </row>
    <row r="24409" spans="1:3" x14ac:dyDescent="0.15">
      <c r="A24409">
        <v>589</v>
      </c>
      <c r="B24409" t="s">
        <v>48729</v>
      </c>
      <c r="C24409" t="s">
        <v>48730</v>
      </c>
    </row>
    <row r="24410" spans="1:3" x14ac:dyDescent="0.15">
      <c r="A24410">
        <v>588</v>
      </c>
      <c r="B24410" t="s">
        <v>48731</v>
      </c>
      <c r="C24410" t="s">
        <v>48732</v>
      </c>
    </row>
    <row r="24411" spans="1:3" x14ac:dyDescent="0.15">
      <c r="A24411">
        <v>587</v>
      </c>
      <c r="B24411" t="s">
        <v>48733</v>
      </c>
      <c r="C24411" t="s">
        <v>48734</v>
      </c>
    </row>
    <row r="24412" spans="1:3" x14ac:dyDescent="0.15">
      <c r="A24412">
        <v>586</v>
      </c>
      <c r="B24412" t="s">
        <v>48735</v>
      </c>
      <c r="C24412" t="s">
        <v>48736</v>
      </c>
    </row>
    <row r="24413" spans="1:3" x14ac:dyDescent="0.15">
      <c r="A24413">
        <v>585</v>
      </c>
      <c r="B24413" t="s">
        <v>48737</v>
      </c>
      <c r="C24413" t="s">
        <v>48738</v>
      </c>
    </row>
    <row r="24414" spans="1:3" x14ac:dyDescent="0.15">
      <c r="A24414">
        <v>584</v>
      </c>
      <c r="B24414" t="s">
        <v>48739</v>
      </c>
      <c r="C24414" t="s">
        <v>48740</v>
      </c>
    </row>
    <row r="24415" spans="1:3" x14ac:dyDescent="0.15">
      <c r="A24415">
        <v>583</v>
      </c>
      <c r="B24415" t="s">
        <v>48741</v>
      </c>
      <c r="C24415" t="s">
        <v>48742</v>
      </c>
    </row>
    <row r="24416" spans="1:3" x14ac:dyDescent="0.15">
      <c r="A24416">
        <v>582</v>
      </c>
      <c r="B24416" t="s">
        <v>48743</v>
      </c>
      <c r="C24416" t="s">
        <v>48744</v>
      </c>
    </row>
    <row r="24417" spans="1:3" x14ac:dyDescent="0.15">
      <c r="A24417">
        <v>581</v>
      </c>
      <c r="B24417" t="s">
        <v>48745</v>
      </c>
      <c r="C24417" t="s">
        <v>48746</v>
      </c>
    </row>
    <row r="24418" spans="1:3" x14ac:dyDescent="0.15">
      <c r="A24418">
        <v>580</v>
      </c>
      <c r="B24418" t="s">
        <v>48747</v>
      </c>
      <c r="C24418" t="s">
        <v>48748</v>
      </c>
    </row>
    <row r="24419" spans="1:3" x14ac:dyDescent="0.15">
      <c r="A24419">
        <v>579</v>
      </c>
      <c r="B24419" t="s">
        <v>48749</v>
      </c>
      <c r="C24419" t="s">
        <v>48750</v>
      </c>
    </row>
    <row r="24420" spans="1:3" x14ac:dyDescent="0.15">
      <c r="A24420">
        <v>578</v>
      </c>
      <c r="B24420" t="s">
        <v>48751</v>
      </c>
      <c r="C24420" t="s">
        <v>48752</v>
      </c>
    </row>
    <row r="24421" spans="1:3" x14ac:dyDescent="0.15">
      <c r="A24421">
        <v>577</v>
      </c>
      <c r="B24421" t="s">
        <v>48753</v>
      </c>
      <c r="C24421" t="s">
        <v>48754</v>
      </c>
    </row>
    <row r="24422" spans="1:3" x14ac:dyDescent="0.15">
      <c r="A24422">
        <v>576</v>
      </c>
      <c r="B24422" t="s">
        <v>48755</v>
      </c>
      <c r="C24422" t="s">
        <v>48756</v>
      </c>
    </row>
    <row r="24423" spans="1:3" x14ac:dyDescent="0.15">
      <c r="A24423">
        <v>575</v>
      </c>
      <c r="B24423" t="s">
        <v>48757</v>
      </c>
      <c r="C24423" t="s">
        <v>48758</v>
      </c>
    </row>
    <row r="24424" spans="1:3" x14ac:dyDescent="0.15">
      <c r="A24424">
        <v>574</v>
      </c>
      <c r="B24424" t="s">
        <v>48759</v>
      </c>
      <c r="C24424" t="s">
        <v>48760</v>
      </c>
    </row>
    <row r="24425" spans="1:3" x14ac:dyDescent="0.15">
      <c r="A24425">
        <v>573</v>
      </c>
      <c r="B24425" t="s">
        <v>48761</v>
      </c>
      <c r="C24425" t="s">
        <v>48762</v>
      </c>
    </row>
    <row r="24426" spans="1:3" x14ac:dyDescent="0.15">
      <c r="A24426">
        <v>572</v>
      </c>
      <c r="B24426" t="s">
        <v>48763</v>
      </c>
      <c r="C24426" t="s">
        <v>48764</v>
      </c>
    </row>
    <row r="24427" spans="1:3" x14ac:dyDescent="0.15">
      <c r="A24427">
        <v>571</v>
      </c>
      <c r="B24427" t="s">
        <v>48765</v>
      </c>
      <c r="C24427" t="s">
        <v>48766</v>
      </c>
    </row>
    <row r="24428" spans="1:3" x14ac:dyDescent="0.15">
      <c r="A24428">
        <v>570</v>
      </c>
      <c r="B24428" t="s">
        <v>48767</v>
      </c>
      <c r="C24428" t="s">
        <v>48768</v>
      </c>
    </row>
    <row r="24429" spans="1:3" x14ac:dyDescent="0.15">
      <c r="A24429">
        <v>569</v>
      </c>
      <c r="B24429" t="s">
        <v>48769</v>
      </c>
      <c r="C24429" t="s">
        <v>48770</v>
      </c>
    </row>
    <row r="24430" spans="1:3" x14ac:dyDescent="0.15">
      <c r="A24430">
        <v>568</v>
      </c>
      <c r="B24430" t="s">
        <v>48771</v>
      </c>
      <c r="C24430" t="s">
        <v>48772</v>
      </c>
    </row>
    <row r="24431" spans="1:3" x14ac:dyDescent="0.15">
      <c r="A24431">
        <v>567</v>
      </c>
      <c r="B24431" t="s">
        <v>48773</v>
      </c>
      <c r="C24431" t="s">
        <v>48774</v>
      </c>
    </row>
    <row r="24432" spans="1:3" x14ac:dyDescent="0.15">
      <c r="A24432">
        <v>566</v>
      </c>
      <c r="B24432" t="s">
        <v>48775</v>
      </c>
      <c r="C24432" t="s">
        <v>48776</v>
      </c>
    </row>
    <row r="24433" spans="1:3" x14ac:dyDescent="0.15">
      <c r="A24433">
        <v>565</v>
      </c>
      <c r="B24433" t="s">
        <v>48777</v>
      </c>
      <c r="C24433" t="s">
        <v>48778</v>
      </c>
    </row>
    <row r="24434" spans="1:3" x14ac:dyDescent="0.15">
      <c r="A24434">
        <v>564</v>
      </c>
      <c r="B24434" t="s">
        <v>48779</v>
      </c>
      <c r="C24434" t="s">
        <v>48780</v>
      </c>
    </row>
    <row r="24435" spans="1:3" x14ac:dyDescent="0.15">
      <c r="A24435">
        <v>563</v>
      </c>
      <c r="B24435" t="s">
        <v>48781</v>
      </c>
      <c r="C24435" t="s">
        <v>48782</v>
      </c>
    </row>
    <row r="24436" spans="1:3" x14ac:dyDescent="0.15">
      <c r="A24436">
        <v>562</v>
      </c>
      <c r="B24436" t="s">
        <v>48783</v>
      </c>
      <c r="C24436" t="s">
        <v>48784</v>
      </c>
    </row>
    <row r="24437" spans="1:3" x14ac:dyDescent="0.15">
      <c r="A24437">
        <v>561</v>
      </c>
      <c r="B24437" t="s">
        <v>48785</v>
      </c>
      <c r="C24437" t="s">
        <v>48786</v>
      </c>
    </row>
    <row r="24438" spans="1:3" x14ac:dyDescent="0.15">
      <c r="A24438">
        <v>560</v>
      </c>
      <c r="B24438" t="s">
        <v>48787</v>
      </c>
      <c r="C24438" t="s">
        <v>48788</v>
      </c>
    </row>
    <row r="24439" spans="1:3" x14ac:dyDescent="0.15">
      <c r="A24439">
        <v>559</v>
      </c>
      <c r="B24439" t="s">
        <v>48789</v>
      </c>
      <c r="C24439" t="s">
        <v>48790</v>
      </c>
    </row>
    <row r="24440" spans="1:3" x14ac:dyDescent="0.15">
      <c r="A24440">
        <v>558</v>
      </c>
      <c r="B24440" t="s">
        <v>48791</v>
      </c>
      <c r="C24440" t="s">
        <v>48792</v>
      </c>
    </row>
    <row r="24441" spans="1:3" x14ac:dyDescent="0.15">
      <c r="A24441">
        <v>557</v>
      </c>
      <c r="B24441" t="s">
        <v>48793</v>
      </c>
      <c r="C24441" t="s">
        <v>48794</v>
      </c>
    </row>
    <row r="24442" spans="1:3" x14ac:dyDescent="0.15">
      <c r="A24442">
        <v>556</v>
      </c>
      <c r="B24442" t="s">
        <v>48795</v>
      </c>
      <c r="C24442" t="s">
        <v>48796</v>
      </c>
    </row>
    <row r="24443" spans="1:3" x14ac:dyDescent="0.15">
      <c r="A24443">
        <v>555</v>
      </c>
      <c r="B24443" t="s">
        <v>48797</v>
      </c>
      <c r="C24443" t="s">
        <v>48798</v>
      </c>
    </row>
    <row r="24444" spans="1:3" x14ac:dyDescent="0.15">
      <c r="A24444">
        <v>554</v>
      </c>
      <c r="B24444" t="s">
        <v>48799</v>
      </c>
      <c r="C24444" t="s">
        <v>48800</v>
      </c>
    </row>
    <row r="24445" spans="1:3" x14ac:dyDescent="0.15">
      <c r="A24445">
        <v>553</v>
      </c>
      <c r="B24445" t="s">
        <v>48801</v>
      </c>
      <c r="C24445" t="s">
        <v>48802</v>
      </c>
    </row>
    <row r="24446" spans="1:3" x14ac:dyDescent="0.15">
      <c r="A24446">
        <v>552</v>
      </c>
      <c r="B24446" t="s">
        <v>48803</v>
      </c>
      <c r="C24446" t="s">
        <v>48804</v>
      </c>
    </row>
    <row r="24447" spans="1:3" x14ac:dyDescent="0.15">
      <c r="A24447">
        <v>551</v>
      </c>
      <c r="B24447" t="s">
        <v>48805</v>
      </c>
      <c r="C24447" t="s">
        <v>48806</v>
      </c>
    </row>
    <row r="24448" spans="1:3" x14ac:dyDescent="0.15">
      <c r="A24448">
        <v>550</v>
      </c>
      <c r="B24448" t="s">
        <v>48807</v>
      </c>
      <c r="C24448" t="s">
        <v>48808</v>
      </c>
    </row>
    <row r="24449" spans="1:3" x14ac:dyDescent="0.15">
      <c r="A24449">
        <v>549</v>
      </c>
      <c r="B24449" t="s">
        <v>48809</v>
      </c>
      <c r="C24449" t="s">
        <v>48810</v>
      </c>
    </row>
    <row r="24450" spans="1:3" x14ac:dyDescent="0.15">
      <c r="A24450">
        <v>548</v>
      </c>
      <c r="B24450" t="s">
        <v>48811</v>
      </c>
      <c r="C24450" t="s">
        <v>48812</v>
      </c>
    </row>
    <row r="24451" spans="1:3" x14ac:dyDescent="0.15">
      <c r="A24451">
        <v>547</v>
      </c>
      <c r="B24451" t="s">
        <v>48813</v>
      </c>
      <c r="C24451" t="s">
        <v>48814</v>
      </c>
    </row>
    <row r="24452" spans="1:3" x14ac:dyDescent="0.15">
      <c r="A24452">
        <v>546</v>
      </c>
      <c r="B24452" t="s">
        <v>48815</v>
      </c>
      <c r="C24452" t="s">
        <v>48816</v>
      </c>
    </row>
    <row r="24453" spans="1:3" x14ac:dyDescent="0.15">
      <c r="A24453">
        <v>545</v>
      </c>
      <c r="B24453" t="s">
        <v>48817</v>
      </c>
      <c r="C24453" t="s">
        <v>48818</v>
      </c>
    </row>
    <row r="24454" spans="1:3" x14ac:dyDescent="0.15">
      <c r="A24454">
        <v>544</v>
      </c>
      <c r="B24454" t="s">
        <v>48819</v>
      </c>
      <c r="C24454" t="s">
        <v>48820</v>
      </c>
    </row>
    <row r="24455" spans="1:3" x14ac:dyDescent="0.15">
      <c r="A24455">
        <v>543</v>
      </c>
      <c r="B24455" t="s">
        <v>48821</v>
      </c>
      <c r="C24455" t="s">
        <v>48822</v>
      </c>
    </row>
    <row r="24456" spans="1:3" x14ac:dyDescent="0.15">
      <c r="A24456">
        <v>542</v>
      </c>
      <c r="B24456" t="s">
        <v>48823</v>
      </c>
      <c r="C24456" t="s">
        <v>48824</v>
      </c>
    </row>
    <row r="24457" spans="1:3" x14ac:dyDescent="0.15">
      <c r="A24457">
        <v>541</v>
      </c>
      <c r="B24457" t="s">
        <v>48825</v>
      </c>
      <c r="C24457" t="s">
        <v>48826</v>
      </c>
    </row>
    <row r="24458" spans="1:3" x14ac:dyDescent="0.15">
      <c r="A24458">
        <v>540</v>
      </c>
      <c r="B24458" t="s">
        <v>48827</v>
      </c>
      <c r="C24458" t="s">
        <v>48828</v>
      </c>
    </row>
    <row r="24459" spans="1:3" x14ac:dyDescent="0.15">
      <c r="A24459">
        <v>539</v>
      </c>
      <c r="B24459" t="s">
        <v>48829</v>
      </c>
      <c r="C24459" t="s">
        <v>48830</v>
      </c>
    </row>
    <row r="24460" spans="1:3" x14ac:dyDescent="0.15">
      <c r="A24460">
        <v>538</v>
      </c>
      <c r="B24460" t="s">
        <v>48831</v>
      </c>
      <c r="C24460" t="s">
        <v>48832</v>
      </c>
    </row>
    <row r="24461" spans="1:3" x14ac:dyDescent="0.15">
      <c r="A24461">
        <v>537</v>
      </c>
      <c r="B24461" t="s">
        <v>48833</v>
      </c>
      <c r="C24461" t="s">
        <v>48834</v>
      </c>
    </row>
    <row r="24462" spans="1:3" x14ac:dyDescent="0.15">
      <c r="A24462">
        <v>536</v>
      </c>
      <c r="B24462" t="s">
        <v>48835</v>
      </c>
      <c r="C24462" t="s">
        <v>48836</v>
      </c>
    </row>
    <row r="24463" spans="1:3" x14ac:dyDescent="0.15">
      <c r="A24463">
        <v>535</v>
      </c>
      <c r="B24463" t="s">
        <v>48837</v>
      </c>
      <c r="C24463" t="s">
        <v>48838</v>
      </c>
    </row>
    <row r="24464" spans="1:3" x14ac:dyDescent="0.15">
      <c r="A24464">
        <v>534</v>
      </c>
      <c r="B24464" t="s">
        <v>48839</v>
      </c>
      <c r="C24464" t="s">
        <v>48840</v>
      </c>
    </row>
    <row r="24465" spans="1:3" x14ac:dyDescent="0.15">
      <c r="A24465">
        <v>533</v>
      </c>
      <c r="B24465" t="s">
        <v>48841</v>
      </c>
      <c r="C24465" t="s">
        <v>48842</v>
      </c>
    </row>
    <row r="24466" spans="1:3" x14ac:dyDescent="0.15">
      <c r="A24466">
        <v>532</v>
      </c>
      <c r="B24466" t="s">
        <v>48843</v>
      </c>
      <c r="C24466" t="s">
        <v>48844</v>
      </c>
    </row>
    <row r="24467" spans="1:3" x14ac:dyDescent="0.15">
      <c r="A24467">
        <v>531</v>
      </c>
      <c r="B24467" t="s">
        <v>48845</v>
      </c>
      <c r="C24467" t="s">
        <v>48846</v>
      </c>
    </row>
    <row r="24468" spans="1:3" x14ac:dyDescent="0.15">
      <c r="A24468">
        <v>530</v>
      </c>
      <c r="B24468" t="s">
        <v>48847</v>
      </c>
      <c r="C24468" t="s">
        <v>48848</v>
      </c>
    </row>
    <row r="24469" spans="1:3" x14ac:dyDescent="0.15">
      <c r="A24469">
        <v>529</v>
      </c>
      <c r="B24469" t="s">
        <v>48849</v>
      </c>
      <c r="C24469" t="s">
        <v>48850</v>
      </c>
    </row>
    <row r="24470" spans="1:3" x14ac:dyDescent="0.15">
      <c r="A24470">
        <v>528</v>
      </c>
      <c r="B24470" t="s">
        <v>48851</v>
      </c>
      <c r="C24470" t="s">
        <v>48852</v>
      </c>
    </row>
    <row r="24471" spans="1:3" x14ac:dyDescent="0.15">
      <c r="A24471">
        <v>527</v>
      </c>
      <c r="B24471" t="s">
        <v>48853</v>
      </c>
      <c r="C24471" t="s">
        <v>48854</v>
      </c>
    </row>
    <row r="24472" spans="1:3" x14ac:dyDescent="0.15">
      <c r="A24472">
        <v>526</v>
      </c>
      <c r="B24472" t="s">
        <v>48855</v>
      </c>
      <c r="C24472" t="s">
        <v>48856</v>
      </c>
    </row>
    <row r="24473" spans="1:3" x14ac:dyDescent="0.15">
      <c r="A24473">
        <v>525</v>
      </c>
      <c r="B24473" t="s">
        <v>48857</v>
      </c>
      <c r="C24473" t="s">
        <v>48858</v>
      </c>
    </row>
    <row r="24474" spans="1:3" x14ac:dyDescent="0.15">
      <c r="A24474">
        <v>524</v>
      </c>
      <c r="B24474" t="s">
        <v>48859</v>
      </c>
      <c r="C24474" t="s">
        <v>48860</v>
      </c>
    </row>
    <row r="24475" spans="1:3" x14ac:dyDescent="0.15">
      <c r="A24475">
        <v>523</v>
      </c>
      <c r="B24475" t="s">
        <v>48861</v>
      </c>
      <c r="C24475" t="s">
        <v>48862</v>
      </c>
    </row>
    <row r="24476" spans="1:3" x14ac:dyDescent="0.15">
      <c r="A24476">
        <v>522</v>
      </c>
      <c r="B24476" t="s">
        <v>48863</v>
      </c>
      <c r="C24476" t="s">
        <v>48864</v>
      </c>
    </row>
    <row r="24477" spans="1:3" x14ac:dyDescent="0.15">
      <c r="A24477">
        <v>521</v>
      </c>
      <c r="B24477" t="s">
        <v>48865</v>
      </c>
      <c r="C24477" t="s">
        <v>48866</v>
      </c>
    </row>
    <row r="24478" spans="1:3" x14ac:dyDescent="0.15">
      <c r="A24478">
        <v>520</v>
      </c>
      <c r="B24478" t="s">
        <v>48867</v>
      </c>
      <c r="C24478" t="s">
        <v>48868</v>
      </c>
    </row>
    <row r="24479" spans="1:3" x14ac:dyDescent="0.15">
      <c r="A24479">
        <v>519</v>
      </c>
      <c r="B24479" t="s">
        <v>48869</v>
      </c>
      <c r="C24479" t="s">
        <v>48870</v>
      </c>
    </row>
    <row r="24480" spans="1:3" x14ac:dyDescent="0.15">
      <c r="A24480">
        <v>518</v>
      </c>
      <c r="B24480" t="s">
        <v>48871</v>
      </c>
      <c r="C24480" t="s">
        <v>48872</v>
      </c>
    </row>
    <row r="24481" spans="1:3" x14ac:dyDescent="0.15">
      <c r="A24481">
        <v>517</v>
      </c>
      <c r="B24481" t="s">
        <v>48873</v>
      </c>
      <c r="C24481" t="s">
        <v>48874</v>
      </c>
    </row>
    <row r="24482" spans="1:3" x14ac:dyDescent="0.15">
      <c r="A24482">
        <v>516</v>
      </c>
      <c r="B24482" t="s">
        <v>48875</v>
      </c>
      <c r="C24482" t="s">
        <v>48876</v>
      </c>
    </row>
    <row r="24483" spans="1:3" x14ac:dyDescent="0.15">
      <c r="A24483">
        <v>515</v>
      </c>
      <c r="B24483" t="s">
        <v>48877</v>
      </c>
      <c r="C24483" t="s">
        <v>48878</v>
      </c>
    </row>
    <row r="24484" spans="1:3" x14ac:dyDescent="0.15">
      <c r="A24484">
        <v>514</v>
      </c>
      <c r="B24484" t="s">
        <v>48879</v>
      </c>
      <c r="C24484" t="s">
        <v>48880</v>
      </c>
    </row>
    <row r="24485" spans="1:3" x14ac:dyDescent="0.15">
      <c r="A24485">
        <v>513</v>
      </c>
      <c r="B24485" t="s">
        <v>48881</v>
      </c>
      <c r="C24485" t="s">
        <v>48882</v>
      </c>
    </row>
    <row r="24486" spans="1:3" x14ac:dyDescent="0.15">
      <c r="A24486">
        <v>512</v>
      </c>
      <c r="B24486" t="s">
        <v>48883</v>
      </c>
      <c r="C24486" t="s">
        <v>48884</v>
      </c>
    </row>
    <row r="24487" spans="1:3" x14ac:dyDescent="0.15">
      <c r="A24487">
        <v>511</v>
      </c>
      <c r="B24487" t="s">
        <v>48885</v>
      </c>
      <c r="C24487" t="s">
        <v>48886</v>
      </c>
    </row>
    <row r="24488" spans="1:3" x14ac:dyDescent="0.15">
      <c r="A24488">
        <v>510</v>
      </c>
      <c r="B24488" t="s">
        <v>48887</v>
      </c>
      <c r="C24488" t="s">
        <v>48888</v>
      </c>
    </row>
    <row r="24489" spans="1:3" x14ac:dyDescent="0.15">
      <c r="A24489">
        <v>509</v>
      </c>
      <c r="B24489" t="s">
        <v>48889</v>
      </c>
      <c r="C24489" t="s">
        <v>48890</v>
      </c>
    </row>
    <row r="24490" spans="1:3" x14ac:dyDescent="0.15">
      <c r="A24490">
        <v>508</v>
      </c>
      <c r="B24490" t="s">
        <v>48891</v>
      </c>
      <c r="C24490" t="s">
        <v>48892</v>
      </c>
    </row>
    <row r="24491" spans="1:3" x14ac:dyDescent="0.15">
      <c r="A24491">
        <v>507</v>
      </c>
      <c r="B24491" t="s">
        <v>48893</v>
      </c>
      <c r="C24491" t="s">
        <v>48894</v>
      </c>
    </row>
    <row r="24492" spans="1:3" x14ac:dyDescent="0.15">
      <c r="A24492">
        <v>506</v>
      </c>
      <c r="B24492" t="s">
        <v>48895</v>
      </c>
      <c r="C24492" t="s">
        <v>48896</v>
      </c>
    </row>
    <row r="24493" spans="1:3" x14ac:dyDescent="0.15">
      <c r="A24493">
        <v>505</v>
      </c>
      <c r="B24493" t="s">
        <v>48897</v>
      </c>
      <c r="C24493" t="s">
        <v>48898</v>
      </c>
    </row>
    <row r="24494" spans="1:3" x14ac:dyDescent="0.15">
      <c r="A24494">
        <v>504</v>
      </c>
      <c r="B24494" t="s">
        <v>48899</v>
      </c>
      <c r="C24494" t="s">
        <v>48900</v>
      </c>
    </row>
    <row r="24495" spans="1:3" x14ac:dyDescent="0.15">
      <c r="A24495">
        <v>503</v>
      </c>
      <c r="B24495" t="s">
        <v>48901</v>
      </c>
      <c r="C24495" t="s">
        <v>48902</v>
      </c>
    </row>
    <row r="24496" spans="1:3" x14ac:dyDescent="0.15">
      <c r="A24496">
        <v>502</v>
      </c>
      <c r="B24496" t="s">
        <v>48903</v>
      </c>
      <c r="C24496" t="s">
        <v>48904</v>
      </c>
    </row>
    <row r="24497" spans="1:3" x14ac:dyDescent="0.15">
      <c r="A24497">
        <v>501</v>
      </c>
      <c r="B24497" t="s">
        <v>48905</v>
      </c>
      <c r="C24497" t="s">
        <v>48906</v>
      </c>
    </row>
    <row r="24498" spans="1:3" x14ac:dyDescent="0.15">
      <c r="A24498">
        <v>500</v>
      </c>
      <c r="B24498" t="s">
        <v>48907</v>
      </c>
      <c r="C24498" t="s">
        <v>48908</v>
      </c>
    </row>
    <row r="24499" spans="1:3" x14ac:dyDescent="0.15">
      <c r="A24499">
        <v>499</v>
      </c>
      <c r="B24499" t="s">
        <v>48909</v>
      </c>
      <c r="C24499" t="s">
        <v>48910</v>
      </c>
    </row>
    <row r="24500" spans="1:3" x14ac:dyDescent="0.15">
      <c r="A24500">
        <v>498</v>
      </c>
      <c r="B24500" t="s">
        <v>48911</v>
      </c>
      <c r="C24500" t="s">
        <v>48912</v>
      </c>
    </row>
    <row r="24501" spans="1:3" x14ac:dyDescent="0.15">
      <c r="A24501">
        <v>497</v>
      </c>
      <c r="B24501" t="s">
        <v>48913</v>
      </c>
      <c r="C24501" t="s">
        <v>48914</v>
      </c>
    </row>
    <row r="24502" spans="1:3" x14ac:dyDescent="0.15">
      <c r="A24502">
        <v>496</v>
      </c>
      <c r="B24502" t="s">
        <v>48915</v>
      </c>
      <c r="C24502" t="s">
        <v>48916</v>
      </c>
    </row>
    <row r="24503" spans="1:3" x14ac:dyDescent="0.15">
      <c r="A24503">
        <v>495</v>
      </c>
      <c r="B24503" t="s">
        <v>48917</v>
      </c>
      <c r="C24503" t="s">
        <v>48918</v>
      </c>
    </row>
    <row r="24504" spans="1:3" x14ac:dyDescent="0.15">
      <c r="A24504">
        <v>494</v>
      </c>
      <c r="B24504" t="s">
        <v>48919</v>
      </c>
      <c r="C24504" t="s">
        <v>48920</v>
      </c>
    </row>
    <row r="24505" spans="1:3" x14ac:dyDescent="0.15">
      <c r="A24505">
        <v>493</v>
      </c>
      <c r="B24505" t="s">
        <v>48921</v>
      </c>
      <c r="C24505" t="s">
        <v>48922</v>
      </c>
    </row>
    <row r="24506" spans="1:3" x14ac:dyDescent="0.15">
      <c r="A24506">
        <v>492</v>
      </c>
      <c r="B24506" t="s">
        <v>48923</v>
      </c>
      <c r="C24506" t="s">
        <v>48924</v>
      </c>
    </row>
    <row r="24507" spans="1:3" x14ac:dyDescent="0.15">
      <c r="A24507">
        <v>491</v>
      </c>
      <c r="B24507" t="s">
        <v>48925</v>
      </c>
      <c r="C24507" t="s">
        <v>48926</v>
      </c>
    </row>
    <row r="24508" spans="1:3" x14ac:dyDescent="0.15">
      <c r="A24508">
        <v>490</v>
      </c>
      <c r="B24508" t="s">
        <v>48927</v>
      </c>
      <c r="C24508" t="s">
        <v>48928</v>
      </c>
    </row>
    <row r="24509" spans="1:3" x14ac:dyDescent="0.15">
      <c r="A24509">
        <v>489</v>
      </c>
      <c r="B24509" t="s">
        <v>48929</v>
      </c>
      <c r="C24509" t="s">
        <v>48930</v>
      </c>
    </row>
    <row r="24510" spans="1:3" x14ac:dyDescent="0.15">
      <c r="A24510">
        <v>488</v>
      </c>
      <c r="B24510" t="s">
        <v>48931</v>
      </c>
      <c r="C24510" t="s">
        <v>48932</v>
      </c>
    </row>
    <row r="24511" spans="1:3" x14ac:dyDescent="0.15">
      <c r="A24511">
        <v>487</v>
      </c>
      <c r="B24511" t="s">
        <v>48933</v>
      </c>
      <c r="C24511" t="s">
        <v>48934</v>
      </c>
    </row>
    <row r="24512" spans="1:3" x14ac:dyDescent="0.15">
      <c r="A24512">
        <v>486</v>
      </c>
      <c r="B24512" t="s">
        <v>48935</v>
      </c>
      <c r="C24512" t="s">
        <v>48936</v>
      </c>
    </row>
    <row r="24513" spans="1:3" x14ac:dyDescent="0.15">
      <c r="A24513">
        <v>485</v>
      </c>
      <c r="B24513" t="s">
        <v>48937</v>
      </c>
      <c r="C24513" t="s">
        <v>48938</v>
      </c>
    </row>
    <row r="24514" spans="1:3" x14ac:dyDescent="0.15">
      <c r="A24514">
        <v>484</v>
      </c>
      <c r="B24514" t="s">
        <v>48939</v>
      </c>
      <c r="C24514" t="s">
        <v>48940</v>
      </c>
    </row>
    <row r="24515" spans="1:3" x14ac:dyDescent="0.15">
      <c r="A24515">
        <v>483</v>
      </c>
      <c r="B24515" t="s">
        <v>48941</v>
      </c>
      <c r="C24515" t="s">
        <v>48942</v>
      </c>
    </row>
    <row r="24516" spans="1:3" x14ac:dyDescent="0.15">
      <c r="A24516">
        <v>482</v>
      </c>
      <c r="B24516" t="s">
        <v>48943</v>
      </c>
      <c r="C24516" t="s">
        <v>48944</v>
      </c>
    </row>
    <row r="24517" spans="1:3" x14ac:dyDescent="0.15">
      <c r="A24517">
        <v>481</v>
      </c>
      <c r="B24517" t="s">
        <v>48945</v>
      </c>
      <c r="C24517" t="s">
        <v>48946</v>
      </c>
    </row>
    <row r="24518" spans="1:3" x14ac:dyDescent="0.15">
      <c r="A24518">
        <v>480</v>
      </c>
      <c r="B24518" t="s">
        <v>48947</v>
      </c>
      <c r="C24518" t="s">
        <v>48948</v>
      </c>
    </row>
    <row r="24519" spans="1:3" x14ac:dyDescent="0.15">
      <c r="A24519">
        <v>479</v>
      </c>
      <c r="B24519" t="s">
        <v>48949</v>
      </c>
      <c r="C24519" t="s">
        <v>48950</v>
      </c>
    </row>
    <row r="24520" spans="1:3" x14ac:dyDescent="0.15">
      <c r="A24520">
        <v>478</v>
      </c>
      <c r="B24520" t="s">
        <v>48951</v>
      </c>
      <c r="C24520" t="s">
        <v>48952</v>
      </c>
    </row>
    <row r="24521" spans="1:3" x14ac:dyDescent="0.15">
      <c r="A24521">
        <v>477</v>
      </c>
      <c r="B24521" t="s">
        <v>48953</v>
      </c>
      <c r="C24521" t="s">
        <v>48954</v>
      </c>
    </row>
    <row r="24522" spans="1:3" x14ac:dyDescent="0.15">
      <c r="A24522">
        <v>476</v>
      </c>
      <c r="B24522" t="s">
        <v>48955</v>
      </c>
      <c r="C24522" t="s">
        <v>48956</v>
      </c>
    </row>
    <row r="24523" spans="1:3" x14ac:dyDescent="0.15">
      <c r="A24523">
        <v>475</v>
      </c>
      <c r="B24523" t="s">
        <v>48957</v>
      </c>
      <c r="C24523" t="s">
        <v>48958</v>
      </c>
    </row>
    <row r="24524" spans="1:3" x14ac:dyDescent="0.15">
      <c r="A24524">
        <v>474</v>
      </c>
      <c r="B24524" t="s">
        <v>48959</v>
      </c>
      <c r="C24524" t="s">
        <v>48960</v>
      </c>
    </row>
    <row r="24525" spans="1:3" x14ac:dyDescent="0.15">
      <c r="A24525">
        <v>473</v>
      </c>
      <c r="B24525" t="s">
        <v>48961</v>
      </c>
      <c r="C24525" t="s">
        <v>48962</v>
      </c>
    </row>
    <row r="24526" spans="1:3" x14ac:dyDescent="0.15">
      <c r="A24526">
        <v>472</v>
      </c>
      <c r="B24526" t="s">
        <v>48963</v>
      </c>
      <c r="C24526" t="s">
        <v>48964</v>
      </c>
    </row>
    <row r="24527" spans="1:3" x14ac:dyDescent="0.15">
      <c r="A24527">
        <v>471</v>
      </c>
      <c r="B24527" t="s">
        <v>48965</v>
      </c>
      <c r="C24527" t="s">
        <v>48966</v>
      </c>
    </row>
    <row r="24528" spans="1:3" x14ac:dyDescent="0.15">
      <c r="A24528">
        <v>470</v>
      </c>
      <c r="B24528" t="s">
        <v>48967</v>
      </c>
      <c r="C24528" t="s">
        <v>48968</v>
      </c>
    </row>
    <row r="24529" spans="1:3" x14ac:dyDescent="0.15">
      <c r="A24529">
        <v>469</v>
      </c>
      <c r="B24529" t="s">
        <v>48969</v>
      </c>
      <c r="C24529" t="s">
        <v>48970</v>
      </c>
    </row>
    <row r="24530" spans="1:3" x14ac:dyDescent="0.15">
      <c r="A24530">
        <v>468</v>
      </c>
      <c r="B24530" t="s">
        <v>48971</v>
      </c>
      <c r="C24530" t="s">
        <v>48972</v>
      </c>
    </row>
    <row r="24531" spans="1:3" x14ac:dyDescent="0.15">
      <c r="A24531">
        <v>467</v>
      </c>
      <c r="B24531" t="s">
        <v>48973</v>
      </c>
      <c r="C24531" t="s">
        <v>48974</v>
      </c>
    </row>
    <row r="24532" spans="1:3" x14ac:dyDescent="0.15">
      <c r="A24532">
        <v>466</v>
      </c>
      <c r="B24532" t="s">
        <v>48975</v>
      </c>
      <c r="C24532" t="s">
        <v>48976</v>
      </c>
    </row>
    <row r="24533" spans="1:3" x14ac:dyDescent="0.15">
      <c r="A24533">
        <v>465</v>
      </c>
      <c r="B24533" t="s">
        <v>48977</v>
      </c>
      <c r="C24533" t="s">
        <v>48978</v>
      </c>
    </row>
    <row r="24534" spans="1:3" x14ac:dyDescent="0.15">
      <c r="A24534">
        <v>464</v>
      </c>
      <c r="B24534" t="s">
        <v>48979</v>
      </c>
      <c r="C24534" t="s">
        <v>48980</v>
      </c>
    </row>
    <row r="24535" spans="1:3" x14ac:dyDescent="0.15">
      <c r="A24535">
        <v>463</v>
      </c>
      <c r="B24535" t="s">
        <v>48981</v>
      </c>
      <c r="C24535" t="s">
        <v>48982</v>
      </c>
    </row>
    <row r="24536" spans="1:3" x14ac:dyDescent="0.15">
      <c r="A24536">
        <v>462</v>
      </c>
      <c r="B24536" t="s">
        <v>48983</v>
      </c>
      <c r="C24536" t="s">
        <v>48984</v>
      </c>
    </row>
    <row r="24537" spans="1:3" x14ac:dyDescent="0.15">
      <c r="A24537">
        <v>461</v>
      </c>
      <c r="B24537" t="s">
        <v>48985</v>
      </c>
      <c r="C24537" t="s">
        <v>48986</v>
      </c>
    </row>
    <row r="24538" spans="1:3" x14ac:dyDescent="0.15">
      <c r="A24538">
        <v>460</v>
      </c>
      <c r="B24538" t="s">
        <v>48987</v>
      </c>
      <c r="C24538" t="s">
        <v>48988</v>
      </c>
    </row>
    <row r="24539" spans="1:3" x14ac:dyDescent="0.15">
      <c r="A24539">
        <v>459</v>
      </c>
      <c r="B24539" t="s">
        <v>48989</v>
      </c>
      <c r="C24539" t="s">
        <v>48990</v>
      </c>
    </row>
    <row r="24540" spans="1:3" x14ac:dyDescent="0.15">
      <c r="A24540">
        <v>458</v>
      </c>
      <c r="B24540" t="s">
        <v>48991</v>
      </c>
      <c r="C24540" t="s">
        <v>48992</v>
      </c>
    </row>
    <row r="24541" spans="1:3" x14ac:dyDescent="0.15">
      <c r="A24541">
        <v>457</v>
      </c>
      <c r="B24541" t="s">
        <v>48993</v>
      </c>
      <c r="C24541" t="s">
        <v>48994</v>
      </c>
    </row>
    <row r="24542" spans="1:3" x14ac:dyDescent="0.15">
      <c r="A24542">
        <v>456</v>
      </c>
      <c r="B24542" t="s">
        <v>48995</v>
      </c>
      <c r="C24542" t="s">
        <v>48996</v>
      </c>
    </row>
    <row r="24543" spans="1:3" x14ac:dyDescent="0.15">
      <c r="A24543">
        <v>455</v>
      </c>
      <c r="B24543" t="s">
        <v>48997</v>
      </c>
      <c r="C24543" t="s">
        <v>48998</v>
      </c>
    </row>
    <row r="24544" spans="1:3" x14ac:dyDescent="0.15">
      <c r="A24544">
        <v>454</v>
      </c>
      <c r="B24544" t="s">
        <v>48999</v>
      </c>
      <c r="C24544" t="s">
        <v>49000</v>
      </c>
    </row>
    <row r="24545" spans="1:3" x14ac:dyDescent="0.15">
      <c r="A24545">
        <v>453</v>
      </c>
      <c r="B24545" t="s">
        <v>49001</v>
      </c>
      <c r="C24545" t="s">
        <v>49002</v>
      </c>
    </row>
    <row r="24546" spans="1:3" x14ac:dyDescent="0.15">
      <c r="A24546">
        <v>452</v>
      </c>
      <c r="B24546" t="s">
        <v>49003</v>
      </c>
      <c r="C24546" t="s">
        <v>49004</v>
      </c>
    </row>
    <row r="24547" spans="1:3" x14ac:dyDescent="0.15">
      <c r="A24547">
        <v>451</v>
      </c>
      <c r="B24547" t="s">
        <v>49005</v>
      </c>
      <c r="C24547" t="s">
        <v>49006</v>
      </c>
    </row>
    <row r="24548" spans="1:3" x14ac:dyDescent="0.15">
      <c r="A24548">
        <v>450</v>
      </c>
      <c r="B24548" t="s">
        <v>49007</v>
      </c>
      <c r="C24548" t="s">
        <v>49008</v>
      </c>
    </row>
    <row r="24549" spans="1:3" x14ac:dyDescent="0.15">
      <c r="A24549">
        <v>449</v>
      </c>
      <c r="B24549" t="s">
        <v>49009</v>
      </c>
      <c r="C24549" t="s">
        <v>49010</v>
      </c>
    </row>
    <row r="24550" spans="1:3" x14ac:dyDescent="0.15">
      <c r="A24550">
        <v>448</v>
      </c>
      <c r="B24550" t="s">
        <v>49011</v>
      </c>
      <c r="C24550" t="s">
        <v>49012</v>
      </c>
    </row>
    <row r="24551" spans="1:3" x14ac:dyDescent="0.15">
      <c r="A24551">
        <v>447</v>
      </c>
      <c r="B24551" t="s">
        <v>49013</v>
      </c>
      <c r="C24551" t="s">
        <v>49014</v>
      </c>
    </row>
    <row r="24552" spans="1:3" x14ac:dyDescent="0.15">
      <c r="A24552">
        <v>446</v>
      </c>
      <c r="B24552" t="s">
        <v>49015</v>
      </c>
      <c r="C24552" t="s">
        <v>49016</v>
      </c>
    </row>
    <row r="24553" spans="1:3" x14ac:dyDescent="0.15">
      <c r="A24553">
        <v>445</v>
      </c>
      <c r="B24553" t="s">
        <v>49017</v>
      </c>
      <c r="C24553" t="s">
        <v>49018</v>
      </c>
    </row>
    <row r="24554" spans="1:3" x14ac:dyDescent="0.15">
      <c r="A24554">
        <v>444</v>
      </c>
      <c r="B24554" t="s">
        <v>49019</v>
      </c>
      <c r="C24554" t="s">
        <v>49020</v>
      </c>
    </row>
    <row r="24555" spans="1:3" x14ac:dyDescent="0.15">
      <c r="A24555">
        <v>443</v>
      </c>
      <c r="B24555" t="s">
        <v>49021</v>
      </c>
      <c r="C24555" t="s">
        <v>49022</v>
      </c>
    </row>
    <row r="24556" spans="1:3" x14ac:dyDescent="0.15">
      <c r="A24556">
        <v>442</v>
      </c>
      <c r="B24556" t="s">
        <v>49023</v>
      </c>
      <c r="C24556" t="s">
        <v>49024</v>
      </c>
    </row>
    <row r="24557" spans="1:3" x14ac:dyDescent="0.15">
      <c r="A24557">
        <v>441</v>
      </c>
      <c r="B24557" t="s">
        <v>49025</v>
      </c>
      <c r="C24557" t="s">
        <v>49026</v>
      </c>
    </row>
    <row r="24558" spans="1:3" x14ac:dyDescent="0.15">
      <c r="A24558">
        <v>440</v>
      </c>
      <c r="B24558" t="s">
        <v>49027</v>
      </c>
      <c r="C24558" t="s">
        <v>49028</v>
      </c>
    </row>
    <row r="24559" spans="1:3" x14ac:dyDescent="0.15">
      <c r="A24559">
        <v>439</v>
      </c>
      <c r="B24559" t="s">
        <v>49029</v>
      </c>
      <c r="C24559" t="s">
        <v>49030</v>
      </c>
    </row>
    <row r="24560" spans="1:3" x14ac:dyDescent="0.15">
      <c r="A24560">
        <v>438</v>
      </c>
      <c r="B24560" t="s">
        <v>49031</v>
      </c>
      <c r="C24560" t="s">
        <v>49032</v>
      </c>
    </row>
    <row r="24561" spans="1:3" x14ac:dyDescent="0.15">
      <c r="A24561">
        <v>437</v>
      </c>
      <c r="B24561" t="s">
        <v>49033</v>
      </c>
      <c r="C24561" t="s">
        <v>49034</v>
      </c>
    </row>
    <row r="24562" spans="1:3" x14ac:dyDescent="0.15">
      <c r="A24562">
        <v>436</v>
      </c>
      <c r="B24562" t="s">
        <v>49035</v>
      </c>
      <c r="C24562" t="s">
        <v>49036</v>
      </c>
    </row>
    <row r="24563" spans="1:3" x14ac:dyDescent="0.15">
      <c r="A24563">
        <v>435</v>
      </c>
      <c r="B24563" t="s">
        <v>49037</v>
      </c>
      <c r="C24563" t="s">
        <v>49038</v>
      </c>
    </row>
    <row r="24564" spans="1:3" x14ac:dyDescent="0.15">
      <c r="A24564">
        <v>434</v>
      </c>
      <c r="B24564" t="s">
        <v>49039</v>
      </c>
      <c r="C24564" t="s">
        <v>49040</v>
      </c>
    </row>
    <row r="24565" spans="1:3" x14ac:dyDescent="0.15">
      <c r="A24565">
        <v>433</v>
      </c>
      <c r="B24565" t="s">
        <v>49041</v>
      </c>
      <c r="C24565" t="s">
        <v>49042</v>
      </c>
    </row>
    <row r="24566" spans="1:3" x14ac:dyDescent="0.15">
      <c r="A24566">
        <v>432</v>
      </c>
      <c r="B24566" t="s">
        <v>49043</v>
      </c>
      <c r="C24566" t="s">
        <v>49044</v>
      </c>
    </row>
    <row r="24567" spans="1:3" x14ac:dyDescent="0.15">
      <c r="A24567">
        <v>431</v>
      </c>
      <c r="B24567" t="s">
        <v>49045</v>
      </c>
      <c r="C24567" t="s">
        <v>49046</v>
      </c>
    </row>
    <row r="24568" spans="1:3" x14ac:dyDescent="0.15">
      <c r="A24568">
        <v>430</v>
      </c>
      <c r="B24568" t="s">
        <v>49047</v>
      </c>
      <c r="C24568" t="s">
        <v>49048</v>
      </c>
    </row>
    <row r="24569" spans="1:3" x14ac:dyDescent="0.15">
      <c r="A24569">
        <v>429</v>
      </c>
      <c r="B24569" t="s">
        <v>49049</v>
      </c>
      <c r="C24569" t="s">
        <v>49050</v>
      </c>
    </row>
    <row r="24570" spans="1:3" x14ac:dyDescent="0.15">
      <c r="A24570">
        <v>428</v>
      </c>
      <c r="B24570" t="s">
        <v>49051</v>
      </c>
      <c r="C24570" t="s">
        <v>49052</v>
      </c>
    </row>
    <row r="24571" spans="1:3" x14ac:dyDescent="0.15">
      <c r="A24571">
        <v>427</v>
      </c>
      <c r="B24571" t="s">
        <v>49053</v>
      </c>
      <c r="C24571" t="s">
        <v>49054</v>
      </c>
    </row>
    <row r="24572" spans="1:3" x14ac:dyDescent="0.15">
      <c r="A24572">
        <v>426</v>
      </c>
      <c r="B24572" t="s">
        <v>49055</v>
      </c>
      <c r="C24572" t="s">
        <v>49056</v>
      </c>
    </row>
    <row r="24573" spans="1:3" x14ac:dyDescent="0.15">
      <c r="A24573">
        <v>425</v>
      </c>
      <c r="B24573" t="s">
        <v>49057</v>
      </c>
      <c r="C24573" t="s">
        <v>49058</v>
      </c>
    </row>
    <row r="24574" spans="1:3" x14ac:dyDescent="0.15">
      <c r="A24574">
        <v>424</v>
      </c>
      <c r="B24574" t="s">
        <v>49059</v>
      </c>
      <c r="C24574" t="s">
        <v>49060</v>
      </c>
    </row>
    <row r="24575" spans="1:3" x14ac:dyDescent="0.15">
      <c r="A24575">
        <v>423</v>
      </c>
      <c r="B24575" t="s">
        <v>49061</v>
      </c>
      <c r="C24575" t="s">
        <v>49062</v>
      </c>
    </row>
    <row r="24576" spans="1:3" x14ac:dyDescent="0.15">
      <c r="A24576">
        <v>422</v>
      </c>
      <c r="B24576" t="s">
        <v>49063</v>
      </c>
      <c r="C24576" t="s">
        <v>49064</v>
      </c>
    </row>
    <row r="24577" spans="1:3" x14ac:dyDescent="0.15">
      <c r="A24577">
        <v>421</v>
      </c>
      <c r="B24577" t="s">
        <v>49065</v>
      </c>
      <c r="C24577" t="s">
        <v>49066</v>
      </c>
    </row>
    <row r="24578" spans="1:3" x14ac:dyDescent="0.15">
      <c r="A24578">
        <v>420</v>
      </c>
      <c r="B24578" t="s">
        <v>49067</v>
      </c>
      <c r="C24578" t="s">
        <v>49068</v>
      </c>
    </row>
    <row r="24579" spans="1:3" x14ac:dyDescent="0.15">
      <c r="A24579">
        <v>419</v>
      </c>
      <c r="B24579" t="s">
        <v>49069</v>
      </c>
      <c r="C24579" t="s">
        <v>49070</v>
      </c>
    </row>
    <row r="24580" spans="1:3" x14ac:dyDescent="0.15">
      <c r="A24580">
        <v>418</v>
      </c>
      <c r="B24580" t="s">
        <v>49071</v>
      </c>
      <c r="C24580" t="s">
        <v>49072</v>
      </c>
    </row>
    <row r="24581" spans="1:3" x14ac:dyDescent="0.15">
      <c r="A24581">
        <v>417</v>
      </c>
      <c r="B24581" t="s">
        <v>49073</v>
      </c>
      <c r="C24581" t="s">
        <v>49074</v>
      </c>
    </row>
    <row r="24582" spans="1:3" x14ac:dyDescent="0.15">
      <c r="A24582">
        <v>416</v>
      </c>
      <c r="B24582" t="s">
        <v>49075</v>
      </c>
      <c r="C24582" t="s">
        <v>49076</v>
      </c>
    </row>
    <row r="24583" spans="1:3" x14ac:dyDescent="0.15">
      <c r="A24583">
        <v>415</v>
      </c>
      <c r="B24583" t="s">
        <v>49077</v>
      </c>
      <c r="C24583" t="s">
        <v>49078</v>
      </c>
    </row>
    <row r="24584" spans="1:3" x14ac:dyDescent="0.15">
      <c r="A24584">
        <v>414</v>
      </c>
      <c r="B24584" t="s">
        <v>49079</v>
      </c>
      <c r="C24584" t="s">
        <v>49080</v>
      </c>
    </row>
    <row r="24585" spans="1:3" x14ac:dyDescent="0.15">
      <c r="A24585">
        <v>413</v>
      </c>
      <c r="B24585" t="s">
        <v>49081</v>
      </c>
      <c r="C24585" t="s">
        <v>49082</v>
      </c>
    </row>
    <row r="24586" spans="1:3" x14ac:dyDescent="0.15">
      <c r="A24586">
        <v>412</v>
      </c>
      <c r="B24586" t="s">
        <v>49083</v>
      </c>
      <c r="C24586" t="s">
        <v>49084</v>
      </c>
    </row>
    <row r="24587" spans="1:3" x14ac:dyDescent="0.15">
      <c r="A24587">
        <v>411</v>
      </c>
      <c r="B24587" t="s">
        <v>49085</v>
      </c>
      <c r="C24587" t="s">
        <v>49086</v>
      </c>
    </row>
    <row r="24588" spans="1:3" x14ac:dyDescent="0.15">
      <c r="A24588">
        <v>410</v>
      </c>
      <c r="B24588" t="s">
        <v>49087</v>
      </c>
      <c r="C24588" t="s">
        <v>49088</v>
      </c>
    </row>
    <row r="24589" spans="1:3" x14ac:dyDescent="0.15">
      <c r="A24589">
        <v>409</v>
      </c>
      <c r="B24589" t="s">
        <v>49089</v>
      </c>
      <c r="C24589" t="s">
        <v>49090</v>
      </c>
    </row>
    <row r="24590" spans="1:3" x14ac:dyDescent="0.15">
      <c r="A24590">
        <v>408</v>
      </c>
      <c r="B24590" t="s">
        <v>49091</v>
      </c>
      <c r="C24590" t="s">
        <v>49092</v>
      </c>
    </row>
    <row r="24591" spans="1:3" x14ac:dyDescent="0.15">
      <c r="A24591">
        <v>407</v>
      </c>
      <c r="B24591" t="s">
        <v>49093</v>
      </c>
      <c r="C24591" t="s">
        <v>49094</v>
      </c>
    </row>
    <row r="24592" spans="1:3" x14ac:dyDescent="0.15">
      <c r="A24592">
        <v>406</v>
      </c>
      <c r="B24592" t="s">
        <v>49095</v>
      </c>
      <c r="C24592" t="s">
        <v>49096</v>
      </c>
    </row>
    <row r="24593" spans="1:3" x14ac:dyDescent="0.15">
      <c r="A24593">
        <v>405</v>
      </c>
      <c r="B24593" t="s">
        <v>49097</v>
      </c>
      <c r="C24593" t="s">
        <v>49098</v>
      </c>
    </row>
    <row r="24594" spans="1:3" x14ac:dyDescent="0.15">
      <c r="A24594">
        <v>404</v>
      </c>
      <c r="B24594" t="s">
        <v>49099</v>
      </c>
      <c r="C24594" t="s">
        <v>49100</v>
      </c>
    </row>
    <row r="24595" spans="1:3" x14ac:dyDescent="0.15">
      <c r="A24595">
        <v>403</v>
      </c>
      <c r="B24595" t="s">
        <v>49101</v>
      </c>
      <c r="C24595" t="s">
        <v>49102</v>
      </c>
    </row>
    <row r="24596" spans="1:3" x14ac:dyDescent="0.15">
      <c r="A24596">
        <v>402</v>
      </c>
      <c r="B24596" t="s">
        <v>49103</v>
      </c>
      <c r="C24596" t="s">
        <v>49104</v>
      </c>
    </row>
    <row r="24597" spans="1:3" x14ac:dyDescent="0.15">
      <c r="A24597">
        <v>401</v>
      </c>
      <c r="B24597" t="s">
        <v>49105</v>
      </c>
      <c r="C24597" t="s">
        <v>49106</v>
      </c>
    </row>
    <row r="24598" spans="1:3" x14ac:dyDescent="0.15">
      <c r="A24598">
        <v>400</v>
      </c>
      <c r="B24598" t="s">
        <v>49107</v>
      </c>
      <c r="C24598" t="s">
        <v>49108</v>
      </c>
    </row>
    <row r="24599" spans="1:3" x14ac:dyDescent="0.15">
      <c r="A24599">
        <v>399</v>
      </c>
      <c r="B24599" t="s">
        <v>49109</v>
      </c>
      <c r="C24599" t="s">
        <v>49110</v>
      </c>
    </row>
    <row r="24600" spans="1:3" x14ac:dyDescent="0.15">
      <c r="A24600">
        <v>398</v>
      </c>
      <c r="B24600" t="s">
        <v>49111</v>
      </c>
      <c r="C24600" t="s">
        <v>49112</v>
      </c>
    </row>
    <row r="24601" spans="1:3" x14ac:dyDescent="0.15">
      <c r="A24601">
        <v>397</v>
      </c>
      <c r="B24601" t="s">
        <v>49113</v>
      </c>
      <c r="C24601" t="s">
        <v>49114</v>
      </c>
    </row>
    <row r="24602" spans="1:3" x14ac:dyDescent="0.15">
      <c r="A24602">
        <v>396</v>
      </c>
      <c r="B24602" t="s">
        <v>49115</v>
      </c>
      <c r="C24602" t="s">
        <v>49116</v>
      </c>
    </row>
    <row r="24603" spans="1:3" x14ac:dyDescent="0.15">
      <c r="A24603">
        <v>395</v>
      </c>
      <c r="B24603" t="s">
        <v>49117</v>
      </c>
      <c r="C24603" t="s">
        <v>49118</v>
      </c>
    </row>
    <row r="24604" spans="1:3" x14ac:dyDescent="0.15">
      <c r="A24604">
        <v>394</v>
      </c>
      <c r="B24604" t="s">
        <v>49119</v>
      </c>
      <c r="C24604" t="s">
        <v>49120</v>
      </c>
    </row>
    <row r="24605" spans="1:3" x14ac:dyDescent="0.15">
      <c r="A24605">
        <v>393</v>
      </c>
      <c r="B24605" t="s">
        <v>49121</v>
      </c>
      <c r="C24605" t="s">
        <v>49122</v>
      </c>
    </row>
    <row r="24606" spans="1:3" x14ac:dyDescent="0.15">
      <c r="A24606">
        <v>392</v>
      </c>
      <c r="B24606" t="s">
        <v>49123</v>
      </c>
      <c r="C24606" t="s">
        <v>49124</v>
      </c>
    </row>
    <row r="24607" spans="1:3" x14ac:dyDescent="0.15">
      <c r="A24607">
        <v>391</v>
      </c>
      <c r="B24607" t="s">
        <v>49125</v>
      </c>
      <c r="C24607" t="s">
        <v>49126</v>
      </c>
    </row>
    <row r="24608" spans="1:3" x14ac:dyDescent="0.15">
      <c r="A24608">
        <v>390</v>
      </c>
      <c r="B24608" t="s">
        <v>49127</v>
      </c>
      <c r="C24608" t="s">
        <v>49128</v>
      </c>
    </row>
    <row r="24609" spans="1:3" x14ac:dyDescent="0.15">
      <c r="A24609">
        <v>389</v>
      </c>
      <c r="B24609" t="s">
        <v>49129</v>
      </c>
      <c r="C24609" t="s">
        <v>49130</v>
      </c>
    </row>
    <row r="24610" spans="1:3" x14ac:dyDescent="0.15">
      <c r="A24610">
        <v>388</v>
      </c>
      <c r="B24610" t="s">
        <v>49131</v>
      </c>
      <c r="C24610" t="s">
        <v>49132</v>
      </c>
    </row>
    <row r="24611" spans="1:3" x14ac:dyDescent="0.15">
      <c r="A24611">
        <v>387</v>
      </c>
      <c r="B24611" t="s">
        <v>49133</v>
      </c>
      <c r="C24611" t="s">
        <v>49134</v>
      </c>
    </row>
    <row r="24612" spans="1:3" x14ac:dyDescent="0.15">
      <c r="A24612">
        <v>386</v>
      </c>
      <c r="B24612" t="s">
        <v>49135</v>
      </c>
      <c r="C24612" t="s">
        <v>49136</v>
      </c>
    </row>
    <row r="24613" spans="1:3" x14ac:dyDescent="0.15">
      <c r="A24613">
        <v>385</v>
      </c>
      <c r="B24613" t="s">
        <v>49137</v>
      </c>
      <c r="C24613" t="s">
        <v>49138</v>
      </c>
    </row>
    <row r="24614" spans="1:3" x14ac:dyDescent="0.15">
      <c r="A24614">
        <v>384</v>
      </c>
      <c r="B24614" t="s">
        <v>49139</v>
      </c>
      <c r="C24614" t="s">
        <v>49140</v>
      </c>
    </row>
    <row r="24615" spans="1:3" x14ac:dyDescent="0.15">
      <c r="A24615">
        <v>383</v>
      </c>
      <c r="B24615" t="s">
        <v>49141</v>
      </c>
      <c r="C24615" t="s">
        <v>49142</v>
      </c>
    </row>
    <row r="24616" spans="1:3" x14ac:dyDescent="0.15">
      <c r="A24616">
        <v>382</v>
      </c>
      <c r="B24616" t="s">
        <v>49143</v>
      </c>
      <c r="C24616" t="s">
        <v>49144</v>
      </c>
    </row>
    <row r="24617" spans="1:3" x14ac:dyDescent="0.15">
      <c r="A24617">
        <v>381</v>
      </c>
      <c r="B24617" t="s">
        <v>49145</v>
      </c>
      <c r="C24617" t="s">
        <v>49146</v>
      </c>
    </row>
    <row r="24618" spans="1:3" x14ac:dyDescent="0.15">
      <c r="A24618">
        <v>380</v>
      </c>
      <c r="B24618" t="s">
        <v>49147</v>
      </c>
      <c r="C24618" t="s">
        <v>49148</v>
      </c>
    </row>
    <row r="24619" spans="1:3" x14ac:dyDescent="0.15">
      <c r="A24619">
        <v>379</v>
      </c>
      <c r="B24619" t="s">
        <v>49149</v>
      </c>
      <c r="C24619" t="s">
        <v>49150</v>
      </c>
    </row>
    <row r="24620" spans="1:3" x14ac:dyDescent="0.15">
      <c r="A24620">
        <v>378</v>
      </c>
      <c r="B24620" t="s">
        <v>49151</v>
      </c>
      <c r="C24620" t="s">
        <v>49152</v>
      </c>
    </row>
    <row r="24621" spans="1:3" x14ac:dyDescent="0.15">
      <c r="A24621">
        <v>377</v>
      </c>
      <c r="B24621" t="s">
        <v>49153</v>
      </c>
      <c r="C24621" t="s">
        <v>49154</v>
      </c>
    </row>
    <row r="24622" spans="1:3" x14ac:dyDescent="0.15">
      <c r="A24622">
        <v>376</v>
      </c>
      <c r="B24622" t="s">
        <v>49155</v>
      </c>
      <c r="C24622" t="s">
        <v>49156</v>
      </c>
    </row>
    <row r="24623" spans="1:3" x14ac:dyDescent="0.15">
      <c r="A24623">
        <v>375</v>
      </c>
      <c r="B24623" t="s">
        <v>49157</v>
      </c>
      <c r="C24623" t="s">
        <v>49158</v>
      </c>
    </row>
    <row r="24624" spans="1:3" x14ac:dyDescent="0.15">
      <c r="A24624">
        <v>374</v>
      </c>
      <c r="B24624" t="s">
        <v>49159</v>
      </c>
      <c r="C24624" t="s">
        <v>49160</v>
      </c>
    </row>
    <row r="24625" spans="1:3" x14ac:dyDescent="0.15">
      <c r="A24625">
        <v>373</v>
      </c>
      <c r="B24625" t="s">
        <v>49161</v>
      </c>
      <c r="C24625" t="s">
        <v>49162</v>
      </c>
    </row>
    <row r="24626" spans="1:3" x14ac:dyDescent="0.15">
      <c r="A24626">
        <v>372</v>
      </c>
      <c r="B24626" t="s">
        <v>49163</v>
      </c>
      <c r="C24626" t="s">
        <v>49164</v>
      </c>
    </row>
    <row r="24627" spans="1:3" x14ac:dyDescent="0.15">
      <c r="A24627">
        <v>371</v>
      </c>
      <c r="B24627" t="s">
        <v>49165</v>
      </c>
      <c r="C24627" t="s">
        <v>49166</v>
      </c>
    </row>
    <row r="24628" spans="1:3" x14ac:dyDescent="0.15">
      <c r="A24628">
        <v>370</v>
      </c>
      <c r="B24628" t="s">
        <v>49167</v>
      </c>
      <c r="C24628" t="s">
        <v>49168</v>
      </c>
    </row>
    <row r="24629" spans="1:3" x14ac:dyDescent="0.15">
      <c r="A24629">
        <v>369</v>
      </c>
      <c r="B24629" t="s">
        <v>49169</v>
      </c>
      <c r="C24629" t="s">
        <v>49170</v>
      </c>
    </row>
    <row r="24630" spans="1:3" x14ac:dyDescent="0.15">
      <c r="A24630">
        <v>368</v>
      </c>
      <c r="B24630" t="s">
        <v>49171</v>
      </c>
      <c r="C24630" t="s">
        <v>49172</v>
      </c>
    </row>
    <row r="24631" spans="1:3" x14ac:dyDescent="0.15">
      <c r="A24631">
        <v>367</v>
      </c>
      <c r="B24631" t="s">
        <v>49173</v>
      </c>
      <c r="C24631" t="s">
        <v>49174</v>
      </c>
    </row>
    <row r="24632" spans="1:3" x14ac:dyDescent="0.15">
      <c r="A24632">
        <v>366</v>
      </c>
      <c r="B24632" t="s">
        <v>49175</v>
      </c>
      <c r="C24632" t="s">
        <v>49176</v>
      </c>
    </row>
    <row r="24633" spans="1:3" x14ac:dyDescent="0.15">
      <c r="A24633">
        <v>365</v>
      </c>
      <c r="B24633" t="s">
        <v>49177</v>
      </c>
      <c r="C24633" t="s">
        <v>49178</v>
      </c>
    </row>
    <row r="24634" spans="1:3" x14ac:dyDescent="0.15">
      <c r="A24634">
        <v>364</v>
      </c>
      <c r="B24634" t="s">
        <v>49179</v>
      </c>
      <c r="C24634" t="s">
        <v>49180</v>
      </c>
    </row>
    <row r="24635" spans="1:3" x14ac:dyDescent="0.15">
      <c r="A24635">
        <v>363</v>
      </c>
      <c r="B24635" t="s">
        <v>49181</v>
      </c>
      <c r="C24635" t="s">
        <v>49182</v>
      </c>
    </row>
    <row r="24636" spans="1:3" x14ac:dyDescent="0.15">
      <c r="A24636">
        <v>362</v>
      </c>
      <c r="B24636" t="s">
        <v>49183</v>
      </c>
      <c r="C24636" t="s">
        <v>49184</v>
      </c>
    </row>
    <row r="24637" spans="1:3" x14ac:dyDescent="0.15">
      <c r="A24637">
        <v>361</v>
      </c>
      <c r="B24637" t="s">
        <v>49185</v>
      </c>
      <c r="C24637" t="s">
        <v>49186</v>
      </c>
    </row>
    <row r="24638" spans="1:3" x14ac:dyDescent="0.15">
      <c r="A24638">
        <v>360</v>
      </c>
      <c r="B24638" t="s">
        <v>49187</v>
      </c>
      <c r="C24638" t="s">
        <v>49188</v>
      </c>
    </row>
    <row r="24639" spans="1:3" x14ac:dyDescent="0.15">
      <c r="A24639">
        <v>359</v>
      </c>
      <c r="B24639" t="s">
        <v>49189</v>
      </c>
      <c r="C24639" t="s">
        <v>49190</v>
      </c>
    </row>
    <row r="24640" spans="1:3" x14ac:dyDescent="0.15">
      <c r="A24640">
        <v>358</v>
      </c>
      <c r="B24640" t="s">
        <v>49191</v>
      </c>
      <c r="C24640" t="s">
        <v>49192</v>
      </c>
    </row>
    <row r="24641" spans="1:3" x14ac:dyDescent="0.15">
      <c r="A24641">
        <v>357</v>
      </c>
      <c r="B24641" t="s">
        <v>49193</v>
      </c>
      <c r="C24641" t="s">
        <v>49194</v>
      </c>
    </row>
    <row r="24642" spans="1:3" x14ac:dyDescent="0.15">
      <c r="A24642">
        <v>356</v>
      </c>
      <c r="B24642" t="s">
        <v>49195</v>
      </c>
      <c r="C24642" t="s">
        <v>49196</v>
      </c>
    </row>
    <row r="24643" spans="1:3" x14ac:dyDescent="0.15">
      <c r="A24643">
        <v>355</v>
      </c>
      <c r="B24643" t="s">
        <v>49197</v>
      </c>
      <c r="C24643" t="s">
        <v>49198</v>
      </c>
    </row>
    <row r="24644" spans="1:3" x14ac:dyDescent="0.15">
      <c r="A24644">
        <v>354</v>
      </c>
      <c r="B24644" t="s">
        <v>49199</v>
      </c>
      <c r="C24644" t="s">
        <v>49200</v>
      </c>
    </row>
    <row r="24645" spans="1:3" x14ac:dyDescent="0.15">
      <c r="A24645">
        <v>353</v>
      </c>
      <c r="B24645" t="s">
        <v>49201</v>
      </c>
      <c r="C24645" t="s">
        <v>49202</v>
      </c>
    </row>
    <row r="24646" spans="1:3" x14ac:dyDescent="0.15">
      <c r="A24646">
        <v>352</v>
      </c>
      <c r="B24646" t="s">
        <v>49203</v>
      </c>
      <c r="C24646" t="s">
        <v>49204</v>
      </c>
    </row>
    <row r="24647" spans="1:3" x14ac:dyDescent="0.15">
      <c r="A24647">
        <v>351</v>
      </c>
      <c r="B24647" t="s">
        <v>49205</v>
      </c>
      <c r="C24647" t="s">
        <v>49206</v>
      </c>
    </row>
    <row r="24648" spans="1:3" x14ac:dyDescent="0.15">
      <c r="A24648">
        <v>350</v>
      </c>
      <c r="B24648" t="s">
        <v>49207</v>
      </c>
      <c r="C24648" t="s">
        <v>49208</v>
      </c>
    </row>
    <row r="24649" spans="1:3" x14ac:dyDescent="0.15">
      <c r="A24649">
        <v>349</v>
      </c>
      <c r="B24649" t="s">
        <v>49209</v>
      </c>
      <c r="C24649" t="s">
        <v>49210</v>
      </c>
    </row>
    <row r="24650" spans="1:3" x14ac:dyDescent="0.15">
      <c r="A24650">
        <v>348</v>
      </c>
      <c r="B24650" t="s">
        <v>49211</v>
      </c>
      <c r="C24650" t="s">
        <v>49212</v>
      </c>
    </row>
    <row r="24651" spans="1:3" x14ac:dyDescent="0.15">
      <c r="A24651">
        <v>347</v>
      </c>
      <c r="B24651" t="s">
        <v>49213</v>
      </c>
      <c r="C24651" t="s">
        <v>49214</v>
      </c>
    </row>
    <row r="24652" spans="1:3" x14ac:dyDescent="0.15">
      <c r="A24652">
        <v>346</v>
      </c>
      <c r="B24652" t="s">
        <v>49215</v>
      </c>
      <c r="C24652" t="s">
        <v>49216</v>
      </c>
    </row>
    <row r="24653" spans="1:3" x14ac:dyDescent="0.15">
      <c r="A24653">
        <v>345</v>
      </c>
      <c r="B24653" t="s">
        <v>49217</v>
      </c>
      <c r="C24653" t="s">
        <v>49218</v>
      </c>
    </row>
    <row r="24654" spans="1:3" x14ac:dyDescent="0.15">
      <c r="A24654">
        <v>344</v>
      </c>
      <c r="B24654" t="s">
        <v>49219</v>
      </c>
      <c r="C24654" t="s">
        <v>49220</v>
      </c>
    </row>
    <row r="24655" spans="1:3" x14ac:dyDescent="0.15">
      <c r="A24655">
        <v>343</v>
      </c>
      <c r="B24655" t="s">
        <v>49221</v>
      </c>
      <c r="C24655" t="s">
        <v>49222</v>
      </c>
    </row>
    <row r="24656" spans="1:3" x14ac:dyDescent="0.15">
      <c r="A24656">
        <v>342</v>
      </c>
      <c r="B24656" t="s">
        <v>49223</v>
      </c>
      <c r="C24656" t="s">
        <v>49224</v>
      </c>
    </row>
    <row r="24657" spans="1:3" x14ac:dyDescent="0.15">
      <c r="A24657">
        <v>341</v>
      </c>
      <c r="B24657" t="s">
        <v>49225</v>
      </c>
      <c r="C24657" t="s">
        <v>49226</v>
      </c>
    </row>
    <row r="24658" spans="1:3" x14ac:dyDescent="0.15">
      <c r="A24658">
        <v>340</v>
      </c>
      <c r="B24658" t="s">
        <v>49227</v>
      </c>
      <c r="C24658" t="s">
        <v>49228</v>
      </c>
    </row>
    <row r="24659" spans="1:3" x14ac:dyDescent="0.15">
      <c r="A24659">
        <v>339</v>
      </c>
      <c r="B24659" t="s">
        <v>49229</v>
      </c>
      <c r="C24659" t="s">
        <v>49230</v>
      </c>
    </row>
    <row r="24660" spans="1:3" x14ac:dyDescent="0.15">
      <c r="A24660">
        <v>338</v>
      </c>
      <c r="B24660" t="s">
        <v>49231</v>
      </c>
      <c r="C24660" t="s">
        <v>49232</v>
      </c>
    </row>
    <row r="24661" spans="1:3" x14ac:dyDescent="0.15">
      <c r="A24661">
        <v>337</v>
      </c>
      <c r="B24661" t="s">
        <v>49233</v>
      </c>
      <c r="C24661" t="s">
        <v>49234</v>
      </c>
    </row>
    <row r="24662" spans="1:3" x14ac:dyDescent="0.15">
      <c r="A24662">
        <v>336</v>
      </c>
      <c r="B24662" t="s">
        <v>49235</v>
      </c>
      <c r="C24662" t="s">
        <v>49236</v>
      </c>
    </row>
    <row r="24663" spans="1:3" x14ac:dyDescent="0.15">
      <c r="A24663">
        <v>335</v>
      </c>
      <c r="B24663" t="s">
        <v>49237</v>
      </c>
      <c r="C24663" t="s">
        <v>49238</v>
      </c>
    </row>
    <row r="24664" spans="1:3" x14ac:dyDescent="0.15">
      <c r="A24664">
        <v>334</v>
      </c>
      <c r="B24664" t="s">
        <v>49239</v>
      </c>
      <c r="C24664" t="s">
        <v>49240</v>
      </c>
    </row>
    <row r="24665" spans="1:3" x14ac:dyDescent="0.15">
      <c r="A24665">
        <v>333</v>
      </c>
      <c r="B24665" t="s">
        <v>49241</v>
      </c>
      <c r="C24665" t="s">
        <v>49242</v>
      </c>
    </row>
    <row r="24666" spans="1:3" x14ac:dyDescent="0.15">
      <c r="A24666">
        <v>332</v>
      </c>
      <c r="B24666" t="s">
        <v>49243</v>
      </c>
      <c r="C24666" t="s">
        <v>49244</v>
      </c>
    </row>
    <row r="24667" spans="1:3" x14ac:dyDescent="0.15">
      <c r="A24667">
        <v>331</v>
      </c>
      <c r="B24667" t="s">
        <v>49245</v>
      </c>
      <c r="C24667" t="s">
        <v>49246</v>
      </c>
    </row>
    <row r="24668" spans="1:3" x14ac:dyDescent="0.15">
      <c r="A24668">
        <v>330</v>
      </c>
      <c r="B24668" t="s">
        <v>49247</v>
      </c>
      <c r="C24668" t="s">
        <v>49248</v>
      </c>
    </row>
    <row r="24669" spans="1:3" x14ac:dyDescent="0.15">
      <c r="A24669">
        <v>329</v>
      </c>
      <c r="B24669" t="s">
        <v>49249</v>
      </c>
      <c r="C24669" t="s">
        <v>49250</v>
      </c>
    </row>
    <row r="24670" spans="1:3" x14ac:dyDescent="0.15">
      <c r="A24670">
        <v>328</v>
      </c>
      <c r="B24670" t="s">
        <v>49251</v>
      </c>
      <c r="C24670" t="s">
        <v>49252</v>
      </c>
    </row>
    <row r="24671" spans="1:3" x14ac:dyDescent="0.15">
      <c r="A24671">
        <v>327</v>
      </c>
      <c r="B24671" t="s">
        <v>49253</v>
      </c>
      <c r="C24671" t="s">
        <v>49254</v>
      </c>
    </row>
    <row r="24672" spans="1:3" x14ac:dyDescent="0.15">
      <c r="A24672">
        <v>326</v>
      </c>
      <c r="B24672" t="s">
        <v>49255</v>
      </c>
      <c r="C24672" t="s">
        <v>49256</v>
      </c>
    </row>
    <row r="24673" spans="1:3" x14ac:dyDescent="0.15">
      <c r="A24673">
        <v>325</v>
      </c>
      <c r="B24673" t="s">
        <v>49257</v>
      </c>
      <c r="C24673" t="s">
        <v>49258</v>
      </c>
    </row>
    <row r="24674" spans="1:3" x14ac:dyDescent="0.15">
      <c r="A24674">
        <v>324</v>
      </c>
      <c r="B24674" t="s">
        <v>49259</v>
      </c>
      <c r="C24674" t="s">
        <v>49260</v>
      </c>
    </row>
    <row r="24675" spans="1:3" x14ac:dyDescent="0.15">
      <c r="A24675">
        <v>323</v>
      </c>
      <c r="B24675" t="s">
        <v>49261</v>
      </c>
      <c r="C24675" t="s">
        <v>49262</v>
      </c>
    </row>
    <row r="24676" spans="1:3" x14ac:dyDescent="0.15">
      <c r="A24676">
        <v>322</v>
      </c>
      <c r="B24676" t="s">
        <v>49263</v>
      </c>
      <c r="C24676" t="s">
        <v>49264</v>
      </c>
    </row>
    <row r="24677" spans="1:3" x14ac:dyDescent="0.15">
      <c r="A24677">
        <v>321</v>
      </c>
      <c r="B24677" t="s">
        <v>49265</v>
      </c>
      <c r="C24677" t="s">
        <v>49266</v>
      </c>
    </row>
    <row r="24678" spans="1:3" x14ac:dyDescent="0.15">
      <c r="A24678">
        <v>320</v>
      </c>
      <c r="B24678" t="s">
        <v>49267</v>
      </c>
      <c r="C24678" t="s">
        <v>49268</v>
      </c>
    </row>
    <row r="24679" spans="1:3" x14ac:dyDescent="0.15">
      <c r="A24679">
        <v>319</v>
      </c>
      <c r="B24679" t="s">
        <v>49269</v>
      </c>
      <c r="C24679" t="s">
        <v>49270</v>
      </c>
    </row>
    <row r="24680" spans="1:3" x14ac:dyDescent="0.15">
      <c r="A24680">
        <v>318</v>
      </c>
      <c r="B24680" t="s">
        <v>49271</v>
      </c>
      <c r="C24680" t="s">
        <v>49272</v>
      </c>
    </row>
    <row r="24681" spans="1:3" x14ac:dyDescent="0.15">
      <c r="A24681">
        <v>317</v>
      </c>
      <c r="B24681" t="s">
        <v>49273</v>
      </c>
      <c r="C24681" t="s">
        <v>49274</v>
      </c>
    </row>
    <row r="24682" spans="1:3" x14ac:dyDescent="0.15">
      <c r="A24682">
        <v>316</v>
      </c>
      <c r="B24682" t="s">
        <v>49275</v>
      </c>
      <c r="C24682" t="s">
        <v>49276</v>
      </c>
    </row>
    <row r="24683" spans="1:3" x14ac:dyDescent="0.15">
      <c r="A24683">
        <v>315</v>
      </c>
      <c r="B24683" t="s">
        <v>49277</v>
      </c>
      <c r="C24683" t="s">
        <v>49278</v>
      </c>
    </row>
    <row r="24684" spans="1:3" x14ac:dyDescent="0.15">
      <c r="A24684">
        <v>314</v>
      </c>
      <c r="B24684" t="s">
        <v>49279</v>
      </c>
      <c r="C24684" t="s">
        <v>49280</v>
      </c>
    </row>
    <row r="24685" spans="1:3" x14ac:dyDescent="0.15">
      <c r="A24685">
        <v>313</v>
      </c>
      <c r="B24685" t="s">
        <v>49281</v>
      </c>
      <c r="C24685" t="s">
        <v>49282</v>
      </c>
    </row>
    <row r="24686" spans="1:3" x14ac:dyDescent="0.15">
      <c r="A24686">
        <v>312</v>
      </c>
      <c r="B24686" t="s">
        <v>49283</v>
      </c>
      <c r="C24686" t="s">
        <v>49284</v>
      </c>
    </row>
    <row r="24687" spans="1:3" x14ac:dyDescent="0.15">
      <c r="A24687">
        <v>311</v>
      </c>
      <c r="B24687" t="s">
        <v>49285</v>
      </c>
      <c r="C24687" t="s">
        <v>49286</v>
      </c>
    </row>
    <row r="24688" spans="1:3" x14ac:dyDescent="0.15">
      <c r="A24688">
        <v>310</v>
      </c>
      <c r="B24688" t="s">
        <v>49287</v>
      </c>
      <c r="C24688" t="s">
        <v>49288</v>
      </c>
    </row>
    <row r="24689" spans="1:3" x14ac:dyDescent="0.15">
      <c r="A24689">
        <v>309</v>
      </c>
      <c r="B24689" t="s">
        <v>49289</v>
      </c>
      <c r="C24689" t="s">
        <v>49290</v>
      </c>
    </row>
    <row r="24690" spans="1:3" x14ac:dyDescent="0.15">
      <c r="A24690">
        <v>308</v>
      </c>
      <c r="B24690" t="s">
        <v>49291</v>
      </c>
      <c r="C24690" t="s">
        <v>49292</v>
      </c>
    </row>
    <row r="24691" spans="1:3" x14ac:dyDescent="0.15">
      <c r="A24691">
        <v>307</v>
      </c>
      <c r="B24691" t="s">
        <v>49293</v>
      </c>
      <c r="C24691" t="s">
        <v>49294</v>
      </c>
    </row>
    <row r="24692" spans="1:3" x14ac:dyDescent="0.15">
      <c r="A24692">
        <v>306</v>
      </c>
      <c r="B24692" t="s">
        <v>49295</v>
      </c>
      <c r="C24692" t="s">
        <v>49296</v>
      </c>
    </row>
    <row r="24693" spans="1:3" x14ac:dyDescent="0.15">
      <c r="A24693">
        <v>305</v>
      </c>
      <c r="B24693" t="s">
        <v>49297</v>
      </c>
      <c r="C24693" t="s">
        <v>49298</v>
      </c>
    </row>
    <row r="24694" spans="1:3" x14ac:dyDescent="0.15">
      <c r="A24694">
        <v>304</v>
      </c>
      <c r="B24694" t="s">
        <v>49299</v>
      </c>
      <c r="C24694" t="s">
        <v>49300</v>
      </c>
    </row>
    <row r="24695" spans="1:3" x14ac:dyDescent="0.15">
      <c r="A24695">
        <v>303</v>
      </c>
      <c r="B24695" t="s">
        <v>49301</v>
      </c>
      <c r="C24695" t="s">
        <v>49302</v>
      </c>
    </row>
    <row r="24696" spans="1:3" x14ac:dyDescent="0.15">
      <c r="A24696">
        <v>302</v>
      </c>
      <c r="B24696" t="s">
        <v>49303</v>
      </c>
      <c r="C24696" t="s">
        <v>49304</v>
      </c>
    </row>
    <row r="24697" spans="1:3" x14ac:dyDescent="0.15">
      <c r="A24697">
        <v>301</v>
      </c>
      <c r="B24697" t="s">
        <v>49305</v>
      </c>
      <c r="C24697" t="s">
        <v>49306</v>
      </c>
    </row>
    <row r="24698" spans="1:3" x14ac:dyDescent="0.15">
      <c r="A24698">
        <v>300</v>
      </c>
      <c r="B24698" t="s">
        <v>49307</v>
      </c>
      <c r="C24698" t="s">
        <v>49308</v>
      </c>
    </row>
    <row r="24699" spans="1:3" x14ac:dyDescent="0.15">
      <c r="A24699">
        <v>299</v>
      </c>
      <c r="B24699" t="s">
        <v>49309</v>
      </c>
      <c r="C24699" t="s">
        <v>49310</v>
      </c>
    </row>
    <row r="24700" spans="1:3" x14ac:dyDescent="0.15">
      <c r="A24700">
        <v>298</v>
      </c>
      <c r="B24700" t="s">
        <v>49311</v>
      </c>
      <c r="C24700" t="s">
        <v>49312</v>
      </c>
    </row>
    <row r="24701" spans="1:3" x14ac:dyDescent="0.15">
      <c r="A24701">
        <v>297</v>
      </c>
      <c r="B24701" t="s">
        <v>49313</v>
      </c>
      <c r="C24701" t="s">
        <v>49314</v>
      </c>
    </row>
    <row r="24702" spans="1:3" x14ac:dyDescent="0.15">
      <c r="A24702">
        <v>296</v>
      </c>
      <c r="B24702" t="s">
        <v>49315</v>
      </c>
      <c r="C24702" t="s">
        <v>49316</v>
      </c>
    </row>
    <row r="24703" spans="1:3" x14ac:dyDescent="0.15">
      <c r="A24703">
        <v>295</v>
      </c>
      <c r="B24703" t="s">
        <v>49317</v>
      </c>
      <c r="C24703" t="s">
        <v>49318</v>
      </c>
    </row>
    <row r="24704" spans="1:3" x14ac:dyDescent="0.15">
      <c r="A24704">
        <v>294</v>
      </c>
      <c r="B24704" t="s">
        <v>49319</v>
      </c>
      <c r="C24704" t="s">
        <v>49320</v>
      </c>
    </row>
    <row r="24705" spans="1:3" x14ac:dyDescent="0.15">
      <c r="A24705">
        <v>293</v>
      </c>
      <c r="B24705" t="s">
        <v>49321</v>
      </c>
      <c r="C24705" t="s">
        <v>49322</v>
      </c>
    </row>
    <row r="24706" spans="1:3" x14ac:dyDescent="0.15">
      <c r="A24706">
        <v>292</v>
      </c>
      <c r="B24706" t="s">
        <v>49323</v>
      </c>
      <c r="C24706" t="s">
        <v>49324</v>
      </c>
    </row>
    <row r="24707" spans="1:3" x14ac:dyDescent="0.15">
      <c r="A24707">
        <v>291</v>
      </c>
      <c r="B24707" t="s">
        <v>49325</v>
      </c>
      <c r="C24707" t="s">
        <v>49326</v>
      </c>
    </row>
    <row r="24708" spans="1:3" x14ac:dyDescent="0.15">
      <c r="A24708">
        <v>290</v>
      </c>
      <c r="B24708" t="s">
        <v>49327</v>
      </c>
      <c r="C24708" t="s">
        <v>49328</v>
      </c>
    </row>
    <row r="24709" spans="1:3" x14ac:dyDescent="0.15">
      <c r="A24709">
        <v>289</v>
      </c>
      <c r="B24709" t="s">
        <v>49329</v>
      </c>
      <c r="C24709" t="s">
        <v>49330</v>
      </c>
    </row>
    <row r="24710" spans="1:3" x14ac:dyDescent="0.15">
      <c r="A24710">
        <v>288</v>
      </c>
      <c r="B24710" t="s">
        <v>49331</v>
      </c>
      <c r="C24710" t="s">
        <v>49332</v>
      </c>
    </row>
    <row r="24711" spans="1:3" x14ac:dyDescent="0.15">
      <c r="A24711">
        <v>287</v>
      </c>
      <c r="B24711" t="s">
        <v>49333</v>
      </c>
      <c r="C24711" t="s">
        <v>49334</v>
      </c>
    </row>
    <row r="24712" spans="1:3" x14ac:dyDescent="0.15">
      <c r="A24712">
        <v>286</v>
      </c>
      <c r="B24712" t="s">
        <v>49335</v>
      </c>
      <c r="C24712" t="s">
        <v>49336</v>
      </c>
    </row>
    <row r="24713" spans="1:3" x14ac:dyDescent="0.15">
      <c r="A24713">
        <v>285</v>
      </c>
      <c r="B24713" t="s">
        <v>49337</v>
      </c>
      <c r="C24713" t="s">
        <v>49338</v>
      </c>
    </row>
    <row r="24714" spans="1:3" x14ac:dyDescent="0.15">
      <c r="A24714">
        <v>284</v>
      </c>
      <c r="B24714" t="s">
        <v>49339</v>
      </c>
      <c r="C24714" t="s">
        <v>49340</v>
      </c>
    </row>
    <row r="24715" spans="1:3" x14ac:dyDescent="0.15">
      <c r="A24715">
        <v>283</v>
      </c>
      <c r="B24715" t="s">
        <v>49341</v>
      </c>
      <c r="C24715" t="s">
        <v>49342</v>
      </c>
    </row>
    <row r="24716" spans="1:3" x14ac:dyDescent="0.15">
      <c r="A24716">
        <v>282</v>
      </c>
      <c r="B24716" t="s">
        <v>49343</v>
      </c>
      <c r="C24716" t="s">
        <v>49344</v>
      </c>
    </row>
    <row r="24717" spans="1:3" x14ac:dyDescent="0.15">
      <c r="A24717">
        <v>281</v>
      </c>
      <c r="B24717" t="s">
        <v>49345</v>
      </c>
      <c r="C24717" t="s">
        <v>49346</v>
      </c>
    </row>
    <row r="24718" spans="1:3" x14ac:dyDescent="0.15">
      <c r="A24718">
        <v>280</v>
      </c>
      <c r="B24718" t="s">
        <v>49347</v>
      </c>
      <c r="C24718" t="s">
        <v>49348</v>
      </c>
    </row>
    <row r="24719" spans="1:3" x14ac:dyDescent="0.15">
      <c r="A24719">
        <v>279</v>
      </c>
      <c r="B24719" t="s">
        <v>49349</v>
      </c>
      <c r="C24719" t="s">
        <v>49350</v>
      </c>
    </row>
    <row r="24720" spans="1:3" x14ac:dyDescent="0.15">
      <c r="A24720">
        <v>278</v>
      </c>
      <c r="B24720" t="s">
        <v>49351</v>
      </c>
      <c r="C24720" t="s">
        <v>49352</v>
      </c>
    </row>
    <row r="24721" spans="1:3" x14ac:dyDescent="0.15">
      <c r="A24721">
        <v>277</v>
      </c>
      <c r="B24721" t="s">
        <v>49353</v>
      </c>
      <c r="C24721" t="s">
        <v>49354</v>
      </c>
    </row>
    <row r="24722" spans="1:3" x14ac:dyDescent="0.15">
      <c r="A24722">
        <v>276</v>
      </c>
      <c r="B24722" t="s">
        <v>49355</v>
      </c>
      <c r="C24722" t="s">
        <v>49356</v>
      </c>
    </row>
    <row r="24723" spans="1:3" x14ac:dyDescent="0.15">
      <c r="A24723">
        <v>275</v>
      </c>
      <c r="B24723" t="s">
        <v>49357</v>
      </c>
      <c r="C24723" t="s">
        <v>49358</v>
      </c>
    </row>
    <row r="24724" spans="1:3" x14ac:dyDescent="0.15">
      <c r="A24724">
        <v>274</v>
      </c>
      <c r="B24724" t="s">
        <v>49359</v>
      </c>
      <c r="C24724" t="s">
        <v>49360</v>
      </c>
    </row>
    <row r="24725" spans="1:3" x14ac:dyDescent="0.15">
      <c r="A24725">
        <v>273</v>
      </c>
      <c r="B24725" t="s">
        <v>49361</v>
      </c>
      <c r="C24725" t="s">
        <v>49362</v>
      </c>
    </row>
    <row r="24726" spans="1:3" x14ac:dyDescent="0.15">
      <c r="A24726">
        <v>272</v>
      </c>
      <c r="B24726" t="s">
        <v>49363</v>
      </c>
      <c r="C24726" t="s">
        <v>49364</v>
      </c>
    </row>
    <row r="24727" spans="1:3" x14ac:dyDescent="0.15">
      <c r="A24727">
        <v>271</v>
      </c>
      <c r="B24727" t="s">
        <v>49365</v>
      </c>
      <c r="C24727" t="s">
        <v>49366</v>
      </c>
    </row>
    <row r="24728" spans="1:3" x14ac:dyDescent="0.15">
      <c r="A24728">
        <v>270</v>
      </c>
      <c r="B24728" t="s">
        <v>49367</v>
      </c>
      <c r="C24728" t="s">
        <v>49368</v>
      </c>
    </row>
    <row r="24729" spans="1:3" x14ac:dyDescent="0.15">
      <c r="A24729">
        <v>269</v>
      </c>
      <c r="B24729" t="s">
        <v>49369</v>
      </c>
      <c r="C24729" t="s">
        <v>49370</v>
      </c>
    </row>
    <row r="24730" spans="1:3" x14ac:dyDescent="0.15">
      <c r="A24730">
        <v>268</v>
      </c>
      <c r="B24730" t="s">
        <v>49371</v>
      </c>
      <c r="C24730" t="s">
        <v>49372</v>
      </c>
    </row>
    <row r="24731" spans="1:3" x14ac:dyDescent="0.15">
      <c r="A24731">
        <v>267</v>
      </c>
      <c r="B24731" t="s">
        <v>49373</v>
      </c>
      <c r="C24731" t="s">
        <v>49374</v>
      </c>
    </row>
    <row r="24732" spans="1:3" x14ac:dyDescent="0.15">
      <c r="A24732">
        <v>266</v>
      </c>
      <c r="B24732" t="s">
        <v>49375</v>
      </c>
      <c r="C24732" t="s">
        <v>49376</v>
      </c>
    </row>
    <row r="24733" spans="1:3" x14ac:dyDescent="0.15">
      <c r="A24733">
        <v>265</v>
      </c>
      <c r="B24733" t="s">
        <v>49377</v>
      </c>
      <c r="C24733" t="s">
        <v>49378</v>
      </c>
    </row>
    <row r="24734" spans="1:3" x14ac:dyDescent="0.15">
      <c r="A24734">
        <v>264</v>
      </c>
      <c r="B24734" t="s">
        <v>49379</v>
      </c>
      <c r="C24734" t="s">
        <v>49380</v>
      </c>
    </row>
    <row r="24735" spans="1:3" x14ac:dyDescent="0.15">
      <c r="A24735">
        <v>263</v>
      </c>
      <c r="B24735" t="s">
        <v>49381</v>
      </c>
      <c r="C24735" t="s">
        <v>49382</v>
      </c>
    </row>
    <row r="24736" spans="1:3" x14ac:dyDescent="0.15">
      <c r="A24736">
        <v>262</v>
      </c>
      <c r="B24736" t="s">
        <v>49383</v>
      </c>
      <c r="C24736" t="s">
        <v>49384</v>
      </c>
    </row>
    <row r="24737" spans="1:3" x14ac:dyDescent="0.15">
      <c r="A24737">
        <v>261</v>
      </c>
      <c r="B24737" t="s">
        <v>49385</v>
      </c>
      <c r="C24737" t="s">
        <v>49386</v>
      </c>
    </row>
    <row r="24738" spans="1:3" x14ac:dyDescent="0.15">
      <c r="A24738">
        <v>260</v>
      </c>
      <c r="B24738" t="s">
        <v>49387</v>
      </c>
      <c r="C24738" t="s">
        <v>49388</v>
      </c>
    </row>
    <row r="24739" spans="1:3" x14ac:dyDescent="0.15">
      <c r="A24739">
        <v>259</v>
      </c>
      <c r="B24739" t="s">
        <v>49389</v>
      </c>
      <c r="C24739" t="s">
        <v>49390</v>
      </c>
    </row>
    <row r="24740" spans="1:3" x14ac:dyDescent="0.15">
      <c r="A24740">
        <v>258</v>
      </c>
      <c r="B24740" t="s">
        <v>49391</v>
      </c>
      <c r="C24740" t="s">
        <v>49392</v>
      </c>
    </row>
    <row r="24741" spans="1:3" x14ac:dyDescent="0.15">
      <c r="A24741">
        <v>257</v>
      </c>
      <c r="B24741" t="s">
        <v>49393</v>
      </c>
      <c r="C24741" t="s">
        <v>49394</v>
      </c>
    </row>
    <row r="24742" spans="1:3" x14ac:dyDescent="0.15">
      <c r="A24742">
        <v>256</v>
      </c>
      <c r="B24742" t="s">
        <v>49395</v>
      </c>
      <c r="C24742" t="s">
        <v>49396</v>
      </c>
    </row>
    <row r="24743" spans="1:3" x14ac:dyDescent="0.15">
      <c r="A24743">
        <v>255</v>
      </c>
      <c r="B24743" t="s">
        <v>49397</v>
      </c>
      <c r="C24743" t="s">
        <v>49398</v>
      </c>
    </row>
    <row r="24744" spans="1:3" x14ac:dyDescent="0.15">
      <c r="A24744">
        <v>254</v>
      </c>
      <c r="B24744" t="s">
        <v>49399</v>
      </c>
      <c r="C24744" t="s">
        <v>49400</v>
      </c>
    </row>
    <row r="24745" spans="1:3" x14ac:dyDescent="0.15">
      <c r="A24745">
        <v>253</v>
      </c>
      <c r="B24745" t="s">
        <v>49401</v>
      </c>
      <c r="C24745" t="s">
        <v>49402</v>
      </c>
    </row>
    <row r="24746" spans="1:3" x14ac:dyDescent="0.15">
      <c r="A24746">
        <v>252</v>
      </c>
      <c r="B24746" t="s">
        <v>49403</v>
      </c>
      <c r="C24746" t="s">
        <v>49404</v>
      </c>
    </row>
    <row r="24747" spans="1:3" x14ac:dyDescent="0.15">
      <c r="A24747">
        <v>251</v>
      </c>
      <c r="B24747" t="s">
        <v>49405</v>
      </c>
      <c r="C24747" t="s">
        <v>49406</v>
      </c>
    </row>
    <row r="24748" spans="1:3" x14ac:dyDescent="0.15">
      <c r="A24748">
        <v>250</v>
      </c>
      <c r="B24748" t="s">
        <v>49407</v>
      </c>
      <c r="C24748" t="s">
        <v>49408</v>
      </c>
    </row>
    <row r="24749" spans="1:3" x14ac:dyDescent="0.15">
      <c r="A24749">
        <v>249</v>
      </c>
      <c r="B24749" t="s">
        <v>49409</v>
      </c>
      <c r="C24749" t="s">
        <v>49410</v>
      </c>
    </row>
    <row r="24750" spans="1:3" x14ac:dyDescent="0.15">
      <c r="A24750">
        <v>248</v>
      </c>
      <c r="B24750" t="s">
        <v>49411</v>
      </c>
      <c r="C24750" t="s">
        <v>49412</v>
      </c>
    </row>
    <row r="24751" spans="1:3" x14ac:dyDescent="0.15">
      <c r="A24751">
        <v>247</v>
      </c>
      <c r="B24751" t="s">
        <v>49413</v>
      </c>
      <c r="C24751" t="s">
        <v>49414</v>
      </c>
    </row>
    <row r="24752" spans="1:3" x14ac:dyDescent="0.15">
      <c r="A24752">
        <v>246</v>
      </c>
      <c r="B24752" t="s">
        <v>49415</v>
      </c>
      <c r="C24752" t="s">
        <v>49416</v>
      </c>
    </row>
    <row r="24753" spans="1:3" x14ac:dyDescent="0.15">
      <c r="A24753">
        <v>245</v>
      </c>
      <c r="B24753" t="s">
        <v>49417</v>
      </c>
      <c r="C24753" t="s">
        <v>49418</v>
      </c>
    </row>
    <row r="24754" spans="1:3" x14ac:dyDescent="0.15">
      <c r="A24754">
        <v>244</v>
      </c>
      <c r="B24754" t="s">
        <v>49419</v>
      </c>
      <c r="C24754" t="s">
        <v>49420</v>
      </c>
    </row>
    <row r="24755" spans="1:3" x14ac:dyDescent="0.15">
      <c r="A24755">
        <v>243</v>
      </c>
      <c r="B24755" t="s">
        <v>49421</v>
      </c>
      <c r="C24755" t="s">
        <v>49422</v>
      </c>
    </row>
    <row r="24756" spans="1:3" x14ac:dyDescent="0.15">
      <c r="A24756">
        <v>242</v>
      </c>
      <c r="B24756" t="s">
        <v>49423</v>
      </c>
      <c r="C24756" t="s">
        <v>49424</v>
      </c>
    </row>
    <row r="24757" spans="1:3" x14ac:dyDescent="0.15">
      <c r="A24757">
        <v>241</v>
      </c>
      <c r="B24757" t="s">
        <v>49425</v>
      </c>
      <c r="C24757" t="s">
        <v>49426</v>
      </c>
    </row>
    <row r="24758" spans="1:3" x14ac:dyDescent="0.15">
      <c r="A24758">
        <v>240</v>
      </c>
      <c r="B24758" t="s">
        <v>49427</v>
      </c>
      <c r="C24758" t="s">
        <v>49428</v>
      </c>
    </row>
    <row r="24759" spans="1:3" x14ac:dyDescent="0.15">
      <c r="A24759">
        <v>239</v>
      </c>
      <c r="B24759" t="s">
        <v>49429</v>
      </c>
      <c r="C24759" t="s">
        <v>49430</v>
      </c>
    </row>
    <row r="24760" spans="1:3" x14ac:dyDescent="0.15">
      <c r="A24760">
        <v>238</v>
      </c>
      <c r="B24760" t="s">
        <v>49431</v>
      </c>
      <c r="C24760" t="s">
        <v>49432</v>
      </c>
    </row>
    <row r="24761" spans="1:3" x14ac:dyDescent="0.15">
      <c r="A24761">
        <v>237</v>
      </c>
      <c r="B24761" t="s">
        <v>49433</v>
      </c>
      <c r="C24761" t="s">
        <v>49434</v>
      </c>
    </row>
    <row r="24762" spans="1:3" x14ac:dyDescent="0.15">
      <c r="A24762">
        <v>236</v>
      </c>
      <c r="B24762" t="s">
        <v>49435</v>
      </c>
      <c r="C24762" t="s">
        <v>49436</v>
      </c>
    </row>
    <row r="24763" spans="1:3" x14ac:dyDescent="0.15">
      <c r="A24763">
        <v>235</v>
      </c>
      <c r="B24763" t="s">
        <v>49437</v>
      </c>
      <c r="C24763" t="s">
        <v>49438</v>
      </c>
    </row>
    <row r="24764" spans="1:3" x14ac:dyDescent="0.15">
      <c r="A24764">
        <v>234</v>
      </c>
      <c r="B24764" t="s">
        <v>49439</v>
      </c>
      <c r="C24764" t="s">
        <v>49440</v>
      </c>
    </row>
    <row r="24765" spans="1:3" x14ac:dyDescent="0.15">
      <c r="A24765">
        <v>233</v>
      </c>
      <c r="B24765" t="s">
        <v>49441</v>
      </c>
      <c r="C24765" t="s">
        <v>49442</v>
      </c>
    </row>
    <row r="24766" spans="1:3" x14ac:dyDescent="0.15">
      <c r="A24766">
        <v>232</v>
      </c>
      <c r="B24766" t="s">
        <v>49443</v>
      </c>
      <c r="C24766" t="s">
        <v>49444</v>
      </c>
    </row>
    <row r="24767" spans="1:3" x14ac:dyDescent="0.15">
      <c r="A24767">
        <v>231</v>
      </c>
      <c r="B24767" t="s">
        <v>49445</v>
      </c>
      <c r="C24767" t="s">
        <v>49446</v>
      </c>
    </row>
    <row r="24768" spans="1:3" x14ac:dyDescent="0.15">
      <c r="A24768">
        <v>230</v>
      </c>
      <c r="B24768" t="s">
        <v>49447</v>
      </c>
      <c r="C24768" t="s">
        <v>49448</v>
      </c>
    </row>
    <row r="24769" spans="1:3" x14ac:dyDescent="0.15">
      <c r="A24769">
        <v>229</v>
      </c>
      <c r="B24769" t="s">
        <v>49449</v>
      </c>
      <c r="C24769" t="s">
        <v>49450</v>
      </c>
    </row>
    <row r="24770" spans="1:3" x14ac:dyDescent="0.15">
      <c r="A24770">
        <v>228</v>
      </c>
      <c r="B24770" t="s">
        <v>49451</v>
      </c>
      <c r="C24770" t="s">
        <v>49452</v>
      </c>
    </row>
    <row r="24771" spans="1:3" x14ac:dyDescent="0.15">
      <c r="A24771">
        <v>227</v>
      </c>
      <c r="B24771" t="s">
        <v>49453</v>
      </c>
      <c r="C24771" t="s">
        <v>49454</v>
      </c>
    </row>
    <row r="24772" spans="1:3" x14ac:dyDescent="0.15">
      <c r="A24772">
        <v>226</v>
      </c>
      <c r="B24772" t="s">
        <v>49455</v>
      </c>
      <c r="C24772" t="s">
        <v>49456</v>
      </c>
    </row>
    <row r="24773" spans="1:3" x14ac:dyDescent="0.15">
      <c r="A24773">
        <v>225</v>
      </c>
      <c r="B24773" t="s">
        <v>49457</v>
      </c>
      <c r="C24773" t="s">
        <v>49458</v>
      </c>
    </row>
    <row r="24774" spans="1:3" x14ac:dyDescent="0.15">
      <c r="A24774">
        <v>224</v>
      </c>
      <c r="B24774" t="s">
        <v>49459</v>
      </c>
      <c r="C24774" t="s">
        <v>49460</v>
      </c>
    </row>
    <row r="24775" spans="1:3" x14ac:dyDescent="0.15">
      <c r="A24775">
        <v>223</v>
      </c>
      <c r="B24775" t="s">
        <v>49461</v>
      </c>
      <c r="C24775" t="s">
        <v>49462</v>
      </c>
    </row>
    <row r="24776" spans="1:3" x14ac:dyDescent="0.15">
      <c r="A24776">
        <v>222</v>
      </c>
      <c r="B24776" t="s">
        <v>49463</v>
      </c>
      <c r="C24776" t="s">
        <v>49464</v>
      </c>
    </row>
    <row r="24777" spans="1:3" x14ac:dyDescent="0.15">
      <c r="A24777">
        <v>221</v>
      </c>
      <c r="B24777" t="s">
        <v>49465</v>
      </c>
      <c r="C24777" t="s">
        <v>49466</v>
      </c>
    </row>
    <row r="24778" spans="1:3" x14ac:dyDescent="0.15">
      <c r="A24778">
        <v>220</v>
      </c>
      <c r="B24778" t="s">
        <v>49467</v>
      </c>
      <c r="C24778" t="s">
        <v>49468</v>
      </c>
    </row>
    <row r="24779" spans="1:3" x14ac:dyDescent="0.15">
      <c r="A24779">
        <v>219</v>
      </c>
      <c r="B24779" t="s">
        <v>49469</v>
      </c>
      <c r="C24779" t="s">
        <v>49470</v>
      </c>
    </row>
    <row r="24780" spans="1:3" x14ac:dyDescent="0.15">
      <c r="A24780">
        <v>218</v>
      </c>
      <c r="B24780" t="s">
        <v>49471</v>
      </c>
      <c r="C24780" t="s">
        <v>49472</v>
      </c>
    </row>
    <row r="24781" spans="1:3" x14ac:dyDescent="0.15">
      <c r="A24781">
        <v>217</v>
      </c>
      <c r="B24781" t="s">
        <v>49473</v>
      </c>
      <c r="C24781" t="s">
        <v>49474</v>
      </c>
    </row>
    <row r="24782" spans="1:3" x14ac:dyDescent="0.15">
      <c r="A24782">
        <v>216</v>
      </c>
      <c r="B24782" t="s">
        <v>49475</v>
      </c>
      <c r="C24782" t="s">
        <v>49476</v>
      </c>
    </row>
    <row r="24783" spans="1:3" x14ac:dyDescent="0.15">
      <c r="A24783">
        <v>215</v>
      </c>
      <c r="B24783" t="s">
        <v>49477</v>
      </c>
      <c r="C24783" t="s">
        <v>49478</v>
      </c>
    </row>
    <row r="24784" spans="1:3" x14ac:dyDescent="0.15">
      <c r="A24784">
        <v>214</v>
      </c>
      <c r="B24784" t="s">
        <v>49479</v>
      </c>
      <c r="C24784" t="s">
        <v>49480</v>
      </c>
    </row>
    <row r="24785" spans="1:3" x14ac:dyDescent="0.15">
      <c r="A24785">
        <v>213</v>
      </c>
      <c r="B24785" t="s">
        <v>49481</v>
      </c>
      <c r="C24785" t="s">
        <v>49482</v>
      </c>
    </row>
    <row r="24786" spans="1:3" x14ac:dyDescent="0.15">
      <c r="A24786">
        <v>212</v>
      </c>
      <c r="B24786" t="s">
        <v>49483</v>
      </c>
      <c r="C24786" t="s">
        <v>49484</v>
      </c>
    </row>
    <row r="24787" spans="1:3" x14ac:dyDescent="0.15">
      <c r="A24787">
        <v>211</v>
      </c>
      <c r="B24787" t="s">
        <v>49485</v>
      </c>
      <c r="C24787" t="s">
        <v>49486</v>
      </c>
    </row>
    <row r="24788" spans="1:3" x14ac:dyDescent="0.15">
      <c r="A24788">
        <v>210</v>
      </c>
      <c r="B24788" t="s">
        <v>49487</v>
      </c>
      <c r="C24788" t="s">
        <v>49488</v>
      </c>
    </row>
    <row r="24789" spans="1:3" x14ac:dyDescent="0.15">
      <c r="A24789">
        <v>209</v>
      </c>
      <c r="B24789" t="s">
        <v>49489</v>
      </c>
      <c r="C24789" t="s">
        <v>49490</v>
      </c>
    </row>
    <row r="24790" spans="1:3" x14ac:dyDescent="0.15">
      <c r="A24790">
        <v>208</v>
      </c>
      <c r="B24790" t="s">
        <v>49491</v>
      </c>
      <c r="C24790" t="s">
        <v>49492</v>
      </c>
    </row>
    <row r="24791" spans="1:3" x14ac:dyDescent="0.15">
      <c r="A24791">
        <v>207</v>
      </c>
      <c r="B24791" t="s">
        <v>49493</v>
      </c>
      <c r="C24791" t="s">
        <v>49494</v>
      </c>
    </row>
    <row r="24792" spans="1:3" x14ac:dyDescent="0.15">
      <c r="A24792">
        <v>206</v>
      </c>
      <c r="B24792" t="s">
        <v>49495</v>
      </c>
      <c r="C24792" t="s">
        <v>49496</v>
      </c>
    </row>
    <row r="24793" spans="1:3" x14ac:dyDescent="0.15">
      <c r="A24793">
        <v>205</v>
      </c>
      <c r="B24793" t="s">
        <v>49497</v>
      </c>
      <c r="C24793" t="s">
        <v>49498</v>
      </c>
    </row>
    <row r="24794" spans="1:3" x14ac:dyDescent="0.15">
      <c r="A24794">
        <v>204</v>
      </c>
      <c r="B24794" t="s">
        <v>49499</v>
      </c>
      <c r="C24794" t="s">
        <v>49500</v>
      </c>
    </row>
    <row r="24795" spans="1:3" x14ac:dyDescent="0.15">
      <c r="A24795">
        <v>203</v>
      </c>
      <c r="B24795" t="s">
        <v>49501</v>
      </c>
      <c r="C24795" t="s">
        <v>49502</v>
      </c>
    </row>
    <row r="24796" spans="1:3" x14ac:dyDescent="0.15">
      <c r="A24796">
        <v>202</v>
      </c>
      <c r="B24796" t="s">
        <v>49503</v>
      </c>
      <c r="C24796" t="s">
        <v>49504</v>
      </c>
    </row>
    <row r="24797" spans="1:3" x14ac:dyDescent="0.15">
      <c r="A24797">
        <v>201</v>
      </c>
      <c r="B24797" t="s">
        <v>49505</v>
      </c>
      <c r="C24797" t="s">
        <v>49506</v>
      </c>
    </row>
    <row r="24798" spans="1:3" x14ac:dyDescent="0.15">
      <c r="A24798">
        <v>200</v>
      </c>
      <c r="B24798" t="s">
        <v>49507</v>
      </c>
      <c r="C24798" t="s">
        <v>49508</v>
      </c>
    </row>
    <row r="24799" spans="1:3" x14ac:dyDescent="0.15">
      <c r="A24799">
        <v>199</v>
      </c>
      <c r="B24799" t="s">
        <v>49509</v>
      </c>
      <c r="C24799" t="s">
        <v>49510</v>
      </c>
    </row>
    <row r="24800" spans="1:3" x14ac:dyDescent="0.15">
      <c r="A24800">
        <v>198</v>
      </c>
      <c r="B24800" t="s">
        <v>49511</v>
      </c>
      <c r="C24800" t="s">
        <v>49512</v>
      </c>
    </row>
    <row r="24801" spans="1:3" x14ac:dyDescent="0.15">
      <c r="A24801">
        <v>197</v>
      </c>
      <c r="B24801" t="s">
        <v>49513</v>
      </c>
      <c r="C24801" t="s">
        <v>49514</v>
      </c>
    </row>
    <row r="24802" spans="1:3" x14ac:dyDescent="0.15">
      <c r="A24802">
        <v>196</v>
      </c>
      <c r="B24802" t="s">
        <v>49515</v>
      </c>
      <c r="C24802" t="s">
        <v>49516</v>
      </c>
    </row>
    <row r="24803" spans="1:3" x14ac:dyDescent="0.15">
      <c r="A24803">
        <v>195</v>
      </c>
      <c r="B24803" t="s">
        <v>49517</v>
      </c>
      <c r="C24803" t="s">
        <v>49518</v>
      </c>
    </row>
    <row r="24804" spans="1:3" x14ac:dyDescent="0.15">
      <c r="A24804">
        <v>194</v>
      </c>
      <c r="B24804" t="s">
        <v>49519</v>
      </c>
      <c r="C24804" t="s">
        <v>49520</v>
      </c>
    </row>
    <row r="24805" spans="1:3" x14ac:dyDescent="0.15">
      <c r="A24805">
        <v>193</v>
      </c>
      <c r="B24805" t="s">
        <v>49521</v>
      </c>
      <c r="C24805" t="s">
        <v>49522</v>
      </c>
    </row>
    <row r="24806" spans="1:3" x14ac:dyDescent="0.15">
      <c r="A24806">
        <v>192</v>
      </c>
      <c r="B24806" t="s">
        <v>49523</v>
      </c>
      <c r="C24806" t="s">
        <v>49524</v>
      </c>
    </row>
    <row r="24807" spans="1:3" x14ac:dyDescent="0.15">
      <c r="A24807">
        <v>191</v>
      </c>
      <c r="B24807" t="s">
        <v>49525</v>
      </c>
      <c r="C24807" t="s">
        <v>49526</v>
      </c>
    </row>
    <row r="24808" spans="1:3" x14ac:dyDescent="0.15">
      <c r="A24808">
        <v>190</v>
      </c>
      <c r="B24808" t="s">
        <v>49527</v>
      </c>
      <c r="C24808" t="s">
        <v>49528</v>
      </c>
    </row>
    <row r="24809" spans="1:3" x14ac:dyDescent="0.15">
      <c r="A24809">
        <v>189</v>
      </c>
      <c r="B24809" t="s">
        <v>49529</v>
      </c>
      <c r="C24809" t="s">
        <v>49530</v>
      </c>
    </row>
    <row r="24810" spans="1:3" x14ac:dyDescent="0.15">
      <c r="A24810">
        <v>188</v>
      </c>
      <c r="B24810" t="s">
        <v>49531</v>
      </c>
      <c r="C24810" t="s">
        <v>49532</v>
      </c>
    </row>
    <row r="24811" spans="1:3" x14ac:dyDescent="0.15">
      <c r="A24811">
        <v>187</v>
      </c>
      <c r="B24811" t="s">
        <v>49533</v>
      </c>
      <c r="C24811" t="s">
        <v>49534</v>
      </c>
    </row>
    <row r="24812" spans="1:3" x14ac:dyDescent="0.15">
      <c r="A24812">
        <v>186</v>
      </c>
      <c r="B24812" t="s">
        <v>49535</v>
      </c>
      <c r="C24812" t="s">
        <v>49536</v>
      </c>
    </row>
    <row r="24813" spans="1:3" x14ac:dyDescent="0.15">
      <c r="A24813">
        <v>185</v>
      </c>
      <c r="B24813" t="s">
        <v>49537</v>
      </c>
      <c r="C24813" t="s">
        <v>49538</v>
      </c>
    </row>
    <row r="24814" spans="1:3" x14ac:dyDescent="0.15">
      <c r="A24814">
        <v>184</v>
      </c>
      <c r="B24814" t="s">
        <v>49539</v>
      </c>
      <c r="C24814" t="s">
        <v>49540</v>
      </c>
    </row>
    <row r="24815" spans="1:3" x14ac:dyDescent="0.15">
      <c r="A24815">
        <v>183</v>
      </c>
      <c r="B24815" t="s">
        <v>49541</v>
      </c>
      <c r="C24815" t="s">
        <v>49542</v>
      </c>
    </row>
    <row r="24816" spans="1:3" x14ac:dyDescent="0.15">
      <c r="A24816">
        <v>182</v>
      </c>
      <c r="B24816" t="s">
        <v>49543</v>
      </c>
      <c r="C24816" t="s">
        <v>49544</v>
      </c>
    </row>
    <row r="24817" spans="1:3" x14ac:dyDescent="0.15">
      <c r="A24817">
        <v>181</v>
      </c>
      <c r="B24817" t="s">
        <v>49545</v>
      </c>
      <c r="C24817" t="s">
        <v>49546</v>
      </c>
    </row>
    <row r="24818" spans="1:3" x14ac:dyDescent="0.15">
      <c r="A24818">
        <v>180</v>
      </c>
      <c r="B24818" t="s">
        <v>49547</v>
      </c>
      <c r="C24818" t="s">
        <v>49548</v>
      </c>
    </row>
    <row r="24819" spans="1:3" x14ac:dyDescent="0.15">
      <c r="A24819">
        <v>179</v>
      </c>
      <c r="B24819" t="s">
        <v>49549</v>
      </c>
      <c r="C24819" t="s">
        <v>49550</v>
      </c>
    </row>
    <row r="24820" spans="1:3" x14ac:dyDescent="0.15">
      <c r="A24820">
        <v>178</v>
      </c>
      <c r="B24820" t="s">
        <v>49551</v>
      </c>
      <c r="C24820" t="s">
        <v>49552</v>
      </c>
    </row>
    <row r="24821" spans="1:3" x14ac:dyDescent="0.15">
      <c r="A24821">
        <v>177</v>
      </c>
      <c r="B24821" t="s">
        <v>49553</v>
      </c>
      <c r="C24821" t="s">
        <v>49554</v>
      </c>
    </row>
    <row r="24822" spans="1:3" x14ac:dyDescent="0.15">
      <c r="A24822">
        <v>176</v>
      </c>
      <c r="B24822" t="s">
        <v>49555</v>
      </c>
      <c r="C24822" t="s">
        <v>49556</v>
      </c>
    </row>
    <row r="24823" spans="1:3" x14ac:dyDescent="0.15">
      <c r="A24823">
        <v>175</v>
      </c>
      <c r="B24823" t="s">
        <v>49557</v>
      </c>
      <c r="C24823" t="s">
        <v>49558</v>
      </c>
    </row>
    <row r="24824" spans="1:3" x14ac:dyDescent="0.15">
      <c r="A24824">
        <v>174</v>
      </c>
      <c r="B24824" t="s">
        <v>49559</v>
      </c>
      <c r="C24824" t="s">
        <v>49560</v>
      </c>
    </row>
    <row r="24825" spans="1:3" x14ac:dyDescent="0.15">
      <c r="A24825">
        <v>173</v>
      </c>
      <c r="B24825" t="s">
        <v>49561</v>
      </c>
      <c r="C24825" t="s">
        <v>49562</v>
      </c>
    </row>
    <row r="24826" spans="1:3" x14ac:dyDescent="0.15">
      <c r="A24826">
        <v>172</v>
      </c>
      <c r="B24826" t="s">
        <v>49563</v>
      </c>
      <c r="C24826" t="s">
        <v>49564</v>
      </c>
    </row>
    <row r="24827" spans="1:3" x14ac:dyDescent="0.15">
      <c r="A24827">
        <v>171</v>
      </c>
      <c r="B24827" t="s">
        <v>49565</v>
      </c>
      <c r="C24827" t="s">
        <v>49566</v>
      </c>
    </row>
    <row r="24828" spans="1:3" x14ac:dyDescent="0.15">
      <c r="A24828">
        <v>170</v>
      </c>
      <c r="B24828" t="s">
        <v>49567</v>
      </c>
      <c r="C24828" t="s">
        <v>49568</v>
      </c>
    </row>
    <row r="24829" spans="1:3" x14ac:dyDescent="0.15">
      <c r="A24829">
        <v>169</v>
      </c>
      <c r="B24829" t="s">
        <v>49569</v>
      </c>
      <c r="C24829" t="s">
        <v>49570</v>
      </c>
    </row>
    <row r="24830" spans="1:3" x14ac:dyDescent="0.15">
      <c r="A24830">
        <v>168</v>
      </c>
      <c r="B24830" t="s">
        <v>49571</v>
      </c>
      <c r="C24830" t="s">
        <v>49572</v>
      </c>
    </row>
    <row r="24831" spans="1:3" x14ac:dyDescent="0.15">
      <c r="A24831">
        <v>167</v>
      </c>
      <c r="B24831" t="s">
        <v>49573</v>
      </c>
      <c r="C24831" t="s">
        <v>49574</v>
      </c>
    </row>
    <row r="24832" spans="1:3" x14ac:dyDescent="0.15">
      <c r="A24832">
        <v>166</v>
      </c>
      <c r="B24832" t="s">
        <v>49575</v>
      </c>
      <c r="C24832" t="s">
        <v>49576</v>
      </c>
    </row>
    <row r="24833" spans="1:3" x14ac:dyDescent="0.15">
      <c r="A24833">
        <v>165</v>
      </c>
      <c r="B24833" t="s">
        <v>49577</v>
      </c>
      <c r="C24833" t="s">
        <v>49578</v>
      </c>
    </row>
    <row r="24834" spans="1:3" x14ac:dyDescent="0.15">
      <c r="A24834">
        <v>164</v>
      </c>
      <c r="B24834" t="s">
        <v>49579</v>
      </c>
      <c r="C24834" t="s">
        <v>49580</v>
      </c>
    </row>
    <row r="24835" spans="1:3" x14ac:dyDescent="0.15">
      <c r="A24835">
        <v>163</v>
      </c>
      <c r="B24835" t="s">
        <v>49581</v>
      </c>
      <c r="C24835" t="s">
        <v>49582</v>
      </c>
    </row>
    <row r="24836" spans="1:3" x14ac:dyDescent="0.15">
      <c r="A24836">
        <v>162</v>
      </c>
      <c r="B24836" t="s">
        <v>49583</v>
      </c>
      <c r="C24836" t="s">
        <v>49584</v>
      </c>
    </row>
    <row r="24837" spans="1:3" x14ac:dyDescent="0.15">
      <c r="A24837">
        <v>161</v>
      </c>
      <c r="B24837" t="s">
        <v>49585</v>
      </c>
      <c r="C24837" t="s">
        <v>49586</v>
      </c>
    </row>
    <row r="24838" spans="1:3" x14ac:dyDescent="0.15">
      <c r="A24838">
        <v>160</v>
      </c>
      <c r="B24838" t="s">
        <v>49587</v>
      </c>
      <c r="C24838" t="s">
        <v>49588</v>
      </c>
    </row>
    <row r="24839" spans="1:3" x14ac:dyDescent="0.15">
      <c r="A24839">
        <v>159</v>
      </c>
      <c r="B24839" t="s">
        <v>49589</v>
      </c>
      <c r="C24839" t="s">
        <v>49590</v>
      </c>
    </row>
    <row r="24840" spans="1:3" x14ac:dyDescent="0.15">
      <c r="A24840">
        <v>158</v>
      </c>
      <c r="B24840" t="s">
        <v>49591</v>
      </c>
      <c r="C24840" t="s">
        <v>49592</v>
      </c>
    </row>
    <row r="24841" spans="1:3" x14ac:dyDescent="0.15">
      <c r="A24841">
        <v>157</v>
      </c>
      <c r="B24841" t="s">
        <v>49593</v>
      </c>
      <c r="C24841" t="s">
        <v>49594</v>
      </c>
    </row>
    <row r="24842" spans="1:3" x14ac:dyDescent="0.15">
      <c r="A24842">
        <v>156</v>
      </c>
      <c r="B24842" t="s">
        <v>49595</v>
      </c>
      <c r="C24842" t="s">
        <v>49596</v>
      </c>
    </row>
    <row r="24843" spans="1:3" x14ac:dyDescent="0.15">
      <c r="A24843">
        <v>155</v>
      </c>
      <c r="B24843" t="s">
        <v>49597</v>
      </c>
      <c r="C24843" t="s">
        <v>49598</v>
      </c>
    </row>
    <row r="24844" spans="1:3" x14ac:dyDescent="0.15">
      <c r="A24844">
        <v>154</v>
      </c>
      <c r="B24844" t="s">
        <v>49599</v>
      </c>
      <c r="C24844" t="s">
        <v>49600</v>
      </c>
    </row>
    <row r="24845" spans="1:3" x14ac:dyDescent="0.15">
      <c r="A24845">
        <v>153</v>
      </c>
      <c r="B24845" t="s">
        <v>49601</v>
      </c>
      <c r="C24845" t="s">
        <v>49602</v>
      </c>
    </row>
    <row r="24846" spans="1:3" x14ac:dyDescent="0.15">
      <c r="A24846">
        <v>152</v>
      </c>
      <c r="B24846" t="s">
        <v>49603</v>
      </c>
      <c r="C24846" t="s">
        <v>49604</v>
      </c>
    </row>
    <row r="24847" spans="1:3" x14ac:dyDescent="0.15">
      <c r="A24847">
        <v>151</v>
      </c>
      <c r="B24847" t="s">
        <v>49605</v>
      </c>
      <c r="C24847" t="s">
        <v>49606</v>
      </c>
    </row>
    <row r="24848" spans="1:3" x14ac:dyDescent="0.15">
      <c r="A24848">
        <v>150</v>
      </c>
      <c r="B24848" t="s">
        <v>49607</v>
      </c>
      <c r="C24848" t="s">
        <v>49608</v>
      </c>
    </row>
    <row r="24849" spans="1:3" x14ac:dyDescent="0.15">
      <c r="A24849">
        <v>149</v>
      </c>
      <c r="B24849" t="s">
        <v>49609</v>
      </c>
      <c r="C24849" t="s">
        <v>49610</v>
      </c>
    </row>
    <row r="24850" spans="1:3" x14ac:dyDescent="0.15">
      <c r="A24850">
        <v>148</v>
      </c>
      <c r="B24850" t="s">
        <v>49611</v>
      </c>
      <c r="C24850" t="s">
        <v>49612</v>
      </c>
    </row>
    <row r="24851" spans="1:3" x14ac:dyDescent="0.15">
      <c r="A24851">
        <v>147</v>
      </c>
      <c r="B24851" t="s">
        <v>49613</v>
      </c>
      <c r="C24851" t="s">
        <v>49614</v>
      </c>
    </row>
    <row r="24852" spans="1:3" x14ac:dyDescent="0.15">
      <c r="A24852">
        <v>146</v>
      </c>
      <c r="B24852" t="s">
        <v>49615</v>
      </c>
      <c r="C24852" t="s">
        <v>49616</v>
      </c>
    </row>
    <row r="24853" spans="1:3" x14ac:dyDescent="0.15">
      <c r="A24853">
        <v>145</v>
      </c>
      <c r="B24853" t="s">
        <v>49617</v>
      </c>
      <c r="C24853" t="s">
        <v>49618</v>
      </c>
    </row>
    <row r="24854" spans="1:3" x14ac:dyDescent="0.15">
      <c r="A24854">
        <v>144</v>
      </c>
      <c r="B24854" t="s">
        <v>49619</v>
      </c>
      <c r="C24854" t="s">
        <v>49620</v>
      </c>
    </row>
    <row r="24855" spans="1:3" x14ac:dyDescent="0.15">
      <c r="A24855">
        <v>143</v>
      </c>
      <c r="B24855" t="s">
        <v>49621</v>
      </c>
      <c r="C24855" t="s">
        <v>49622</v>
      </c>
    </row>
    <row r="24856" spans="1:3" x14ac:dyDescent="0.15">
      <c r="A24856">
        <v>142</v>
      </c>
      <c r="B24856" t="s">
        <v>49623</v>
      </c>
      <c r="C24856" t="s">
        <v>49624</v>
      </c>
    </row>
    <row r="24857" spans="1:3" x14ac:dyDescent="0.15">
      <c r="A24857">
        <v>141</v>
      </c>
      <c r="B24857" t="s">
        <v>49625</v>
      </c>
      <c r="C24857" t="s">
        <v>49626</v>
      </c>
    </row>
    <row r="24858" spans="1:3" x14ac:dyDescent="0.15">
      <c r="A24858">
        <v>140</v>
      </c>
      <c r="B24858" t="s">
        <v>49627</v>
      </c>
      <c r="C24858" t="s">
        <v>49628</v>
      </c>
    </row>
    <row r="24859" spans="1:3" x14ac:dyDescent="0.15">
      <c r="A24859">
        <v>139</v>
      </c>
      <c r="B24859" t="s">
        <v>49629</v>
      </c>
      <c r="C24859" t="s">
        <v>49630</v>
      </c>
    </row>
    <row r="24860" spans="1:3" x14ac:dyDescent="0.15">
      <c r="A24860">
        <v>138</v>
      </c>
      <c r="B24860" t="s">
        <v>49631</v>
      </c>
      <c r="C24860" t="s">
        <v>49632</v>
      </c>
    </row>
    <row r="24861" spans="1:3" x14ac:dyDescent="0.15">
      <c r="A24861">
        <v>137</v>
      </c>
      <c r="B24861" t="s">
        <v>49633</v>
      </c>
      <c r="C24861" t="s">
        <v>49634</v>
      </c>
    </row>
    <row r="24862" spans="1:3" x14ac:dyDescent="0.15">
      <c r="A24862">
        <v>136</v>
      </c>
      <c r="B24862" t="s">
        <v>49635</v>
      </c>
      <c r="C24862" t="s">
        <v>49636</v>
      </c>
    </row>
    <row r="24863" spans="1:3" x14ac:dyDescent="0.15">
      <c r="A24863">
        <v>135</v>
      </c>
      <c r="B24863" t="s">
        <v>49637</v>
      </c>
      <c r="C24863" t="s">
        <v>49638</v>
      </c>
    </row>
    <row r="24864" spans="1:3" x14ac:dyDescent="0.15">
      <c r="A24864">
        <v>134</v>
      </c>
      <c r="B24864" t="s">
        <v>49639</v>
      </c>
      <c r="C24864" t="s">
        <v>23213</v>
      </c>
    </row>
    <row r="24865" spans="1:3" x14ac:dyDescent="0.15">
      <c r="A24865">
        <v>133</v>
      </c>
      <c r="B24865" t="s">
        <v>49640</v>
      </c>
      <c r="C24865" t="s">
        <v>49641</v>
      </c>
    </row>
    <row r="24866" spans="1:3" x14ac:dyDescent="0.15">
      <c r="A24866">
        <v>132</v>
      </c>
      <c r="B24866" t="s">
        <v>49642</v>
      </c>
      <c r="C24866" t="s">
        <v>49643</v>
      </c>
    </row>
    <row r="24867" spans="1:3" x14ac:dyDescent="0.15">
      <c r="A24867">
        <v>131</v>
      </c>
      <c r="B24867" t="s">
        <v>49644</v>
      </c>
      <c r="C24867" t="s">
        <v>49645</v>
      </c>
    </row>
    <row r="24868" spans="1:3" x14ac:dyDescent="0.15">
      <c r="A24868">
        <v>130</v>
      </c>
      <c r="B24868" t="s">
        <v>49646</v>
      </c>
      <c r="C24868" t="s">
        <v>49647</v>
      </c>
    </row>
    <row r="24869" spans="1:3" x14ac:dyDescent="0.15">
      <c r="A24869">
        <v>129</v>
      </c>
      <c r="B24869" t="s">
        <v>49648</v>
      </c>
      <c r="C24869" t="s">
        <v>49649</v>
      </c>
    </row>
    <row r="24870" spans="1:3" x14ac:dyDescent="0.15">
      <c r="A24870">
        <v>128</v>
      </c>
      <c r="B24870" t="s">
        <v>49650</v>
      </c>
      <c r="C24870" t="s">
        <v>49651</v>
      </c>
    </row>
    <row r="24871" spans="1:3" x14ac:dyDescent="0.15">
      <c r="A24871">
        <v>127</v>
      </c>
      <c r="B24871" t="s">
        <v>49652</v>
      </c>
      <c r="C24871" t="s">
        <v>49653</v>
      </c>
    </row>
    <row r="24872" spans="1:3" x14ac:dyDescent="0.15">
      <c r="A24872">
        <v>126</v>
      </c>
      <c r="B24872" t="s">
        <v>49654</v>
      </c>
      <c r="C24872" t="s">
        <v>49655</v>
      </c>
    </row>
    <row r="24873" spans="1:3" x14ac:dyDescent="0.15">
      <c r="A24873">
        <v>125</v>
      </c>
      <c r="B24873" t="s">
        <v>49656</v>
      </c>
      <c r="C24873" t="s">
        <v>49657</v>
      </c>
    </row>
    <row r="24874" spans="1:3" x14ac:dyDescent="0.15">
      <c r="A24874">
        <v>124</v>
      </c>
      <c r="B24874" t="s">
        <v>49658</v>
      </c>
      <c r="C24874" t="s">
        <v>49659</v>
      </c>
    </row>
    <row r="24875" spans="1:3" x14ac:dyDescent="0.15">
      <c r="A24875">
        <v>123</v>
      </c>
      <c r="B24875" t="s">
        <v>49660</v>
      </c>
      <c r="C24875" t="s">
        <v>49661</v>
      </c>
    </row>
    <row r="24876" spans="1:3" x14ac:dyDescent="0.15">
      <c r="A24876">
        <v>122</v>
      </c>
      <c r="B24876" t="s">
        <v>49662</v>
      </c>
      <c r="C24876" t="s">
        <v>49663</v>
      </c>
    </row>
    <row r="24877" spans="1:3" x14ac:dyDescent="0.15">
      <c r="A24877">
        <v>121</v>
      </c>
      <c r="B24877" t="s">
        <v>49664</v>
      </c>
      <c r="C24877" t="s">
        <v>49665</v>
      </c>
    </row>
    <row r="24878" spans="1:3" x14ac:dyDescent="0.15">
      <c r="A24878">
        <v>120</v>
      </c>
      <c r="B24878" t="s">
        <v>49666</v>
      </c>
      <c r="C24878" t="s">
        <v>49667</v>
      </c>
    </row>
    <row r="24879" spans="1:3" x14ac:dyDescent="0.15">
      <c r="A24879">
        <v>119</v>
      </c>
      <c r="B24879" t="s">
        <v>49668</v>
      </c>
      <c r="C24879" t="s">
        <v>49669</v>
      </c>
    </row>
    <row r="24880" spans="1:3" x14ac:dyDescent="0.15">
      <c r="A24880">
        <v>118</v>
      </c>
      <c r="B24880" t="s">
        <v>49670</v>
      </c>
      <c r="C24880" t="s">
        <v>49671</v>
      </c>
    </row>
    <row r="24881" spans="1:3" x14ac:dyDescent="0.15">
      <c r="A24881">
        <v>117</v>
      </c>
      <c r="B24881" t="s">
        <v>49672</v>
      </c>
      <c r="C24881" t="s">
        <v>49673</v>
      </c>
    </row>
    <row r="24882" spans="1:3" x14ac:dyDescent="0.15">
      <c r="A24882">
        <v>116</v>
      </c>
      <c r="B24882" t="s">
        <v>49674</v>
      </c>
      <c r="C24882" t="s">
        <v>49675</v>
      </c>
    </row>
    <row r="24883" spans="1:3" x14ac:dyDescent="0.15">
      <c r="A24883">
        <v>115</v>
      </c>
      <c r="B24883" t="s">
        <v>49676</v>
      </c>
      <c r="C24883" t="s">
        <v>49677</v>
      </c>
    </row>
    <row r="24884" spans="1:3" x14ac:dyDescent="0.15">
      <c r="A24884">
        <v>114</v>
      </c>
      <c r="B24884" t="s">
        <v>49678</v>
      </c>
      <c r="C24884" t="s">
        <v>49679</v>
      </c>
    </row>
    <row r="24885" spans="1:3" x14ac:dyDescent="0.15">
      <c r="A24885">
        <v>113</v>
      </c>
      <c r="B24885" t="s">
        <v>49680</v>
      </c>
      <c r="C24885" t="s">
        <v>49681</v>
      </c>
    </row>
    <row r="24886" spans="1:3" x14ac:dyDescent="0.15">
      <c r="A24886">
        <v>112</v>
      </c>
      <c r="B24886" t="s">
        <v>49682</v>
      </c>
      <c r="C24886" t="s">
        <v>49683</v>
      </c>
    </row>
    <row r="24887" spans="1:3" x14ac:dyDescent="0.15">
      <c r="A24887">
        <v>111</v>
      </c>
      <c r="B24887" t="s">
        <v>49684</v>
      </c>
      <c r="C24887" t="s">
        <v>49685</v>
      </c>
    </row>
    <row r="24888" spans="1:3" x14ac:dyDescent="0.15">
      <c r="A24888">
        <v>110</v>
      </c>
      <c r="B24888" t="s">
        <v>49686</v>
      </c>
      <c r="C24888" t="s">
        <v>49687</v>
      </c>
    </row>
    <row r="24889" spans="1:3" x14ac:dyDescent="0.15">
      <c r="A24889">
        <v>109</v>
      </c>
      <c r="B24889" t="s">
        <v>49688</v>
      </c>
      <c r="C24889" t="s">
        <v>49689</v>
      </c>
    </row>
    <row r="24890" spans="1:3" x14ac:dyDescent="0.15">
      <c r="A24890">
        <v>108</v>
      </c>
      <c r="B24890" t="s">
        <v>49690</v>
      </c>
      <c r="C24890" t="s">
        <v>49691</v>
      </c>
    </row>
    <row r="24891" spans="1:3" x14ac:dyDescent="0.15">
      <c r="A24891">
        <v>107</v>
      </c>
      <c r="B24891" t="s">
        <v>49692</v>
      </c>
      <c r="C24891" t="s">
        <v>49693</v>
      </c>
    </row>
    <row r="24892" spans="1:3" x14ac:dyDescent="0.15">
      <c r="A24892">
        <v>106</v>
      </c>
      <c r="B24892" t="s">
        <v>49694</v>
      </c>
      <c r="C24892" t="s">
        <v>49695</v>
      </c>
    </row>
    <row r="24893" spans="1:3" x14ac:dyDescent="0.15">
      <c r="A24893">
        <v>105</v>
      </c>
      <c r="B24893" t="s">
        <v>49696</v>
      </c>
      <c r="C24893" t="s">
        <v>49697</v>
      </c>
    </row>
    <row r="24894" spans="1:3" x14ac:dyDescent="0.15">
      <c r="A24894">
        <v>104</v>
      </c>
      <c r="B24894" t="s">
        <v>49698</v>
      </c>
      <c r="C24894" t="s">
        <v>49699</v>
      </c>
    </row>
    <row r="24895" spans="1:3" x14ac:dyDescent="0.15">
      <c r="A24895">
        <v>103</v>
      </c>
      <c r="B24895" t="s">
        <v>49700</v>
      </c>
      <c r="C24895" t="s">
        <v>49701</v>
      </c>
    </row>
    <row r="24896" spans="1:3" x14ac:dyDescent="0.15">
      <c r="A24896">
        <v>102</v>
      </c>
      <c r="B24896" t="s">
        <v>49702</v>
      </c>
      <c r="C24896" t="s">
        <v>49703</v>
      </c>
    </row>
    <row r="24897" spans="1:3" x14ac:dyDescent="0.15">
      <c r="A24897">
        <v>101</v>
      </c>
      <c r="B24897" t="s">
        <v>49704</v>
      </c>
      <c r="C24897" t="s">
        <v>49705</v>
      </c>
    </row>
    <row r="24898" spans="1:3" x14ac:dyDescent="0.15">
      <c r="A24898">
        <v>100</v>
      </c>
      <c r="B24898" t="s">
        <v>49706</v>
      </c>
      <c r="C24898" t="s">
        <v>49707</v>
      </c>
    </row>
    <row r="24899" spans="1:3" x14ac:dyDescent="0.15">
      <c r="A24899">
        <v>99</v>
      </c>
      <c r="B24899" t="s">
        <v>49708</v>
      </c>
      <c r="C24899" t="s">
        <v>49709</v>
      </c>
    </row>
    <row r="24900" spans="1:3" x14ac:dyDescent="0.15">
      <c r="A24900">
        <v>98</v>
      </c>
      <c r="B24900" t="s">
        <v>49710</v>
      </c>
      <c r="C24900" t="s">
        <v>49711</v>
      </c>
    </row>
    <row r="24901" spans="1:3" x14ac:dyDescent="0.15">
      <c r="A24901">
        <v>97</v>
      </c>
      <c r="B24901" t="s">
        <v>49712</v>
      </c>
      <c r="C24901" t="s">
        <v>49713</v>
      </c>
    </row>
    <row r="24902" spans="1:3" x14ac:dyDescent="0.15">
      <c r="A24902">
        <v>96</v>
      </c>
      <c r="B24902" t="s">
        <v>49714</v>
      </c>
      <c r="C24902" t="s">
        <v>49715</v>
      </c>
    </row>
    <row r="24903" spans="1:3" x14ac:dyDescent="0.15">
      <c r="A24903">
        <v>95</v>
      </c>
      <c r="B24903" t="s">
        <v>49716</v>
      </c>
      <c r="C24903" t="s">
        <v>49717</v>
      </c>
    </row>
    <row r="24904" spans="1:3" x14ac:dyDescent="0.15">
      <c r="A24904">
        <v>94</v>
      </c>
      <c r="B24904" t="s">
        <v>49718</v>
      </c>
      <c r="C24904" t="s">
        <v>49719</v>
      </c>
    </row>
    <row r="24905" spans="1:3" x14ac:dyDescent="0.15">
      <c r="A24905">
        <v>93</v>
      </c>
      <c r="B24905" t="s">
        <v>49720</v>
      </c>
      <c r="C24905" t="s">
        <v>49721</v>
      </c>
    </row>
    <row r="24906" spans="1:3" x14ac:dyDescent="0.15">
      <c r="A24906">
        <v>92</v>
      </c>
      <c r="B24906" t="s">
        <v>49722</v>
      </c>
      <c r="C24906" t="s">
        <v>49723</v>
      </c>
    </row>
    <row r="24907" spans="1:3" x14ac:dyDescent="0.15">
      <c r="A24907">
        <v>91</v>
      </c>
      <c r="B24907" t="s">
        <v>49724</v>
      </c>
      <c r="C24907" t="s">
        <v>49725</v>
      </c>
    </row>
    <row r="24908" spans="1:3" x14ac:dyDescent="0.15">
      <c r="A24908">
        <v>90</v>
      </c>
      <c r="B24908" t="s">
        <v>49726</v>
      </c>
      <c r="C24908" t="s">
        <v>49727</v>
      </c>
    </row>
    <row r="24909" spans="1:3" x14ac:dyDescent="0.15">
      <c r="A24909">
        <v>89</v>
      </c>
      <c r="B24909" t="s">
        <v>49728</v>
      </c>
      <c r="C24909" t="s">
        <v>49729</v>
      </c>
    </row>
    <row r="24910" spans="1:3" x14ac:dyDescent="0.15">
      <c r="A24910">
        <v>88</v>
      </c>
      <c r="B24910" t="s">
        <v>49730</v>
      </c>
      <c r="C24910" t="s">
        <v>49731</v>
      </c>
    </row>
    <row r="24911" spans="1:3" x14ac:dyDescent="0.15">
      <c r="A24911">
        <v>87</v>
      </c>
      <c r="B24911" t="s">
        <v>49732</v>
      </c>
      <c r="C24911" t="s">
        <v>49733</v>
      </c>
    </row>
    <row r="24912" spans="1:3" x14ac:dyDescent="0.15">
      <c r="A24912">
        <v>86</v>
      </c>
      <c r="B24912" t="s">
        <v>49734</v>
      </c>
      <c r="C24912" t="s">
        <v>49735</v>
      </c>
    </row>
    <row r="24913" spans="1:3" x14ac:dyDescent="0.15">
      <c r="A24913">
        <v>85</v>
      </c>
      <c r="B24913" t="s">
        <v>49736</v>
      </c>
      <c r="C24913" t="s">
        <v>49737</v>
      </c>
    </row>
    <row r="24914" spans="1:3" x14ac:dyDescent="0.15">
      <c r="A24914">
        <v>84</v>
      </c>
      <c r="B24914" t="s">
        <v>49738</v>
      </c>
      <c r="C24914" t="s">
        <v>49739</v>
      </c>
    </row>
    <row r="24915" spans="1:3" x14ac:dyDescent="0.15">
      <c r="A24915">
        <v>83</v>
      </c>
      <c r="B24915" t="s">
        <v>49740</v>
      </c>
      <c r="C24915" t="s">
        <v>49741</v>
      </c>
    </row>
    <row r="24916" spans="1:3" x14ac:dyDescent="0.15">
      <c r="A24916">
        <v>82</v>
      </c>
      <c r="B24916" t="s">
        <v>49742</v>
      </c>
      <c r="C24916" t="s">
        <v>49743</v>
      </c>
    </row>
    <row r="24917" spans="1:3" x14ac:dyDescent="0.15">
      <c r="A24917">
        <v>81</v>
      </c>
      <c r="B24917" t="s">
        <v>49744</v>
      </c>
      <c r="C24917" t="s">
        <v>49745</v>
      </c>
    </row>
    <row r="24918" spans="1:3" x14ac:dyDescent="0.15">
      <c r="A24918">
        <v>80</v>
      </c>
      <c r="B24918" t="s">
        <v>49746</v>
      </c>
      <c r="C24918" t="s">
        <v>49747</v>
      </c>
    </row>
    <row r="24919" spans="1:3" x14ac:dyDescent="0.15">
      <c r="A24919">
        <v>79</v>
      </c>
      <c r="B24919" t="s">
        <v>49748</v>
      </c>
      <c r="C24919" t="s">
        <v>49749</v>
      </c>
    </row>
    <row r="24920" spans="1:3" x14ac:dyDescent="0.15">
      <c r="A24920">
        <v>78</v>
      </c>
      <c r="B24920" t="s">
        <v>49750</v>
      </c>
      <c r="C24920" t="s">
        <v>49751</v>
      </c>
    </row>
    <row r="24921" spans="1:3" x14ac:dyDescent="0.15">
      <c r="A24921">
        <v>77</v>
      </c>
      <c r="B24921" t="s">
        <v>49752</v>
      </c>
      <c r="C24921" t="s">
        <v>49753</v>
      </c>
    </row>
    <row r="24922" spans="1:3" x14ac:dyDescent="0.15">
      <c r="A24922">
        <v>76</v>
      </c>
      <c r="B24922" t="s">
        <v>49754</v>
      </c>
      <c r="C24922" t="s">
        <v>49755</v>
      </c>
    </row>
    <row r="24923" spans="1:3" x14ac:dyDescent="0.15">
      <c r="A24923">
        <v>75</v>
      </c>
      <c r="B24923" t="s">
        <v>49756</v>
      </c>
      <c r="C24923" t="s">
        <v>49757</v>
      </c>
    </row>
    <row r="24924" spans="1:3" x14ac:dyDescent="0.15">
      <c r="A24924">
        <v>74</v>
      </c>
      <c r="B24924" t="s">
        <v>49758</v>
      </c>
      <c r="C24924" t="s">
        <v>49759</v>
      </c>
    </row>
    <row r="24925" spans="1:3" x14ac:dyDescent="0.15">
      <c r="A24925">
        <v>73</v>
      </c>
      <c r="B24925" t="s">
        <v>49760</v>
      </c>
      <c r="C24925" t="s">
        <v>49761</v>
      </c>
    </row>
    <row r="24926" spans="1:3" x14ac:dyDescent="0.15">
      <c r="A24926">
        <v>72</v>
      </c>
      <c r="B24926" t="s">
        <v>49762</v>
      </c>
      <c r="C24926" t="s">
        <v>49763</v>
      </c>
    </row>
    <row r="24927" spans="1:3" x14ac:dyDescent="0.15">
      <c r="A24927">
        <v>71</v>
      </c>
      <c r="B24927" t="s">
        <v>49764</v>
      </c>
      <c r="C24927" t="s">
        <v>49765</v>
      </c>
    </row>
    <row r="24928" spans="1:3" x14ac:dyDescent="0.15">
      <c r="A24928">
        <v>70</v>
      </c>
      <c r="B24928" t="s">
        <v>49766</v>
      </c>
      <c r="C24928" t="s">
        <v>49767</v>
      </c>
    </row>
    <row r="24929" spans="1:3" x14ac:dyDescent="0.15">
      <c r="A24929">
        <v>69</v>
      </c>
      <c r="B24929" t="s">
        <v>49768</v>
      </c>
      <c r="C24929" t="s">
        <v>49769</v>
      </c>
    </row>
    <row r="24930" spans="1:3" x14ac:dyDescent="0.15">
      <c r="A24930">
        <v>68</v>
      </c>
      <c r="B24930" t="s">
        <v>49770</v>
      </c>
      <c r="C24930" t="s">
        <v>49771</v>
      </c>
    </row>
    <row r="24931" spans="1:3" x14ac:dyDescent="0.15">
      <c r="A24931">
        <v>67</v>
      </c>
      <c r="B24931" t="s">
        <v>49772</v>
      </c>
      <c r="C24931" t="s">
        <v>49773</v>
      </c>
    </row>
    <row r="24932" spans="1:3" x14ac:dyDescent="0.15">
      <c r="A24932">
        <v>66</v>
      </c>
      <c r="B24932" t="s">
        <v>49774</v>
      </c>
      <c r="C24932" t="s">
        <v>49775</v>
      </c>
    </row>
    <row r="24933" spans="1:3" x14ac:dyDescent="0.15">
      <c r="A24933">
        <v>65</v>
      </c>
      <c r="B24933" t="s">
        <v>49776</v>
      </c>
      <c r="C24933" t="s">
        <v>49777</v>
      </c>
    </row>
    <row r="24934" spans="1:3" x14ac:dyDescent="0.15">
      <c r="A24934">
        <v>64</v>
      </c>
      <c r="B24934" t="s">
        <v>49778</v>
      </c>
      <c r="C24934" t="s">
        <v>49779</v>
      </c>
    </row>
    <row r="24935" spans="1:3" x14ac:dyDescent="0.15">
      <c r="A24935">
        <v>63</v>
      </c>
      <c r="B24935" t="s">
        <v>49780</v>
      </c>
      <c r="C24935" t="s">
        <v>49781</v>
      </c>
    </row>
    <row r="24936" spans="1:3" x14ac:dyDescent="0.15">
      <c r="A24936">
        <v>62</v>
      </c>
      <c r="B24936" t="s">
        <v>49782</v>
      </c>
      <c r="C24936" t="s">
        <v>49783</v>
      </c>
    </row>
    <row r="24937" spans="1:3" x14ac:dyDescent="0.15">
      <c r="A24937">
        <v>61</v>
      </c>
      <c r="B24937" t="s">
        <v>49784</v>
      </c>
      <c r="C24937" t="s">
        <v>49785</v>
      </c>
    </row>
    <row r="24938" spans="1:3" x14ac:dyDescent="0.15">
      <c r="A24938">
        <v>60</v>
      </c>
      <c r="B24938" t="s">
        <v>49786</v>
      </c>
      <c r="C24938" t="s">
        <v>49787</v>
      </c>
    </row>
    <row r="24939" spans="1:3" x14ac:dyDescent="0.15">
      <c r="A24939">
        <v>59</v>
      </c>
      <c r="B24939" t="s">
        <v>49788</v>
      </c>
      <c r="C24939" t="s">
        <v>49789</v>
      </c>
    </row>
    <row r="24940" spans="1:3" x14ac:dyDescent="0.15">
      <c r="A24940">
        <v>58</v>
      </c>
      <c r="B24940" t="s">
        <v>49790</v>
      </c>
      <c r="C24940" t="s">
        <v>49791</v>
      </c>
    </row>
    <row r="24941" spans="1:3" x14ac:dyDescent="0.15">
      <c r="A24941">
        <v>57</v>
      </c>
      <c r="B24941" t="s">
        <v>49792</v>
      </c>
      <c r="C24941" t="s">
        <v>49793</v>
      </c>
    </row>
    <row r="24942" spans="1:3" x14ac:dyDescent="0.15">
      <c r="A24942">
        <v>56</v>
      </c>
      <c r="B24942" t="s">
        <v>49794</v>
      </c>
      <c r="C24942" t="s">
        <v>49795</v>
      </c>
    </row>
    <row r="24943" spans="1:3" x14ac:dyDescent="0.15">
      <c r="A24943">
        <v>55</v>
      </c>
      <c r="B24943" t="s">
        <v>49796</v>
      </c>
      <c r="C24943" t="s">
        <v>49797</v>
      </c>
    </row>
    <row r="24944" spans="1:3" x14ac:dyDescent="0.15">
      <c r="A24944">
        <v>54</v>
      </c>
      <c r="B24944" t="s">
        <v>49798</v>
      </c>
      <c r="C24944" t="s">
        <v>49799</v>
      </c>
    </row>
    <row r="24945" spans="1:3" x14ac:dyDescent="0.15">
      <c r="A24945">
        <v>53</v>
      </c>
      <c r="B24945" t="s">
        <v>49800</v>
      </c>
      <c r="C24945" t="s">
        <v>49801</v>
      </c>
    </row>
    <row r="24946" spans="1:3" x14ac:dyDescent="0.15">
      <c r="A24946">
        <v>52</v>
      </c>
      <c r="B24946" t="s">
        <v>49802</v>
      </c>
      <c r="C24946" t="s">
        <v>49803</v>
      </c>
    </row>
    <row r="24947" spans="1:3" x14ac:dyDescent="0.15">
      <c r="A24947">
        <v>51</v>
      </c>
      <c r="B24947" t="s">
        <v>49804</v>
      </c>
      <c r="C24947" t="s">
        <v>49805</v>
      </c>
    </row>
    <row r="24948" spans="1:3" x14ac:dyDescent="0.15">
      <c r="A24948">
        <v>50</v>
      </c>
      <c r="B24948" t="s">
        <v>49806</v>
      </c>
      <c r="C24948" t="s">
        <v>49807</v>
      </c>
    </row>
    <row r="24949" spans="1:3" x14ac:dyDescent="0.15">
      <c r="A24949">
        <v>49</v>
      </c>
      <c r="B24949" t="s">
        <v>49808</v>
      </c>
      <c r="C24949" t="s">
        <v>49809</v>
      </c>
    </row>
    <row r="24950" spans="1:3" x14ac:dyDescent="0.15">
      <c r="A24950">
        <v>48</v>
      </c>
      <c r="B24950" t="s">
        <v>49810</v>
      </c>
      <c r="C24950" t="s">
        <v>49811</v>
      </c>
    </row>
    <row r="24951" spans="1:3" x14ac:dyDescent="0.15">
      <c r="A24951">
        <v>47</v>
      </c>
      <c r="B24951" t="s">
        <v>49812</v>
      </c>
      <c r="C24951" t="s">
        <v>49813</v>
      </c>
    </row>
    <row r="24952" spans="1:3" x14ac:dyDescent="0.15">
      <c r="A24952">
        <v>46</v>
      </c>
      <c r="B24952" t="s">
        <v>49814</v>
      </c>
      <c r="C24952" t="s">
        <v>49815</v>
      </c>
    </row>
    <row r="24953" spans="1:3" x14ac:dyDescent="0.15">
      <c r="A24953">
        <v>45</v>
      </c>
      <c r="B24953" t="s">
        <v>49816</v>
      </c>
      <c r="C24953" t="s">
        <v>49817</v>
      </c>
    </row>
    <row r="24954" spans="1:3" x14ac:dyDescent="0.15">
      <c r="A24954">
        <v>44</v>
      </c>
      <c r="B24954" t="s">
        <v>49818</v>
      </c>
      <c r="C24954" t="s">
        <v>49819</v>
      </c>
    </row>
    <row r="24955" spans="1:3" x14ac:dyDescent="0.15">
      <c r="A24955">
        <v>43</v>
      </c>
      <c r="B24955" t="s">
        <v>49820</v>
      </c>
      <c r="C24955" t="s">
        <v>49821</v>
      </c>
    </row>
    <row r="24956" spans="1:3" x14ac:dyDescent="0.15">
      <c r="A24956">
        <v>42</v>
      </c>
      <c r="B24956" t="s">
        <v>49822</v>
      </c>
      <c r="C24956" t="s">
        <v>49823</v>
      </c>
    </row>
    <row r="24957" spans="1:3" x14ac:dyDescent="0.15">
      <c r="A24957">
        <v>41</v>
      </c>
      <c r="B24957" t="s">
        <v>49824</v>
      </c>
      <c r="C24957" t="s">
        <v>49825</v>
      </c>
    </row>
    <row r="24958" spans="1:3" x14ac:dyDescent="0.15">
      <c r="A24958">
        <v>40</v>
      </c>
      <c r="B24958" t="s">
        <v>49826</v>
      </c>
      <c r="C24958" t="s">
        <v>49827</v>
      </c>
    </row>
    <row r="24959" spans="1:3" x14ac:dyDescent="0.15">
      <c r="A24959">
        <v>39</v>
      </c>
      <c r="B24959" t="s">
        <v>49828</v>
      </c>
      <c r="C24959" t="s">
        <v>49829</v>
      </c>
    </row>
    <row r="24960" spans="1:3" x14ac:dyDescent="0.15">
      <c r="A24960">
        <v>38</v>
      </c>
      <c r="B24960" t="s">
        <v>49830</v>
      </c>
      <c r="C24960" t="s">
        <v>49831</v>
      </c>
    </row>
    <row r="24961" spans="1:3" x14ac:dyDescent="0.15">
      <c r="A24961">
        <v>37</v>
      </c>
      <c r="B24961" t="s">
        <v>49832</v>
      </c>
      <c r="C24961" t="s">
        <v>49833</v>
      </c>
    </row>
    <row r="24962" spans="1:3" x14ac:dyDescent="0.15">
      <c r="A24962">
        <v>36</v>
      </c>
      <c r="B24962" t="s">
        <v>49834</v>
      </c>
      <c r="C24962" t="s">
        <v>49835</v>
      </c>
    </row>
    <row r="24963" spans="1:3" x14ac:dyDescent="0.15">
      <c r="A24963">
        <v>35</v>
      </c>
      <c r="B24963" t="s">
        <v>49836</v>
      </c>
      <c r="C24963" t="s">
        <v>49837</v>
      </c>
    </row>
    <row r="24964" spans="1:3" x14ac:dyDescent="0.15">
      <c r="A24964">
        <v>34</v>
      </c>
      <c r="B24964" t="s">
        <v>49838</v>
      </c>
      <c r="C24964" t="s">
        <v>49839</v>
      </c>
    </row>
    <row r="24965" spans="1:3" x14ac:dyDescent="0.15">
      <c r="A24965">
        <v>33</v>
      </c>
      <c r="B24965" t="s">
        <v>49840</v>
      </c>
      <c r="C24965" t="s">
        <v>49841</v>
      </c>
    </row>
    <row r="24966" spans="1:3" x14ac:dyDescent="0.15">
      <c r="A24966">
        <v>32</v>
      </c>
      <c r="B24966" t="s">
        <v>49842</v>
      </c>
      <c r="C24966" t="s">
        <v>49843</v>
      </c>
    </row>
    <row r="24967" spans="1:3" x14ac:dyDescent="0.15">
      <c r="A24967">
        <v>31</v>
      </c>
      <c r="B24967" t="s">
        <v>49844</v>
      </c>
      <c r="C24967" t="s">
        <v>49845</v>
      </c>
    </row>
    <row r="24968" spans="1:3" x14ac:dyDescent="0.15">
      <c r="A24968">
        <v>30</v>
      </c>
      <c r="B24968" t="s">
        <v>49846</v>
      </c>
      <c r="C24968" t="s">
        <v>49847</v>
      </c>
    </row>
    <row r="24969" spans="1:3" x14ac:dyDescent="0.15">
      <c r="A24969">
        <v>29</v>
      </c>
      <c r="B24969" t="s">
        <v>49848</v>
      </c>
      <c r="C24969" t="s">
        <v>49849</v>
      </c>
    </row>
    <row r="24970" spans="1:3" x14ac:dyDescent="0.15">
      <c r="A24970">
        <v>28</v>
      </c>
      <c r="B24970" t="s">
        <v>49850</v>
      </c>
      <c r="C24970" t="s">
        <v>49851</v>
      </c>
    </row>
    <row r="24971" spans="1:3" x14ac:dyDescent="0.15">
      <c r="A24971">
        <v>27</v>
      </c>
      <c r="B24971" t="s">
        <v>49852</v>
      </c>
      <c r="C24971" t="s">
        <v>49853</v>
      </c>
    </row>
    <row r="24972" spans="1:3" x14ac:dyDescent="0.15">
      <c r="A24972">
        <v>26</v>
      </c>
      <c r="B24972" t="s">
        <v>49854</v>
      </c>
      <c r="C24972" t="s">
        <v>49855</v>
      </c>
    </row>
    <row r="24973" spans="1:3" x14ac:dyDescent="0.15">
      <c r="A24973">
        <v>25</v>
      </c>
      <c r="B24973" t="s">
        <v>49856</v>
      </c>
      <c r="C24973" t="s">
        <v>49857</v>
      </c>
    </row>
    <row r="24974" spans="1:3" x14ac:dyDescent="0.15">
      <c r="A24974">
        <v>24</v>
      </c>
      <c r="B24974" t="s">
        <v>49858</v>
      </c>
      <c r="C24974" t="s">
        <v>49859</v>
      </c>
    </row>
    <row r="24975" spans="1:3" x14ac:dyDescent="0.15">
      <c r="A24975">
        <v>23</v>
      </c>
      <c r="B24975" t="s">
        <v>49860</v>
      </c>
      <c r="C24975" t="s">
        <v>49861</v>
      </c>
    </row>
    <row r="24976" spans="1:3" x14ac:dyDescent="0.15">
      <c r="A24976">
        <v>22</v>
      </c>
      <c r="B24976" t="s">
        <v>49862</v>
      </c>
      <c r="C24976" t="s">
        <v>49863</v>
      </c>
    </row>
    <row r="24977" spans="1:3" x14ac:dyDescent="0.15">
      <c r="A24977">
        <v>21</v>
      </c>
      <c r="B24977" t="s">
        <v>49864</v>
      </c>
      <c r="C24977" t="s">
        <v>49865</v>
      </c>
    </row>
    <row r="24978" spans="1:3" x14ac:dyDescent="0.15">
      <c r="A24978">
        <v>20</v>
      </c>
      <c r="B24978" t="s">
        <v>49866</v>
      </c>
      <c r="C24978" t="s">
        <v>49867</v>
      </c>
    </row>
    <row r="24979" spans="1:3" x14ac:dyDescent="0.15">
      <c r="A24979">
        <v>19</v>
      </c>
      <c r="B24979" t="s">
        <v>49868</v>
      </c>
      <c r="C24979" t="s">
        <v>49869</v>
      </c>
    </row>
    <row r="24980" spans="1:3" x14ac:dyDescent="0.15">
      <c r="A24980">
        <v>18</v>
      </c>
      <c r="B24980" t="s">
        <v>49870</v>
      </c>
      <c r="C24980" t="s">
        <v>49871</v>
      </c>
    </row>
    <row r="24981" spans="1:3" x14ac:dyDescent="0.15">
      <c r="A24981">
        <v>17</v>
      </c>
      <c r="B24981" t="s">
        <v>49872</v>
      </c>
      <c r="C24981" t="s">
        <v>49873</v>
      </c>
    </row>
    <row r="24982" spans="1:3" x14ac:dyDescent="0.15">
      <c r="A24982">
        <v>16</v>
      </c>
      <c r="B24982" t="s">
        <v>49874</v>
      </c>
      <c r="C24982" t="s">
        <v>49875</v>
      </c>
    </row>
    <row r="24983" spans="1:3" x14ac:dyDescent="0.15">
      <c r="A24983">
        <v>15</v>
      </c>
      <c r="B24983" t="s">
        <v>49876</v>
      </c>
      <c r="C24983" t="s">
        <v>49877</v>
      </c>
    </row>
    <row r="24984" spans="1:3" x14ac:dyDescent="0.15">
      <c r="A24984">
        <v>14</v>
      </c>
      <c r="B24984" t="s">
        <v>49878</v>
      </c>
      <c r="C24984" t="s">
        <v>49879</v>
      </c>
    </row>
    <row r="24985" spans="1:3" x14ac:dyDescent="0.15">
      <c r="A24985">
        <v>13</v>
      </c>
      <c r="B24985" t="s">
        <v>49880</v>
      </c>
      <c r="C24985" t="s">
        <v>49881</v>
      </c>
    </row>
    <row r="24986" spans="1:3" x14ac:dyDescent="0.15">
      <c r="A24986">
        <v>12</v>
      </c>
      <c r="B24986" t="s">
        <v>49882</v>
      </c>
      <c r="C24986" t="s">
        <v>49883</v>
      </c>
    </row>
    <row r="24987" spans="1:3" x14ac:dyDescent="0.15">
      <c r="A24987">
        <v>11</v>
      </c>
      <c r="B24987" t="s">
        <v>49884</v>
      </c>
      <c r="C24987" t="s">
        <v>49885</v>
      </c>
    </row>
    <row r="24988" spans="1:3" x14ac:dyDescent="0.15">
      <c r="A24988">
        <v>10</v>
      </c>
      <c r="B24988" t="s">
        <v>49886</v>
      </c>
      <c r="C24988" t="s">
        <v>49887</v>
      </c>
    </row>
    <row r="24989" spans="1:3" x14ac:dyDescent="0.15">
      <c r="A24989">
        <v>9</v>
      </c>
      <c r="B24989" t="s">
        <v>49888</v>
      </c>
      <c r="C24989" t="s">
        <v>49889</v>
      </c>
    </row>
    <row r="24990" spans="1:3" x14ac:dyDescent="0.15">
      <c r="A24990">
        <v>8</v>
      </c>
      <c r="B24990" t="s">
        <v>49890</v>
      </c>
      <c r="C24990" t="s">
        <v>49891</v>
      </c>
    </row>
    <row r="24991" spans="1:3" x14ac:dyDescent="0.15">
      <c r="A24991">
        <v>7</v>
      </c>
      <c r="B24991" t="s">
        <v>49892</v>
      </c>
      <c r="C24991" t="s">
        <v>49893</v>
      </c>
    </row>
    <row r="24992" spans="1:3" x14ac:dyDescent="0.15">
      <c r="A24992">
        <v>6</v>
      </c>
      <c r="B24992" t="s">
        <v>49894</v>
      </c>
      <c r="C24992" t="s">
        <v>49895</v>
      </c>
    </row>
    <row r="24993" spans="1:3" x14ac:dyDescent="0.15">
      <c r="A24993">
        <v>5</v>
      </c>
      <c r="B24993" t="s">
        <v>49896</v>
      </c>
      <c r="C24993" t="s">
        <v>49897</v>
      </c>
    </row>
    <row r="24994" spans="1:3" x14ac:dyDescent="0.15">
      <c r="A24994">
        <v>4</v>
      </c>
      <c r="B24994" t="s">
        <v>49898</v>
      </c>
      <c r="C24994" t="s">
        <v>49647</v>
      </c>
    </row>
    <row r="24995" spans="1:3" x14ac:dyDescent="0.15">
      <c r="A24995">
        <v>3</v>
      </c>
      <c r="B24995" t="s">
        <v>49899</v>
      </c>
      <c r="C24995" t="s">
        <v>49900</v>
      </c>
    </row>
    <row r="24996" spans="1:3" x14ac:dyDescent="0.15">
      <c r="A24996">
        <v>2</v>
      </c>
      <c r="B24996" t="s">
        <v>49901</v>
      </c>
      <c r="C24996" t="s">
        <v>49881</v>
      </c>
    </row>
    <row r="24997" spans="1:3" x14ac:dyDescent="0.15">
      <c r="A24997">
        <v>1</v>
      </c>
      <c r="B24997" t="s">
        <v>49902</v>
      </c>
      <c r="C24997" t="s">
        <v>49903</v>
      </c>
    </row>
  </sheetData>
  <phoneticPr fontId="2" type="noConversion"/>
  <pageMargins left="0.75" right="0.75" top="1" bottom="1" header="0.5" footer="0.5"/>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Tablib Dataset</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penpyxl</dc:creator>
  <cp:lastModifiedBy>xi feng</cp:lastModifiedBy>
  <dcterms:created xsi:type="dcterms:W3CDTF">2025-03-28T11:17:00Z</dcterms:created>
  <dcterms:modified xsi:type="dcterms:W3CDTF">2025-03-28T12:30: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CV">
    <vt:lpwstr>1D302C0840824DA3A9A32A58EEC4E617_12</vt:lpwstr>
  </property>
  <property fmtid="{D5CDD505-2E9C-101B-9397-08002B2CF9AE}" pid="3" name="KSOProductBuildVer">
    <vt:lpwstr>2052-12.1.0.15712</vt:lpwstr>
  </property>
</Properties>
</file>